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queryTables/queryTable1.xml" ContentType="application/vnd.openxmlformats-officedocument.spreadsheetml.queryTable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8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0062\Downloads\"/>
    </mc:Choice>
  </mc:AlternateContent>
  <xr:revisionPtr revIDLastSave="0" documentId="8_{299F982B-4D9E-4025-9F11-584EB4BBF31A}" xr6:coauthVersionLast="47" xr6:coauthVersionMax="47" xr10:uidLastSave="{00000000-0000-0000-0000-000000000000}"/>
  <bookViews>
    <workbookView xWindow="-110" yWindow="-110" windowWidth="19420" windowHeight="10420" xr2:uid="{F35C518C-3961-4AAC-8B3F-EEBDA98F3971}"/>
  </bookViews>
  <sheets>
    <sheet name="owid-covid-data" sheetId="2" r:id="rId1"/>
    <sheet name="Sheet1" sheetId="1" r:id="rId2"/>
  </sheets>
  <definedNames>
    <definedName name="ExternalData_1" localSheetId="0" hidden="1">'owid-covid-data'!$A$1:$AS$24792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4EFA1E40-B4AE-43AC-B8DF-5995BC196F17}" keepAlive="1" name="Query - owid-covid-data" description="Connection to the 'owid-covid-data' query in the workbook." type="5" refreshedVersion="8" background="1" saveData="1">
    <dbPr connection="Provider=Microsoft.Mashup.OleDb.1;Data Source=$Workbook$;Location=owid-covid-data;Extended Properties=&quot;&quot;" command="SELECT * FROM [owid-covid-data]"/>
  </connection>
</connections>
</file>

<file path=xl/sharedStrings.xml><?xml version="1.0" encoding="utf-8"?>
<sst xmlns="http://schemas.openxmlformats.org/spreadsheetml/2006/main" count="7933741" uniqueCount="544248">
  <si>
    <t>iso_code</t>
  </si>
  <si>
    <t>continent</t>
  </si>
  <si>
    <t>location</t>
  </si>
  <si>
    <t>date</t>
  </si>
  <si>
    <t>total_tests</t>
  </si>
  <si>
    <t>new_tests</t>
  </si>
  <si>
    <t>total_tests_per_thousand</t>
  </si>
  <si>
    <t>new_tests_per_thousand</t>
  </si>
  <si>
    <t>new_tests_smoothed</t>
  </si>
  <si>
    <t>new_tests_smoothed_per_thousand</t>
  </si>
  <si>
    <t>positive_rate</t>
  </si>
  <si>
    <t>tests_per_case</t>
  </si>
  <si>
    <t>tests_units</t>
  </si>
  <si>
    <t>total_vaccinations</t>
  </si>
  <si>
    <t>people_vaccinated</t>
  </si>
  <si>
    <t>people_fully_vaccinated</t>
  </si>
  <si>
    <t>total_boosters</t>
  </si>
  <si>
    <t>new_vaccinations</t>
  </si>
  <si>
    <t>new_vaccinations_smoothed</t>
  </si>
  <si>
    <t>total_vaccinations_per_hundred</t>
  </si>
  <si>
    <t>people_vaccinated_per_hundred</t>
  </si>
  <si>
    <t>people_fully_vaccinated_per_hundred</t>
  </si>
  <si>
    <t>total_boosters_per_hundred</t>
  </si>
  <si>
    <t>new_vaccinations_smoothed_per_million</t>
  </si>
  <si>
    <t>new_people_vaccinated_smoothed</t>
  </si>
  <si>
    <t>new_people_vaccinated_smoothed_per_hundred</t>
  </si>
  <si>
    <t>stringency_index</t>
  </si>
  <si>
    <t>population_density</t>
  </si>
  <si>
    <t>median_age</t>
  </si>
  <si>
    <t>aged_65_older</t>
  </si>
  <si>
    <t>aged_70_older</t>
  </si>
  <si>
    <t>gdp_per_capita</t>
  </si>
  <si>
    <t>extreme_poverty</t>
  </si>
  <si>
    <t>cardiovasc_death_rate</t>
  </si>
  <si>
    <t>diabetes_prevalence</t>
  </si>
  <si>
    <t>female_smokers</t>
  </si>
  <si>
    <t>male_smokers</t>
  </si>
  <si>
    <t>handwashing_facilities</t>
  </si>
  <si>
    <t>hospital_beds_per_thousand</t>
  </si>
  <si>
    <t>life_expectancy</t>
  </si>
  <si>
    <t>human_development_index</t>
  </si>
  <si>
    <t>excess_mortality_cumulative_absolute</t>
  </si>
  <si>
    <t>excess_mortality_cumulative</t>
  </si>
  <si>
    <t>excess_mortality</t>
  </si>
  <si>
    <t>excess_mortality_cumulative_per_million</t>
  </si>
  <si>
    <t>AFG</t>
  </si>
  <si>
    <t>Asia</t>
  </si>
  <si>
    <t>Afghanistan</t>
  </si>
  <si>
    <t/>
  </si>
  <si>
    <t>0.0</t>
  </si>
  <si>
    <t>1367.0</t>
  </si>
  <si>
    <t>33.0</t>
  </si>
  <si>
    <t>0.003</t>
  </si>
  <si>
    <t>8200.0</t>
  </si>
  <si>
    <t>0.02</t>
  </si>
  <si>
    <t>1580.0</t>
  </si>
  <si>
    <t>38.0</t>
  </si>
  <si>
    <t>0.004</t>
  </si>
  <si>
    <t>1794.0</t>
  </si>
  <si>
    <t>44.0</t>
  </si>
  <si>
    <t>2008.0</t>
  </si>
  <si>
    <t>49.0</t>
  </si>
  <si>
    <t>0.005</t>
  </si>
  <si>
    <t>2221.0</t>
  </si>
  <si>
    <t>54.0</t>
  </si>
  <si>
    <t>2435.0</t>
  </si>
  <si>
    <t>59.0</t>
  </si>
  <si>
    <t>0.006</t>
  </si>
  <si>
    <t>2649.0</t>
  </si>
  <si>
    <t>64.0</t>
  </si>
  <si>
    <t>2862.0</t>
  </si>
  <si>
    <t>70.0</t>
  </si>
  <si>
    <t>0.007</t>
  </si>
  <si>
    <t>54000.0</t>
  </si>
  <si>
    <t>0.13</t>
  </si>
  <si>
    <t>2882.0</t>
  </si>
  <si>
    <t>2902.0</t>
  </si>
  <si>
    <t>71.0</t>
  </si>
  <si>
    <t>2921.0</t>
  </si>
  <si>
    <t>2941.0</t>
  </si>
  <si>
    <t>72.0</t>
  </si>
  <si>
    <t>2961.0</t>
  </si>
  <si>
    <t>2980.0</t>
  </si>
  <si>
    <t>3000.0</t>
  </si>
  <si>
    <t>73.0</t>
  </si>
  <si>
    <t>120000.0</t>
  </si>
  <si>
    <t>0.29</t>
  </si>
  <si>
    <t>3714.0</t>
  </si>
  <si>
    <t>90.0</t>
  </si>
  <si>
    <t>0.009</t>
  </si>
  <si>
    <t>4429.0</t>
  </si>
  <si>
    <t>108.0</t>
  </si>
  <si>
    <t>0.011</t>
  </si>
  <si>
    <t>5143.0</t>
  </si>
  <si>
    <t>125.0</t>
  </si>
  <si>
    <t>0.013</t>
  </si>
  <si>
    <t>5857.0</t>
  </si>
  <si>
    <t>142.0</t>
  </si>
  <si>
    <t>0.014</t>
  </si>
  <si>
    <t>6571.0</t>
  </si>
  <si>
    <t>160.0</t>
  </si>
  <si>
    <t>0.016</t>
  </si>
  <si>
    <t>7286.0</t>
  </si>
  <si>
    <t>177.0</t>
  </si>
  <si>
    <t>0.018</t>
  </si>
  <si>
    <t>8000.0</t>
  </si>
  <si>
    <t>195.0</t>
  </si>
  <si>
    <t>0.019</t>
  </si>
  <si>
    <t>240000.0</t>
  </si>
  <si>
    <t>0.58</t>
  </si>
  <si>
    <t>8846.0</t>
  </si>
  <si>
    <t>215.0</t>
  </si>
  <si>
    <t>8428.0</t>
  </si>
  <si>
    <t>9692.0</t>
  </si>
  <si>
    <t>236.0</t>
  </si>
  <si>
    <t>8855.0</t>
  </si>
  <si>
    <t>0.022</t>
  </si>
  <si>
    <t>10538.0</t>
  </si>
  <si>
    <t>256.0</t>
  </si>
  <si>
    <t>9283.0</t>
  </si>
  <si>
    <t>0.023</t>
  </si>
  <si>
    <t>11384.0</t>
  </si>
  <si>
    <t>277.0</t>
  </si>
  <si>
    <t>9711.0</t>
  </si>
  <si>
    <t>0.024</t>
  </si>
  <si>
    <t>12229.0</t>
  </si>
  <si>
    <t>297.0</t>
  </si>
  <si>
    <t>10138.0</t>
  </si>
  <si>
    <t>0.025</t>
  </si>
  <si>
    <t>13075.0</t>
  </si>
  <si>
    <t>318.0</t>
  </si>
  <si>
    <t>10566.0</t>
  </si>
  <si>
    <t>0.026</t>
  </si>
  <si>
    <t>13921.0</t>
  </si>
  <si>
    <t>338.0</t>
  </si>
  <si>
    <t>10994.0</t>
  </si>
  <si>
    <t>0.027</t>
  </si>
  <si>
    <t>504502.0</t>
  </si>
  <si>
    <t>448878.0</t>
  </si>
  <si>
    <t>55624.0</t>
  </si>
  <si>
    <t>1.23</t>
  </si>
  <si>
    <t>1.09</t>
  </si>
  <si>
    <t>0.14</t>
  </si>
  <si>
    <t>12621.0</t>
  </si>
  <si>
    <t>307.0</t>
  </si>
  <si>
    <t>9764.0</t>
  </si>
  <si>
    <t>11321.0</t>
  </si>
  <si>
    <t>275.0</t>
  </si>
  <si>
    <t>8534.0</t>
  </si>
  <si>
    <t>0.021</t>
  </si>
  <si>
    <t>10022.0</t>
  </si>
  <si>
    <t>244.0</t>
  </si>
  <si>
    <t>7304.0</t>
  </si>
  <si>
    <t>8722.0</t>
  </si>
  <si>
    <t>212.0</t>
  </si>
  <si>
    <t>6074.0</t>
  </si>
  <si>
    <t>0.015</t>
  </si>
  <si>
    <t>7422.0</t>
  </si>
  <si>
    <t>180.0</t>
  </si>
  <si>
    <t>4844.0</t>
  </si>
  <si>
    <t>0.012</t>
  </si>
  <si>
    <t>6122.0</t>
  </si>
  <si>
    <t>149.0</t>
  </si>
  <si>
    <t>3615.0</t>
  </si>
  <si>
    <t>4822.0</t>
  </si>
  <si>
    <t>117.0</t>
  </si>
  <si>
    <t>2385.0</t>
  </si>
  <si>
    <t>547901.0</t>
  </si>
  <si>
    <t>470341.0</t>
  </si>
  <si>
    <t>77560.0</t>
  </si>
  <si>
    <t>1.33</t>
  </si>
  <si>
    <t>1.14</t>
  </si>
  <si>
    <t>0.19</t>
  </si>
  <si>
    <t>5040.0</t>
  </si>
  <si>
    <t>123.0</t>
  </si>
  <si>
    <t>2259.0</t>
  </si>
  <si>
    <t>5257.0</t>
  </si>
  <si>
    <t>128.0</t>
  </si>
  <si>
    <t>2134.0</t>
  </si>
  <si>
    <t>5474.0</t>
  </si>
  <si>
    <t>133.0</t>
  </si>
  <si>
    <t>573277.0</t>
  </si>
  <si>
    <t>476367.0</t>
  </si>
  <si>
    <t>96910.0</t>
  </si>
  <si>
    <t>5692.0</t>
  </si>
  <si>
    <t>1.39</t>
  </si>
  <si>
    <t>1.16</t>
  </si>
  <si>
    <t>0.24</t>
  </si>
  <si>
    <t>138.0</t>
  </si>
  <si>
    <t>1883.0</t>
  </si>
  <si>
    <t>6230.0</t>
  </si>
  <si>
    <t>151.0</t>
  </si>
  <si>
    <t>1757.0</t>
  </si>
  <si>
    <t>590454.0</t>
  </si>
  <si>
    <t>479372.0</t>
  </si>
  <si>
    <t>111082.0</t>
  </si>
  <si>
    <t>6768.0</t>
  </si>
  <si>
    <t>1.44</t>
  </si>
  <si>
    <t>1.17</t>
  </si>
  <si>
    <t>0.27</t>
  </si>
  <si>
    <t>165.0</t>
  </si>
  <si>
    <t>1631.0</t>
  </si>
  <si>
    <t>593313.0</t>
  </si>
  <si>
    <t>479574.0</t>
  </si>
  <si>
    <t>113739.0</t>
  </si>
  <si>
    <t>2859.0</t>
  </si>
  <si>
    <t>6487.0</t>
  </si>
  <si>
    <t>0.28</t>
  </si>
  <si>
    <t>158.0</t>
  </si>
  <si>
    <t>1319.0</t>
  </si>
  <si>
    <t>5907.0</t>
  </si>
  <si>
    <t>144.0</t>
  </si>
  <si>
    <t>1135.0</t>
  </si>
  <si>
    <t>5326.0</t>
  </si>
  <si>
    <t>129.0</t>
  </si>
  <si>
    <t>951.0</t>
  </si>
  <si>
    <t>0.002</t>
  </si>
  <si>
    <t>600152.0</t>
  </si>
  <si>
    <t>480226.0</t>
  </si>
  <si>
    <t>119926.0</t>
  </si>
  <si>
    <t>4746.0</t>
  </si>
  <si>
    <t>1.46</t>
  </si>
  <si>
    <t>115.0</t>
  </si>
  <si>
    <t>766.0</t>
  </si>
  <si>
    <t>5084.0</t>
  </si>
  <si>
    <t>124.0</t>
  </si>
  <si>
    <t>621.0</t>
  </si>
  <si>
    <t>5102.0</t>
  </si>
  <si>
    <t>476.0</t>
  </si>
  <si>
    <t>0.001</t>
  </si>
  <si>
    <t>626290.0</t>
  </si>
  <si>
    <t>481690.0</t>
  </si>
  <si>
    <t>144600.0</t>
  </si>
  <si>
    <t>5119.0</t>
  </si>
  <si>
    <t>1.52</t>
  </si>
  <si>
    <t>0.35</t>
  </si>
  <si>
    <t>331.0</t>
  </si>
  <si>
    <t>630305.0</t>
  </si>
  <si>
    <t>481800.0</t>
  </si>
  <si>
    <t>148505.0</t>
  </si>
  <si>
    <t>4015.0</t>
  </si>
  <si>
    <t>5285.0</t>
  </si>
  <si>
    <t>1.53</t>
  </si>
  <si>
    <t>0.36</t>
  </si>
  <si>
    <t>5273.0</t>
  </si>
  <si>
    <t>320.0</t>
  </si>
  <si>
    <t>5261.0</t>
  </si>
  <si>
    <t>322.0</t>
  </si>
  <si>
    <t>5250.0</t>
  </si>
  <si>
    <t>324.0</t>
  </si>
  <si>
    <t>4319.0</t>
  </si>
  <si>
    <t>105.0</t>
  </si>
  <si>
    <t>287.0</t>
  </si>
  <si>
    <t>641295.0</t>
  </si>
  <si>
    <t>482952.0</t>
  </si>
  <si>
    <t>158343.0</t>
  </si>
  <si>
    <t>3388.0</t>
  </si>
  <si>
    <t>1.56</t>
  </si>
  <si>
    <t>0.38</t>
  </si>
  <si>
    <t>82.0</t>
  </si>
  <si>
    <t>250.0</t>
  </si>
  <si>
    <t>2637.0</t>
  </si>
  <si>
    <t>223.0</t>
  </si>
  <si>
    <t>2556.0</t>
  </si>
  <si>
    <t>62.0</t>
  </si>
  <si>
    <t>2735.0</t>
  </si>
  <si>
    <t>66.0</t>
  </si>
  <si>
    <t>259.0</t>
  </si>
  <si>
    <t>2914.0</t>
  </si>
  <si>
    <t>269.0</t>
  </si>
  <si>
    <t>3093.0</t>
  </si>
  <si>
    <t>75.0</t>
  </si>
  <si>
    <t>278.0</t>
  </si>
  <si>
    <t>662003.0</t>
  </si>
  <si>
    <t>484737.0</t>
  </si>
  <si>
    <t>177266.0</t>
  </si>
  <si>
    <t>3272.0</t>
  </si>
  <si>
    <t>1.61</t>
  </si>
  <si>
    <t>1.18</t>
  </si>
  <si>
    <t>0.43</t>
  </si>
  <si>
    <t>80.0</t>
  </si>
  <si>
    <t>288.0</t>
  </si>
  <si>
    <t>4813.0</t>
  </si>
  <si>
    <t>1994.0</t>
  </si>
  <si>
    <t>6175.0</t>
  </si>
  <si>
    <t>150.0</t>
  </si>
  <si>
    <t>3691.0</t>
  </si>
  <si>
    <t>7538.0</t>
  </si>
  <si>
    <t>183.0</t>
  </si>
  <si>
    <t>5387.0</t>
  </si>
  <si>
    <t>8900.0</t>
  </si>
  <si>
    <t>216.0</t>
  </si>
  <si>
    <t>7084.0</t>
  </si>
  <si>
    <t>0.017</t>
  </si>
  <si>
    <t>10262.0</t>
  </si>
  <si>
    <t>8781.0</t>
  </si>
  <si>
    <t>11624.0</t>
  </si>
  <si>
    <t>283.0</t>
  </si>
  <si>
    <t>10477.0</t>
  </si>
  <si>
    <t>12986.0</t>
  </si>
  <si>
    <t>316.0</t>
  </si>
  <si>
    <t>12174.0</t>
  </si>
  <si>
    <t>0.03</t>
  </si>
  <si>
    <t>765890.0</t>
  </si>
  <si>
    <t>582128.0</t>
  </si>
  <si>
    <t>183762.0</t>
  </si>
  <si>
    <t>1.86</t>
  </si>
  <si>
    <t>1.42</t>
  </si>
  <si>
    <t>0.45</t>
  </si>
  <si>
    <t>13125.0</t>
  </si>
  <si>
    <t>319.0</t>
  </si>
  <si>
    <t>12358.0</t>
  </si>
  <si>
    <t>13264.0</t>
  </si>
  <si>
    <t>12542.0</t>
  </si>
  <si>
    <t>13404.0</t>
  </si>
  <si>
    <t>326.0</t>
  </si>
  <si>
    <t>12726.0</t>
  </si>
  <si>
    <t>0.031</t>
  </si>
  <si>
    <t>13543.0</t>
  </si>
  <si>
    <t>329.0</t>
  </si>
  <si>
    <t>12909.0</t>
  </si>
  <si>
    <t>835694.0</t>
  </si>
  <si>
    <t>649434.0</t>
  </si>
  <si>
    <t>186260.0</t>
  </si>
  <si>
    <t>13682.0</t>
  </si>
  <si>
    <t>2.03</t>
  </si>
  <si>
    <t>1.58</t>
  </si>
  <si>
    <t>333.0</t>
  </si>
  <si>
    <t>13093.0</t>
  </si>
  <si>
    <t>0.032</t>
  </si>
  <si>
    <t>14263.0</t>
  </si>
  <si>
    <t>347.0</t>
  </si>
  <si>
    <t>13724.0</t>
  </si>
  <si>
    <t>0.033</t>
  </si>
  <si>
    <t>14844.0</t>
  </si>
  <si>
    <t>361.0</t>
  </si>
  <si>
    <t>14355.0</t>
  </si>
  <si>
    <t>0.035</t>
  </si>
  <si>
    <t>886854.0</t>
  </si>
  <si>
    <t>699200.0</t>
  </si>
  <si>
    <t>187654.0</t>
  </si>
  <si>
    <t>15286.0</t>
  </si>
  <si>
    <t>2.16</t>
  </si>
  <si>
    <t>1.7</t>
  </si>
  <si>
    <t>0.46</t>
  </si>
  <si>
    <t>372.0</t>
  </si>
  <si>
    <t>14802.0</t>
  </si>
  <si>
    <t>0.036</t>
  </si>
  <si>
    <t>14115.0</t>
  </si>
  <si>
    <t>343.0</t>
  </si>
  <si>
    <t>13654.0</t>
  </si>
  <si>
    <t>12944.0</t>
  </si>
  <si>
    <t>315.0</t>
  </si>
  <si>
    <t>12507.0</t>
  </si>
  <si>
    <t>11773.0</t>
  </si>
  <si>
    <t>286.0</t>
  </si>
  <si>
    <t>11360.0</t>
  </si>
  <si>
    <t>0.028</t>
  </si>
  <si>
    <t>10602.0</t>
  </si>
  <si>
    <t>258.0</t>
  </si>
  <si>
    <t>10212.0</t>
  </si>
  <si>
    <t>915671.0</t>
  </si>
  <si>
    <t>726349.0</t>
  </si>
  <si>
    <t>189322.0</t>
  </si>
  <si>
    <t>8989.0</t>
  </si>
  <si>
    <t>2.23</t>
  </si>
  <si>
    <t>1.77</t>
  </si>
  <si>
    <t>219.0</t>
  </si>
  <si>
    <t>8618.0</t>
  </si>
  <si>
    <t>7895.0</t>
  </si>
  <si>
    <t>192.0</t>
  </si>
  <si>
    <t>6881.0</t>
  </si>
  <si>
    <t>934463.0</t>
  </si>
  <si>
    <t>735213.0</t>
  </si>
  <si>
    <t>199250.0</t>
  </si>
  <si>
    <t>6801.0</t>
  </si>
  <si>
    <t>2.27</t>
  </si>
  <si>
    <t>1.79</t>
  </si>
  <si>
    <t>0.48</t>
  </si>
  <si>
    <t>5145.0</t>
  </si>
  <si>
    <t>6965.0</t>
  </si>
  <si>
    <t>169.0</t>
  </si>
  <si>
    <t>4645.0</t>
  </si>
  <si>
    <t>7128.0</t>
  </si>
  <si>
    <t>173.0</t>
  </si>
  <si>
    <t>4145.0</t>
  </si>
  <si>
    <t>0.01</t>
  </si>
  <si>
    <t>7292.0</t>
  </si>
  <si>
    <t>3645.0</t>
  </si>
  <si>
    <t>962093.0</t>
  </si>
  <si>
    <t>742934.0</t>
  </si>
  <si>
    <t>219159.0</t>
  </si>
  <si>
    <t>7455.0</t>
  </si>
  <si>
    <t>2.34</t>
  </si>
  <si>
    <t>1.81</t>
  </si>
  <si>
    <t>0.53</t>
  </si>
  <si>
    <t>181.0</t>
  </si>
  <si>
    <t>3145.0</t>
  </si>
  <si>
    <t>0.008</t>
  </si>
  <si>
    <t>9588.0</t>
  </si>
  <si>
    <t>233.0</t>
  </si>
  <si>
    <t>2468.0</t>
  </si>
  <si>
    <t>11201.0</t>
  </si>
  <si>
    <t>272.0</t>
  </si>
  <si>
    <t>1933.0</t>
  </si>
  <si>
    <t>1024168.0</t>
  </si>
  <si>
    <t>12815.0</t>
  </si>
  <si>
    <t>2.49</t>
  </si>
  <si>
    <t>312.0</t>
  </si>
  <si>
    <t>1399.0</t>
  </si>
  <si>
    <t>14331.0</t>
  </si>
  <si>
    <t>348.0</t>
  </si>
  <si>
    <t>1222.0</t>
  </si>
  <si>
    <t>15848.0</t>
  </si>
  <si>
    <t>385.0</t>
  </si>
  <si>
    <t>1044.0</t>
  </si>
  <si>
    <t>17364.0</t>
  </si>
  <si>
    <t>422.0</t>
  </si>
  <si>
    <t>867.0</t>
  </si>
  <si>
    <t>1094257.0</t>
  </si>
  <si>
    <t>18881.0</t>
  </si>
  <si>
    <t>2.66</t>
  </si>
  <si>
    <t>459.0</t>
  </si>
  <si>
    <t>690.0</t>
  </si>
  <si>
    <t>17753.0</t>
  </si>
  <si>
    <t>432.0</t>
  </si>
  <si>
    <t>16626.0</t>
  </si>
  <si>
    <t>404.0</t>
  </si>
  <si>
    <t>15499.0</t>
  </si>
  <si>
    <t>377.0</t>
  </si>
  <si>
    <t>14824.0</t>
  </si>
  <si>
    <t>360.0</t>
  </si>
  <si>
    <t>14150.0</t>
  </si>
  <si>
    <t>344.0</t>
  </si>
  <si>
    <t>1171064.0</t>
  </si>
  <si>
    <t>13476.0</t>
  </si>
  <si>
    <t>2.85</t>
  </si>
  <si>
    <t>328.0</t>
  </si>
  <si>
    <t>11132.0</t>
  </si>
  <si>
    <t>271.0</t>
  </si>
  <si>
    <t>9464.0</t>
  </si>
  <si>
    <t>230.0</t>
  </si>
  <si>
    <t>7795.0</t>
  </si>
  <si>
    <t>190.0</t>
  </si>
  <si>
    <t>6126.0</t>
  </si>
  <si>
    <t>4457.0</t>
  </si>
  <si>
    <t>2788.0</t>
  </si>
  <si>
    <t>68.0</t>
  </si>
  <si>
    <t>1119.0</t>
  </si>
  <si>
    <t>27.0</t>
  </si>
  <si>
    <t>1201286.0</t>
  </si>
  <si>
    <t>770542.0</t>
  </si>
  <si>
    <t>430744.0</t>
  </si>
  <si>
    <t>2.92</t>
  </si>
  <si>
    <t>1.87</t>
  </si>
  <si>
    <t>1.05</t>
  </si>
  <si>
    <t>11068.0</t>
  </si>
  <si>
    <t>624.0</t>
  </si>
  <si>
    <t>21017.0</t>
  </si>
  <si>
    <t>511.0</t>
  </si>
  <si>
    <t>557.0</t>
  </si>
  <si>
    <t>30966.0</t>
  </si>
  <si>
    <t>753.0</t>
  </si>
  <si>
    <t>490.0</t>
  </si>
  <si>
    <t>40914.0</t>
  </si>
  <si>
    <t>995.0</t>
  </si>
  <si>
    <t>424.0</t>
  </si>
  <si>
    <t>50863.0</t>
  </si>
  <si>
    <t>1237.0</t>
  </si>
  <si>
    <t>357.0</t>
  </si>
  <si>
    <t>60812.0</t>
  </si>
  <si>
    <t>1479.0</t>
  </si>
  <si>
    <t>290.0</t>
  </si>
  <si>
    <t>70761.0</t>
  </si>
  <si>
    <t>1720.0</t>
  </si>
  <si>
    <t>224.0</t>
  </si>
  <si>
    <t>1979652.0</t>
  </si>
  <si>
    <t>773002.0</t>
  </si>
  <si>
    <t>4.81</t>
  </si>
  <si>
    <t>1.88</t>
  </si>
  <si>
    <t>62509.0</t>
  </si>
  <si>
    <t>1520.0</t>
  </si>
  <si>
    <t>456.0</t>
  </si>
  <si>
    <t>54257.0</t>
  </si>
  <si>
    <t>689.0</t>
  </si>
  <si>
    <t>46006.0</t>
  </si>
  <si>
    <t>922.0</t>
  </si>
  <si>
    <t>37754.0</t>
  </si>
  <si>
    <t>918.0</t>
  </si>
  <si>
    <t>1155.0</t>
  </si>
  <si>
    <t>29502.0</t>
  </si>
  <si>
    <t>717.0</t>
  </si>
  <si>
    <t>1388.0</t>
  </si>
  <si>
    <t>21251.0</t>
  </si>
  <si>
    <t>517.0</t>
  </si>
  <si>
    <t>1620.0</t>
  </si>
  <si>
    <t>12999.0</t>
  </si>
  <si>
    <t>1853.0</t>
  </si>
  <si>
    <t>2369625.0</t>
  </si>
  <si>
    <t>828601.0</t>
  </si>
  <si>
    <t>5.76</t>
  </si>
  <si>
    <t>2.01</t>
  </si>
  <si>
    <t>16376.0</t>
  </si>
  <si>
    <t>398.0</t>
  </si>
  <si>
    <t>10165.0</t>
  </si>
  <si>
    <t>19752.0</t>
  </si>
  <si>
    <t>480.0</t>
  </si>
  <si>
    <t>18477.0</t>
  </si>
  <si>
    <t>0.045</t>
  </si>
  <si>
    <t>23129.0</t>
  </si>
  <si>
    <t>562.0</t>
  </si>
  <si>
    <t>26788.0</t>
  </si>
  <si>
    <t>0.065</t>
  </si>
  <si>
    <t>26505.0</t>
  </si>
  <si>
    <t>644.0</t>
  </si>
  <si>
    <t>35100.0</t>
  </si>
  <si>
    <t>0.085</t>
  </si>
  <si>
    <t>29882.0</t>
  </si>
  <si>
    <t>727.0</t>
  </si>
  <si>
    <t>43412.0</t>
  </si>
  <si>
    <t>0.106</t>
  </si>
  <si>
    <t>33258.0</t>
  </si>
  <si>
    <t>809.0</t>
  </si>
  <si>
    <t>51723.0</t>
  </si>
  <si>
    <t>0.126</t>
  </si>
  <si>
    <t>36635.0</t>
  </si>
  <si>
    <t>891.0</t>
  </si>
  <si>
    <t>60035.0</t>
  </si>
  <si>
    <t>0.146</t>
  </si>
  <si>
    <t>4018197.0</t>
  </si>
  <si>
    <t>3530173.0</t>
  </si>
  <si>
    <t>3188609.0</t>
  </si>
  <si>
    <t>9.77</t>
  </si>
  <si>
    <t>8.58</t>
  </si>
  <si>
    <t>7.75</t>
  </si>
  <si>
    <t>33582.0</t>
  </si>
  <si>
    <t>817.0</t>
  </si>
  <si>
    <t>53494.0</t>
  </si>
  <si>
    <t>30529.0</t>
  </si>
  <si>
    <t>742.0</t>
  </si>
  <si>
    <t>46953.0</t>
  </si>
  <si>
    <t>0.114</t>
  </si>
  <si>
    <t>27476.0</t>
  </si>
  <si>
    <t>668.0</t>
  </si>
  <si>
    <t>40412.0</t>
  </si>
  <si>
    <t>0.098</t>
  </si>
  <si>
    <t>24423.0</t>
  </si>
  <si>
    <t>594.0</t>
  </si>
  <si>
    <t>33871.0</t>
  </si>
  <si>
    <t>0.082</t>
  </si>
  <si>
    <t>21369.0</t>
  </si>
  <si>
    <t>520.0</t>
  </si>
  <si>
    <t>27330.0</t>
  </si>
  <si>
    <t>0.066</t>
  </si>
  <si>
    <t>18316.0</t>
  </si>
  <si>
    <t>445.0</t>
  </si>
  <si>
    <t>20789.0</t>
  </si>
  <si>
    <t>0.051</t>
  </si>
  <si>
    <t>15263.0</t>
  </si>
  <si>
    <t>371.0</t>
  </si>
  <si>
    <t>14248.0</t>
  </si>
  <si>
    <t>4674518.0</t>
  </si>
  <si>
    <t>4142857.0</t>
  </si>
  <si>
    <t>3753224.0</t>
  </si>
  <si>
    <t>11.37</t>
  </si>
  <si>
    <t>10.07</t>
  </si>
  <si>
    <t>9.13</t>
  </si>
  <si>
    <t>15598.0</t>
  </si>
  <si>
    <t>379.0</t>
  </si>
  <si>
    <t>14583.0</t>
  </si>
  <si>
    <t>15932.0</t>
  </si>
  <si>
    <t>387.0</t>
  </si>
  <si>
    <t>14918.0</t>
  </si>
  <si>
    <t>16266.0</t>
  </si>
  <si>
    <t>395.0</t>
  </si>
  <si>
    <t>15253.0</t>
  </si>
  <si>
    <t>0.037</t>
  </si>
  <si>
    <t>16601.0</t>
  </si>
  <si>
    <t>15588.0</t>
  </si>
  <si>
    <t>0.038</t>
  </si>
  <si>
    <t>16935.0</t>
  </si>
  <si>
    <t>412.0</t>
  </si>
  <si>
    <t>15923.0</t>
  </si>
  <si>
    <t>0.039</t>
  </si>
  <si>
    <t>17269.0</t>
  </si>
  <si>
    <t>420.0</t>
  </si>
  <si>
    <t>16258.0</t>
  </si>
  <si>
    <t>0.04</t>
  </si>
  <si>
    <t>17604.0</t>
  </si>
  <si>
    <t>428.0</t>
  </si>
  <si>
    <t>16593.0</t>
  </si>
  <si>
    <t>4903368.0</t>
  </si>
  <si>
    <t>4358570.0</t>
  </si>
  <si>
    <t>3809353.0</t>
  </si>
  <si>
    <t>11.92</t>
  </si>
  <si>
    <t>10.6</t>
  </si>
  <si>
    <t>9.26</t>
  </si>
  <si>
    <t>16642.0</t>
  </si>
  <si>
    <t>405.0</t>
  </si>
  <si>
    <t>15669.0</t>
  </si>
  <si>
    <t>4925111.0</t>
  </si>
  <si>
    <t>4378818.0</t>
  </si>
  <si>
    <t>3814837.0</t>
  </si>
  <si>
    <t>15680.0</t>
  </si>
  <si>
    <t>11.97</t>
  </si>
  <si>
    <t>10.65</t>
  </si>
  <si>
    <t>9.28</t>
  </si>
  <si>
    <t>381.0</t>
  </si>
  <si>
    <t>14745.0</t>
  </si>
  <si>
    <t>15287.0</t>
  </si>
  <si>
    <t>14309.0</t>
  </si>
  <si>
    <t>4954809.0</t>
  </si>
  <si>
    <t>4405897.0</t>
  </si>
  <si>
    <t>3823786.0</t>
  </si>
  <si>
    <t>14893.0</t>
  </si>
  <si>
    <t>12.05</t>
  </si>
  <si>
    <t>10.71</t>
  </si>
  <si>
    <t>9.3</t>
  </si>
  <si>
    <t>362.0</t>
  </si>
  <si>
    <t>13872.0</t>
  </si>
  <si>
    <t>0.034</t>
  </si>
  <si>
    <t>13458.0</t>
  </si>
  <si>
    <t>327.0</t>
  </si>
  <si>
    <t>12467.0</t>
  </si>
  <si>
    <t>12023.0</t>
  </si>
  <si>
    <t>292.0</t>
  </si>
  <si>
    <t>11062.0</t>
  </si>
  <si>
    <t>10588.0</t>
  </si>
  <si>
    <t>257.0</t>
  </si>
  <si>
    <t>9657.0</t>
  </si>
  <si>
    <t>4985047.0</t>
  </si>
  <si>
    <t>4432926.0</t>
  </si>
  <si>
    <t>3832821.0</t>
  </si>
  <si>
    <t>10115.0</t>
  </si>
  <si>
    <t>12.12</t>
  </si>
  <si>
    <t>10.78</t>
  </si>
  <si>
    <t>9.32</t>
  </si>
  <si>
    <t>246.0</t>
  </si>
  <si>
    <t>9176.0</t>
  </si>
  <si>
    <t>9920.0</t>
  </si>
  <si>
    <t>241.0</t>
  </si>
  <si>
    <t>8964.0</t>
  </si>
  <si>
    <t>5004050.0</t>
  </si>
  <si>
    <t>4450211.0</t>
  </si>
  <si>
    <t>3836731.0</t>
  </si>
  <si>
    <t>9156.0</t>
  </si>
  <si>
    <t>12.17</t>
  </si>
  <si>
    <t>10.82</t>
  </si>
  <si>
    <t>9.33</t>
  </si>
  <si>
    <t>8265.0</t>
  </si>
  <si>
    <t>8235.0</t>
  </si>
  <si>
    <t>200.0</t>
  </si>
  <si>
    <t>7368.0</t>
  </si>
  <si>
    <t>8355.0</t>
  </si>
  <si>
    <t>203.0</t>
  </si>
  <si>
    <t>7440.0</t>
  </si>
  <si>
    <t>8475.0</t>
  </si>
  <si>
    <t>206.0</t>
  </si>
  <si>
    <t>7513.0</t>
  </si>
  <si>
    <t>8595.0</t>
  </si>
  <si>
    <t>209.0</t>
  </si>
  <si>
    <t>7585.0</t>
  </si>
  <si>
    <t>5046054.0</t>
  </si>
  <si>
    <t>4486527.0</t>
  </si>
  <si>
    <t>3851307.0</t>
  </si>
  <si>
    <t>8715.0</t>
  </si>
  <si>
    <t>12.27</t>
  </si>
  <si>
    <t>10.91</t>
  </si>
  <si>
    <t>9.36</t>
  </si>
  <si>
    <t>7657.0</t>
  </si>
  <si>
    <t>9368.0</t>
  </si>
  <si>
    <t>228.0</t>
  </si>
  <si>
    <t>8197.0</t>
  </si>
  <si>
    <t>5074196.0</t>
  </si>
  <si>
    <t>4511372.0</t>
  </si>
  <si>
    <t>3866279.0</t>
  </si>
  <si>
    <t>10021.0</t>
  </si>
  <si>
    <t>12.34</t>
  </si>
  <si>
    <t>10.97</t>
  </si>
  <si>
    <t>9.4</t>
  </si>
  <si>
    <t>8737.0</t>
  </si>
  <si>
    <t>5081064.0</t>
  </si>
  <si>
    <t>4517380.0</t>
  </si>
  <si>
    <t>3868832.0</t>
  </si>
  <si>
    <t>6868.0</t>
  </si>
  <si>
    <t>9802.0</t>
  </si>
  <si>
    <t>12.35</t>
  </si>
  <si>
    <t>10.98</t>
  </si>
  <si>
    <t>9.41</t>
  </si>
  <si>
    <t>238.0</t>
  </si>
  <si>
    <t>8558.0</t>
  </si>
  <si>
    <t>10176.0</t>
  </si>
  <si>
    <t>247.0</t>
  </si>
  <si>
    <t>8851.0</t>
  </si>
  <si>
    <t>853003.0</t>
  </si>
  <si>
    <t>21.272</t>
  </si>
  <si>
    <t>tests performed</t>
  </si>
  <si>
    <t>10550.0</t>
  </si>
  <si>
    <t>9145.0</t>
  </si>
  <si>
    <t>10925.0</t>
  </si>
  <si>
    <t>266.0</t>
  </si>
  <si>
    <t>9438.0</t>
  </si>
  <si>
    <t>5125146.0</t>
  </si>
  <si>
    <t>4554648.0</t>
  </si>
  <si>
    <t>3892831.0</t>
  </si>
  <si>
    <t>11299.0</t>
  </si>
  <si>
    <t>12.46</t>
  </si>
  <si>
    <t>11.07</t>
  </si>
  <si>
    <t>9.46</t>
  </si>
  <si>
    <t>9732.0</t>
  </si>
  <si>
    <t>11228.0</t>
  </si>
  <si>
    <t>273.0</t>
  </si>
  <si>
    <t>9606.0</t>
  </si>
  <si>
    <t>5152297.0</t>
  </si>
  <si>
    <t>4577740.0</t>
  </si>
  <si>
    <t>3912336.0</t>
  </si>
  <si>
    <t>11157.0</t>
  </si>
  <si>
    <t>12.53</t>
  </si>
  <si>
    <t>11.13</t>
  </si>
  <si>
    <t>9.51</t>
  </si>
  <si>
    <t>9481.0</t>
  </si>
  <si>
    <t>12025.0</t>
  </si>
  <si>
    <t>10238.0</t>
  </si>
  <si>
    <t>12299.0</t>
  </si>
  <si>
    <t>299.0</t>
  </si>
  <si>
    <t>10523.0</t>
  </si>
  <si>
    <t>1301.0</t>
  </si>
  <si>
    <t>0.4855</t>
  </si>
  <si>
    <t>2.1</t>
  </si>
  <si>
    <t>12573.0</t>
  </si>
  <si>
    <t>306.0</t>
  </si>
  <si>
    <t>10807.0</t>
  </si>
  <si>
    <t>0.448</t>
  </si>
  <si>
    <t>2.2</t>
  </si>
  <si>
    <t>12847.0</t>
  </si>
  <si>
    <t>11092.0</t>
  </si>
  <si>
    <t>0.439</t>
  </si>
  <si>
    <t>2.3</t>
  </si>
  <si>
    <t>5216998.0</t>
  </si>
  <si>
    <t>4634282.0</t>
  </si>
  <si>
    <t>3959887.0</t>
  </si>
  <si>
    <t>13122.0</t>
  </si>
  <si>
    <t>12.68</t>
  </si>
  <si>
    <t>11.27</t>
  </si>
  <si>
    <t>9.63</t>
  </si>
  <si>
    <t>11376.0</t>
  </si>
  <si>
    <t>0.4594</t>
  </si>
  <si>
    <t>13311.0</t>
  </si>
  <si>
    <t>11546.0</t>
  </si>
  <si>
    <t>0.4788</t>
  </si>
  <si>
    <t>13501.0</t>
  </si>
  <si>
    <t>11716.0</t>
  </si>
  <si>
    <t>0.5184</t>
  </si>
  <si>
    <t>1.9</t>
  </si>
  <si>
    <t>13781.0</t>
  </si>
  <si>
    <t>335.0</t>
  </si>
  <si>
    <t>11919.0</t>
  </si>
  <si>
    <t>0.029</t>
  </si>
  <si>
    <t>0.5031</t>
  </si>
  <si>
    <t>2.0</t>
  </si>
  <si>
    <t>14061.0</t>
  </si>
  <si>
    <t>342.0</t>
  </si>
  <si>
    <t>12123.0</t>
  </si>
  <si>
    <t>0.4876</t>
  </si>
  <si>
    <t>14341.0</t>
  </si>
  <si>
    <t>349.0</t>
  </si>
  <si>
    <t>12326.0</t>
  </si>
  <si>
    <t>0.4846</t>
  </si>
  <si>
    <t>14621.0</t>
  </si>
  <si>
    <t>355.0</t>
  </si>
  <si>
    <t>12530.0</t>
  </si>
  <si>
    <t>0.4746</t>
  </si>
  <si>
    <t>5321308.0</t>
  </si>
  <si>
    <t>4723416.0</t>
  </si>
  <si>
    <t>4043580.0</t>
  </si>
  <si>
    <t>14901.0</t>
  </si>
  <si>
    <t>12.94</t>
  </si>
  <si>
    <t>11.48</t>
  </si>
  <si>
    <t>9.83</t>
  </si>
  <si>
    <t>12733.0</t>
  </si>
  <si>
    <t>0.4044</t>
  </si>
  <si>
    <t>2.5</t>
  </si>
  <si>
    <t>14939.0</t>
  </si>
  <si>
    <t>363.0</t>
  </si>
  <si>
    <t>12774.0</t>
  </si>
  <si>
    <t>0.326</t>
  </si>
  <si>
    <t>3.1</t>
  </si>
  <si>
    <t>14977.0</t>
  </si>
  <si>
    <t>364.0</t>
  </si>
  <si>
    <t>0.2443</t>
  </si>
  <si>
    <t>4.1</t>
  </si>
  <si>
    <t>15015.0</t>
  </si>
  <si>
    <t>365.0</t>
  </si>
  <si>
    <t>12855.0</t>
  </si>
  <si>
    <t>0.2105</t>
  </si>
  <si>
    <t>4.8</t>
  </si>
  <si>
    <t>15053.0</t>
  </si>
  <si>
    <t>366.0</t>
  </si>
  <si>
    <t>12896.0</t>
  </si>
  <si>
    <t>0.1953</t>
  </si>
  <si>
    <t>5.1</t>
  </si>
  <si>
    <t>15091.0</t>
  </si>
  <si>
    <t>367.0</t>
  </si>
  <si>
    <t>12937.0</t>
  </si>
  <si>
    <t>0.1758</t>
  </si>
  <si>
    <t>5.7</t>
  </si>
  <si>
    <t>5412309.0</t>
  </si>
  <si>
    <t>4801524.0</t>
  </si>
  <si>
    <t>4125717.0</t>
  </si>
  <si>
    <t>15129.0</t>
  </si>
  <si>
    <t>13.16</t>
  </si>
  <si>
    <t>11.67</t>
  </si>
  <si>
    <t>10.03</t>
  </si>
  <si>
    <t>368.0</t>
  </si>
  <si>
    <t>12977.0</t>
  </si>
  <si>
    <t>0.1312</t>
  </si>
  <si>
    <t>7.6</t>
  </si>
  <si>
    <t>15509.0</t>
  </si>
  <si>
    <t>13312.0</t>
  </si>
  <si>
    <t>0.1421</t>
  </si>
  <si>
    <t>7.0</t>
  </si>
  <si>
    <t>15852.0</t>
  </si>
  <si>
    <t>13606.0</t>
  </si>
  <si>
    <t>0.1518</t>
  </si>
  <si>
    <t>6.6</t>
  </si>
  <si>
    <t>16194.0</t>
  </si>
  <si>
    <t>394.0</t>
  </si>
  <si>
    <t>13900.0</t>
  </si>
  <si>
    <t>0.1509</t>
  </si>
  <si>
    <t>16536.0</t>
  </si>
  <si>
    <t>402.0</t>
  </si>
  <si>
    <t>14194.0</t>
  </si>
  <si>
    <t>0.1347</t>
  </si>
  <si>
    <t>7.4</t>
  </si>
  <si>
    <t>16879.0</t>
  </si>
  <si>
    <t>410.0</t>
  </si>
  <si>
    <t>14488.0</t>
  </si>
  <si>
    <t>889430.0</t>
  </si>
  <si>
    <t>22.181</t>
  </si>
  <si>
    <t>0.1334</t>
  </si>
  <si>
    <t>7.5</t>
  </si>
  <si>
    <t>17221.0</t>
  </si>
  <si>
    <t>419.0</t>
  </si>
  <si>
    <t>14782.0</t>
  </si>
  <si>
    <t>1264.0</t>
  </si>
  <si>
    <t>0.1345</t>
  </si>
  <si>
    <t>5535254.0</t>
  </si>
  <si>
    <t>4907058.0</t>
  </si>
  <si>
    <t>4231984.0</t>
  </si>
  <si>
    <t>17564.0</t>
  </si>
  <si>
    <t>13.46</t>
  </si>
  <si>
    <t>11.93</t>
  </si>
  <si>
    <t>10.29</t>
  </si>
  <si>
    <t>427.0</t>
  </si>
  <si>
    <t>15076.0</t>
  </si>
  <si>
    <t>1228.0</t>
  </si>
  <si>
    <t>0.1417</t>
  </si>
  <si>
    <t>7.1</t>
  </si>
  <si>
    <t>16317.0</t>
  </si>
  <si>
    <t>397.0</t>
  </si>
  <si>
    <t>13855.0</t>
  </si>
  <si>
    <t>1191.0</t>
  </si>
  <si>
    <t>0.1395</t>
  </si>
  <si>
    <t>7.2</t>
  </si>
  <si>
    <t>15071.0</t>
  </si>
  <si>
    <t>12634.0</t>
  </si>
  <si>
    <t>1154.0</t>
  </si>
  <si>
    <t>0.1451</t>
  </si>
  <si>
    <t>6.9</t>
  </si>
  <si>
    <t>13825.0</t>
  </si>
  <si>
    <t>336.0</t>
  </si>
  <si>
    <t>11412.0</t>
  </si>
  <si>
    <t>1118.0</t>
  </si>
  <si>
    <t>0.1491</t>
  </si>
  <si>
    <t>6.7</t>
  </si>
  <si>
    <t>12578.0</t>
  </si>
  <si>
    <t>10191.0</t>
  </si>
  <si>
    <t>1081.0</t>
  </si>
  <si>
    <t>0.1493</t>
  </si>
  <si>
    <t>11332.0</t>
  </si>
  <si>
    <t>276.0</t>
  </si>
  <si>
    <t>8969.0</t>
  </si>
  <si>
    <t>1045.0</t>
  </si>
  <si>
    <t>0.162</t>
  </si>
  <si>
    <t>6.2</t>
  </si>
  <si>
    <t>10086.0</t>
  </si>
  <si>
    <t>245.0</t>
  </si>
  <si>
    <t>7748.0</t>
  </si>
  <si>
    <t>0.1623</t>
  </si>
  <si>
    <t>5597130.0</t>
  </si>
  <si>
    <t>4952744.0</t>
  </si>
  <si>
    <t>4281934.0</t>
  </si>
  <si>
    <t>8839.0</t>
  </si>
  <si>
    <t>13.61</t>
  </si>
  <si>
    <t>12.04</t>
  </si>
  <si>
    <t>10.41</t>
  </si>
  <si>
    <t>6527.0</t>
  </si>
  <si>
    <t>0.1833</t>
  </si>
  <si>
    <t>5.5</t>
  </si>
  <si>
    <t>9317.0</t>
  </si>
  <si>
    <t>227.0</t>
  </si>
  <si>
    <t>7072.0</t>
  </si>
  <si>
    <t>0.2015</t>
  </si>
  <si>
    <t>5.0</t>
  </si>
  <si>
    <t>9795.0</t>
  </si>
  <si>
    <t>7618.0</t>
  </si>
  <si>
    <t>0.1985</t>
  </si>
  <si>
    <t>10273.0</t>
  </si>
  <si>
    <t>8163.0</t>
  </si>
  <si>
    <t>0.2295</t>
  </si>
  <si>
    <t>4.4</t>
  </si>
  <si>
    <t>10750.0</t>
  </si>
  <si>
    <t>261.0</t>
  </si>
  <si>
    <t>8709.0</t>
  </si>
  <si>
    <t>0.2406</t>
  </si>
  <si>
    <t>4.2</t>
  </si>
  <si>
    <t>9254.0</t>
  </si>
  <si>
    <t>904055.0</t>
  </si>
  <si>
    <t>22.545</t>
  </si>
  <si>
    <t>0.2335</t>
  </si>
  <si>
    <t>4.3</t>
  </si>
  <si>
    <t>11706.0</t>
  </si>
  <si>
    <t>285.0</t>
  </si>
  <si>
    <t>9800.0</t>
  </si>
  <si>
    <t>1048.0</t>
  </si>
  <si>
    <t>0.2207</t>
  </si>
  <si>
    <t>4.5</t>
  </si>
  <si>
    <t>12183.0</t>
  </si>
  <si>
    <t>296.0</t>
  </si>
  <si>
    <t>10345.0</t>
  </si>
  <si>
    <t>1051.0</t>
  </si>
  <si>
    <t>0.1915</t>
  </si>
  <si>
    <t>5.2</t>
  </si>
  <si>
    <t>1054.0</t>
  </si>
  <si>
    <t>0.1651</t>
  </si>
  <si>
    <t>6.1</t>
  </si>
  <si>
    <t>1057.0</t>
  </si>
  <si>
    <t>0.1646</t>
  </si>
  <si>
    <t>1060.0</t>
  </si>
  <si>
    <t>0.1381</t>
  </si>
  <si>
    <t>5731146.0</t>
  </si>
  <si>
    <t>5066540.0</t>
  </si>
  <si>
    <t>4402868.0</t>
  </si>
  <si>
    <t>13.93</t>
  </si>
  <si>
    <t>12.32</t>
  </si>
  <si>
    <t>1063.0</t>
  </si>
  <si>
    <t>0.1356</t>
  </si>
  <si>
    <t>11010.0</t>
  </si>
  <si>
    <t>268.0</t>
  </si>
  <si>
    <t>9332.0</t>
  </si>
  <si>
    <t>1066.0</t>
  </si>
  <si>
    <t>0.134</t>
  </si>
  <si>
    <t>9838.0</t>
  </si>
  <si>
    <t>239.0</t>
  </si>
  <si>
    <t>8320.0</t>
  </si>
  <si>
    <t>0.1195</t>
  </si>
  <si>
    <t>8.4</t>
  </si>
  <si>
    <t>8665.0</t>
  </si>
  <si>
    <t>211.0</t>
  </si>
  <si>
    <t>7307.0</t>
  </si>
  <si>
    <t>0.1048</t>
  </si>
  <si>
    <t>9.5</t>
  </si>
  <si>
    <t>7492.0</t>
  </si>
  <si>
    <t>182.0</t>
  </si>
  <si>
    <t>6295.0</t>
  </si>
  <si>
    <t>0.0917</t>
  </si>
  <si>
    <t>10.9</t>
  </si>
  <si>
    <t>5751015.0</t>
  </si>
  <si>
    <t>5082824.0</t>
  </si>
  <si>
    <t>4420127.0</t>
  </si>
  <si>
    <t>6319.0</t>
  </si>
  <si>
    <t>13.98</t>
  </si>
  <si>
    <t>12.36</t>
  </si>
  <si>
    <t>10.75</t>
  </si>
  <si>
    <t>154.0</t>
  </si>
  <si>
    <t>5282.0</t>
  </si>
  <si>
    <t>0.0775</t>
  </si>
  <si>
    <t>12.9</t>
  </si>
  <si>
    <t>5916.0</t>
  </si>
  <si>
    <t>4961.0</t>
  </si>
  <si>
    <t>0.054</t>
  </si>
  <si>
    <t>18.5</t>
  </si>
  <si>
    <t>5512.0</t>
  </si>
  <si>
    <t>134.0</t>
  </si>
  <si>
    <t>4639.0</t>
  </si>
  <si>
    <t>0.0453</t>
  </si>
  <si>
    <t>22.1</t>
  </si>
  <si>
    <t>6282.0</t>
  </si>
  <si>
    <t>153.0</t>
  </si>
  <si>
    <t>5330.0</t>
  </si>
  <si>
    <t>0.0378</t>
  </si>
  <si>
    <t>26.5</t>
  </si>
  <si>
    <t>7051.0</t>
  </si>
  <si>
    <t>171.0</t>
  </si>
  <si>
    <t>6021.0</t>
  </si>
  <si>
    <t>0.0572</t>
  </si>
  <si>
    <t>17.5</t>
  </si>
  <si>
    <t>7820.0</t>
  </si>
  <si>
    <t>6713.0</t>
  </si>
  <si>
    <t>0.0551</t>
  </si>
  <si>
    <t>18.2</t>
  </si>
  <si>
    <t>8590.0</t>
  </si>
  <si>
    <t>7404.0</t>
  </si>
  <si>
    <t>9359.0</t>
  </si>
  <si>
    <t>8095.0</t>
  </si>
  <si>
    <t>0.0529</t>
  </si>
  <si>
    <t>18.9</t>
  </si>
  <si>
    <t>0.0571</t>
  </si>
  <si>
    <t>0.0618</t>
  </si>
  <si>
    <t>16.2</t>
  </si>
  <si>
    <t>0.0646</t>
  </si>
  <si>
    <t>15.5</t>
  </si>
  <si>
    <t>0.0411</t>
  </si>
  <si>
    <t>24.3</t>
  </si>
  <si>
    <t>0.0395</t>
  </si>
  <si>
    <t>25.3</t>
  </si>
  <si>
    <t>5872684.0</t>
  </si>
  <si>
    <t>5188057.0</t>
  </si>
  <si>
    <t>4532577.0</t>
  </si>
  <si>
    <t>14.28</t>
  </si>
  <si>
    <t>12.61</t>
  </si>
  <si>
    <t>11.02</t>
  </si>
  <si>
    <t>0.0367</t>
  </si>
  <si>
    <t>27.2</t>
  </si>
  <si>
    <t>8990.0</t>
  </si>
  <si>
    <t>7780.0</t>
  </si>
  <si>
    <t>0.0346</t>
  </si>
  <si>
    <t>28.9</t>
  </si>
  <si>
    <t>8620.0</t>
  </si>
  <si>
    <t>210.0</t>
  </si>
  <si>
    <t>7466.0</t>
  </si>
  <si>
    <t>0.0304</t>
  </si>
  <si>
    <t>32.9</t>
  </si>
  <si>
    <t>8250.0</t>
  </si>
  <si>
    <t>201.0</t>
  </si>
  <si>
    <t>7151.0</t>
  </si>
  <si>
    <t>0.0257</t>
  </si>
  <si>
    <t>38.9</t>
  </si>
  <si>
    <t>7881.0</t>
  </si>
  <si>
    <t>6836.0</t>
  </si>
  <si>
    <t>0.0229</t>
  </si>
  <si>
    <t>43.6</t>
  </si>
  <si>
    <t>7511.0</t>
  </si>
  <si>
    <t>6522.0</t>
  </si>
  <si>
    <t>0.0197</t>
  </si>
  <si>
    <t>50.8</t>
  </si>
  <si>
    <t>7141.0</t>
  </si>
  <si>
    <t>174.0</t>
  </si>
  <si>
    <t>6207.0</t>
  </si>
  <si>
    <t>0.0327</t>
  </si>
  <si>
    <t>30.6</t>
  </si>
  <si>
    <t>6772.0</t>
  </si>
  <si>
    <t>5892.0</t>
  </si>
  <si>
    <t>0.0436</t>
  </si>
  <si>
    <t>23.0</t>
  </si>
  <si>
    <t>0.043</t>
  </si>
  <si>
    <t>23.2</t>
  </si>
  <si>
    <t>0.0507</t>
  </si>
  <si>
    <t>19.7</t>
  </si>
  <si>
    <t>5940400.0</t>
  </si>
  <si>
    <t>5246981.0</t>
  </si>
  <si>
    <t>4595506.0</t>
  </si>
  <si>
    <t>14.44</t>
  </si>
  <si>
    <t>12.76</t>
  </si>
  <si>
    <t>11.17</t>
  </si>
  <si>
    <t>0.0535</t>
  </si>
  <si>
    <t>18.7</t>
  </si>
  <si>
    <t>6107.0</t>
  </si>
  <si>
    <t>148.0</t>
  </si>
  <si>
    <t>5299.0</t>
  </si>
  <si>
    <t>0.0553</t>
  </si>
  <si>
    <t>18.1</t>
  </si>
  <si>
    <t>5443.0</t>
  </si>
  <si>
    <t>132.0</t>
  </si>
  <si>
    <t>4705.0</t>
  </si>
  <si>
    <t>0.0595</t>
  </si>
  <si>
    <t>16.8</t>
  </si>
  <si>
    <t>4779.0</t>
  </si>
  <si>
    <t>116.0</t>
  </si>
  <si>
    <t>4112.0</t>
  </si>
  <si>
    <t>0.0423</t>
  </si>
  <si>
    <t>23.6</t>
  </si>
  <si>
    <t>5948889.0</t>
  </si>
  <si>
    <t>5253929.0</t>
  </si>
  <si>
    <t>4603187.0</t>
  </si>
  <si>
    <t>4115.0</t>
  </si>
  <si>
    <t>14.46</t>
  </si>
  <si>
    <t>12.77</t>
  </si>
  <si>
    <t>11.19</t>
  </si>
  <si>
    <t>100.0</t>
  </si>
  <si>
    <t>3518.0</t>
  </si>
  <si>
    <t>0.0343</t>
  </si>
  <si>
    <t>29.1</t>
  </si>
  <si>
    <t>3806.0</t>
  </si>
  <si>
    <t>93.0</t>
  </si>
  <si>
    <t>3261.0</t>
  </si>
  <si>
    <t>0.0374</t>
  </si>
  <si>
    <t>26.7</t>
  </si>
  <si>
    <t>3497.0</t>
  </si>
  <si>
    <t>85.0</t>
  </si>
  <si>
    <t>3003.0</t>
  </si>
  <si>
    <t>0.0347</t>
  </si>
  <si>
    <t>28.8</t>
  </si>
  <si>
    <t>3188.0</t>
  </si>
  <si>
    <t>78.0</t>
  </si>
  <si>
    <t>2746.0</t>
  </si>
  <si>
    <t>0.0355</t>
  </si>
  <si>
    <t>28.2</t>
  </si>
  <si>
    <t>3543.0</t>
  </si>
  <si>
    <t>86.0</t>
  </si>
  <si>
    <t>3082.0</t>
  </si>
  <si>
    <t>28.6</t>
  </si>
  <si>
    <t>3898.0</t>
  </si>
  <si>
    <t>95.0</t>
  </si>
  <si>
    <t>3418.0</t>
  </si>
  <si>
    <t>0.0363</t>
  </si>
  <si>
    <t>27.5</t>
  </si>
  <si>
    <t>4253.0</t>
  </si>
  <si>
    <t>103.0</t>
  </si>
  <si>
    <t>3755.0</t>
  </si>
  <si>
    <t>0.0386</t>
  </si>
  <si>
    <t>25.9</t>
  </si>
  <si>
    <t>4608.0</t>
  </si>
  <si>
    <t>112.0</t>
  </si>
  <si>
    <t>4091.0</t>
  </si>
  <si>
    <t>5985756.0</t>
  </si>
  <si>
    <t>5286657.0</t>
  </si>
  <si>
    <t>4636946.0</t>
  </si>
  <si>
    <t>14.55</t>
  </si>
  <si>
    <t>12.85</t>
  </si>
  <si>
    <t>0.0315</t>
  </si>
  <si>
    <t>31.8</t>
  </si>
  <si>
    <t>5986139.0</t>
  </si>
  <si>
    <t>5287027.0</t>
  </si>
  <si>
    <t>4637327.0</t>
  </si>
  <si>
    <t>383.0</t>
  </si>
  <si>
    <t>4005.0</t>
  </si>
  <si>
    <t>11.28</t>
  </si>
  <si>
    <t>97.0</t>
  </si>
  <si>
    <t>3559.0</t>
  </si>
  <si>
    <t>31.2</t>
  </si>
  <si>
    <t>3977.0</t>
  </si>
  <si>
    <t>3537.0</t>
  </si>
  <si>
    <t>3950.0</t>
  </si>
  <si>
    <t>96.0</t>
  </si>
  <si>
    <t>3514.0</t>
  </si>
  <si>
    <t>32.3</t>
  </si>
  <si>
    <t>3922.0</t>
  </si>
  <si>
    <t>3491.0</t>
  </si>
  <si>
    <t>0.0281</t>
  </si>
  <si>
    <t>35.5</t>
  </si>
  <si>
    <t>3895.0</t>
  </si>
  <si>
    <t>3469.0</t>
  </si>
  <si>
    <t>0.0209</t>
  </si>
  <si>
    <t>47.8</t>
  </si>
  <si>
    <t>3867.0</t>
  </si>
  <si>
    <t>94.0</t>
  </si>
  <si>
    <t>3446.0</t>
  </si>
  <si>
    <t>0.0177</t>
  </si>
  <si>
    <t>56.5</t>
  </si>
  <si>
    <t>3840.0</t>
  </si>
  <si>
    <t>3423.0</t>
  </si>
  <si>
    <t>0.0123</t>
  </si>
  <si>
    <t>81.1</t>
  </si>
  <si>
    <t>4416.0</t>
  </si>
  <si>
    <t>107.0</t>
  </si>
  <si>
    <t>3932.0</t>
  </si>
  <si>
    <t>0.0074</t>
  </si>
  <si>
    <t>135.7</t>
  </si>
  <si>
    <t>6021468.0</t>
  </si>
  <si>
    <t>5318484.0</t>
  </si>
  <si>
    <t>4668999.0</t>
  </si>
  <si>
    <t>14.64</t>
  </si>
  <si>
    <t>12.93</t>
  </si>
  <si>
    <t>11.35</t>
  </si>
  <si>
    <t>0.0062</t>
  </si>
  <si>
    <t>162.2</t>
  </si>
  <si>
    <t>3878.0</t>
  </si>
  <si>
    <t>3461.0</t>
  </si>
  <si>
    <t>0.0058</t>
  </si>
  <si>
    <t>173.5</t>
  </si>
  <si>
    <t>3341.0</t>
  </si>
  <si>
    <t>81.0</t>
  </si>
  <si>
    <t>2989.0</t>
  </si>
  <si>
    <t>91.0</t>
  </si>
  <si>
    <t>6023425.0</t>
  </si>
  <si>
    <t>5320381.0</t>
  </si>
  <si>
    <t>4670950.0</t>
  </si>
  <si>
    <t>2803.0</t>
  </si>
  <si>
    <t>14.65</t>
  </si>
  <si>
    <t>11.36</t>
  </si>
  <si>
    <t>2518.0</t>
  </si>
  <si>
    <t>0.0146</t>
  </si>
  <si>
    <t>68.5</t>
  </si>
  <si>
    <t>2623.0</t>
  </si>
  <si>
    <t>2379.0</t>
  </si>
  <si>
    <t>0.0155</t>
  </si>
  <si>
    <t>64.3</t>
  </si>
  <si>
    <t>6029737.0</t>
  </si>
  <si>
    <t>5326298.0</t>
  </si>
  <si>
    <t>4676224.0</t>
  </si>
  <si>
    <t>2443.0</t>
  </si>
  <si>
    <t>14.66</t>
  </si>
  <si>
    <t>12.95</t>
  </si>
  <si>
    <t>2240.0</t>
  </si>
  <si>
    <t>0.0308</t>
  </si>
  <si>
    <t>32.4</t>
  </si>
  <si>
    <t>2865.0</t>
  </si>
  <si>
    <t>2639.0</t>
  </si>
  <si>
    <t>0.0354</t>
  </si>
  <si>
    <t>28.3</t>
  </si>
  <si>
    <t>3287.0</t>
  </si>
  <si>
    <t>3038.0</t>
  </si>
  <si>
    <t>0.0381</t>
  </si>
  <si>
    <t>26.3</t>
  </si>
  <si>
    <t>4246.0</t>
  </si>
  <si>
    <t>3909.0</t>
  </si>
  <si>
    <t>0.0429</t>
  </si>
  <si>
    <t>23.3</t>
  </si>
  <si>
    <t>5205.0</t>
  </si>
  <si>
    <t>127.0</t>
  </si>
  <si>
    <t>0.0383</t>
  </si>
  <si>
    <t>26.1</t>
  </si>
  <si>
    <t>6066579.0</t>
  </si>
  <si>
    <t>5359930.0</t>
  </si>
  <si>
    <t>4710456.0</t>
  </si>
  <si>
    <t>6165.0</t>
  </si>
  <si>
    <t>14.75</t>
  </si>
  <si>
    <t>13.03</t>
  </si>
  <si>
    <t>11.45</t>
  </si>
  <si>
    <t>5650.0</t>
  </si>
  <si>
    <t>0.0417</t>
  </si>
  <si>
    <t>24.0</t>
  </si>
  <si>
    <t>6642.0</t>
  </si>
  <si>
    <t>161.0</t>
  </si>
  <si>
    <t>6076.0</t>
  </si>
  <si>
    <t>7120.0</t>
  </si>
  <si>
    <t>6502.0</t>
  </si>
  <si>
    <t>0.0464</t>
  </si>
  <si>
    <t>21.6</t>
  </si>
  <si>
    <t>6995.0</t>
  </si>
  <si>
    <t>170.0</t>
  </si>
  <si>
    <t>6390.0</t>
  </si>
  <si>
    <t>0.0574</t>
  </si>
  <si>
    <t>17.4</t>
  </si>
  <si>
    <t>6871.0</t>
  </si>
  <si>
    <t>167.0</t>
  </si>
  <si>
    <t>6278.0</t>
  </si>
  <si>
    <t>0.0564</t>
  </si>
  <si>
    <t>17.7</t>
  </si>
  <si>
    <t>6746.0</t>
  </si>
  <si>
    <t>164.0</t>
  </si>
  <si>
    <t>6166.0</t>
  </si>
  <si>
    <t>0.0579</t>
  </si>
  <si>
    <t>17.3</t>
  </si>
  <si>
    <t>6622.0</t>
  </si>
  <si>
    <t>6054.0</t>
  </si>
  <si>
    <t>0.0602</t>
  </si>
  <si>
    <t>16.6</t>
  </si>
  <si>
    <t>6497.0</t>
  </si>
  <si>
    <t>5942.0</t>
  </si>
  <si>
    <t>6118557.0</t>
  </si>
  <si>
    <t>5407462.0</t>
  </si>
  <si>
    <t>4758426.0</t>
  </si>
  <si>
    <t>14.88</t>
  </si>
  <si>
    <t>13.15</t>
  </si>
  <si>
    <t>11.57</t>
  </si>
  <si>
    <t>981844.0</t>
  </si>
  <si>
    <t>24.485</t>
  </si>
  <si>
    <t>0.0594</t>
  </si>
  <si>
    <t>6412.0</t>
  </si>
  <si>
    <t>156.0</t>
  </si>
  <si>
    <t>5878.0</t>
  </si>
  <si>
    <t>976.0</t>
  </si>
  <si>
    <t>0.0524</t>
  </si>
  <si>
    <t>19.1</t>
  </si>
  <si>
    <t>6326.0</t>
  </si>
  <si>
    <t>5814.0</t>
  </si>
  <si>
    <t>885.0</t>
  </si>
  <si>
    <t>0.0384</t>
  </si>
  <si>
    <t>26.0</t>
  </si>
  <si>
    <t>6241.0</t>
  </si>
  <si>
    <t>152.0</t>
  </si>
  <si>
    <t>5750.0</t>
  </si>
  <si>
    <t>795.0</t>
  </si>
  <si>
    <t>0.083</t>
  </si>
  <si>
    <t>12.0</t>
  </si>
  <si>
    <t>6156.0</t>
  </si>
  <si>
    <t>5686.0</t>
  </si>
  <si>
    <t>705.0</t>
  </si>
  <si>
    <t>0.0908</t>
  </si>
  <si>
    <t>11.0</t>
  </si>
  <si>
    <t>6070.0</t>
  </si>
  <si>
    <t>5623.0</t>
  </si>
  <si>
    <t>615.0</t>
  </si>
  <si>
    <t>0.1064</t>
  </si>
  <si>
    <t>5985.0</t>
  </si>
  <si>
    <t>146.0</t>
  </si>
  <si>
    <t>5559.0</t>
  </si>
  <si>
    <t>525.0</t>
  </si>
  <si>
    <t>0.1478</t>
  </si>
  <si>
    <t>6.8</t>
  </si>
  <si>
    <t>5899.0</t>
  </si>
  <si>
    <t>143.0</t>
  </si>
  <si>
    <t>5495.0</t>
  </si>
  <si>
    <t>435.0</t>
  </si>
  <si>
    <t>0.1892</t>
  </si>
  <si>
    <t>5.3</t>
  </si>
  <si>
    <t>0.1918</t>
  </si>
  <si>
    <t>6171652.0</t>
  </si>
  <si>
    <t>5456919.0</t>
  </si>
  <si>
    <t>4807917.0</t>
  </si>
  <si>
    <t>15.01</t>
  </si>
  <si>
    <t>13.27</t>
  </si>
  <si>
    <t>11.69</t>
  </si>
  <si>
    <t>0.225</t>
  </si>
  <si>
    <t>6318.0</t>
  </si>
  <si>
    <t>5896.0</t>
  </si>
  <si>
    <t>0.1635</t>
  </si>
  <si>
    <t>6736.0</t>
  </si>
  <si>
    <t>6298.0</t>
  </si>
  <si>
    <t>0.1619</t>
  </si>
  <si>
    <t>7154.0</t>
  </si>
  <si>
    <t>6699.0</t>
  </si>
  <si>
    <t>0.1448</t>
  </si>
  <si>
    <t>7572.0</t>
  </si>
  <si>
    <t>184.0</t>
  </si>
  <si>
    <t>7100.0</t>
  </si>
  <si>
    <t>0.1409</t>
  </si>
  <si>
    <t>7990.0</t>
  </si>
  <si>
    <t>194.0</t>
  </si>
  <si>
    <t>7501.0</t>
  </si>
  <si>
    <t>0.1294</t>
  </si>
  <si>
    <t>7.7</t>
  </si>
  <si>
    <t>8408.0</t>
  </si>
  <si>
    <t>204.0</t>
  </si>
  <si>
    <t>7903.0</t>
  </si>
  <si>
    <t>0.1199</t>
  </si>
  <si>
    <t>8.3</t>
  </si>
  <si>
    <t>8826.0</t>
  </si>
  <si>
    <t>8304.0</t>
  </si>
  <si>
    <t>0.113</t>
  </si>
  <si>
    <t>8.9</t>
  </si>
  <si>
    <t>0.092</t>
  </si>
  <si>
    <t>0.0818</t>
  </si>
  <si>
    <t>12.2</t>
  </si>
  <si>
    <t>0.1419</t>
  </si>
  <si>
    <t>0.1435</t>
  </si>
  <si>
    <t>0.1484</t>
  </si>
  <si>
    <t>6295222.0</t>
  </si>
  <si>
    <t>5573175.0</t>
  </si>
  <si>
    <t>4923085.0</t>
  </si>
  <si>
    <t>15.31</t>
  </si>
  <si>
    <t>13.55</t>
  </si>
  <si>
    <t>0.1974</t>
  </si>
  <si>
    <t>9011.0</t>
  </si>
  <si>
    <t>8459.0</t>
  </si>
  <si>
    <t>0.22</t>
  </si>
  <si>
    <t>9195.0</t>
  </si>
  <si>
    <t>8615.0</t>
  </si>
  <si>
    <t>0.2332</t>
  </si>
  <si>
    <t>9380.0</t>
  </si>
  <si>
    <t>8770.0</t>
  </si>
  <si>
    <t>0.2634</t>
  </si>
  <si>
    <t>3.8</t>
  </si>
  <si>
    <t>9565.0</t>
  </si>
  <si>
    <t>8925.0</t>
  </si>
  <si>
    <t>0.1987</t>
  </si>
  <si>
    <t>9749.0</t>
  </si>
  <si>
    <t>237.0</t>
  </si>
  <si>
    <t>9081.0</t>
  </si>
  <si>
    <t>0.2069</t>
  </si>
  <si>
    <t>6355931.0</t>
  </si>
  <si>
    <t>5629522.0</t>
  </si>
  <si>
    <t>4979930.0</t>
  </si>
  <si>
    <t>9934.0</t>
  </si>
  <si>
    <t>15.45</t>
  </si>
  <si>
    <t>13.69</t>
  </si>
  <si>
    <t>12.11</t>
  </si>
  <si>
    <t>242.0</t>
  </si>
  <si>
    <t>9236.0</t>
  </si>
  <si>
    <t>0.222</t>
  </si>
  <si>
    <t>9924.0</t>
  </si>
  <si>
    <t>9379.0</t>
  </si>
  <si>
    <t>994894.0</t>
  </si>
  <si>
    <t>24.811</t>
  </si>
  <si>
    <t>0.1714</t>
  </si>
  <si>
    <t>5.8</t>
  </si>
  <si>
    <t>9729.0</t>
  </si>
  <si>
    <t>9367.0</t>
  </si>
  <si>
    <t>9535.0</t>
  </si>
  <si>
    <t>232.0</t>
  </si>
  <si>
    <t>9355.0</t>
  </si>
  <si>
    <t>9341.0</t>
  </si>
  <si>
    <t>9343.0</t>
  </si>
  <si>
    <t>9146.0</t>
  </si>
  <si>
    <t>222.0</t>
  </si>
  <si>
    <t>9331.0</t>
  </si>
  <si>
    <t>6408475.0</t>
  </si>
  <si>
    <t>8952.0</t>
  </si>
  <si>
    <t>15.58</t>
  </si>
  <si>
    <t>218.0</t>
  </si>
  <si>
    <t>9319.0</t>
  </si>
  <si>
    <t>9263.0</t>
  </si>
  <si>
    <t>225.0</t>
  </si>
  <si>
    <t>9307.0</t>
  </si>
  <si>
    <t>9768.0</t>
  </si>
  <si>
    <t>6445359.0</t>
  </si>
  <si>
    <t>5713284.0</t>
  </si>
  <si>
    <t>5064430.0</t>
  </si>
  <si>
    <t>15.67</t>
  </si>
  <si>
    <t>13.89</t>
  </si>
  <si>
    <t>12.31</t>
  </si>
  <si>
    <t>9676.0</t>
  </si>
  <si>
    <t>235.0</t>
  </si>
  <si>
    <t>8577.0</t>
  </si>
  <si>
    <t>9078.0</t>
  </si>
  <si>
    <t>221.0</t>
  </si>
  <si>
    <t>7848.0</t>
  </si>
  <si>
    <t>8481.0</t>
  </si>
  <si>
    <t>7119.0</t>
  </si>
  <si>
    <t>7884.0</t>
  </si>
  <si>
    <t>6389.0</t>
  </si>
  <si>
    <t>6781.0</t>
  </si>
  <si>
    <t>5660.0</t>
  </si>
  <si>
    <t>5678.0</t>
  </si>
  <si>
    <t>4930.0</t>
  </si>
  <si>
    <t>4575.0</t>
  </si>
  <si>
    <t>111.0</t>
  </si>
  <si>
    <t>4201.0</t>
  </si>
  <si>
    <t>6491111.0</t>
  </si>
  <si>
    <t>5755294.0</t>
  </si>
  <si>
    <t>5105618.0</t>
  </si>
  <si>
    <t>15.78</t>
  </si>
  <si>
    <t>13.99</t>
  </si>
  <si>
    <t>12.41</t>
  </si>
  <si>
    <t>8324.0</t>
  </si>
  <si>
    <t>202.0</t>
  </si>
  <si>
    <t>7970.0</t>
  </si>
  <si>
    <t>12073.0</t>
  </si>
  <si>
    <t>294.0</t>
  </si>
  <si>
    <t>11740.0</t>
  </si>
  <si>
    <t>15822.0</t>
  </si>
  <si>
    <t>19572.0</t>
  </si>
  <si>
    <t>19279.0</t>
  </si>
  <si>
    <t>0.047</t>
  </si>
  <si>
    <t>23321.0</t>
  </si>
  <si>
    <t>567.0</t>
  </si>
  <si>
    <t>23048.0</t>
  </si>
  <si>
    <t>0.056</t>
  </si>
  <si>
    <t>27070.0</t>
  </si>
  <si>
    <t>658.0</t>
  </si>
  <si>
    <t>26818.0</t>
  </si>
  <si>
    <t>6706843.0</t>
  </si>
  <si>
    <t>5969406.0</t>
  </si>
  <si>
    <t>5309804.0</t>
  </si>
  <si>
    <t>30819.0</t>
  </si>
  <si>
    <t>16.31</t>
  </si>
  <si>
    <t>14.51</t>
  </si>
  <si>
    <t>12.91</t>
  </si>
  <si>
    <t>749.0</t>
  </si>
  <si>
    <t>30587.0</t>
  </si>
  <si>
    <t>0.074</t>
  </si>
  <si>
    <t>110573.0</t>
  </si>
  <si>
    <t>2688.0</t>
  </si>
  <si>
    <t>109793.0</t>
  </si>
  <si>
    <t>0.267</t>
  </si>
  <si>
    <t>7885045.0</t>
  </si>
  <si>
    <t>7139453.0</t>
  </si>
  <si>
    <t>6422705.0</t>
  </si>
  <si>
    <t>190328.0</t>
  </si>
  <si>
    <t>19.17</t>
  </si>
  <si>
    <t>17.36</t>
  </si>
  <si>
    <t>15.62</t>
  </si>
  <si>
    <t>4628.0</t>
  </si>
  <si>
    <t>188998.0</t>
  </si>
  <si>
    <t>188703.0</t>
  </si>
  <si>
    <t>4588.0</t>
  </si>
  <si>
    <t>187401.0</t>
  </si>
  <si>
    <t>0.456</t>
  </si>
  <si>
    <t>187078.0</t>
  </si>
  <si>
    <t>4549.0</t>
  </si>
  <si>
    <t>185803.0</t>
  </si>
  <si>
    <t>0.452</t>
  </si>
  <si>
    <t>185454.0</t>
  </si>
  <si>
    <t>4509.0</t>
  </si>
  <si>
    <t>184206.0</t>
  </si>
  <si>
    <t>183829.0</t>
  </si>
  <si>
    <t>4470.0</t>
  </si>
  <si>
    <t>182609.0</t>
  </si>
  <si>
    <t>0.444</t>
  </si>
  <si>
    <t>182204.0</t>
  </si>
  <si>
    <t>4430.0</t>
  </si>
  <si>
    <t>181012.0</t>
  </si>
  <si>
    <t>0.44</t>
  </si>
  <si>
    <t>100824.0</t>
  </si>
  <si>
    <t>2451.0</t>
  </si>
  <si>
    <t>100209.0</t>
  </si>
  <si>
    <t>0.244</t>
  </si>
  <si>
    <t>19445.0</t>
  </si>
  <si>
    <t>473.0</t>
  </si>
  <si>
    <t>19407.0</t>
  </si>
  <si>
    <t>8040605.0</t>
  </si>
  <si>
    <t>7294709.0</t>
  </si>
  <si>
    <t>6571487.0</t>
  </si>
  <si>
    <t>19.55</t>
  </si>
  <si>
    <t>17.74</t>
  </si>
  <si>
    <t>15.98</t>
  </si>
  <si>
    <t>39813.0</t>
  </si>
  <si>
    <t>968.0</t>
  </si>
  <si>
    <t>39644.0</t>
  </si>
  <si>
    <t>0.096</t>
  </si>
  <si>
    <t>60182.0</t>
  </si>
  <si>
    <t>1463.0</t>
  </si>
  <si>
    <t>59881.0</t>
  </si>
  <si>
    <t>80550.0</t>
  </si>
  <si>
    <t>1958.0</t>
  </si>
  <si>
    <t>80118.0</t>
  </si>
  <si>
    <t>0.195</t>
  </si>
  <si>
    <t>100918.0</t>
  </si>
  <si>
    <t>2454.0</t>
  </si>
  <si>
    <t>100355.0</t>
  </si>
  <si>
    <t>121287.0</t>
  </si>
  <si>
    <t>2949.0</t>
  </si>
  <si>
    <t>120592.0</t>
  </si>
  <si>
    <t>0.293</t>
  </si>
  <si>
    <t>141655.0</t>
  </si>
  <si>
    <t>3444.0</t>
  </si>
  <si>
    <t>140829.0</t>
  </si>
  <si>
    <t>0.342</t>
  </si>
  <si>
    <t>162023.0</t>
  </si>
  <si>
    <t>3939.0</t>
  </si>
  <si>
    <t>161066.0</t>
  </si>
  <si>
    <t>0.392</t>
  </si>
  <si>
    <t>9822860.0</t>
  </si>
  <si>
    <t>9066437.0</t>
  </si>
  <si>
    <t>8272846.0</t>
  </si>
  <si>
    <t>23.88</t>
  </si>
  <si>
    <t>22.04</t>
  </si>
  <si>
    <t>20.11</t>
  </si>
  <si>
    <t>163767.0</t>
  </si>
  <si>
    <t>3982.0</t>
  </si>
  <si>
    <t>162847.0</t>
  </si>
  <si>
    <t>0.396</t>
  </si>
  <si>
    <t>165511.0</t>
  </si>
  <si>
    <t>4024.0</t>
  </si>
  <si>
    <t>164628.0</t>
  </si>
  <si>
    <t>0.4</t>
  </si>
  <si>
    <t>167254.0</t>
  </si>
  <si>
    <t>4067.0</t>
  </si>
  <si>
    <t>166409.0</t>
  </si>
  <si>
    <t>0.405</t>
  </si>
  <si>
    <t>168998.0</t>
  </si>
  <si>
    <t>4109.0</t>
  </si>
  <si>
    <t>168190.0</t>
  </si>
  <si>
    <t>0.409</t>
  </si>
  <si>
    <t>170742.0</t>
  </si>
  <si>
    <t>4151.0</t>
  </si>
  <si>
    <t>169971.0</t>
  </si>
  <si>
    <t>0.413</t>
  </si>
  <si>
    <t>172486.0</t>
  </si>
  <si>
    <t>4194.0</t>
  </si>
  <si>
    <t>171752.0</t>
  </si>
  <si>
    <t>0.418</t>
  </si>
  <si>
    <t>174229.0</t>
  </si>
  <si>
    <t>4236.0</t>
  </si>
  <si>
    <t>173533.0</t>
  </si>
  <si>
    <t>0.422</t>
  </si>
  <si>
    <t>11216694.0</t>
  </si>
  <si>
    <t>10454698.0</t>
  </si>
  <si>
    <t>9613976.0</t>
  </si>
  <si>
    <t>27.27</t>
  </si>
  <si>
    <t>25.42</t>
  </si>
  <si>
    <t>23.38</t>
  </si>
  <si>
    <t>152911.0</t>
  </si>
  <si>
    <t>3718.0</t>
  </si>
  <si>
    <t>152023.0</t>
  </si>
  <si>
    <t>0.37</t>
  </si>
  <si>
    <t>131593.0</t>
  </si>
  <si>
    <t>3200.0</t>
  </si>
  <si>
    <t>130514.0</t>
  </si>
  <si>
    <t>0.317</t>
  </si>
  <si>
    <t>110274.0</t>
  </si>
  <si>
    <t>2681.0</t>
  </si>
  <si>
    <t>109005.0</t>
  </si>
  <si>
    <t>0.265</t>
  </si>
  <si>
    <t>88956.0</t>
  </si>
  <si>
    <t>2163.0</t>
  </si>
  <si>
    <t>87496.0</t>
  </si>
  <si>
    <t>0.213</t>
  </si>
  <si>
    <t>67638.0</t>
  </si>
  <si>
    <t>1645.0</t>
  </si>
  <si>
    <t>65987.0</t>
  </si>
  <si>
    <t>0.16</t>
  </si>
  <si>
    <t>46320.0</t>
  </si>
  <si>
    <t>1126.0</t>
  </si>
  <si>
    <t>44478.0</t>
  </si>
  <si>
    <t>0.108</t>
  </si>
  <si>
    <t>11391703.0</t>
  </si>
  <si>
    <t>10615478.0</t>
  </si>
  <si>
    <t>9771963.0</t>
  </si>
  <si>
    <t>25001.0</t>
  </si>
  <si>
    <t>27.7</t>
  </si>
  <si>
    <t>25.81</t>
  </si>
  <si>
    <t>23.76</t>
  </si>
  <si>
    <t>608.0</t>
  </si>
  <si>
    <t>22969.0</t>
  </si>
  <si>
    <t>24141.0</t>
  </si>
  <si>
    <t>587.0</t>
  </si>
  <si>
    <t>21516.0</t>
  </si>
  <si>
    <t>0.052</t>
  </si>
  <si>
    <t>23281.0</t>
  </si>
  <si>
    <t>566.0</t>
  </si>
  <si>
    <t>20063.0</t>
  </si>
  <si>
    <t>0.049</t>
  </si>
  <si>
    <t>22421.0</t>
  </si>
  <si>
    <t>545.0</t>
  </si>
  <si>
    <t>18610.0</t>
  </si>
  <si>
    <t>21561.0</t>
  </si>
  <si>
    <t>524.0</t>
  </si>
  <si>
    <t>17157.0</t>
  </si>
  <si>
    <t>0.042</t>
  </si>
  <si>
    <t>20701.0</t>
  </si>
  <si>
    <t>503.0</t>
  </si>
  <si>
    <t>15705.0</t>
  </si>
  <si>
    <t>19840.0</t>
  </si>
  <si>
    <t>482.0</t>
  </si>
  <si>
    <t>14252.0</t>
  </si>
  <si>
    <t>18980.0</t>
  </si>
  <si>
    <t>461.0</t>
  </si>
  <si>
    <t>12799.0</t>
  </si>
  <si>
    <t>11562525.0</t>
  </si>
  <si>
    <t>10730669.0</t>
  </si>
  <si>
    <t>9939590.0</t>
  </si>
  <si>
    <t>28.11</t>
  </si>
  <si>
    <t>26.09</t>
  </si>
  <si>
    <t>24.17</t>
  </si>
  <si>
    <t>17210.0</t>
  </si>
  <si>
    <t>418.0</t>
  </si>
  <si>
    <t>11599.0</t>
  </si>
  <si>
    <t>15441.0</t>
  </si>
  <si>
    <t>375.0</t>
  </si>
  <si>
    <t>10398.0</t>
  </si>
  <si>
    <t>13671.0</t>
  </si>
  <si>
    <t>332.0</t>
  </si>
  <si>
    <t>9198.0</t>
  </si>
  <si>
    <t>11588893.0</t>
  </si>
  <si>
    <t>10748257.0</t>
  </si>
  <si>
    <t>9963368.0</t>
  </si>
  <si>
    <t>11901.0</t>
  </si>
  <si>
    <t>28.18</t>
  </si>
  <si>
    <t>26.13</t>
  </si>
  <si>
    <t>24.22</t>
  </si>
  <si>
    <t>289.0</t>
  </si>
  <si>
    <t>7998.0</t>
  </si>
  <si>
    <t>11971.0</t>
  </si>
  <si>
    <t>291.0</t>
  </si>
  <si>
    <t>7701.0</t>
  </si>
  <si>
    <t>12041.0</t>
  </si>
  <si>
    <t>293.0</t>
  </si>
  <si>
    <t>12111.0</t>
  </si>
  <si>
    <t>7107.0</t>
  </si>
  <si>
    <t>13951.0</t>
  </si>
  <si>
    <t>339.0</t>
  </si>
  <si>
    <t>8010.0</t>
  </si>
  <si>
    <t>15791.0</t>
  </si>
  <si>
    <t>384.0</t>
  </si>
  <si>
    <t>8914.0</t>
  </si>
  <si>
    <t>17631.0</t>
  </si>
  <si>
    <t>429.0</t>
  </si>
  <si>
    <t>9817.0</t>
  </si>
  <si>
    <t>11725188.0</t>
  </si>
  <si>
    <t>10823299.0</t>
  </si>
  <si>
    <t>10096068.0</t>
  </si>
  <si>
    <t>19471.0</t>
  </si>
  <si>
    <t>28.51</t>
  </si>
  <si>
    <t>26.32</t>
  </si>
  <si>
    <t>24.55</t>
  </si>
  <si>
    <t>10720.0</t>
  </si>
  <si>
    <t>11734635.0</t>
  </si>
  <si>
    <t>10827184.0</t>
  </si>
  <si>
    <t>10105500.0</t>
  </si>
  <si>
    <t>9447.0</t>
  </si>
  <si>
    <t>18039.0</t>
  </si>
  <si>
    <t>28.53</t>
  </si>
  <si>
    <t>26.33</t>
  </si>
  <si>
    <t>24.57</t>
  </si>
  <si>
    <t>439.0</t>
  </si>
  <si>
    <t>9744.0</t>
  </si>
  <si>
    <t>17003.0</t>
  </si>
  <si>
    <t>413.0</t>
  </si>
  <si>
    <t>9168.0</t>
  </si>
  <si>
    <t>15968.0</t>
  </si>
  <si>
    <t>388.0</t>
  </si>
  <si>
    <t>8592.0</t>
  </si>
  <si>
    <t>14932.0</t>
  </si>
  <si>
    <t>8016.0</t>
  </si>
  <si>
    <t>13896.0</t>
  </si>
  <si>
    <t>12861.0</t>
  </si>
  <si>
    <t>313.0</t>
  </si>
  <si>
    <t>6864.0</t>
  </si>
  <si>
    <t>11825.0</t>
  </si>
  <si>
    <t>6287.0</t>
  </si>
  <si>
    <t>11820186.0</t>
  </si>
  <si>
    <t>10873999.0</t>
  </si>
  <si>
    <t>10187788.0</t>
  </si>
  <si>
    <t>12222.0</t>
  </si>
  <si>
    <t>28.74</t>
  </si>
  <si>
    <t>26.44</t>
  </si>
  <si>
    <t>24.77</t>
  </si>
  <si>
    <t>6688.0</t>
  </si>
  <si>
    <t>11472.0</t>
  </si>
  <si>
    <t>279.0</t>
  </si>
  <si>
    <t>6629.0</t>
  </si>
  <si>
    <t>10722.0</t>
  </si>
  <si>
    <t>6569.0</t>
  </si>
  <si>
    <t>9972.0</t>
  </si>
  <si>
    <t>6510.0</t>
  </si>
  <si>
    <t>9222.0</t>
  </si>
  <si>
    <t>6451.0</t>
  </si>
  <si>
    <t>8473.0</t>
  </si>
  <si>
    <t>6392.0</t>
  </si>
  <si>
    <t>7723.0</t>
  </si>
  <si>
    <t>188.0</t>
  </si>
  <si>
    <t>6333.0</t>
  </si>
  <si>
    <t>11868997.0</t>
  </si>
  <si>
    <t>10917914.0</t>
  </si>
  <si>
    <t>10233282.0</t>
  </si>
  <si>
    <t>6973.0</t>
  </si>
  <si>
    <t>28.86</t>
  </si>
  <si>
    <t>26.55</t>
  </si>
  <si>
    <t>24.88</t>
  </si>
  <si>
    <t>6274.0</t>
  </si>
  <si>
    <t>6837.0</t>
  </si>
  <si>
    <t>166.0</t>
  </si>
  <si>
    <t>6208.0</t>
  </si>
  <si>
    <t>11881035.0</t>
  </si>
  <si>
    <t>10929549.0</t>
  </si>
  <si>
    <t>10245183.0</t>
  </si>
  <si>
    <t>6700.0</t>
  </si>
  <si>
    <t>28.89</t>
  </si>
  <si>
    <t>26.57</t>
  </si>
  <si>
    <t>24.91</t>
  </si>
  <si>
    <t>163.0</t>
  </si>
  <si>
    <t>6143.0</t>
  </si>
  <si>
    <t>6721.0</t>
  </si>
  <si>
    <t>6011.0</t>
  </si>
  <si>
    <t>6741.0</t>
  </si>
  <si>
    <t>5879.0</t>
  </si>
  <si>
    <t>6762.0</t>
  </si>
  <si>
    <t>5747.0</t>
  </si>
  <si>
    <t>6782.0</t>
  </si>
  <si>
    <t>5615.0</t>
  </si>
  <si>
    <t>6803.0</t>
  </si>
  <si>
    <t>5483.0</t>
  </si>
  <si>
    <t>11923733.0</t>
  </si>
  <si>
    <t>10961643.0</t>
  </si>
  <si>
    <t>10278516.0</t>
  </si>
  <si>
    <t>6960.0</t>
  </si>
  <si>
    <t>28.99</t>
  </si>
  <si>
    <t>26.65</t>
  </si>
  <si>
    <t>24.99</t>
  </si>
  <si>
    <t>5416.0</t>
  </si>
  <si>
    <t>6676.0</t>
  </si>
  <si>
    <t>162.0</t>
  </si>
  <si>
    <t>5107.0</t>
  </si>
  <si>
    <t>6235.0</t>
  </si>
  <si>
    <t>4864.0</t>
  </si>
  <si>
    <t>5795.0</t>
  </si>
  <si>
    <t>141.0</t>
  </si>
  <si>
    <t>4622.0</t>
  </si>
  <si>
    <t>5354.0</t>
  </si>
  <si>
    <t>130.0</t>
  </si>
  <si>
    <t>4380.0</t>
  </si>
  <si>
    <t>4914.0</t>
  </si>
  <si>
    <t>119.0</t>
  </si>
  <si>
    <t>4137.0</t>
  </si>
  <si>
    <t>4473.0</t>
  </si>
  <si>
    <t>109.0</t>
  </si>
  <si>
    <t>11951964.0</t>
  </si>
  <si>
    <t>10987211.0</t>
  </si>
  <si>
    <t>10303193.0</t>
  </si>
  <si>
    <t>4033.0</t>
  </si>
  <si>
    <t>29.06</t>
  </si>
  <si>
    <t>26.71</t>
  </si>
  <si>
    <t>25.05</t>
  </si>
  <si>
    <t>98.0</t>
  </si>
  <si>
    <t>3653.0</t>
  </si>
  <si>
    <t>102.0</t>
  </si>
  <si>
    <t>3849.0</t>
  </si>
  <si>
    <t>4356.0</t>
  </si>
  <si>
    <t>106.0</t>
  </si>
  <si>
    <t>4045.0</t>
  </si>
  <si>
    <t>4517.0</t>
  </si>
  <si>
    <t>110.0</t>
  </si>
  <si>
    <t>4242.0</t>
  </si>
  <si>
    <t>4678.0</t>
  </si>
  <si>
    <t>114.0</t>
  </si>
  <si>
    <t>4438.0</t>
  </si>
  <si>
    <t>11977773.0</t>
  </si>
  <si>
    <t>11012345.0</t>
  </si>
  <si>
    <t>10328057.0</t>
  </si>
  <si>
    <t>4839.0</t>
  </si>
  <si>
    <t>29.12</t>
  </si>
  <si>
    <t>26.78</t>
  </si>
  <si>
    <t>25.11</t>
  </si>
  <si>
    <t>118.0</t>
  </si>
  <si>
    <t>4634.0</t>
  </si>
  <si>
    <t>5649.0</t>
  </si>
  <si>
    <t>137.0</t>
  </si>
  <si>
    <t>5403.0</t>
  </si>
  <si>
    <t>6458.0</t>
  </si>
  <si>
    <t>157.0</t>
  </si>
  <si>
    <t>6172.0</t>
  </si>
  <si>
    <t>7106.0</t>
  </si>
  <si>
    <t>6744.0</t>
  </si>
  <si>
    <t>7754.0</t>
  </si>
  <si>
    <t>189.0</t>
  </si>
  <si>
    <t>7317.0</t>
  </si>
  <si>
    <t>8402.0</t>
  </si>
  <si>
    <t>7889.0</t>
  </si>
  <si>
    <t>9050.0</t>
  </si>
  <si>
    <t>220.0</t>
  </si>
  <si>
    <t>8462.0</t>
  </si>
  <si>
    <t>9698.0</t>
  </si>
  <si>
    <t>9034.0</t>
  </si>
  <si>
    <t>12055358.0</t>
  </si>
  <si>
    <t>11084618.0</t>
  </si>
  <si>
    <t>10386823.0</t>
  </si>
  <si>
    <t>29.31</t>
  </si>
  <si>
    <t>26.95</t>
  </si>
  <si>
    <t>25.25</t>
  </si>
  <si>
    <t>9177.0</t>
  </si>
  <si>
    <t>8565.0</t>
  </si>
  <si>
    <t>8657.0</t>
  </si>
  <si>
    <t>8097.0</t>
  </si>
  <si>
    <t>8136.0</t>
  </si>
  <si>
    <t>198.0</t>
  </si>
  <si>
    <t>7628.0</t>
  </si>
  <si>
    <t>7615.0</t>
  </si>
  <si>
    <t>185.0</t>
  </si>
  <si>
    <t>7159.0</t>
  </si>
  <si>
    <t>7094.0</t>
  </si>
  <si>
    <t>172.0</t>
  </si>
  <si>
    <t>6690.0</t>
  </si>
  <si>
    <t>6574.0</t>
  </si>
  <si>
    <t>6222.0</t>
  </si>
  <si>
    <t>6053.0</t>
  </si>
  <si>
    <t>147.0</t>
  </si>
  <si>
    <t>5753.0</t>
  </si>
  <si>
    <t>12103780.0</t>
  </si>
  <si>
    <t>11130641.0</t>
  </si>
  <si>
    <t>10427132.0</t>
  </si>
  <si>
    <t>29.43</t>
  </si>
  <si>
    <t>27.06</t>
  </si>
  <si>
    <t>25.35</t>
  </si>
  <si>
    <t>12140367.0</t>
  </si>
  <si>
    <t>11165700.0</t>
  </si>
  <si>
    <t>10458947.0</t>
  </si>
  <si>
    <t>36587.0</t>
  </si>
  <si>
    <t>10415.0</t>
  </si>
  <si>
    <t>29.52</t>
  </si>
  <si>
    <t>27.15</t>
  </si>
  <si>
    <t>25.43</t>
  </si>
  <si>
    <t>253.0</t>
  </si>
  <si>
    <t>9939.0</t>
  </si>
  <si>
    <t>10354.0</t>
  </si>
  <si>
    <t>252.0</t>
  </si>
  <si>
    <t>9858.0</t>
  </si>
  <si>
    <t>10294.0</t>
  </si>
  <si>
    <t>9776.0</t>
  </si>
  <si>
    <t>10233.0</t>
  </si>
  <si>
    <t>249.0</t>
  </si>
  <si>
    <t>9694.0</t>
  </si>
  <si>
    <t>10173.0</t>
  </si>
  <si>
    <t>9612.0</t>
  </si>
  <si>
    <t>10112.0</t>
  </si>
  <si>
    <t>9530.0</t>
  </si>
  <si>
    <t>12174141.0</t>
  </si>
  <si>
    <t>11196779.0</t>
  </si>
  <si>
    <t>10489783.0</t>
  </si>
  <si>
    <t>10052.0</t>
  </si>
  <si>
    <t>29.6</t>
  </si>
  <si>
    <t>27.22</t>
  </si>
  <si>
    <t>25.5</t>
  </si>
  <si>
    <t>9448.0</t>
  </si>
  <si>
    <t>5396.0</t>
  </si>
  <si>
    <t>131.0</t>
  </si>
  <si>
    <t>4976.0</t>
  </si>
  <si>
    <t>5163.0</t>
  </si>
  <si>
    <t>126.0</t>
  </si>
  <si>
    <t>4773.0</t>
  </si>
  <si>
    <t>4931.0</t>
  </si>
  <si>
    <t>120.0</t>
  </si>
  <si>
    <t>4569.0</t>
  </si>
  <si>
    <t>4698.0</t>
  </si>
  <si>
    <t>4366.0</t>
  </si>
  <si>
    <t>4465.0</t>
  </si>
  <si>
    <t>4162.0</t>
  </si>
  <si>
    <t>4232.0</t>
  </si>
  <si>
    <t>3959.0</t>
  </si>
  <si>
    <t>12202136.0</t>
  </si>
  <si>
    <t>11223064.0</t>
  </si>
  <si>
    <t>10517707.0</t>
  </si>
  <si>
    <t>3999.0</t>
  </si>
  <si>
    <t>29.67</t>
  </si>
  <si>
    <t>27.29</t>
  </si>
  <si>
    <t>25.57</t>
  </si>
  <si>
    <t>12216936.0</t>
  </si>
  <si>
    <t>11236798.0</t>
  </si>
  <si>
    <t>10531675.0</t>
  </si>
  <si>
    <t>14800.0</t>
  </si>
  <si>
    <t>5542.0</t>
  </si>
  <si>
    <t>29.7</t>
  </si>
  <si>
    <t>27.32</t>
  </si>
  <si>
    <t>25.61</t>
  </si>
  <si>
    <t>135.0</t>
  </si>
  <si>
    <t>5181.0</t>
  </si>
  <si>
    <t>5737.0</t>
  </si>
  <si>
    <t>139.0</t>
  </si>
  <si>
    <t>5372.0</t>
  </si>
  <si>
    <t>5931.0</t>
  </si>
  <si>
    <t>5563.0</t>
  </si>
  <si>
    <t>5754.0</t>
  </si>
  <si>
    <t>6321.0</t>
  </si>
  <si>
    <t>5945.0</t>
  </si>
  <si>
    <t>6515.0</t>
  </si>
  <si>
    <t>6136.0</t>
  </si>
  <si>
    <t>6710.0</t>
  </si>
  <si>
    <t>6327.0</t>
  </si>
  <si>
    <t>5361.0</t>
  </si>
  <si>
    <t>5093.0</t>
  </si>
  <si>
    <t>12275911.0</t>
  </si>
  <si>
    <t>11292816.0</t>
  </si>
  <si>
    <t>10587076.0</t>
  </si>
  <si>
    <t>29.85</t>
  </si>
  <si>
    <t>27.46</t>
  </si>
  <si>
    <t>25.74</t>
  </si>
  <si>
    <t>5113.0</t>
  </si>
  <si>
    <t>4867.0</t>
  </si>
  <si>
    <t>4865.0</t>
  </si>
  <si>
    <t>4641.0</t>
  </si>
  <si>
    <t>4617.0</t>
  </si>
  <si>
    <t>4415.0</t>
  </si>
  <si>
    <t>4368.0</t>
  </si>
  <si>
    <t>4189.0</t>
  </si>
  <si>
    <t>4120.0</t>
  </si>
  <si>
    <t>3963.0</t>
  </si>
  <si>
    <t>3872.0</t>
  </si>
  <si>
    <t>3738.0</t>
  </si>
  <si>
    <t>3624.0</t>
  </si>
  <si>
    <t>88.0</t>
  </si>
  <si>
    <t>3512.0</t>
  </si>
  <si>
    <t>12304901.0</t>
  </si>
  <si>
    <t>11320910.0</t>
  </si>
  <si>
    <t>10615628.0</t>
  </si>
  <si>
    <t>29.92</t>
  </si>
  <si>
    <t>27.53</t>
  </si>
  <si>
    <t>4324.0</t>
  </si>
  <si>
    <t>4176.0</t>
  </si>
  <si>
    <t>5025.0</t>
  </si>
  <si>
    <t>122.0</t>
  </si>
  <si>
    <t>4841.0</t>
  </si>
  <si>
    <t>5725.0</t>
  </si>
  <si>
    <t>5505.0</t>
  </si>
  <si>
    <t>6426.0</t>
  </si>
  <si>
    <t>6170.0</t>
  </si>
  <si>
    <t>7126.0</t>
  </si>
  <si>
    <t>6835.0</t>
  </si>
  <si>
    <t>7827.0</t>
  </si>
  <si>
    <t>7499.0</t>
  </si>
  <si>
    <t>8528.0</t>
  </si>
  <si>
    <t>207.0</t>
  </si>
  <si>
    <t>8164.0</t>
  </si>
  <si>
    <t>12449870.0</t>
  </si>
  <si>
    <t>11459692.0</t>
  </si>
  <si>
    <t>10754839.0</t>
  </si>
  <si>
    <t>30.27</t>
  </si>
  <si>
    <t>27.86</t>
  </si>
  <si>
    <t>26.15</t>
  </si>
  <si>
    <t>OWID_AFR</t>
  </si>
  <si>
    <t>Africa</t>
  </si>
  <si>
    <t>500.0</t>
  </si>
  <si>
    <t>2000.0</t>
  </si>
  <si>
    <t>1000.0</t>
  </si>
  <si>
    <t>600.0</t>
  </si>
  <si>
    <t>4000.0</t>
  </si>
  <si>
    <t>667.0</t>
  </si>
  <si>
    <t>7000.0</t>
  </si>
  <si>
    <t>1.0</t>
  </si>
  <si>
    <t>1325.0</t>
  </si>
  <si>
    <t>1236.0</t>
  </si>
  <si>
    <t>10976.0</t>
  </si>
  <si>
    <t>1354.0</t>
  </si>
  <si>
    <t>13163.0</t>
  </si>
  <si>
    <t>2187.0</t>
  </si>
  <si>
    <t>1595.0</t>
  </si>
  <si>
    <t>1864.0</t>
  </si>
  <si>
    <t>1718.0</t>
  </si>
  <si>
    <t>16890.0</t>
  </si>
  <si>
    <t>1841.0</t>
  </si>
  <si>
    <t>18353.0</t>
  </si>
  <si>
    <t>1622.0</t>
  </si>
  <si>
    <t>768.0</t>
  </si>
  <si>
    <t>1542.0</t>
  </si>
  <si>
    <t>19889.0</t>
  </si>
  <si>
    <t>987.0</t>
  </si>
  <si>
    <t>1682.0</t>
  </si>
  <si>
    <t>22712.0</t>
  </si>
  <si>
    <t>3072.0</t>
  </si>
  <si>
    <t>1926.0</t>
  </si>
  <si>
    <t>25587.0</t>
  </si>
  <si>
    <t>3124.0</t>
  </si>
  <si>
    <t>2024.0</t>
  </si>
  <si>
    <t>28779.0</t>
  </si>
  <si>
    <t>3441.0</t>
  </si>
  <si>
    <t>2214.0</t>
  </si>
  <si>
    <t>30861.0</t>
  </si>
  <si>
    <t>47331.0</t>
  </si>
  <si>
    <t>47245.0</t>
  </si>
  <si>
    <t>2245.0</t>
  </si>
  <si>
    <t>122206.0</t>
  </si>
  <si>
    <t>32206.0</t>
  </si>
  <si>
    <t>46685.0</t>
  </si>
  <si>
    <t>47267.0</t>
  </si>
  <si>
    <t>2267.0</t>
  </si>
  <si>
    <t>158206.0</t>
  </si>
  <si>
    <t>44099.0</t>
  </si>
  <si>
    <t>46602.0</t>
  </si>
  <si>
    <t>4602.0</t>
  </si>
  <si>
    <t>236712.0</t>
  </si>
  <si>
    <t>36631.0</t>
  </si>
  <si>
    <t>82180.0</t>
  </si>
  <si>
    <t>55718.0</t>
  </si>
  <si>
    <t>39.0</t>
  </si>
  <si>
    <t>5698.0</t>
  </si>
  <si>
    <t>295127.0</t>
  </si>
  <si>
    <t>37836.0</t>
  </si>
  <si>
    <t>65305.0</t>
  </si>
  <si>
    <t>57648.0</t>
  </si>
  <si>
    <t>40.0</t>
  </si>
  <si>
    <t>6190.0</t>
  </si>
  <si>
    <t>347149.0</t>
  </si>
  <si>
    <t>38746.0</t>
  </si>
  <si>
    <t>58805.0</t>
  </si>
  <si>
    <t>57894.0</t>
  </si>
  <si>
    <t>41.0</t>
  </si>
  <si>
    <t>6493.0</t>
  </si>
  <si>
    <t>390474.0</t>
  </si>
  <si>
    <t>50984.0</t>
  </si>
  <si>
    <t>56995.0</t>
  </si>
  <si>
    <t>6673.0</t>
  </si>
  <si>
    <t>446986.0</t>
  </si>
  <si>
    <t>64171.0</t>
  </si>
  <si>
    <t>58945.0</t>
  </si>
  <si>
    <t>6902.0</t>
  </si>
  <si>
    <t>504800.0</t>
  </si>
  <si>
    <t>39248.0</t>
  </si>
  <si>
    <t>1586.0</t>
  </si>
  <si>
    <t>63390.0</t>
  </si>
  <si>
    <t>61320.0</t>
  </si>
  <si>
    <t>43.0</t>
  </si>
  <si>
    <t>7669.0</t>
  </si>
  <si>
    <t>51317.0</t>
  </si>
  <si>
    <t>62340.0</t>
  </si>
  <si>
    <t>7505.0</t>
  </si>
  <si>
    <t>593502.0</t>
  </si>
  <si>
    <t>39373.0</t>
  </si>
  <si>
    <t>3980.0</t>
  </si>
  <si>
    <t>57920.0</t>
  </si>
  <si>
    <t>7341.0</t>
  </si>
  <si>
    <t>661263.0</t>
  </si>
  <si>
    <t>39382.0</t>
  </si>
  <si>
    <t>74726.0</t>
  </si>
  <si>
    <t>59255.0</t>
  </si>
  <si>
    <t>0.05</t>
  </si>
  <si>
    <t>42.0</t>
  </si>
  <si>
    <t>7171.0</t>
  </si>
  <si>
    <t>795836.0</t>
  </si>
  <si>
    <t>39385.0</t>
  </si>
  <si>
    <t>10335.0</t>
  </si>
  <si>
    <t>141538.0</t>
  </si>
  <si>
    <t>71063.0</t>
  </si>
  <si>
    <t>0.06</t>
  </si>
  <si>
    <t>50.0</t>
  </si>
  <si>
    <t>7056.0</t>
  </si>
  <si>
    <t>908796.0</t>
  </si>
  <si>
    <t>39611.0</t>
  </si>
  <si>
    <t>13867.0</t>
  </si>
  <si>
    <t>119925.0</t>
  </si>
  <si>
    <t>80912.0</t>
  </si>
  <si>
    <t>57.0</t>
  </si>
  <si>
    <t>7065.0</t>
  </si>
  <si>
    <t>1165581.0</t>
  </si>
  <si>
    <t>265830.0</t>
  </si>
  <si>
    <t>109721.0</t>
  </si>
  <si>
    <t>0.08</t>
  </si>
  <si>
    <t>77.0</t>
  </si>
  <si>
    <t>7316.0</t>
  </si>
  <si>
    <t>1446178.0</t>
  </si>
  <si>
    <t>43458.0</t>
  </si>
  <si>
    <t>14181.0</t>
  </si>
  <si>
    <t>285481.0</t>
  </si>
  <si>
    <t>141448.0</t>
  </si>
  <si>
    <t>0.1</t>
  </si>
  <si>
    <t>99.0</t>
  </si>
  <si>
    <t>7566.0</t>
  </si>
  <si>
    <t>167375.0</t>
  </si>
  <si>
    <t>158028.0</t>
  </si>
  <si>
    <t>7558.0</t>
  </si>
  <si>
    <t>1766999.0</t>
  </si>
  <si>
    <t>43467.0</t>
  </si>
  <si>
    <t>16441.0</t>
  </si>
  <si>
    <t>174607.0</t>
  </si>
  <si>
    <t>0.12</t>
  </si>
  <si>
    <t>7550.0</t>
  </si>
  <si>
    <t>1965819.0</t>
  </si>
  <si>
    <t>43474.0</t>
  </si>
  <si>
    <t>18176.0</t>
  </si>
  <si>
    <t>209955.0</t>
  </si>
  <si>
    <t>197500.0</t>
  </si>
  <si>
    <t>11720.0</t>
  </si>
  <si>
    <t>2147659.0</t>
  </si>
  <si>
    <t>47134.0</t>
  </si>
  <si>
    <t>19512.0</t>
  </si>
  <si>
    <t>190469.0</t>
  </si>
  <si>
    <t>204864.0</t>
  </si>
  <si>
    <t>0.15</t>
  </si>
  <si>
    <t>12853.0</t>
  </si>
  <si>
    <t>2304003.0</t>
  </si>
  <si>
    <t>50215.0</t>
  </si>
  <si>
    <t>22925.0</t>
  </si>
  <si>
    <t>169325.0</t>
  </si>
  <si>
    <t>211163.0</t>
  </si>
  <si>
    <t>13363.0</t>
  </si>
  <si>
    <t>2514038.0</t>
  </si>
  <si>
    <t>2487572.0</t>
  </si>
  <si>
    <t>32990.0</t>
  </si>
  <si>
    <t>149640.0</t>
  </si>
  <si>
    <t>194769.0</t>
  </si>
  <si>
    <t>0.18</t>
  </si>
  <si>
    <t>0.17</t>
  </si>
  <si>
    <t>15109.0</t>
  </si>
  <si>
    <t>2616970.0</t>
  </si>
  <si>
    <t>2581895.0</t>
  </si>
  <si>
    <t>45489.0</t>
  </si>
  <si>
    <t>136386.0</t>
  </si>
  <si>
    <t>172687.0</t>
  </si>
  <si>
    <t>121.0</t>
  </si>
  <si>
    <t>108255.0</t>
  </si>
  <si>
    <t>2623735.0</t>
  </si>
  <si>
    <t>2588660.0</t>
  </si>
  <si>
    <t>50463.0</t>
  </si>
  <si>
    <t>95674.0</t>
  </si>
  <si>
    <t>161551.0</t>
  </si>
  <si>
    <t>113.0</t>
  </si>
  <si>
    <t>92146.0</t>
  </si>
  <si>
    <t>2745898.0</t>
  </si>
  <si>
    <t>2700632.0</t>
  </si>
  <si>
    <t>68325.0</t>
  </si>
  <si>
    <t>101548.0</t>
  </si>
  <si>
    <t>151261.0</t>
  </si>
  <si>
    <t>89516.0</t>
  </si>
  <si>
    <t>2854362.0</t>
  </si>
  <si>
    <t>2799750.0</t>
  </si>
  <si>
    <t>86927.0</t>
  </si>
  <si>
    <t>137376.0</t>
  </si>
  <si>
    <t>140359.0</t>
  </si>
  <si>
    <t>0.2</t>
  </si>
  <si>
    <t>97995.0</t>
  </si>
  <si>
    <t>3151789.0</t>
  </si>
  <si>
    <t>3091099.0</t>
  </si>
  <si>
    <t>102499.0</t>
  </si>
  <si>
    <t>332462.0</t>
  </si>
  <si>
    <t>161949.0</t>
  </si>
  <si>
    <t>145422.0</t>
  </si>
  <si>
    <t>3435126.0</t>
  </si>
  <si>
    <t>3367981.0</t>
  </si>
  <si>
    <t>119792.0</t>
  </si>
  <si>
    <t>313844.0</t>
  </si>
  <si>
    <t>183228.0</t>
  </si>
  <si>
    <t>174560.0</t>
  </si>
  <si>
    <t>3677781.0</t>
  </si>
  <si>
    <t>3557825.0</t>
  </si>
  <si>
    <t>183604.0</t>
  </si>
  <si>
    <t>277597.0</t>
  </si>
  <si>
    <t>201588.0</t>
  </si>
  <si>
    <t>0.26</t>
  </si>
  <si>
    <t>0.25</t>
  </si>
  <si>
    <t>184247.0</t>
  </si>
  <si>
    <t>3866524.0</t>
  </si>
  <si>
    <t>3681069.0</t>
  </si>
  <si>
    <t>252758.0</t>
  </si>
  <si>
    <t>219343.0</t>
  </si>
  <si>
    <t>212586.0</t>
  </si>
  <si>
    <t>187121.0</t>
  </si>
  <si>
    <t>3874251.0</t>
  </si>
  <si>
    <t>3688796.0</t>
  </si>
  <si>
    <t>255982.0</t>
  </si>
  <si>
    <t>142718.0</t>
  </si>
  <si>
    <t>218485.0</t>
  </si>
  <si>
    <t>188622.0</t>
  </si>
  <si>
    <t>4092105.0</t>
  </si>
  <si>
    <t>3834895.0</t>
  </si>
  <si>
    <t>330257.0</t>
  </si>
  <si>
    <t>148405.0</t>
  </si>
  <si>
    <t>224535.0</t>
  </si>
  <si>
    <t>190401.0</t>
  </si>
  <si>
    <t>4253030.0</t>
  </si>
  <si>
    <t>3934943.0</t>
  </si>
  <si>
    <t>394124.0</t>
  </si>
  <si>
    <t>224248.0</t>
  </si>
  <si>
    <t>262819.0</t>
  </si>
  <si>
    <t>0.3</t>
  </si>
  <si>
    <t>221170.0</t>
  </si>
  <si>
    <t>4424425.0</t>
  </si>
  <si>
    <t>4039134.0</t>
  </si>
  <si>
    <t>468861.0</t>
  </si>
  <si>
    <t>233986.0</t>
  </si>
  <si>
    <t>244439.0</t>
  </si>
  <si>
    <t>0.31</t>
  </si>
  <si>
    <t>194095.0</t>
  </si>
  <si>
    <t>4570416.0</t>
  </si>
  <si>
    <t>4132764.0</t>
  </si>
  <si>
    <t>529681.0</t>
  </si>
  <si>
    <t>208948.0</t>
  </si>
  <si>
    <t>225141.0</t>
  </si>
  <si>
    <t>0.32</t>
  </si>
  <si>
    <t>168228.0</t>
  </si>
  <si>
    <t>4808377.0</t>
  </si>
  <si>
    <t>4283815.0</t>
  </si>
  <si>
    <t>624742.0</t>
  </si>
  <si>
    <t>227944.0</t>
  </si>
  <si>
    <t>214931.0</t>
  </si>
  <si>
    <t>0.34</t>
  </si>
  <si>
    <t>153079.0</t>
  </si>
  <si>
    <t>5013434.0</t>
  </si>
  <si>
    <t>4409872.0</t>
  </si>
  <si>
    <t>705135.0</t>
  </si>
  <si>
    <t>263868.0</t>
  </si>
  <si>
    <t>216781.0</t>
  </si>
  <si>
    <t>152929.0</t>
  </si>
  <si>
    <t>5054444.0</t>
  </si>
  <si>
    <t>4450882.0</t>
  </si>
  <si>
    <t>162402.0</t>
  </si>
  <si>
    <t>215080.0</t>
  </si>
  <si>
    <t>151112.0</t>
  </si>
  <si>
    <t>5402720.0</t>
  </si>
  <si>
    <t>4724802.0</t>
  </si>
  <si>
    <t>779759.0</t>
  </si>
  <si>
    <t>144365.0</t>
  </si>
  <si>
    <t>216626.0</t>
  </si>
  <si>
    <t>0.33</t>
  </si>
  <si>
    <t>152542.0</t>
  </si>
  <si>
    <t>5543143.0</t>
  </si>
  <si>
    <t>4799463.0</t>
  </si>
  <si>
    <t>850734.0</t>
  </si>
  <si>
    <t>232747.0</t>
  </si>
  <si>
    <t>216535.0</t>
  </si>
  <si>
    <t>0.39</t>
  </si>
  <si>
    <t>151756.0</t>
  </si>
  <si>
    <t>5883345.0</t>
  </si>
  <si>
    <t>5002177.0</t>
  </si>
  <si>
    <t>1010055.0</t>
  </si>
  <si>
    <t>331748.0</t>
  </si>
  <si>
    <t>232484.0</t>
  </si>
  <si>
    <t>0.41</t>
  </si>
  <si>
    <t>0.07</t>
  </si>
  <si>
    <t>157662.0</t>
  </si>
  <si>
    <t>6071753.0</t>
  </si>
  <si>
    <t>5072638.0</t>
  </si>
  <si>
    <t>1137129.0</t>
  </si>
  <si>
    <t>274067.0</t>
  </si>
  <si>
    <t>241354.0</t>
  </si>
  <si>
    <t>157162.0</t>
  </si>
  <si>
    <t>6381772.0</t>
  </si>
  <si>
    <t>5129777.0</t>
  </si>
  <si>
    <t>1397210.0</t>
  </si>
  <si>
    <t>395014.0</t>
  </si>
  <si>
    <t>263332.0</t>
  </si>
  <si>
    <t>155485.0</t>
  </si>
  <si>
    <t>6785420.0</t>
  </si>
  <si>
    <t>5286646.0</t>
  </si>
  <si>
    <t>1644318.0</t>
  </si>
  <si>
    <t>379900.0</t>
  </si>
  <si>
    <t>278641.0</t>
  </si>
  <si>
    <t>146881.0</t>
  </si>
  <si>
    <t>6801943.0</t>
  </si>
  <si>
    <t>5303169.0</t>
  </si>
  <si>
    <t>224940.0</t>
  </si>
  <si>
    <t>285821.0</t>
  </si>
  <si>
    <t>138164.0</t>
  </si>
  <si>
    <t>7194978.0</t>
  </si>
  <si>
    <t>5400064.0</t>
  </si>
  <si>
    <t>1942667.0</t>
  </si>
  <si>
    <t>278754.0</t>
  </si>
  <si>
    <t>304812.0</t>
  </si>
  <si>
    <t>0.5</t>
  </si>
  <si>
    <t>214.0</t>
  </si>
  <si>
    <t>141258.0</t>
  </si>
  <si>
    <t>7430457.0</t>
  </si>
  <si>
    <t>5441219.0</t>
  </si>
  <si>
    <t>2146524.0</t>
  </si>
  <si>
    <t>319415.0</t>
  </si>
  <si>
    <t>316635.0</t>
  </si>
  <si>
    <t>0.52</t>
  </si>
  <si>
    <t>134840.0</t>
  </si>
  <si>
    <t>7632156.0</t>
  </si>
  <si>
    <t>5487833.0</t>
  </si>
  <si>
    <t>2312736.0</t>
  </si>
  <si>
    <t>276357.0</t>
  </si>
  <si>
    <t>308517.0</t>
  </si>
  <si>
    <t>124050.0</t>
  </si>
  <si>
    <t>7819596.0</t>
  </si>
  <si>
    <t>5675022.0</t>
  </si>
  <si>
    <t>2321849.0</t>
  </si>
  <si>
    <t>242601.0</t>
  </si>
  <si>
    <t>306759.0</t>
  </si>
  <si>
    <t>0.55</t>
  </si>
  <si>
    <t>122253.0</t>
  </si>
  <si>
    <t>8102429.0</t>
  </si>
  <si>
    <t>5746851.0</t>
  </si>
  <si>
    <t>2563824.0</t>
  </si>
  <si>
    <t>248448.0</t>
  </si>
  <si>
    <t>286121.0</t>
  </si>
  <si>
    <t>0.57</t>
  </si>
  <si>
    <t>120772.0</t>
  </si>
  <si>
    <t>8194788.0</t>
  </si>
  <si>
    <t>5768178.0</t>
  </si>
  <si>
    <t>2634856.0</t>
  </si>
  <si>
    <t>196667.0</t>
  </si>
  <si>
    <t>258837.0</t>
  </si>
  <si>
    <t>120731.0</t>
  </si>
  <si>
    <t>8216336.0</t>
  </si>
  <si>
    <t>5789726.0</t>
  </si>
  <si>
    <t>163217.0</t>
  </si>
  <si>
    <t>248970.0</t>
  </si>
  <si>
    <t>175.0</t>
  </si>
  <si>
    <t>125225.0</t>
  </si>
  <si>
    <t>8338577.0</t>
  </si>
  <si>
    <t>5818325.0</t>
  </si>
  <si>
    <t>2728498.0</t>
  </si>
  <si>
    <t>162934.0</t>
  </si>
  <si>
    <t>231329.0</t>
  </si>
  <si>
    <t>121907.0</t>
  </si>
  <si>
    <t>8484800.0</t>
  </si>
  <si>
    <t>5892540.0</t>
  </si>
  <si>
    <t>2820695.0</t>
  </si>
  <si>
    <t>216929.0</t>
  </si>
  <si>
    <t>216241.0</t>
  </si>
  <si>
    <t>0.59</t>
  </si>
  <si>
    <t>123336.0</t>
  </si>
  <si>
    <t>9420911.0</t>
  </si>
  <si>
    <t>6573493.0</t>
  </si>
  <si>
    <t>3089404.0</t>
  </si>
  <si>
    <t>450141.0</t>
  </si>
  <si>
    <t>240212.0</t>
  </si>
  <si>
    <t>0.66</t>
  </si>
  <si>
    <t>168.0</t>
  </si>
  <si>
    <t>133051.0</t>
  </si>
  <si>
    <t>9709302.0</t>
  </si>
  <si>
    <t>6633967.0</t>
  </si>
  <si>
    <t>3329642.0</t>
  </si>
  <si>
    <t>419076.0</t>
  </si>
  <si>
    <t>265363.0</t>
  </si>
  <si>
    <t>0.68</t>
  </si>
  <si>
    <t>0.23</t>
  </si>
  <si>
    <t>186.0</t>
  </si>
  <si>
    <t>142393.0</t>
  </si>
  <si>
    <t>9977830.0</t>
  </si>
  <si>
    <t>6739396.0</t>
  </si>
  <si>
    <t>3503614.0</t>
  </si>
  <si>
    <t>365017.0</t>
  </si>
  <si>
    <t>283399.0</t>
  </si>
  <si>
    <t>0.7</t>
  </si>
  <si>
    <t>0.47</t>
  </si>
  <si>
    <t>199.0</t>
  </si>
  <si>
    <t>153915.0</t>
  </si>
  <si>
    <t>10303667.0</t>
  </si>
  <si>
    <t>6963287.0</t>
  </si>
  <si>
    <t>3606163.0</t>
  </si>
  <si>
    <t>291001.0</t>
  </si>
  <si>
    <t>296831.0</t>
  </si>
  <si>
    <t>0.72</t>
  </si>
  <si>
    <t>0.49</t>
  </si>
  <si>
    <t>208.0</t>
  </si>
  <si>
    <t>162890.0</t>
  </si>
  <si>
    <t>10562516.0</t>
  </si>
  <si>
    <t>7219473.0</t>
  </si>
  <si>
    <t>3608826.0</t>
  </si>
  <si>
    <t>244177.0</t>
  </si>
  <si>
    <t>308129.0</t>
  </si>
  <si>
    <t>0.74</t>
  </si>
  <si>
    <t>0.51</t>
  </si>
  <si>
    <t>171626.0</t>
  </si>
  <si>
    <t>10775431.0</t>
  </si>
  <si>
    <t>7306239.0</t>
  </si>
  <si>
    <t>3743035.0</t>
  </si>
  <si>
    <t>256020.0</t>
  </si>
  <si>
    <t>321220.0</t>
  </si>
  <si>
    <t>0.76</t>
  </si>
  <si>
    <t>182397.0</t>
  </si>
  <si>
    <t>10972216.0</t>
  </si>
  <si>
    <t>7387591.0</t>
  </si>
  <si>
    <t>3870510.0</t>
  </si>
  <si>
    <t>337857.0</t>
  </si>
  <si>
    <t>338221.0</t>
  </si>
  <si>
    <t>0.77</t>
  </si>
  <si>
    <t>194388.0</t>
  </si>
  <si>
    <t>11476248.0</t>
  </si>
  <si>
    <t>7745077.0</t>
  </si>
  <si>
    <t>3995049.0</t>
  </si>
  <si>
    <t>338075.0</t>
  </si>
  <si>
    <t>325014.0</t>
  </si>
  <si>
    <t>0.8</t>
  </si>
  <si>
    <t>0.54</t>
  </si>
  <si>
    <t>201832.0</t>
  </si>
  <si>
    <t>11729825.0</t>
  </si>
  <si>
    <t>7901390.0</t>
  </si>
  <si>
    <t>4097537.0</t>
  </si>
  <si>
    <t>356491.0</t>
  </si>
  <si>
    <t>317673.0</t>
  </si>
  <si>
    <t>0.82</t>
  </si>
  <si>
    <t>210350.0</t>
  </si>
  <si>
    <t>11883589.0</t>
  </si>
  <si>
    <t>7978373.0</t>
  </si>
  <si>
    <t>4174318.0</t>
  </si>
  <si>
    <t>258211.0</t>
  </si>
  <si>
    <t>301462.0</t>
  </si>
  <si>
    <t>0.83</t>
  </si>
  <si>
    <t>0.56</t>
  </si>
  <si>
    <t>206274.0</t>
  </si>
  <si>
    <t>12018828.0</t>
  </si>
  <si>
    <t>8061917.0</t>
  </si>
  <si>
    <t>4226013.0</t>
  </si>
  <si>
    <t>236713.0</t>
  </si>
  <si>
    <t>293039.0</t>
  </si>
  <si>
    <t>0.84</t>
  </si>
  <si>
    <t>205.0</t>
  </si>
  <si>
    <t>204831.0</t>
  </si>
  <si>
    <t>12082780.0</t>
  </si>
  <si>
    <t>8132039.0</t>
  </si>
  <si>
    <t>4226289.0</t>
  </si>
  <si>
    <t>211546.0</t>
  </si>
  <si>
    <t>287474.0</t>
  </si>
  <si>
    <t>0.85</t>
  </si>
  <si>
    <t>203994.0</t>
  </si>
  <si>
    <t>12236282.0</t>
  </si>
  <si>
    <t>8227187.0</t>
  </si>
  <si>
    <t>4285890.0</t>
  </si>
  <si>
    <t>209616.0</t>
  </si>
  <si>
    <t>279834.0</t>
  </si>
  <si>
    <t>0.86</t>
  </si>
  <si>
    <t>196.0</t>
  </si>
  <si>
    <t>200799.0</t>
  </si>
  <si>
    <t>12575036.0</t>
  </si>
  <si>
    <t>8521870.0</t>
  </si>
  <si>
    <t>4333474.0</t>
  </si>
  <si>
    <t>277641.0</t>
  </si>
  <si>
    <t>270236.0</t>
  </si>
  <si>
    <t>0.88</t>
  </si>
  <si>
    <t>0.6</t>
  </si>
  <si>
    <t>200697.0</t>
  </si>
  <si>
    <t>12960258.0</t>
  </si>
  <si>
    <t>8839889.0</t>
  </si>
  <si>
    <t>4399278.0</t>
  </si>
  <si>
    <t>288317.0</t>
  </si>
  <si>
    <t>262716.0</t>
  </si>
  <si>
    <t>0.91</t>
  </si>
  <si>
    <t>0.62</t>
  </si>
  <si>
    <t>201521.0</t>
  </si>
  <si>
    <t>13685750.0</t>
  </si>
  <si>
    <t>9528531.0</t>
  </si>
  <si>
    <t>4443032.0</t>
  </si>
  <si>
    <t>346379.0</t>
  </si>
  <si>
    <t>261256.0</t>
  </si>
  <si>
    <t>0.96</t>
  </si>
  <si>
    <t>0.67</t>
  </si>
  <si>
    <t>208139.0</t>
  </si>
  <si>
    <t>13840825.0</t>
  </si>
  <si>
    <t>9655739.0</t>
  </si>
  <si>
    <t>4477593.0</t>
  </si>
  <si>
    <t>284251.0</t>
  </si>
  <si>
    <t>292457.0</t>
  </si>
  <si>
    <t>0.97</t>
  </si>
  <si>
    <t>246105.0</t>
  </si>
  <si>
    <t>14000751.0</t>
  </si>
  <si>
    <t>9777098.0</t>
  </si>
  <si>
    <t>4516916.0</t>
  </si>
  <si>
    <t>280388.0</t>
  </si>
  <si>
    <t>294100.0</t>
  </si>
  <si>
    <t>0.98</t>
  </si>
  <si>
    <t>0.69</t>
  </si>
  <si>
    <t>249825.0</t>
  </si>
  <si>
    <t>14150137.0</t>
  </si>
  <si>
    <t>9912181.0</t>
  </si>
  <si>
    <t>4531219.0</t>
  </si>
  <si>
    <t>227666.0</t>
  </si>
  <si>
    <t>291807.0</t>
  </si>
  <si>
    <t>0.99</t>
  </si>
  <si>
    <t>249520.0</t>
  </si>
  <si>
    <t>14259556.0</t>
  </si>
  <si>
    <t>10023098.0</t>
  </si>
  <si>
    <t>4533119.0</t>
  </si>
  <si>
    <t>247342.0</t>
  </si>
  <si>
    <t>292945.0</t>
  </si>
  <si>
    <t>254212.0</t>
  </si>
  <si>
    <t>14372773.0</t>
  </si>
  <si>
    <t>10125649.0</t>
  </si>
  <si>
    <t>4546621.0</t>
  </si>
  <si>
    <t>253145.0</t>
  </si>
  <si>
    <t>284888.0</t>
  </si>
  <si>
    <t>1.01</t>
  </si>
  <si>
    <t>0.71</t>
  </si>
  <si>
    <t>251445.0</t>
  </si>
  <si>
    <t>14720408.0</t>
  </si>
  <si>
    <t>10461361.0</t>
  </si>
  <si>
    <t>4558759.0</t>
  </si>
  <si>
    <t>287738.0</t>
  </si>
  <si>
    <t>280168.0</t>
  </si>
  <si>
    <t>1.03</t>
  </si>
  <si>
    <t>0.73</t>
  </si>
  <si>
    <t>251587.0</t>
  </si>
  <si>
    <t>14863081.0</t>
  </si>
  <si>
    <t>10566041.0</t>
  </si>
  <si>
    <t>4589663.0</t>
  </si>
  <si>
    <t>273201.0</t>
  </si>
  <si>
    <t>265885.0</t>
  </si>
  <si>
    <t>1.04</t>
  </si>
  <si>
    <t>240871.0</t>
  </si>
  <si>
    <t>15071502.0</t>
  </si>
  <si>
    <t>10763273.0</t>
  </si>
  <si>
    <t>4600852.0</t>
  </si>
  <si>
    <t>294537.0</t>
  </si>
  <si>
    <t>267243.0</t>
  </si>
  <si>
    <t>1.06</t>
  </si>
  <si>
    <t>0.75</t>
  </si>
  <si>
    <t>187.0</t>
  </si>
  <si>
    <t>244121.0</t>
  </si>
  <si>
    <t>15369995.0</t>
  </si>
  <si>
    <t>11054635.0</t>
  </si>
  <si>
    <t>4607983.0</t>
  </si>
  <si>
    <t>284750.0</t>
  </si>
  <si>
    <t>267653.0</t>
  </si>
  <si>
    <t>1.08</t>
  </si>
  <si>
    <t>247710.0</t>
  </si>
  <si>
    <t>15940217.0</t>
  </si>
  <si>
    <t>11602017.0</t>
  </si>
  <si>
    <t>4630823.0</t>
  </si>
  <si>
    <t>218147.0</t>
  </si>
  <si>
    <t>270563.0</t>
  </si>
  <si>
    <t>1.12</t>
  </si>
  <si>
    <t>0.81</t>
  </si>
  <si>
    <t>251287.0</t>
  </si>
  <si>
    <t>16153571.0</t>
  </si>
  <si>
    <t>11797570.0</t>
  </si>
  <si>
    <t>4648624.0</t>
  </si>
  <si>
    <t>223784.0</t>
  </si>
  <si>
    <t>266512.0</t>
  </si>
  <si>
    <t>1.13</t>
  </si>
  <si>
    <t>244684.0</t>
  </si>
  <si>
    <t>16319878.0</t>
  </si>
  <si>
    <t>11948593.0</t>
  </si>
  <si>
    <t>4663908.0</t>
  </si>
  <si>
    <t>242223.0</t>
  </si>
  <si>
    <t>264002.0</t>
  </si>
  <si>
    <t>239478.0</t>
  </si>
  <si>
    <t>16544360.0</t>
  </si>
  <si>
    <t>12156917.0</t>
  </si>
  <si>
    <t>4680066.0</t>
  </si>
  <si>
    <t>265584.0</t>
  </si>
  <si>
    <t>259851.0</t>
  </si>
  <si>
    <t>233527.0</t>
  </si>
  <si>
    <t>16629919.0</t>
  </si>
  <si>
    <t>12230662.0</t>
  </si>
  <si>
    <t>4691880.0</t>
  </si>
  <si>
    <t>230607.0</t>
  </si>
  <si>
    <t>254219.0</t>
  </si>
  <si>
    <t>178.0</t>
  </si>
  <si>
    <t>226328.0</t>
  </si>
  <si>
    <t>16816072.0</t>
  </si>
  <si>
    <t>12396061.0</t>
  </si>
  <si>
    <t>4712634.0</t>
  </si>
  <si>
    <t>228437.0</t>
  </si>
  <si>
    <t>243782.0</t>
  </si>
  <si>
    <t>0.87</t>
  </si>
  <si>
    <t>214094.0</t>
  </si>
  <si>
    <t>16889560.0</t>
  </si>
  <si>
    <t>12454391.0</t>
  </si>
  <si>
    <t>4727792.0</t>
  </si>
  <si>
    <t>217052.0</t>
  </si>
  <si>
    <t>233119.0</t>
  </si>
  <si>
    <t>201214.0</t>
  </si>
  <si>
    <t>16968624.0</t>
  </si>
  <si>
    <t>12520417.0</t>
  </si>
  <si>
    <t>4740830.0</t>
  </si>
  <si>
    <t>207258.0</t>
  </si>
  <si>
    <t>231325.0</t>
  </si>
  <si>
    <t>1.19</t>
  </si>
  <si>
    <t>197267.0</t>
  </si>
  <si>
    <t>17067708.0</t>
  </si>
  <si>
    <t>12604522.0</t>
  </si>
  <si>
    <t>4755809.0</t>
  </si>
  <si>
    <t>216142.0</t>
  </si>
  <si>
    <t>230025.0</t>
  </si>
  <si>
    <t>1.2</t>
  </si>
  <si>
    <t>195442.0</t>
  </si>
  <si>
    <t>17236944.0</t>
  </si>
  <si>
    <t>12746364.0</t>
  </si>
  <si>
    <t>4783203.0</t>
  </si>
  <si>
    <t>319881.0</t>
  </si>
  <si>
    <t>240915.0</t>
  </si>
  <si>
    <t>1.21</t>
  </si>
  <si>
    <t>0.89</t>
  </si>
  <si>
    <t>203891.0</t>
  </si>
  <si>
    <t>18296567.0</t>
  </si>
  <si>
    <t>13765816.0</t>
  </si>
  <si>
    <t>4828904.0</t>
  </si>
  <si>
    <t>422552.0</t>
  </si>
  <si>
    <t>263135.0</t>
  </si>
  <si>
    <t>1.28</t>
  </si>
  <si>
    <t>222823.0</t>
  </si>
  <si>
    <t>18412478.0</t>
  </si>
  <si>
    <t>13863896.0</t>
  </si>
  <si>
    <t>4856173.0</t>
  </si>
  <si>
    <t>268837.0</t>
  </si>
  <si>
    <t>268593.0</t>
  </si>
  <si>
    <t>1.29</t>
  </si>
  <si>
    <t>225913.0</t>
  </si>
  <si>
    <t>18553633.0</t>
  </si>
  <si>
    <t>13988174.0</t>
  </si>
  <si>
    <t>4883115.0</t>
  </si>
  <si>
    <t>224178.0</t>
  </si>
  <si>
    <t>267984.0</t>
  </si>
  <si>
    <t>1.3</t>
  </si>
  <si>
    <t>225291.0</t>
  </si>
  <si>
    <t>18680562.0</t>
  </si>
  <si>
    <t>14102882.0</t>
  </si>
  <si>
    <t>4896350.0</t>
  </si>
  <si>
    <t>206185.0</t>
  </si>
  <si>
    <t>266432.0</t>
  </si>
  <si>
    <t>1.31</t>
  </si>
  <si>
    <t>224355.0</t>
  </si>
  <si>
    <t>18737253.0</t>
  </si>
  <si>
    <t>14151042.0</t>
  </si>
  <si>
    <t>4904881.0</t>
  </si>
  <si>
    <t>207571.0</t>
  </si>
  <si>
    <t>266478.0</t>
  </si>
  <si>
    <t>221833.0</t>
  </si>
  <si>
    <t>18912400.0</t>
  </si>
  <si>
    <t>14294356.0</t>
  </si>
  <si>
    <t>4947142.0</t>
  </si>
  <si>
    <t>248962.0</t>
  </si>
  <si>
    <t>271166.0</t>
  </si>
  <si>
    <t>224175.0</t>
  </si>
  <si>
    <t>19208526.0</t>
  </si>
  <si>
    <t>14534058.0</t>
  </si>
  <si>
    <t>5027649.0</t>
  </si>
  <si>
    <t>415277.0</t>
  </si>
  <si>
    <t>284796.0</t>
  </si>
  <si>
    <t>1.35</t>
  </si>
  <si>
    <t>1.02</t>
  </si>
  <si>
    <t>232430.0</t>
  </si>
  <si>
    <t>19465156.0</t>
  </si>
  <si>
    <t>14750879.0</t>
  </si>
  <si>
    <t>5082069.0</t>
  </si>
  <si>
    <t>362292.0</t>
  </si>
  <si>
    <t>276189.0</t>
  </si>
  <si>
    <t>1.36</t>
  </si>
  <si>
    <t>222439.0</t>
  </si>
  <si>
    <t>19624727.0</t>
  </si>
  <si>
    <t>14884555.0</t>
  </si>
  <si>
    <t>5107964.0</t>
  </si>
  <si>
    <t>325177.0</t>
  </si>
  <si>
    <t>284153.0</t>
  </si>
  <si>
    <t>1.38</t>
  </si>
  <si>
    <t>228161.0</t>
  </si>
  <si>
    <t>20217766.0</t>
  </si>
  <si>
    <t>15433664.0</t>
  </si>
  <si>
    <t>5166964.0</t>
  </si>
  <si>
    <t>650779.0</t>
  </si>
  <si>
    <t>345109.0</t>
  </si>
  <si>
    <t>284718.0</t>
  </si>
  <si>
    <t>20470293.0</t>
  </si>
  <si>
    <t>15587001.0</t>
  </si>
  <si>
    <t>5265772.0</t>
  </si>
  <si>
    <t>311412.0</t>
  </si>
  <si>
    <t>360157.0</t>
  </si>
  <si>
    <t>1.43</t>
  </si>
  <si>
    <t>293255.0</t>
  </si>
  <si>
    <t>21199764.0</t>
  </si>
  <si>
    <t>16063512.0</t>
  </si>
  <si>
    <t>5518732.0</t>
  </si>
  <si>
    <t>343944.0</t>
  </si>
  <si>
    <t>379652.0</t>
  </si>
  <si>
    <t>1.49</t>
  </si>
  <si>
    <t>312187.0</t>
  </si>
  <si>
    <t>21661168.0</t>
  </si>
  <si>
    <t>16498947.0</t>
  </si>
  <si>
    <t>5557451.0</t>
  </si>
  <si>
    <t>345354.0</t>
  </si>
  <si>
    <t>393436.0</t>
  </si>
  <si>
    <t>327460.0</t>
  </si>
  <si>
    <t>22093409.0</t>
  </si>
  <si>
    <t>16908217.0</t>
  </si>
  <si>
    <t>5599564.0</t>
  </si>
  <si>
    <t>470660.0</t>
  </si>
  <si>
    <t>401362.0</t>
  </si>
  <si>
    <t>1.55</t>
  </si>
  <si>
    <t>281.0</t>
  </si>
  <si>
    <t>341899.0</t>
  </si>
  <si>
    <t>23173673.0</t>
  </si>
  <si>
    <t>17830589.0</t>
  </si>
  <si>
    <t>5773814.0</t>
  </si>
  <si>
    <t>401217.0</t>
  </si>
  <si>
    <t>406939.0</t>
  </si>
  <si>
    <t>1.62</t>
  </si>
  <si>
    <t>1.25</t>
  </si>
  <si>
    <t>347633.0</t>
  </si>
  <si>
    <t>23349102.0</t>
  </si>
  <si>
    <t>17994421.0</t>
  </si>
  <si>
    <t>5809850.0</t>
  </si>
  <si>
    <t>284891.0</t>
  </si>
  <si>
    <t>404600.0</t>
  </si>
  <si>
    <t>1.64</t>
  </si>
  <si>
    <t>1.26</t>
  </si>
  <si>
    <t>284.0</t>
  </si>
  <si>
    <t>346142.0</t>
  </si>
  <si>
    <t>23545212.0</t>
  </si>
  <si>
    <t>18156406.0</t>
  </si>
  <si>
    <t>5863124.0</t>
  </si>
  <si>
    <t>274146.0</t>
  </si>
  <si>
    <t>350222.0</t>
  </si>
  <si>
    <t>1.65</t>
  </si>
  <si>
    <t>1.27</t>
  </si>
  <si>
    <t>291619.0</t>
  </si>
  <si>
    <t>23859298.0</t>
  </si>
  <si>
    <t>18397250.0</t>
  </si>
  <si>
    <t>5940500.0</t>
  </si>
  <si>
    <t>456098.0</t>
  </si>
  <si>
    <t>370322.0</t>
  </si>
  <si>
    <t>1.67</t>
  </si>
  <si>
    <t>0.42</t>
  </si>
  <si>
    <t>260.0</t>
  </si>
  <si>
    <t>307164.0</t>
  </si>
  <si>
    <t>23952426.0</t>
  </si>
  <si>
    <t>18481006.0</t>
  </si>
  <si>
    <t>5950153.0</t>
  </si>
  <si>
    <t>408324.0</t>
  </si>
  <si>
    <t>378950.0</t>
  </si>
  <si>
    <t>1.68</t>
  </si>
  <si>
    <t>312418.0</t>
  </si>
  <si>
    <t>24419391.0</t>
  </si>
  <si>
    <t>18880692.0</t>
  </si>
  <si>
    <t>6017432.0</t>
  </si>
  <si>
    <t>434800.0</t>
  </si>
  <si>
    <t>391159.0</t>
  </si>
  <si>
    <t>1.71</t>
  </si>
  <si>
    <t>1.32</t>
  </si>
  <si>
    <t>274.0</t>
  </si>
  <si>
    <t>318077.0</t>
  </si>
  <si>
    <t>25194293.0</t>
  </si>
  <si>
    <t>19509041.0</t>
  </si>
  <si>
    <t>6165017.0</t>
  </si>
  <si>
    <t>654070.0</t>
  </si>
  <si>
    <t>416792.0</t>
  </si>
  <si>
    <t>1.37</t>
  </si>
  <si>
    <t>334262.0</t>
  </si>
  <si>
    <t>25785942.0</t>
  </si>
  <si>
    <t>19970431.0</t>
  </si>
  <si>
    <t>6295276.0</t>
  </si>
  <si>
    <t>732993.0</t>
  </si>
  <si>
    <t>463617.0</t>
  </si>
  <si>
    <t>1.4</t>
  </si>
  <si>
    <t>325.0</t>
  </si>
  <si>
    <t>363584.0</t>
  </si>
  <si>
    <t>26225226.0</t>
  </si>
  <si>
    <t>20334856.0</t>
  </si>
  <si>
    <t>6370135.0</t>
  </si>
  <si>
    <t>666409.0</t>
  </si>
  <si>
    <t>518121.0</t>
  </si>
  <si>
    <t>1.84</t>
  </si>
  <si>
    <t>403400.0</t>
  </si>
  <si>
    <t>27003443.0</t>
  </si>
  <si>
    <t>20849019.0</t>
  </si>
  <si>
    <t>6634192.0</t>
  </si>
  <si>
    <t>653142.0</t>
  </si>
  <si>
    <t>572262.0</t>
  </si>
  <si>
    <t>1.89</t>
  </si>
  <si>
    <t>401.0</t>
  </si>
  <si>
    <t>444510.0</t>
  </si>
  <si>
    <t>27828521.0</t>
  </si>
  <si>
    <t>21569557.0</t>
  </si>
  <si>
    <t>6738732.0</t>
  </si>
  <si>
    <t>471065.0</t>
  </si>
  <si>
    <t>574398.0</t>
  </si>
  <si>
    <t>1.95</t>
  </si>
  <si>
    <t>1.51</t>
  </si>
  <si>
    <t>403.0</t>
  </si>
  <si>
    <t>450339.0</t>
  </si>
  <si>
    <t>28053599.0</t>
  </si>
  <si>
    <t>21770774.0</t>
  </si>
  <si>
    <t>6762593.0</t>
  </si>
  <si>
    <t>431781.0</t>
  </si>
  <si>
    <t>577751.0</t>
  </si>
  <si>
    <t>1.97</t>
  </si>
  <si>
    <t>452552.0</t>
  </si>
  <si>
    <t>28573801.0</t>
  </si>
  <si>
    <t>22217011.0</t>
  </si>
  <si>
    <t>6836558.0</t>
  </si>
  <si>
    <t>482096.0</t>
  </si>
  <si>
    <t>584507.0</t>
  </si>
  <si>
    <t>457435.0</t>
  </si>
  <si>
    <t>29272846.0</t>
  </si>
  <si>
    <t>22769168.0</t>
  </si>
  <si>
    <t>6983446.0</t>
  </si>
  <si>
    <t>854527.0</t>
  </si>
  <si>
    <t>613143.0</t>
  </si>
  <si>
    <t>2.05</t>
  </si>
  <si>
    <t>1.6</t>
  </si>
  <si>
    <t>430.0</t>
  </si>
  <si>
    <t>466614.0</t>
  </si>
  <si>
    <t>29659348.0</t>
  </si>
  <si>
    <t>23002547.0</t>
  </si>
  <si>
    <t>7112926.0</t>
  </si>
  <si>
    <t>624137.0</t>
  </si>
  <si>
    <t>597591.0</t>
  </si>
  <si>
    <t>2.08</t>
  </si>
  <si>
    <t>448165.0</t>
  </si>
  <si>
    <t>29882000.0</t>
  </si>
  <si>
    <t>23189766.0</t>
  </si>
  <si>
    <t>7136486.0</t>
  </si>
  <si>
    <t>644842.0</t>
  </si>
  <si>
    <t>594508.0</t>
  </si>
  <si>
    <t>2.09</t>
  </si>
  <si>
    <t>1.63</t>
  </si>
  <si>
    <t>417.0</t>
  </si>
  <si>
    <t>438972.0</t>
  </si>
  <si>
    <t>30063329.0</t>
  </si>
  <si>
    <t>23332951.0</t>
  </si>
  <si>
    <t>7174630.0</t>
  </si>
  <si>
    <t>604704.0</t>
  </si>
  <si>
    <t>587591.0</t>
  </si>
  <si>
    <t>2.11</t>
  </si>
  <si>
    <t>424652.0</t>
  </si>
  <si>
    <t>30663011.0</t>
  </si>
  <si>
    <t>23858761.0</t>
  </si>
  <si>
    <t>7229614.0</t>
  </si>
  <si>
    <t>523922.0</t>
  </si>
  <si>
    <t>595143.0</t>
  </si>
  <si>
    <t>2.15</t>
  </si>
  <si>
    <t>413998.0</t>
  </si>
  <si>
    <t>30985815.0</t>
  </si>
  <si>
    <t>24062769.0</t>
  </si>
  <si>
    <t>7296977.0</t>
  </si>
  <si>
    <t>498996.0</t>
  </si>
  <si>
    <t>604747.0</t>
  </si>
  <si>
    <t>2.17</t>
  </si>
  <si>
    <t>1.69</t>
  </si>
  <si>
    <t>399700.0</t>
  </si>
  <si>
    <t>33013477.0</t>
  </si>
  <si>
    <t>24926439.0</t>
  </si>
  <si>
    <t>8432047.0</t>
  </si>
  <si>
    <t>551755.0</t>
  </si>
  <si>
    <t>614697.0</t>
  </si>
  <si>
    <t>2.31</t>
  </si>
  <si>
    <t>1.75</t>
  </si>
  <si>
    <t>431.0</t>
  </si>
  <si>
    <t>392130.0</t>
  </si>
  <si>
    <t>33811824.0</t>
  </si>
  <si>
    <t>25482397.0</t>
  </si>
  <si>
    <t>8669747.0</t>
  </si>
  <si>
    <t>617777.0</t>
  </si>
  <si>
    <t>580875.0</t>
  </si>
  <si>
    <t>2.37</t>
  </si>
  <si>
    <t>0.61</t>
  </si>
  <si>
    <t>407.0</t>
  </si>
  <si>
    <t>355597.0</t>
  </si>
  <si>
    <t>34313737.0</t>
  </si>
  <si>
    <t>25770563.0</t>
  </si>
  <si>
    <t>8853952.0</t>
  </si>
  <si>
    <t>625440.0</t>
  </si>
  <si>
    <t>581057.0</t>
  </si>
  <si>
    <t>2.41</t>
  </si>
  <si>
    <t>347837.0</t>
  </si>
  <si>
    <t>34777443.0</t>
  </si>
  <si>
    <t>26112569.0</t>
  </si>
  <si>
    <t>8974842.0</t>
  </si>
  <si>
    <t>702205.0</t>
  </si>
  <si>
    <t>590077.0</t>
  </si>
  <si>
    <t>2.44</t>
  </si>
  <si>
    <t>1.83</t>
  </si>
  <si>
    <t>0.63</t>
  </si>
  <si>
    <t>414.0</t>
  </si>
  <si>
    <t>351053.0</t>
  </si>
  <si>
    <t>35024406.0</t>
  </si>
  <si>
    <t>26232053.0</t>
  </si>
  <si>
    <t>9103131.0</t>
  </si>
  <si>
    <t>441370.0</t>
  </si>
  <si>
    <t>566606.0</t>
  </si>
  <si>
    <t>2.45</t>
  </si>
  <si>
    <t>0.64</t>
  </si>
  <si>
    <t>332544.0</t>
  </si>
  <si>
    <t>35258269.0</t>
  </si>
  <si>
    <t>26347761.0</t>
  </si>
  <si>
    <t>9179236.0</t>
  </si>
  <si>
    <t>362064.0</t>
  </si>
  <si>
    <t>543351.0</t>
  </si>
  <si>
    <t>2.47</t>
  </si>
  <si>
    <t>1.85</t>
  </si>
  <si>
    <t>316662.0</t>
  </si>
  <si>
    <t>35499875.0</t>
  </si>
  <si>
    <t>26396544.0</t>
  </si>
  <si>
    <t>9372059.0</t>
  </si>
  <si>
    <t>469933.0</t>
  </si>
  <si>
    <t>539062.0</t>
  </si>
  <si>
    <t>378.0</t>
  </si>
  <si>
    <t>312872.0</t>
  </si>
  <si>
    <t>36082955.0</t>
  </si>
  <si>
    <t>26676319.0</t>
  </si>
  <si>
    <t>9675364.0</t>
  </si>
  <si>
    <t>541923.0</t>
  </si>
  <si>
    <t>537521.0</t>
  </si>
  <si>
    <t>2.53</t>
  </si>
  <si>
    <t>307711.0</t>
  </si>
  <si>
    <t>37188892.0</t>
  </si>
  <si>
    <t>27215521.0</t>
  </si>
  <si>
    <t>10230768.0</t>
  </si>
  <si>
    <t>828274.0</t>
  </si>
  <si>
    <t>567452.0</t>
  </si>
  <si>
    <t>2.61</t>
  </si>
  <si>
    <t>1.91</t>
  </si>
  <si>
    <t>315453.0</t>
  </si>
  <si>
    <t>38220307.0</t>
  </si>
  <si>
    <t>27820572.0</t>
  </si>
  <si>
    <t>10657132.0</t>
  </si>
  <si>
    <t>714785.0</t>
  </si>
  <si>
    <t>580077.0</t>
  </si>
  <si>
    <t>2.68</t>
  </si>
  <si>
    <t>309525.0</t>
  </si>
  <si>
    <t>38836032.0</t>
  </si>
  <si>
    <t>28077162.0</t>
  </si>
  <si>
    <t>11002402.0</t>
  </si>
  <si>
    <t>641170.0</t>
  </si>
  <si>
    <t>571357.0</t>
  </si>
  <si>
    <t>2.72</t>
  </si>
  <si>
    <t>400.0</t>
  </si>
  <si>
    <t>284584.0</t>
  </si>
  <si>
    <t>39209078.0</t>
  </si>
  <si>
    <t>28231006.0</t>
  </si>
  <si>
    <t>11221604.0</t>
  </si>
  <si>
    <t>598307.0</t>
  </si>
  <si>
    <t>594018.0</t>
  </si>
  <si>
    <t>2.75</t>
  </si>
  <si>
    <t>1.98</t>
  </si>
  <si>
    <t>0.79</t>
  </si>
  <si>
    <t>416.0</t>
  </si>
  <si>
    <t>286202.0</t>
  </si>
  <si>
    <t>39520074.0</t>
  </si>
  <si>
    <t>28413979.0</t>
  </si>
  <si>
    <t>11341272.0</t>
  </si>
  <si>
    <t>357924.0</t>
  </si>
  <si>
    <t>593389.0</t>
  </si>
  <si>
    <t>2.77</t>
  </si>
  <si>
    <t>1.99</t>
  </si>
  <si>
    <t>283645.0</t>
  </si>
  <si>
    <t>39608060.0</t>
  </si>
  <si>
    <t>28458376.0</t>
  </si>
  <si>
    <t>11367224.0</t>
  </si>
  <si>
    <t>492597.0</t>
  </si>
  <si>
    <t>596588.0</t>
  </si>
  <si>
    <t>2.78</t>
  </si>
  <si>
    <t>282398.0</t>
  </si>
  <si>
    <t>40472051.0</t>
  </si>
  <si>
    <t>28860050.0</t>
  </si>
  <si>
    <t>11826935.0</t>
  </si>
  <si>
    <t>552425.0</t>
  </si>
  <si>
    <t>598047.0</t>
  </si>
  <si>
    <t>2.84</t>
  </si>
  <si>
    <t>2.02</t>
  </si>
  <si>
    <t>282250.0</t>
  </si>
  <si>
    <t>41466546.0</t>
  </si>
  <si>
    <t>29125535.0</t>
  </si>
  <si>
    <t>12539755.0</t>
  </si>
  <si>
    <t>606087.0</t>
  </si>
  <si>
    <t>566265.0</t>
  </si>
  <si>
    <t>2.91</t>
  </si>
  <si>
    <t>2.04</t>
  </si>
  <si>
    <t>265099.0</t>
  </si>
  <si>
    <t>41795578.0</t>
  </si>
  <si>
    <t>29244880.0</t>
  </si>
  <si>
    <t>12739901.0</t>
  </si>
  <si>
    <t>473542.0</t>
  </si>
  <si>
    <t>531760.0</t>
  </si>
  <si>
    <t>2.93</t>
  </si>
  <si>
    <t>373.0</t>
  </si>
  <si>
    <t>248202.0</t>
  </si>
  <si>
    <t>42179059.0</t>
  </si>
  <si>
    <t>29389014.0</t>
  </si>
  <si>
    <t>12979248.0</t>
  </si>
  <si>
    <t>612002.0</t>
  </si>
  <si>
    <t>527557.0</t>
  </si>
  <si>
    <t>2.96</t>
  </si>
  <si>
    <t>2.06</t>
  </si>
  <si>
    <t>370.0</t>
  </si>
  <si>
    <t>251835.0</t>
  </si>
  <si>
    <t>42520531.0</t>
  </si>
  <si>
    <t>29506176.0</t>
  </si>
  <si>
    <t>13203558.0</t>
  </si>
  <si>
    <t>556967.0</t>
  </si>
  <si>
    <t>521648.0</t>
  </si>
  <si>
    <t>2.98</t>
  </si>
  <si>
    <t>2.07</t>
  </si>
  <si>
    <t>0.93</t>
  </si>
  <si>
    <t>253406.0</t>
  </si>
  <si>
    <t>42651690.0</t>
  </si>
  <si>
    <t>29541101.0</t>
  </si>
  <si>
    <t>13290305.0</t>
  </si>
  <si>
    <t>368189.0</t>
  </si>
  <si>
    <t>523113.0</t>
  </si>
  <si>
    <t>2.99</t>
  </si>
  <si>
    <t>256525.0</t>
  </si>
  <si>
    <t>43315836.0</t>
  </si>
  <si>
    <t>30098810.0</t>
  </si>
  <si>
    <t>13396618.0</t>
  </si>
  <si>
    <t>601697.0</t>
  </si>
  <si>
    <t>538700.0</t>
  </si>
  <si>
    <t>3.04</t>
  </si>
  <si>
    <t>0.94</t>
  </si>
  <si>
    <t>275593.0</t>
  </si>
  <si>
    <t>44038203.0</t>
  </si>
  <si>
    <t>30444446.0</t>
  </si>
  <si>
    <t>13773349.0</t>
  </si>
  <si>
    <t>614388.0</t>
  </si>
  <si>
    <t>547553.0</t>
  </si>
  <si>
    <t>3.09</t>
  </si>
  <si>
    <t>2.13</t>
  </si>
  <si>
    <t>283791.0</t>
  </si>
  <si>
    <t>44160883.0</t>
  </si>
  <si>
    <t>30509159.0</t>
  </si>
  <si>
    <t>13823958.0</t>
  </si>
  <si>
    <t>551744.0</t>
  </si>
  <si>
    <t>539790.0</t>
  </si>
  <si>
    <t>2.14</t>
  </si>
  <si>
    <t>296808.0</t>
  </si>
  <si>
    <t>44801997.0</t>
  </si>
  <si>
    <t>30909025.0</t>
  </si>
  <si>
    <t>14022864.0</t>
  </si>
  <si>
    <t>530569.0</t>
  </si>
  <si>
    <t>547936.0</t>
  </si>
  <si>
    <t>3.14</t>
  </si>
  <si>
    <t>319295.0</t>
  </si>
  <si>
    <t>46139681.0</t>
  </si>
  <si>
    <t>31702143.0</t>
  </si>
  <si>
    <t>14566440.0</t>
  </si>
  <si>
    <t>566475.0</t>
  </si>
  <si>
    <t>541432.0</t>
  </si>
  <si>
    <t>3.23</t>
  </si>
  <si>
    <t>2.22</t>
  </si>
  <si>
    <t>322795.0</t>
  </si>
  <si>
    <t>46505062.0</t>
  </si>
  <si>
    <t>31895057.0</t>
  </si>
  <si>
    <t>14738907.0</t>
  </si>
  <si>
    <t>582954.0</t>
  </si>
  <si>
    <t>545146.0</t>
  </si>
  <si>
    <t>3.26</t>
  </si>
  <si>
    <t>2.24</t>
  </si>
  <si>
    <t>382.0</t>
  </si>
  <si>
    <t>327342.0</t>
  </si>
  <si>
    <t>46700046.0</t>
  </si>
  <si>
    <t>31954274.0</t>
  </si>
  <si>
    <t>14863481.0</t>
  </si>
  <si>
    <t>366834.0</t>
  </si>
  <si>
    <t>544953.0</t>
  </si>
  <si>
    <t>3.27</t>
  </si>
  <si>
    <t>324564.0</t>
  </si>
  <si>
    <t>46983983.0</t>
  </si>
  <si>
    <t>32145559.0</t>
  </si>
  <si>
    <t>14955922.0</t>
  </si>
  <si>
    <t>479107.0</t>
  </si>
  <si>
    <t>527440.0</t>
  </si>
  <si>
    <t>3.29</t>
  </si>
  <si>
    <t>2.25</t>
  </si>
  <si>
    <t>316956.0</t>
  </si>
  <si>
    <t>47874526.0</t>
  </si>
  <si>
    <t>32594093.0</t>
  </si>
  <si>
    <t>15364225.0</t>
  </si>
  <si>
    <t>401239.0</t>
  </si>
  <si>
    <t>496989.0</t>
  </si>
  <si>
    <t>3.36</t>
  </si>
  <si>
    <t>2.28</t>
  </si>
  <si>
    <t>296462.0</t>
  </si>
  <si>
    <t>48142113.0</t>
  </si>
  <si>
    <t>32770029.0</t>
  </si>
  <si>
    <t>15450256.0</t>
  </si>
  <si>
    <t>560536.0</t>
  </si>
  <si>
    <t>498247.0</t>
  </si>
  <si>
    <t>3.37</t>
  </si>
  <si>
    <t>286776.0</t>
  </si>
  <si>
    <t>48664662.0</t>
  </si>
  <si>
    <t>33058603.0</t>
  </si>
  <si>
    <t>15683683.0</t>
  </si>
  <si>
    <t>612623.0</t>
  </si>
  <si>
    <t>509971.0</t>
  </si>
  <si>
    <t>3.41</t>
  </si>
  <si>
    <t>2.32</t>
  </si>
  <si>
    <t>1.1</t>
  </si>
  <si>
    <t>281925.0</t>
  </si>
  <si>
    <t>49084712.0</t>
  </si>
  <si>
    <t>33270436.0</t>
  </si>
  <si>
    <t>15762643.0</t>
  </si>
  <si>
    <t>553028.0</t>
  </si>
  <si>
    <t>508052.0</t>
  </si>
  <si>
    <t>3.44</t>
  </si>
  <si>
    <t>2.33</t>
  </si>
  <si>
    <t>356.0</t>
  </si>
  <si>
    <t>280467.0</t>
  </si>
  <si>
    <t>49245678.0</t>
  </si>
  <si>
    <t>33359665.0</t>
  </si>
  <si>
    <t>15829509.0</t>
  </si>
  <si>
    <t>437729.0</t>
  </si>
  <si>
    <t>487302.0</t>
  </si>
  <si>
    <t>3.45</t>
  </si>
  <si>
    <t>1.11</t>
  </si>
  <si>
    <t>274300.0</t>
  </si>
  <si>
    <t>49524849.0</t>
  </si>
  <si>
    <t>33567397.0</t>
  </si>
  <si>
    <t>15864814.0</t>
  </si>
  <si>
    <t>375032.0</t>
  </si>
  <si>
    <t>488470.0</t>
  </si>
  <si>
    <t>3.47</t>
  </si>
  <si>
    <t>2.35</t>
  </si>
  <si>
    <t>281895.0</t>
  </si>
  <si>
    <t>49901604.0</t>
  </si>
  <si>
    <t>33734678.0</t>
  </si>
  <si>
    <t>16043230.0</t>
  </si>
  <si>
    <t>410878.0</t>
  </si>
  <si>
    <t>478722.0</t>
  </si>
  <si>
    <t>3.5</t>
  </si>
  <si>
    <t>2.36</t>
  </si>
  <si>
    <t>271483.0</t>
  </si>
  <si>
    <t>50939231.0</t>
  </si>
  <si>
    <t>34324823.0</t>
  </si>
  <si>
    <t>16473540.0</t>
  </si>
  <si>
    <t>490615.0</t>
  </si>
  <si>
    <t>491491.0</t>
  </si>
  <si>
    <t>3.57</t>
  </si>
  <si>
    <t>1.15</t>
  </si>
  <si>
    <t>291280.0</t>
  </si>
  <si>
    <t>51379966.0</t>
  </si>
  <si>
    <t>34636399.0</t>
  </si>
  <si>
    <t>16587472.0</t>
  </si>
  <si>
    <t>462429.0</t>
  </si>
  <si>
    <t>477476.0</t>
  </si>
  <si>
    <t>3.6</t>
  </si>
  <si>
    <t>2.43</t>
  </si>
  <si>
    <t>294632.0</t>
  </si>
  <si>
    <t>51641882.0</t>
  </si>
  <si>
    <t>34816728.0</t>
  </si>
  <si>
    <t>16687675.0</t>
  </si>
  <si>
    <t>557713.0</t>
  </si>
  <si>
    <t>469628.0</t>
  </si>
  <si>
    <t>3.62</t>
  </si>
  <si>
    <t>283391.0</t>
  </si>
  <si>
    <t>52257385.0</t>
  </si>
  <si>
    <t>34989881.0</t>
  </si>
  <si>
    <t>17525832.0</t>
  </si>
  <si>
    <t>537232.0</t>
  </si>
  <si>
    <t>467376.0</t>
  </si>
  <si>
    <t>3.66</t>
  </si>
  <si>
    <t>270072.0</t>
  </si>
  <si>
    <t>52552375.0</t>
  </si>
  <si>
    <t>35193060.0</t>
  </si>
  <si>
    <t>17639747.0</t>
  </si>
  <si>
    <t>560889.0</t>
  </si>
  <si>
    <t>484970.0</t>
  </si>
  <si>
    <t>3.68</t>
  </si>
  <si>
    <t>1.24</t>
  </si>
  <si>
    <t>340.0</t>
  </si>
  <si>
    <t>274198.0</t>
  </si>
  <si>
    <t>52672280.0</t>
  </si>
  <si>
    <t>35272659.0</t>
  </si>
  <si>
    <t>17666560.0</t>
  </si>
  <si>
    <t>364388.0</t>
  </si>
  <si>
    <t>483451.0</t>
  </si>
  <si>
    <t>3.69</t>
  </si>
  <si>
    <t>264819.0</t>
  </si>
  <si>
    <t>52770553.0</t>
  </si>
  <si>
    <t>35345253.0</t>
  </si>
  <si>
    <t>17692239.0</t>
  </si>
  <si>
    <t>408337.0</t>
  </si>
  <si>
    <t>483086.0</t>
  </si>
  <si>
    <t>3.7</t>
  </si>
  <si>
    <t>2.48</t>
  </si>
  <si>
    <t>259931.0</t>
  </si>
  <si>
    <t>54370724.0</t>
  </si>
  <si>
    <t>36055504.0</t>
  </si>
  <si>
    <t>18558618.0</t>
  </si>
  <si>
    <t>718810.0</t>
  </si>
  <si>
    <t>515686.0</t>
  </si>
  <si>
    <t>3.81</t>
  </si>
  <si>
    <t>265904.0</t>
  </si>
  <si>
    <t>54935857.0</t>
  </si>
  <si>
    <t>36429856.0</t>
  </si>
  <si>
    <t>18779230.0</t>
  </si>
  <si>
    <t>722492.0</t>
  </si>
  <si>
    <t>552839.0</t>
  </si>
  <si>
    <t>3.85</t>
  </si>
  <si>
    <t>2.55</t>
  </si>
  <si>
    <t>281475.0</t>
  </si>
  <si>
    <t>55237342.0</t>
  </si>
  <si>
    <t>36599976.0</t>
  </si>
  <si>
    <t>18910595.0</t>
  </si>
  <si>
    <t>778768.0</t>
  </si>
  <si>
    <t>584417.0</t>
  </si>
  <si>
    <t>3.87</t>
  </si>
  <si>
    <t>2.57</t>
  </si>
  <si>
    <t>315541.0</t>
  </si>
  <si>
    <t>56501839.0</t>
  </si>
  <si>
    <t>37443435.0</t>
  </si>
  <si>
    <t>19327655.0</t>
  </si>
  <si>
    <t>1066776.0</t>
  </si>
  <si>
    <t>660068.0</t>
  </si>
  <si>
    <t>3.96</t>
  </si>
  <si>
    <t>2.62</t>
  </si>
  <si>
    <t>463.0</t>
  </si>
  <si>
    <t>383596.0</t>
  </si>
  <si>
    <t>56615826.0</t>
  </si>
  <si>
    <t>37519051.0</t>
  </si>
  <si>
    <t>19366026.0</t>
  </si>
  <si>
    <t>316408.0</t>
  </si>
  <si>
    <t>625139.0</t>
  </si>
  <si>
    <t>3.97</t>
  </si>
  <si>
    <t>2.63</t>
  </si>
  <si>
    <t>438.0</t>
  </si>
  <si>
    <t>367479.0</t>
  </si>
  <si>
    <t>56798284.0</t>
  </si>
  <si>
    <t>37647144.0</t>
  </si>
  <si>
    <t>19420392.0</t>
  </si>
  <si>
    <t>313128.0</t>
  </si>
  <si>
    <t>617820.0</t>
  </si>
  <si>
    <t>3.98</t>
  </si>
  <si>
    <t>2.64</t>
  </si>
  <si>
    <t>433.0</t>
  </si>
  <si>
    <t>369759.0</t>
  </si>
  <si>
    <t>57064944.0</t>
  </si>
  <si>
    <t>37822779.0</t>
  </si>
  <si>
    <t>19509647.0</t>
  </si>
  <si>
    <t>261409.0</t>
  </si>
  <si>
    <t>596825.0</t>
  </si>
  <si>
    <t>4.0</t>
  </si>
  <si>
    <t>2.65</t>
  </si>
  <si>
    <t>365278.0</t>
  </si>
  <si>
    <t>58370967.0</t>
  </si>
  <si>
    <t>38559285.0</t>
  </si>
  <si>
    <t>20108219.0</t>
  </si>
  <si>
    <t>743016.0</t>
  </si>
  <si>
    <t>600288.0</t>
  </si>
  <si>
    <t>4.09</t>
  </si>
  <si>
    <t>2.7</t>
  </si>
  <si>
    <t>1.41</t>
  </si>
  <si>
    <t>421.0</t>
  </si>
  <si>
    <t>381338.0</t>
  </si>
  <si>
    <t>58726324.0</t>
  </si>
  <si>
    <t>38814424.0</t>
  </si>
  <si>
    <t>20231707.0</t>
  </si>
  <si>
    <t>564460.0</t>
  </si>
  <si>
    <t>577708.0</t>
  </si>
  <si>
    <t>4.12</t>
  </si>
  <si>
    <t>371477.0</t>
  </si>
  <si>
    <t>58813194.0</t>
  </si>
  <si>
    <t>38880894.0</t>
  </si>
  <si>
    <t>20246776.0</t>
  </si>
  <si>
    <t>680305.0</t>
  </si>
  <si>
    <t>563646.0</t>
  </si>
  <si>
    <t>2.73</t>
  </si>
  <si>
    <t>367054.0</t>
  </si>
  <si>
    <t>59876939.0</t>
  </si>
  <si>
    <t>39637542.0</t>
  </si>
  <si>
    <t>20693299.0</t>
  </si>
  <si>
    <t>713791.0</t>
  </si>
  <si>
    <t>513218.0</t>
  </si>
  <si>
    <t>1.45</t>
  </si>
  <si>
    <t>333139.0</t>
  </si>
  <si>
    <t>60247707.0</t>
  </si>
  <si>
    <t>39917571.0</t>
  </si>
  <si>
    <t>20841487.0</t>
  </si>
  <si>
    <t>542756.0</t>
  </si>
  <si>
    <t>545552.0</t>
  </si>
  <si>
    <t>4.22</t>
  </si>
  <si>
    <t>2.8</t>
  </si>
  <si>
    <t>358127.0</t>
  </si>
  <si>
    <t>60494809.0</t>
  </si>
  <si>
    <t>40074282.0</t>
  </si>
  <si>
    <t>20934143.0</t>
  </si>
  <si>
    <t>294622.0</t>
  </si>
  <si>
    <t>542909.0</t>
  </si>
  <si>
    <t>4.24</t>
  </si>
  <si>
    <t>2.81</t>
  </si>
  <si>
    <t>1.47</t>
  </si>
  <si>
    <t>359348.0</t>
  </si>
  <si>
    <t>61184510.0</t>
  </si>
  <si>
    <t>40442622.0</t>
  </si>
  <si>
    <t>21281011.0</t>
  </si>
  <si>
    <t>322722.0</t>
  </si>
  <si>
    <t>551667.0</t>
  </si>
  <si>
    <t>4.29</t>
  </si>
  <si>
    <t>2.83</t>
  </si>
  <si>
    <t>368304.0</t>
  </si>
  <si>
    <t>62052214.0</t>
  </si>
  <si>
    <t>40865863.0</t>
  </si>
  <si>
    <t>21482032.0</t>
  </si>
  <si>
    <t>903333.0</t>
  </si>
  <si>
    <t>574570.0</t>
  </si>
  <si>
    <t>4.35</t>
  </si>
  <si>
    <t>2.86</t>
  </si>
  <si>
    <t>387308.0</t>
  </si>
  <si>
    <t>62978566.0</t>
  </si>
  <si>
    <t>41740008.0</t>
  </si>
  <si>
    <t>21875666.0</t>
  </si>
  <si>
    <t>1076962.0</t>
  </si>
  <si>
    <t>647781.0</t>
  </si>
  <si>
    <t>4.41</t>
  </si>
  <si>
    <t>454.0</t>
  </si>
  <si>
    <t>449992.0</t>
  </si>
  <si>
    <t>63729228.0</t>
  </si>
  <si>
    <t>42306987.0</t>
  </si>
  <si>
    <t>22035180.0</t>
  </si>
  <si>
    <t>1152581.0</t>
  </si>
  <si>
    <t>715252.0</t>
  </si>
  <si>
    <t>4.47</t>
  </si>
  <si>
    <t>2.97</t>
  </si>
  <si>
    <t>1.54</t>
  </si>
  <si>
    <t>501.0</t>
  </si>
  <si>
    <t>508319.0</t>
  </si>
  <si>
    <t>64816684.0</t>
  </si>
  <si>
    <t>43143301.0</t>
  </si>
  <si>
    <t>22487338.0</t>
  </si>
  <si>
    <t>1147327.0</t>
  </si>
  <si>
    <t>777189.0</t>
  </si>
  <si>
    <t>4.54</t>
  </si>
  <si>
    <t>3.02</t>
  </si>
  <si>
    <t>561183.0</t>
  </si>
  <si>
    <t>65259221.0</t>
  </si>
  <si>
    <t>43436826.0</t>
  </si>
  <si>
    <t>22627623.0</t>
  </si>
  <si>
    <t>665770.0</t>
  </si>
  <si>
    <t>794759.0</t>
  </si>
  <si>
    <t>4.57</t>
  </si>
  <si>
    <t>1.59</t>
  </si>
  <si>
    <t>573547.0</t>
  </si>
  <si>
    <t>65426371.0</t>
  </si>
  <si>
    <t>43565968.0</t>
  </si>
  <si>
    <t>22665631.0</t>
  </si>
  <si>
    <t>502558.0</t>
  </si>
  <si>
    <t>824466.0</t>
  </si>
  <si>
    <t>4.59</t>
  </si>
  <si>
    <t>3.05</t>
  </si>
  <si>
    <t>578.0</t>
  </si>
  <si>
    <t>593989.0</t>
  </si>
  <si>
    <t>66006115.0</t>
  </si>
  <si>
    <t>43725542.0</t>
  </si>
  <si>
    <t>22833346.0</t>
  </si>
  <si>
    <t>424121.0</t>
  </si>
  <si>
    <t>838949.0</t>
  </si>
  <si>
    <t>4.63</t>
  </si>
  <si>
    <t>3.06</t>
  </si>
  <si>
    <t>588.0</t>
  </si>
  <si>
    <t>603198.0</t>
  </si>
  <si>
    <t>66841904.0</t>
  </si>
  <si>
    <t>44396494.0</t>
  </si>
  <si>
    <t>23160177.0</t>
  </si>
  <si>
    <t>728696.0</t>
  </si>
  <si>
    <t>814002.0</t>
  </si>
  <si>
    <t>4.68</t>
  </si>
  <si>
    <t>3.11</t>
  </si>
  <si>
    <t>571.0</t>
  </si>
  <si>
    <t>588195.0</t>
  </si>
  <si>
    <t>0.041</t>
  </si>
  <si>
    <t>69024922.0</t>
  </si>
  <si>
    <t>45907067.0</t>
  </si>
  <si>
    <t>23939509.0</t>
  </si>
  <si>
    <t>1794089.0</t>
  </si>
  <si>
    <t>916450.0</t>
  </si>
  <si>
    <t>4.84</t>
  </si>
  <si>
    <t>3.22</t>
  </si>
  <si>
    <t>642.0</t>
  </si>
  <si>
    <t>644914.0</t>
  </si>
  <si>
    <t>69456317.0</t>
  </si>
  <si>
    <t>46198560.0</t>
  </si>
  <si>
    <t>23959510.0</t>
  </si>
  <si>
    <t>846319.0</t>
  </si>
  <si>
    <t>872695.0</t>
  </si>
  <si>
    <t>4.87</t>
  </si>
  <si>
    <t>3.24</t>
  </si>
  <si>
    <t>612.0</t>
  </si>
  <si>
    <t>602257.0</t>
  </si>
  <si>
    <t>70451773.0</t>
  </si>
  <si>
    <t>46785160.0</t>
  </si>
  <si>
    <t>24409646.0</t>
  </si>
  <si>
    <t>817352.0</t>
  </si>
  <si>
    <t>825559.0</t>
  </si>
  <si>
    <t>4.94</t>
  </si>
  <si>
    <t>3.28</t>
  </si>
  <si>
    <t>579.0</t>
  </si>
  <si>
    <t>559720.0</t>
  </si>
  <si>
    <t>70846290.0</t>
  </si>
  <si>
    <t>47010859.0</t>
  </si>
  <si>
    <t>24578464.0</t>
  </si>
  <si>
    <t>882038.0</t>
  </si>
  <si>
    <t>856456.0</t>
  </si>
  <si>
    <t>4.97</t>
  </si>
  <si>
    <t>1.72</t>
  </si>
  <si>
    <t>578274.0</t>
  </si>
  <si>
    <t>71238941.0</t>
  </si>
  <si>
    <t>47272050.0</t>
  </si>
  <si>
    <t>25102295.0</t>
  </si>
  <si>
    <t>656428.0</t>
  </si>
  <si>
    <t>878436.0</t>
  </si>
  <si>
    <t>4.99</t>
  </si>
  <si>
    <t>3.31</t>
  </si>
  <si>
    <t>1.76</t>
  </si>
  <si>
    <t>616.0</t>
  </si>
  <si>
    <t>596509.0</t>
  </si>
  <si>
    <t>71949743.0</t>
  </si>
  <si>
    <t>47853640.0</t>
  </si>
  <si>
    <t>25485480.0</t>
  </si>
  <si>
    <t>604332.0</t>
  </si>
  <si>
    <t>904178.0</t>
  </si>
  <si>
    <t>5.04</t>
  </si>
  <si>
    <t>3.35</t>
  </si>
  <si>
    <t>634.0</t>
  </si>
  <si>
    <t>622781.0</t>
  </si>
  <si>
    <t>0.044</t>
  </si>
  <si>
    <t>73792274.0</t>
  </si>
  <si>
    <t>49221904.0</t>
  </si>
  <si>
    <t>25966877.0</t>
  </si>
  <si>
    <t>1075179.0</t>
  </si>
  <si>
    <t>965773.0</t>
  </si>
  <si>
    <t>5.17</t>
  </si>
  <si>
    <t>1.82</t>
  </si>
  <si>
    <t>677.0</t>
  </si>
  <si>
    <t>668027.0</t>
  </si>
  <si>
    <t>74400094.0</t>
  </si>
  <si>
    <t>49587594.0</t>
  </si>
  <si>
    <t>26304491.0</t>
  </si>
  <si>
    <t>696751.0</t>
  </si>
  <si>
    <t>806996.0</t>
  </si>
  <si>
    <t>5.21</t>
  </si>
  <si>
    <t>3.48</t>
  </si>
  <si>
    <t>563788.0</t>
  </si>
  <si>
    <t>74965873.0</t>
  </si>
  <si>
    <t>49971920.0</t>
  </si>
  <si>
    <t>26481864.0</t>
  </si>
  <si>
    <t>1194161.0</t>
  </si>
  <si>
    <t>854668.0</t>
  </si>
  <si>
    <t>5.25</t>
  </si>
  <si>
    <t>599.0</t>
  </si>
  <si>
    <t>602181.0</t>
  </si>
  <si>
    <t>76527694.0</t>
  </si>
  <si>
    <t>51008984.0</t>
  </si>
  <si>
    <t>27109426.0</t>
  </si>
  <si>
    <t>1308667.0</t>
  </si>
  <si>
    <t>922843.0</t>
  </si>
  <si>
    <t>5.36</t>
  </si>
  <si>
    <t>3.58</t>
  </si>
  <si>
    <t>647.0</t>
  </si>
  <si>
    <t>653506.0</t>
  </si>
  <si>
    <t>0.046</t>
  </si>
  <si>
    <t>77485554.0</t>
  </si>
  <si>
    <t>51827012.0</t>
  </si>
  <si>
    <t>27295001.0</t>
  </si>
  <si>
    <t>898132.0</t>
  </si>
  <si>
    <t>923126.0</t>
  </si>
  <si>
    <t>5.43</t>
  </si>
  <si>
    <t>3.63</t>
  </si>
  <si>
    <t>659445.0</t>
  </si>
  <si>
    <t>77742841.0</t>
  </si>
  <si>
    <t>52019730.0</t>
  </si>
  <si>
    <t>27403177.0</t>
  </si>
  <si>
    <t>637604.0</t>
  </si>
  <si>
    <t>918422.0</t>
  </si>
  <si>
    <t>5.45</t>
  </si>
  <si>
    <t>3.65</t>
  </si>
  <si>
    <t>1.92</t>
  </si>
  <si>
    <t>652781.0</t>
  </si>
  <si>
    <t>78071154.0</t>
  </si>
  <si>
    <t>52243025.0</t>
  </si>
  <si>
    <t>27577376.0</t>
  </si>
  <si>
    <t>853543.0</t>
  </si>
  <si>
    <t>952008.0</t>
  </si>
  <si>
    <t>5.47</t>
  </si>
  <si>
    <t>1.93</t>
  </si>
  <si>
    <t>678290.0</t>
  </si>
  <si>
    <t>0.048</t>
  </si>
  <si>
    <t>80687066.0</t>
  </si>
  <si>
    <t>53970906.0</t>
  </si>
  <si>
    <t>28638137.0</t>
  </si>
  <si>
    <t>1392166.0</t>
  </si>
  <si>
    <t>997289.0</t>
  </si>
  <si>
    <t>5.66</t>
  </si>
  <si>
    <t>3.78</t>
  </si>
  <si>
    <t>699.0</t>
  </si>
  <si>
    <t>699712.0</t>
  </si>
  <si>
    <t>81491040.0</t>
  </si>
  <si>
    <t>54328536.0</t>
  </si>
  <si>
    <t>29089148.0</t>
  </si>
  <si>
    <t>1596908.0</t>
  </si>
  <si>
    <t>1125883.0</t>
  </si>
  <si>
    <t>5.71</t>
  </si>
  <si>
    <t>789.0</t>
  </si>
  <si>
    <t>746272.0</t>
  </si>
  <si>
    <t>82876613.0</t>
  </si>
  <si>
    <t>55077531.0</t>
  </si>
  <si>
    <t>29892570.0</t>
  </si>
  <si>
    <t>1553153.0</t>
  </si>
  <si>
    <t>1177170.0</t>
  </si>
  <si>
    <t>5.81</t>
  </si>
  <si>
    <t>3.86</t>
  </si>
  <si>
    <t>825.0</t>
  </si>
  <si>
    <t>737217.0</t>
  </si>
  <si>
    <t>84588280.0</t>
  </si>
  <si>
    <t>55928499.0</t>
  </si>
  <si>
    <t>30812305.0</t>
  </si>
  <si>
    <t>1589715.0</t>
  </si>
  <si>
    <t>1217317.0</t>
  </si>
  <si>
    <t>5.93</t>
  </si>
  <si>
    <t>3.92</t>
  </si>
  <si>
    <t>853.0</t>
  </si>
  <si>
    <t>722598.0</t>
  </si>
  <si>
    <t>89933895.0</t>
  </si>
  <si>
    <t>60148898.0</t>
  </si>
  <si>
    <t>32201580.0</t>
  </si>
  <si>
    <t>1178241.0</t>
  </si>
  <si>
    <t>1257336.0</t>
  </si>
  <si>
    <t>6.3</t>
  </si>
  <si>
    <t>2.26</t>
  </si>
  <si>
    <t>881.0</t>
  </si>
  <si>
    <t>731338.0</t>
  </si>
  <si>
    <t>90333264.0</t>
  </si>
  <si>
    <t>60301362.0</t>
  </si>
  <si>
    <t>32315419.0</t>
  </si>
  <si>
    <t>1187032.0</t>
  </si>
  <si>
    <t>1335827.0</t>
  </si>
  <si>
    <t>6.33</t>
  </si>
  <si>
    <t>4.23</t>
  </si>
  <si>
    <t>936.0</t>
  </si>
  <si>
    <t>756386.0</t>
  </si>
  <si>
    <t>0.053</t>
  </si>
  <si>
    <t>90994632.0</t>
  </si>
  <si>
    <t>60539852.0</t>
  </si>
  <si>
    <t>32543838.0</t>
  </si>
  <si>
    <t>925072.0</t>
  </si>
  <si>
    <t>1346043.0</t>
  </si>
  <si>
    <t>6.38</t>
  </si>
  <si>
    <t>943.0</t>
  </si>
  <si>
    <t>737028.0</t>
  </si>
  <si>
    <t>92120604.0</t>
  </si>
  <si>
    <t>61236899.0</t>
  </si>
  <si>
    <t>33167006.0</t>
  </si>
  <si>
    <t>1675298.0</t>
  </si>
  <si>
    <t>1386487.0</t>
  </si>
  <si>
    <t>6.46</t>
  </si>
  <si>
    <t>972.0</t>
  </si>
  <si>
    <t>742257.0</t>
  </si>
  <si>
    <t>93218220.0</t>
  </si>
  <si>
    <t>61801871.0</t>
  </si>
  <si>
    <t>33738797.0</t>
  </si>
  <si>
    <t>1859813.0</t>
  </si>
  <si>
    <t>1424049.0</t>
  </si>
  <si>
    <t>6.53</t>
  </si>
  <si>
    <t>4.33</t>
  </si>
  <si>
    <t>998.0</t>
  </si>
  <si>
    <t>770493.0</t>
  </si>
  <si>
    <t>96254650.0</t>
  </si>
  <si>
    <t>63944392.0</t>
  </si>
  <si>
    <t>34825490.0</t>
  </si>
  <si>
    <t>1720743.0</t>
  </si>
  <si>
    <t>1447987.0</t>
  </si>
  <si>
    <t>6.75</t>
  </si>
  <si>
    <t>4.48</t>
  </si>
  <si>
    <t>1015.0</t>
  </si>
  <si>
    <t>800878.0</t>
  </si>
  <si>
    <t>96388593.0</t>
  </si>
  <si>
    <t>64150537.0</t>
  </si>
  <si>
    <t>34851662.0</t>
  </si>
  <si>
    <t>1791416.0</t>
  </si>
  <si>
    <t>1476806.0</t>
  </si>
  <si>
    <t>6.76</t>
  </si>
  <si>
    <t>1035.0</t>
  </si>
  <si>
    <t>829511.0</t>
  </si>
  <si>
    <t>0.058</t>
  </si>
  <si>
    <t>99538228.0</t>
  </si>
  <si>
    <t>65929460.0</t>
  </si>
  <si>
    <t>36356569.0</t>
  </si>
  <si>
    <t>1814658.0</t>
  </si>
  <si>
    <t>1567715.0</t>
  </si>
  <si>
    <t>6.98</t>
  </si>
  <si>
    <t>4.62</t>
  </si>
  <si>
    <t>1099.0</t>
  </si>
  <si>
    <t>873067.0</t>
  </si>
  <si>
    <t>0.061</t>
  </si>
  <si>
    <t>100211304.0</t>
  </si>
  <si>
    <t>66379848.0</t>
  </si>
  <si>
    <t>36554342.0</t>
  </si>
  <si>
    <t>1068036.0</t>
  </si>
  <si>
    <t>1550725.0</t>
  </si>
  <si>
    <t>7.02</t>
  </si>
  <si>
    <t>4.65</t>
  </si>
  <si>
    <t>2.56</t>
  </si>
  <si>
    <t>1087.0</t>
  </si>
  <si>
    <t>871731.0</t>
  </si>
  <si>
    <t>101629709.0</t>
  </si>
  <si>
    <t>67261709.0</t>
  </si>
  <si>
    <t>37393287.0</t>
  </si>
  <si>
    <t>1815310.0</t>
  </si>
  <si>
    <t>1677898.0</t>
  </si>
  <si>
    <t>7.12</t>
  </si>
  <si>
    <t>4.71</t>
  </si>
  <si>
    <t>1176.0</t>
  </si>
  <si>
    <t>958326.0</t>
  </si>
  <si>
    <t>0.067</t>
  </si>
  <si>
    <t>102207774.0</t>
  </si>
  <si>
    <t>67658096.0</t>
  </si>
  <si>
    <t>37670022.0</t>
  </si>
  <si>
    <t>1354318.0</t>
  </si>
  <si>
    <t>1632042.0</t>
  </si>
  <si>
    <t>7.16</t>
  </si>
  <si>
    <t>4.74</t>
  </si>
  <si>
    <t>1144.0</t>
  </si>
  <si>
    <t>939400.0</t>
  </si>
  <si>
    <t>103603952.0</t>
  </si>
  <si>
    <t>68497000.0</t>
  </si>
  <si>
    <t>38291814.0</t>
  </si>
  <si>
    <t>1481548.0</t>
  </si>
  <si>
    <t>1578006.0</t>
  </si>
  <si>
    <t>7.26</t>
  </si>
  <si>
    <t>1106.0</t>
  </si>
  <si>
    <t>914078.0</t>
  </si>
  <si>
    <t>0.064</t>
  </si>
  <si>
    <t>105819080.0</t>
  </si>
  <si>
    <t>69976160.0</t>
  </si>
  <si>
    <t>39236224.0</t>
  </si>
  <si>
    <t>1581445.0</t>
  </si>
  <si>
    <t>1558105.0</t>
  </si>
  <si>
    <t>7.42</t>
  </si>
  <si>
    <t>4.9</t>
  </si>
  <si>
    <t>1092.0</t>
  </si>
  <si>
    <t>894677.0</t>
  </si>
  <si>
    <t>0.063</t>
  </si>
  <si>
    <t>106231813.0</t>
  </si>
  <si>
    <t>70191354.0</t>
  </si>
  <si>
    <t>39428739.0</t>
  </si>
  <si>
    <t>1485059.0</t>
  </si>
  <si>
    <t>1514336.0</t>
  </si>
  <si>
    <t>7.45</t>
  </si>
  <si>
    <t>4.92</t>
  </si>
  <si>
    <t>2.76</t>
  </si>
  <si>
    <t>1061.0</t>
  </si>
  <si>
    <t>872974.0</t>
  </si>
  <si>
    <t>106847527.0</t>
  </si>
  <si>
    <t>70534148.0</t>
  </si>
  <si>
    <t>39688353.0</t>
  </si>
  <si>
    <t>1285781.0</t>
  </si>
  <si>
    <t>1438783.0</t>
  </si>
  <si>
    <t>7.49</t>
  </si>
  <si>
    <t>1008.0</t>
  </si>
  <si>
    <t>840403.0</t>
  </si>
  <si>
    <t>0.059</t>
  </si>
  <si>
    <t>111317743.0</t>
  </si>
  <si>
    <t>72296590.0</t>
  </si>
  <si>
    <t>42360353.0</t>
  </si>
  <si>
    <t>1605813.0</t>
  </si>
  <si>
    <t>1515611.0</t>
  </si>
  <si>
    <t>7.8</t>
  </si>
  <si>
    <t>5.07</t>
  </si>
  <si>
    <t>1062.0</t>
  </si>
  <si>
    <t>868957.0</t>
  </si>
  <si>
    <t>113550843.0</t>
  </si>
  <si>
    <t>73927419.0</t>
  </si>
  <si>
    <t>43128762.0</t>
  </si>
  <si>
    <t>1122068.0</t>
  </si>
  <si>
    <t>1416575.0</t>
  </si>
  <si>
    <t>7.96</t>
  </si>
  <si>
    <t>5.18</t>
  </si>
  <si>
    <t>993.0</t>
  </si>
  <si>
    <t>806175.0</t>
  </si>
  <si>
    <t>0.057</t>
  </si>
  <si>
    <t>115233348.0</t>
  </si>
  <si>
    <t>74716110.0</t>
  </si>
  <si>
    <t>43879895.0</t>
  </si>
  <si>
    <t>1953506.0</t>
  </si>
  <si>
    <t>1502175.0</t>
  </si>
  <si>
    <t>8.08</t>
  </si>
  <si>
    <t>5.24</t>
  </si>
  <si>
    <t>3.08</t>
  </si>
  <si>
    <t>1053.0</t>
  </si>
  <si>
    <t>834282.0</t>
  </si>
  <si>
    <t>115810254.0</t>
  </si>
  <si>
    <t>75058567.0</t>
  </si>
  <si>
    <t>44196477.0</t>
  </si>
  <si>
    <t>1081464.0</t>
  </si>
  <si>
    <t>1445017.0</t>
  </si>
  <si>
    <t>8.12</t>
  </si>
  <si>
    <t>5.26</t>
  </si>
  <si>
    <t>1013.0</t>
  </si>
  <si>
    <t>800693.0</t>
  </si>
  <si>
    <t>116500886.0</t>
  </si>
  <si>
    <t>75251005.0</t>
  </si>
  <si>
    <t>44579901.0</t>
  </si>
  <si>
    <t>1108471.0</t>
  </si>
  <si>
    <t>1377452.0</t>
  </si>
  <si>
    <t>8.17</t>
  </si>
  <si>
    <t>5.27</t>
  </si>
  <si>
    <t>3.12</t>
  </si>
  <si>
    <t>965.0</t>
  </si>
  <si>
    <t>759565.0</t>
  </si>
  <si>
    <t>117943997.0</t>
  </si>
  <si>
    <t>76002557.0</t>
  </si>
  <si>
    <t>45310152.0</t>
  </si>
  <si>
    <t>1527306.0</t>
  </si>
  <si>
    <t>1383488.0</t>
  </si>
  <si>
    <t>8.27</t>
  </si>
  <si>
    <t>5.33</t>
  </si>
  <si>
    <t>3.18</t>
  </si>
  <si>
    <t>970.0</t>
  </si>
  <si>
    <t>738536.0</t>
  </si>
  <si>
    <t>119073387.0</t>
  </si>
  <si>
    <t>76710475.0</t>
  </si>
  <si>
    <t>46105347.0</t>
  </si>
  <si>
    <t>2088572.0</t>
  </si>
  <si>
    <t>1498170.0</t>
  </si>
  <si>
    <t>8.35</t>
  </si>
  <si>
    <t>5.38</t>
  </si>
  <si>
    <t>1050.0</t>
  </si>
  <si>
    <t>777984.0</t>
  </si>
  <si>
    <t>0.055</t>
  </si>
  <si>
    <t>120866826.0</t>
  </si>
  <si>
    <t>77272943.0</t>
  </si>
  <si>
    <t>46680454.0</t>
  </si>
  <si>
    <t>2047812.0</t>
  </si>
  <si>
    <t>1561316.0</t>
  </si>
  <si>
    <t>8.47</t>
  </si>
  <si>
    <t>5.42</t>
  </si>
  <si>
    <t>1094.0</t>
  </si>
  <si>
    <t>778705.0</t>
  </si>
  <si>
    <t>123712154.0</t>
  </si>
  <si>
    <t>78698810.0</t>
  </si>
  <si>
    <t>46928118.0</t>
  </si>
  <si>
    <t>1396605.0</t>
  </si>
  <si>
    <t>1600530.0</t>
  </si>
  <si>
    <t>8.67</t>
  </si>
  <si>
    <t>5.52</t>
  </si>
  <si>
    <t>1122.0</t>
  </si>
  <si>
    <t>787390.0</t>
  </si>
  <si>
    <t>124317061.0</t>
  </si>
  <si>
    <t>79032460.0</t>
  </si>
  <si>
    <t>47171532.0</t>
  </si>
  <si>
    <t>1277210.0</t>
  </si>
  <si>
    <t>1503922.0</t>
  </si>
  <si>
    <t>8.71</t>
  </si>
  <si>
    <t>5.54</t>
  </si>
  <si>
    <t>747870.0</t>
  </si>
  <si>
    <t>127159308.0</t>
  </si>
  <si>
    <t>80022007.0</t>
  </si>
  <si>
    <t>49045113.0</t>
  </si>
  <si>
    <t>1349194.0</t>
  </si>
  <si>
    <t>1542168.0</t>
  </si>
  <si>
    <t>8.91</t>
  </si>
  <si>
    <t>5.61</t>
  </si>
  <si>
    <t>773123.0</t>
  </si>
  <si>
    <t>128608925.0</t>
  </si>
  <si>
    <t>81305026.0</t>
  </si>
  <si>
    <t>49950502.0</t>
  </si>
  <si>
    <t>1171884.0</t>
  </si>
  <si>
    <t>1551227.0</t>
  </si>
  <si>
    <t>9.01</t>
  </si>
  <si>
    <t>801989.0</t>
  </si>
  <si>
    <t>130210526.0</t>
  </si>
  <si>
    <t>82050942.0</t>
  </si>
  <si>
    <t>50781375.0</t>
  </si>
  <si>
    <t>2247071.0</t>
  </si>
  <si>
    <t>1654052.0</t>
  </si>
  <si>
    <t>5.75</t>
  </si>
  <si>
    <t>3.56</t>
  </si>
  <si>
    <t>1159.0</t>
  </si>
  <si>
    <t>862526.0</t>
  </si>
  <si>
    <t>130591738.0</t>
  </si>
  <si>
    <t>82205865.0</t>
  </si>
  <si>
    <t>50948760.0</t>
  </si>
  <si>
    <t>1338166.0</t>
  </si>
  <si>
    <t>1546846.0</t>
  </si>
  <si>
    <t>9.15</t>
  </si>
  <si>
    <t>1084.0</t>
  </si>
  <si>
    <t>824604.0</t>
  </si>
  <si>
    <t>131148588.0</t>
  </si>
  <si>
    <t>82316505.0</t>
  </si>
  <si>
    <t>51352675.0</t>
  </si>
  <si>
    <t>1311920.0</t>
  </si>
  <si>
    <t>1441724.0</t>
  </si>
  <si>
    <t>9.19</t>
  </si>
  <si>
    <t>5.77</t>
  </si>
  <si>
    <t>1011.0</t>
  </si>
  <si>
    <t>821958.0</t>
  </si>
  <si>
    <t>133915991.0</t>
  </si>
  <si>
    <t>83966107.0</t>
  </si>
  <si>
    <t>52391718.0</t>
  </si>
  <si>
    <t>1351192.0</t>
  </si>
  <si>
    <t>1435239.0</t>
  </si>
  <si>
    <t>9.39</t>
  </si>
  <si>
    <t>5.89</t>
  </si>
  <si>
    <t>3.67</t>
  </si>
  <si>
    <t>1006.0</t>
  </si>
  <si>
    <t>826344.0</t>
  </si>
  <si>
    <t>134886389.0</t>
  </si>
  <si>
    <t>84379764.0</t>
  </si>
  <si>
    <t>53225062.0</t>
  </si>
  <si>
    <t>1465499.0</t>
  </si>
  <si>
    <t>1462135.0</t>
  </si>
  <si>
    <t>9.45</t>
  </si>
  <si>
    <t>5.91</t>
  </si>
  <si>
    <t>3.73</t>
  </si>
  <si>
    <t>1025.0</t>
  </si>
  <si>
    <t>866638.0</t>
  </si>
  <si>
    <t>135518118.0</t>
  </si>
  <si>
    <t>84821352.0</t>
  </si>
  <si>
    <t>53515386.0</t>
  </si>
  <si>
    <t>1488591.0</t>
  </si>
  <si>
    <t>1482049.0</t>
  </si>
  <si>
    <t>5.95</t>
  </si>
  <si>
    <t>3.75</t>
  </si>
  <si>
    <t>1039.0</t>
  </si>
  <si>
    <t>902730.0</t>
  </si>
  <si>
    <t>138175685.0</t>
  </si>
  <si>
    <t>86754885.0</t>
  </si>
  <si>
    <t>54510862.0</t>
  </si>
  <si>
    <t>1525468.0</t>
  </si>
  <si>
    <t>1532560.0</t>
  </si>
  <si>
    <t>9.68</t>
  </si>
  <si>
    <t>6.08</t>
  </si>
  <si>
    <t>3.82</t>
  </si>
  <si>
    <t>1074.0</t>
  </si>
  <si>
    <t>941733.0</t>
  </si>
  <si>
    <t>141008950.0</t>
  </si>
  <si>
    <t>88597131.0</t>
  </si>
  <si>
    <t>54843944.0</t>
  </si>
  <si>
    <t>1667530.0</t>
  </si>
  <si>
    <t>1449769.0</t>
  </si>
  <si>
    <t>9.88</t>
  </si>
  <si>
    <t>6.21</t>
  </si>
  <si>
    <t>3.84</t>
  </si>
  <si>
    <t>1016.0</t>
  </si>
  <si>
    <t>931498.0</t>
  </si>
  <si>
    <t>141425664.0</t>
  </si>
  <si>
    <t>88887086.0</t>
  </si>
  <si>
    <t>54945951.0</t>
  </si>
  <si>
    <t>1291331.0</t>
  </si>
  <si>
    <t>1443079.0</t>
  </si>
  <si>
    <t>9.91</t>
  </si>
  <si>
    <t>6.23</t>
  </si>
  <si>
    <t>942691.0</t>
  </si>
  <si>
    <t>142748373.0</t>
  </si>
  <si>
    <t>89739536.0</t>
  </si>
  <si>
    <t>56550762.0</t>
  </si>
  <si>
    <t>1253183.0</t>
  </si>
  <si>
    <t>1434685.0</t>
  </si>
  <si>
    <t>10.01</t>
  </si>
  <si>
    <t>6.29</t>
  </si>
  <si>
    <t>949101.0</t>
  </si>
  <si>
    <t>143650802.0</t>
  </si>
  <si>
    <t>90266517.0</t>
  </si>
  <si>
    <t>56894120.0</t>
  </si>
  <si>
    <t>1435028.0</t>
  </si>
  <si>
    <t>1446666.0</t>
  </si>
  <si>
    <t>3.99</t>
  </si>
  <si>
    <t>1014.0</t>
  </si>
  <si>
    <t>962872.0</t>
  </si>
  <si>
    <t>146415175.0</t>
  </si>
  <si>
    <t>91591963.0</t>
  </si>
  <si>
    <t>58961357.0</t>
  </si>
  <si>
    <t>1520005.0</t>
  </si>
  <si>
    <t>1454450.0</t>
  </si>
  <si>
    <t>10.26</t>
  </si>
  <si>
    <t>6.42</t>
  </si>
  <si>
    <t>4.13</t>
  </si>
  <si>
    <t>1019.0</t>
  </si>
  <si>
    <t>954263.0</t>
  </si>
  <si>
    <t>147543534.0</t>
  </si>
  <si>
    <t>92115017.0</t>
  </si>
  <si>
    <t>59517715.0</t>
  </si>
  <si>
    <t>1323877.0</t>
  </si>
  <si>
    <t>1430923.0</t>
  </si>
  <si>
    <t>10.34</t>
  </si>
  <si>
    <t>4.17</t>
  </si>
  <si>
    <t>1003.0</t>
  </si>
  <si>
    <t>928068.0</t>
  </si>
  <si>
    <t>147912295.0</t>
  </si>
  <si>
    <t>92341909.0</t>
  </si>
  <si>
    <t>59678069.0</t>
  </si>
  <si>
    <t>1258141.0</t>
  </si>
  <si>
    <t>1392731.0</t>
  </si>
  <si>
    <t>10.37</t>
  </si>
  <si>
    <t>6.47</t>
  </si>
  <si>
    <t>4.18</t>
  </si>
  <si>
    <t>901728.0</t>
  </si>
  <si>
    <t>149777657.0</t>
  </si>
  <si>
    <t>93629275.0</t>
  </si>
  <si>
    <t>60335298.0</t>
  </si>
  <si>
    <t>1264760.0</t>
  </si>
  <si>
    <t>1335189.0</t>
  </si>
  <si>
    <t>10.5</t>
  </si>
  <si>
    <t>6.56</t>
  </si>
  <si>
    <t>871856.0</t>
  </si>
  <si>
    <t>150216634.0</t>
  </si>
  <si>
    <t>93894642.0</t>
  </si>
  <si>
    <t>60460828.0</t>
  </si>
  <si>
    <t>1378205.0</t>
  </si>
  <si>
    <t>1347603.0</t>
  </si>
  <si>
    <t>10.53</t>
  </si>
  <si>
    <t>6.58</t>
  </si>
  <si>
    <t>945.0</t>
  </si>
  <si>
    <t>880017.0</t>
  </si>
  <si>
    <t>0.062</t>
  </si>
  <si>
    <t>151339614.0</t>
  </si>
  <si>
    <t>94436873.0</t>
  </si>
  <si>
    <t>61008218.0</t>
  </si>
  <si>
    <t>1336051.0</t>
  </si>
  <si>
    <t>1359443.0</t>
  </si>
  <si>
    <t>10.61</t>
  </si>
  <si>
    <t>6.62</t>
  </si>
  <si>
    <t>4.28</t>
  </si>
  <si>
    <t>953.0</t>
  </si>
  <si>
    <t>890620.0</t>
  </si>
  <si>
    <t>151856823.0</t>
  </si>
  <si>
    <t>94753272.0</t>
  </si>
  <si>
    <t>61304840.0</t>
  </si>
  <si>
    <t>1202535.0</t>
  </si>
  <si>
    <t>1326229.0</t>
  </si>
  <si>
    <t>10.64</t>
  </si>
  <si>
    <t>6.64</t>
  </si>
  <si>
    <t>930.0</t>
  </si>
  <si>
    <t>880091.0</t>
  </si>
  <si>
    <t>151981836.0</t>
  </si>
  <si>
    <t>94810120.0</t>
  </si>
  <si>
    <t>61346050.0</t>
  </si>
  <si>
    <t>1304439.0</t>
  </si>
  <si>
    <t>1295432.0</t>
  </si>
  <si>
    <t>6.65</t>
  </si>
  <si>
    <t>908.0</t>
  </si>
  <si>
    <t>863582.0</t>
  </si>
  <si>
    <t>152622147.0</t>
  </si>
  <si>
    <t>95137567.0</t>
  </si>
  <si>
    <t>61711132.0</t>
  </si>
  <si>
    <t>1366797.0</t>
  </si>
  <si>
    <t>1301561.0</t>
  </si>
  <si>
    <t>10.7</t>
  </si>
  <si>
    <t>6.67</t>
  </si>
  <si>
    <t>912.0</t>
  </si>
  <si>
    <t>865409.0</t>
  </si>
  <si>
    <t>153279921.0</t>
  </si>
  <si>
    <t>96178402.0</t>
  </si>
  <si>
    <t>62247158.0</t>
  </si>
  <si>
    <t>1522391.0</t>
  </si>
  <si>
    <t>1339312.0</t>
  </si>
  <si>
    <t>10.74</t>
  </si>
  <si>
    <t>6.74</t>
  </si>
  <si>
    <t>4.36</t>
  </si>
  <si>
    <t>939.0</t>
  </si>
  <si>
    <t>870684.0</t>
  </si>
  <si>
    <t>155243008.0</t>
  </si>
  <si>
    <t>97672857.0</t>
  </si>
  <si>
    <t>62715707.0</t>
  </si>
  <si>
    <t>1340422.0</t>
  </si>
  <si>
    <t>1350119.0</t>
  </si>
  <si>
    <t>10.88</t>
  </si>
  <si>
    <t>6.85</t>
  </si>
  <si>
    <t>946.0</t>
  </si>
  <si>
    <t>871154.0</t>
  </si>
  <si>
    <t>159841805.0</t>
  </si>
  <si>
    <t>101108623.0</t>
  </si>
  <si>
    <t>63923753.0</t>
  </si>
  <si>
    <t>1261262.0</t>
  </si>
  <si>
    <t>1333416.0</t>
  </si>
  <si>
    <t>11.2</t>
  </si>
  <si>
    <t>7.09</t>
  </si>
  <si>
    <t>935.0</t>
  </si>
  <si>
    <t>854404.0</t>
  </si>
  <si>
    <t>161252483.0</t>
  </si>
  <si>
    <t>101532691.0</t>
  </si>
  <si>
    <t>64935242.0</t>
  </si>
  <si>
    <t>1159253.0</t>
  </si>
  <si>
    <t>1308157.0</t>
  </si>
  <si>
    <t>11.3</t>
  </si>
  <si>
    <t>4.55</t>
  </si>
  <si>
    <t>917.0</t>
  </si>
  <si>
    <t>824009.0</t>
  </si>
  <si>
    <t>161569375.0</t>
  </si>
  <si>
    <t>101709212.0</t>
  </si>
  <si>
    <t>65113013.0</t>
  </si>
  <si>
    <t>1186393.0</t>
  </si>
  <si>
    <t>1305849.0</t>
  </si>
  <si>
    <t>11.32</t>
  </si>
  <si>
    <t>7.13</t>
  </si>
  <si>
    <t>4.56</t>
  </si>
  <si>
    <t>915.0</t>
  </si>
  <si>
    <t>804135.0</t>
  </si>
  <si>
    <t>162063157.0</t>
  </si>
  <si>
    <t>101976640.0</t>
  </si>
  <si>
    <t>65479230.0</t>
  </si>
  <si>
    <t>1356098.0</t>
  </si>
  <si>
    <t>1313230.0</t>
  </si>
  <si>
    <t>7.15</t>
  </si>
  <si>
    <t>920.0</t>
  </si>
  <si>
    <t>799470.0</t>
  </si>
  <si>
    <t>162407061.0</t>
  </si>
  <si>
    <t>102228597.0</t>
  </si>
  <si>
    <t>65725228.0</t>
  </si>
  <si>
    <t>1609962.0</t>
  </si>
  <si>
    <t>1347968.0</t>
  </si>
  <si>
    <t>11.38</t>
  </si>
  <si>
    <t>7.17</t>
  </si>
  <si>
    <t>4.61</t>
  </si>
  <si>
    <t>818262.0</t>
  </si>
  <si>
    <t>164865140.0</t>
  </si>
  <si>
    <t>103284568.0</t>
  </si>
  <si>
    <t>66596619.0</t>
  </si>
  <si>
    <t>1727557.0</t>
  </si>
  <si>
    <t>1377279.0</t>
  </si>
  <si>
    <t>11.56</t>
  </si>
  <si>
    <t>7.24</t>
  </si>
  <si>
    <t>4.67</t>
  </si>
  <si>
    <t>840549.0</t>
  </si>
  <si>
    <t>166817017.0</t>
  </si>
  <si>
    <t>104801489.0</t>
  </si>
  <si>
    <t>67027675.0</t>
  </si>
  <si>
    <t>1454770.0</t>
  </si>
  <si>
    <t>1393616.0</t>
  </si>
  <si>
    <t>7.35</t>
  </si>
  <si>
    <t>4.7</t>
  </si>
  <si>
    <t>977.0</t>
  </si>
  <si>
    <t>835039.0</t>
  </si>
  <si>
    <t>168285198.0</t>
  </si>
  <si>
    <t>105455304.0</t>
  </si>
  <si>
    <t>67806758.0</t>
  </si>
  <si>
    <t>1721141.0</t>
  </si>
  <si>
    <t>1459311.0</t>
  </si>
  <si>
    <t>11.8</t>
  </si>
  <si>
    <t>7.39</t>
  </si>
  <si>
    <t>4.75</t>
  </si>
  <si>
    <t>1023.0</t>
  </si>
  <si>
    <t>863453.0</t>
  </si>
  <si>
    <t>168378087.0</t>
  </si>
  <si>
    <t>105498376.0</t>
  </si>
  <si>
    <t>67857299.0</t>
  </si>
  <si>
    <t>1507130.0</t>
  </si>
  <si>
    <t>1509010.0</t>
  </si>
  <si>
    <t>4.76</t>
  </si>
  <si>
    <t>1058.0</t>
  </si>
  <si>
    <t>892684.0</t>
  </si>
  <si>
    <t>172719785.0</t>
  </si>
  <si>
    <t>107800482.0</t>
  </si>
  <si>
    <t>69621838.0</t>
  </si>
  <si>
    <t>1505460.0</t>
  </si>
  <si>
    <t>1554587.0</t>
  </si>
  <si>
    <t>7.56</t>
  </si>
  <si>
    <t>4.88</t>
  </si>
  <si>
    <t>1090.0</t>
  </si>
  <si>
    <t>925848.0</t>
  </si>
  <si>
    <t>174291070.0</t>
  </si>
  <si>
    <t>108775932.0</t>
  </si>
  <si>
    <t>70233563.0</t>
  </si>
  <si>
    <t>1568548.0</t>
  </si>
  <si>
    <t>1584943.0</t>
  </si>
  <si>
    <t>12.22</t>
  </si>
  <si>
    <t>7.62</t>
  </si>
  <si>
    <t>1111.0</t>
  </si>
  <si>
    <t>946385.0</t>
  </si>
  <si>
    <t>175400722.0</t>
  </si>
  <si>
    <t>109286800.0</t>
  </si>
  <si>
    <t>70875816.0</t>
  </si>
  <si>
    <t>1533156.0</t>
  </si>
  <si>
    <t>1573967.0</t>
  </si>
  <si>
    <t>12.29</t>
  </si>
  <si>
    <t>7.66</t>
  </si>
  <si>
    <t>1103.0</t>
  </si>
  <si>
    <t>943108.0</t>
  </si>
  <si>
    <t>176359762.0</t>
  </si>
  <si>
    <t>110412099.0</t>
  </si>
  <si>
    <t>71038041.0</t>
  </si>
  <si>
    <t>1541654.0</t>
  </si>
  <si>
    <t>1547494.0</t>
  </si>
  <si>
    <t>7.74</t>
  </si>
  <si>
    <t>4.98</t>
  </si>
  <si>
    <t>1085.0</t>
  </si>
  <si>
    <t>938647.0</t>
  </si>
  <si>
    <t>178595888.0</t>
  </si>
  <si>
    <t>112257195.0</t>
  </si>
  <si>
    <t>71797395.0</t>
  </si>
  <si>
    <t>1458548.0</t>
  </si>
  <si>
    <t>1548003.0</t>
  </si>
  <si>
    <t>12.52</t>
  </si>
  <si>
    <t>7.87</t>
  </si>
  <si>
    <t>5.03</t>
  </si>
  <si>
    <t>955622.0</t>
  </si>
  <si>
    <t>179079983.0</t>
  </si>
  <si>
    <t>112467515.0</t>
  </si>
  <si>
    <t>71965545.0</t>
  </si>
  <si>
    <t>1695185.0</t>
  </si>
  <si>
    <t>1544280.0</t>
  </si>
  <si>
    <t>12.55</t>
  </si>
  <si>
    <t>7.88</t>
  </si>
  <si>
    <t>1082.0</t>
  </si>
  <si>
    <t>972359.0</t>
  </si>
  <si>
    <t>0.068</t>
  </si>
  <si>
    <t>182217821.0</t>
  </si>
  <si>
    <t>114483431.0</t>
  </si>
  <si>
    <t>73310127.0</t>
  </si>
  <si>
    <t>1513870.0</t>
  </si>
  <si>
    <t>1545229.0</t>
  </si>
  <si>
    <t>8.02</t>
  </si>
  <si>
    <t>5.14</t>
  </si>
  <si>
    <t>1083.0</t>
  </si>
  <si>
    <t>987635.0</t>
  </si>
  <si>
    <t>0.069</t>
  </si>
  <si>
    <t>184718901.0</t>
  </si>
  <si>
    <t>115318166.0</t>
  </si>
  <si>
    <t>74599032.0</t>
  </si>
  <si>
    <t>1450622.0</t>
  </si>
  <si>
    <t>1537386.0</t>
  </si>
  <si>
    <t>5.23</t>
  </si>
  <si>
    <t>1078.0</t>
  </si>
  <si>
    <t>979384.0</t>
  </si>
  <si>
    <t>185156929.0</t>
  </si>
  <si>
    <t>115544720.0</t>
  </si>
  <si>
    <t>74861496.0</t>
  </si>
  <si>
    <t>2025624.0</t>
  </si>
  <si>
    <t>1602673.0</t>
  </si>
  <si>
    <t>12.98</t>
  </si>
  <si>
    <t>8.1</t>
  </si>
  <si>
    <t>1123.0</t>
  </si>
  <si>
    <t>989498.0</t>
  </si>
  <si>
    <t>186805514.0</t>
  </si>
  <si>
    <t>116472240.0</t>
  </si>
  <si>
    <t>75578165.0</t>
  </si>
  <si>
    <t>2047430.0</t>
  </si>
  <si>
    <t>1676133.0</t>
  </si>
  <si>
    <t>13.09</t>
  </si>
  <si>
    <t>8.16</t>
  </si>
  <si>
    <t>1175.0</t>
  </si>
  <si>
    <t>998514.0</t>
  </si>
  <si>
    <t>187208673.0</t>
  </si>
  <si>
    <t>116658994.0</t>
  </si>
  <si>
    <t>75766086.0</t>
  </si>
  <si>
    <t>1652582.0</t>
  </si>
  <si>
    <t>1691981.0</t>
  </si>
  <si>
    <t>13.12</t>
  </si>
  <si>
    <t>8.18</t>
  </si>
  <si>
    <t>5.31</t>
  </si>
  <si>
    <t>1186.0</t>
  </si>
  <si>
    <t>983288.0</t>
  </si>
  <si>
    <t>189809912.0</t>
  </si>
  <si>
    <t>118429867.0</t>
  </si>
  <si>
    <t>76360930.0</t>
  </si>
  <si>
    <t>28870.0</t>
  </si>
  <si>
    <t>1607279.0</t>
  </si>
  <si>
    <t>1713227.0</t>
  </si>
  <si>
    <t>13.3</t>
  </si>
  <si>
    <t>5.35</t>
  </si>
  <si>
    <t>1201.0</t>
  </si>
  <si>
    <t>976617.0</t>
  </si>
  <si>
    <t>193296330.0</t>
  </si>
  <si>
    <t>120094541.0</t>
  </si>
  <si>
    <t>79415052.0</t>
  </si>
  <si>
    <t>32750.0</t>
  </si>
  <si>
    <t>1793119.0</t>
  </si>
  <si>
    <t>1727218.0</t>
  </si>
  <si>
    <t>8.42</t>
  </si>
  <si>
    <t>5.57</t>
  </si>
  <si>
    <t>1211.0</t>
  </si>
  <si>
    <t>972462.0</t>
  </si>
  <si>
    <t>194361624.0</t>
  </si>
  <si>
    <t>120630098.0</t>
  </si>
  <si>
    <t>80078265.0</t>
  </si>
  <si>
    <t>71510.0</t>
  </si>
  <si>
    <t>1674945.0</t>
  </si>
  <si>
    <t>1750228.0</t>
  </si>
  <si>
    <t>13.62</t>
  </si>
  <si>
    <t>8.45</t>
  </si>
  <si>
    <t>1227.0</t>
  </si>
  <si>
    <t>979194.0</t>
  </si>
  <si>
    <t>196480876.0</t>
  </si>
  <si>
    <t>122001362.0</t>
  </si>
  <si>
    <t>80759982.0</t>
  </si>
  <si>
    <t>1464629.0</t>
  </si>
  <si>
    <t>1752229.0</t>
  </si>
  <si>
    <t>13.77</t>
  </si>
  <si>
    <t>8.55</t>
  </si>
  <si>
    <t>996695.0</t>
  </si>
  <si>
    <t>197837482.0</t>
  </si>
  <si>
    <t>122691032.0</t>
  </si>
  <si>
    <t>81432762.0</t>
  </si>
  <si>
    <t>124228.0</t>
  </si>
  <si>
    <t>1439763.0</t>
  </si>
  <si>
    <t>1668533.0</t>
  </si>
  <si>
    <t>13.87</t>
  </si>
  <si>
    <t>8.6</t>
  </si>
  <si>
    <t>1169.0</t>
  </si>
  <si>
    <t>968578.0</t>
  </si>
  <si>
    <t>199146273.0</t>
  </si>
  <si>
    <t>123401709.0</t>
  </si>
  <si>
    <t>82036961.0</t>
  </si>
  <si>
    <t>142786.0</t>
  </si>
  <si>
    <t>1387041.0</t>
  </si>
  <si>
    <t>1574196.0</t>
  </si>
  <si>
    <t>13.96</t>
  </si>
  <si>
    <t>8.65</t>
  </si>
  <si>
    <t>938824.0</t>
  </si>
  <si>
    <t>199647730.0</t>
  </si>
  <si>
    <t>123704323.0</t>
  </si>
  <si>
    <t>82251189.0</t>
  </si>
  <si>
    <t>153756.0</t>
  </si>
  <si>
    <t>1358960.0</t>
  </si>
  <si>
    <t>1532248.0</t>
  </si>
  <si>
    <t>934952.0</t>
  </si>
  <si>
    <t>202346669.0</t>
  </si>
  <si>
    <t>125649818.0</t>
  </si>
  <si>
    <t>83140534.0</t>
  </si>
  <si>
    <t>163744.0</t>
  </si>
  <si>
    <t>1385568.0</t>
  </si>
  <si>
    <t>1500575.0</t>
  </si>
  <si>
    <t>14.18</t>
  </si>
  <si>
    <t>8.81</t>
  </si>
  <si>
    <t>5.83</t>
  </si>
  <si>
    <t>1052.0</t>
  </si>
  <si>
    <t>933366.0</t>
  </si>
  <si>
    <t>202620703.0</t>
  </si>
  <si>
    <t>125793512.0</t>
  </si>
  <si>
    <t>83267105.0</t>
  </si>
  <si>
    <t>173532.0</t>
  </si>
  <si>
    <t>1391385.0</t>
  </si>
  <si>
    <t>1443183.0</t>
  </si>
  <si>
    <t>14.2</t>
  </si>
  <si>
    <t>8.82</t>
  </si>
  <si>
    <t>5.84</t>
  </si>
  <si>
    <t>1012.0</t>
  </si>
  <si>
    <t>909486.0</t>
  </si>
  <si>
    <t>204717964.0</t>
  </si>
  <si>
    <t>126953294.0</t>
  </si>
  <si>
    <t>84214931.0</t>
  </si>
  <si>
    <t>179218.0</t>
  </si>
  <si>
    <t>1270730.0</t>
  </si>
  <si>
    <t>1385441.0</t>
  </si>
  <si>
    <t>14.35</t>
  </si>
  <si>
    <t>5.9</t>
  </si>
  <si>
    <t>971.0</t>
  </si>
  <si>
    <t>883081.0</t>
  </si>
  <si>
    <t>205527932.0</t>
  </si>
  <si>
    <t>127479738.0</t>
  </si>
  <si>
    <t>84450098.0</t>
  </si>
  <si>
    <t>189449.0</t>
  </si>
  <si>
    <t>1726702.0</t>
  </si>
  <si>
    <t>1422880.0</t>
  </si>
  <si>
    <t>14.41</t>
  </si>
  <si>
    <t>8.94</t>
  </si>
  <si>
    <t>5.92</t>
  </si>
  <si>
    <t>997.0</t>
  </si>
  <si>
    <t>898190.0</t>
  </si>
  <si>
    <t>206026136.0</t>
  </si>
  <si>
    <t>127764408.0</t>
  </si>
  <si>
    <t>84737553.0</t>
  </si>
  <si>
    <t>202552.0</t>
  </si>
  <si>
    <t>1782142.0</t>
  </si>
  <si>
    <t>1471791.0</t>
  </si>
  <si>
    <t>8.96</t>
  </si>
  <si>
    <t>5.94</t>
  </si>
  <si>
    <t>1032.0</t>
  </si>
  <si>
    <t>943520.0</t>
  </si>
  <si>
    <t>206476148.0</t>
  </si>
  <si>
    <t>127986876.0</t>
  </si>
  <si>
    <t>85001246.0</t>
  </si>
  <si>
    <t>213310.0</t>
  </si>
  <si>
    <t>1825147.0</t>
  </si>
  <si>
    <t>1534378.0</t>
  </si>
  <si>
    <t>14.47</t>
  </si>
  <si>
    <t>8.97</t>
  </si>
  <si>
    <t>5.96</t>
  </si>
  <si>
    <t>1075.0</t>
  </si>
  <si>
    <t>991503.0</t>
  </si>
  <si>
    <t>212163314.0</t>
  </si>
  <si>
    <t>131593036.0</t>
  </si>
  <si>
    <t>87156623.0</t>
  </si>
  <si>
    <t>223337.0</t>
  </si>
  <si>
    <t>1859022.0</t>
  </si>
  <si>
    <t>1605812.0</t>
  </si>
  <si>
    <t>14.87</t>
  </si>
  <si>
    <t>9.22</t>
  </si>
  <si>
    <t>6.11</t>
  </si>
  <si>
    <t>1034186.0</t>
  </si>
  <si>
    <t>0.072</t>
  </si>
  <si>
    <t>213405327.0</t>
  </si>
  <si>
    <t>133039867.0</t>
  </si>
  <si>
    <t>87694758.0</t>
  </si>
  <si>
    <t>233093.0</t>
  </si>
  <si>
    <t>1815832.0</t>
  </si>
  <si>
    <t>1667279.0</t>
  </si>
  <si>
    <t>14.96</t>
  </si>
  <si>
    <t>6.15</t>
  </si>
  <si>
    <t>1089711.0</t>
  </si>
  <si>
    <t>0.076</t>
  </si>
  <si>
    <t>213812455.0</t>
  </si>
  <si>
    <t>133275680.0</t>
  </si>
  <si>
    <t>87951583.0</t>
  </si>
  <si>
    <t>243348.0</t>
  </si>
  <si>
    <t>1548824.0</t>
  </si>
  <si>
    <t>1689768.0</t>
  </si>
  <si>
    <t>14.99</t>
  </si>
  <si>
    <t>9.34</t>
  </si>
  <si>
    <t>6.16</t>
  </si>
  <si>
    <t>1184.0</t>
  </si>
  <si>
    <t>1088776.0</t>
  </si>
  <si>
    <t>215510097.0</t>
  </si>
  <si>
    <t>134254729.0</t>
  </si>
  <si>
    <t>88888615.0</t>
  </si>
  <si>
    <t>256524.0</t>
  </si>
  <si>
    <t>1492667.0</t>
  </si>
  <si>
    <t>1721477.0</t>
  </si>
  <si>
    <t>15.11</t>
  </si>
  <si>
    <t>1207.0</t>
  </si>
  <si>
    <t>1092084.0</t>
  </si>
  <si>
    <t>0.077</t>
  </si>
  <si>
    <t>216483974.0</t>
  </si>
  <si>
    <t>134730525.0</t>
  </si>
  <si>
    <t>89484284.0</t>
  </si>
  <si>
    <t>263155.0</t>
  </si>
  <si>
    <t>1345703.0</t>
  </si>
  <si>
    <t>1667050.0</t>
  </si>
  <si>
    <t>15.17</t>
  </si>
  <si>
    <t>9.44</t>
  </si>
  <si>
    <t>6.27</t>
  </si>
  <si>
    <t>1168.0</t>
  </si>
  <si>
    <t>1071091.0</t>
  </si>
  <si>
    <t>0.075</t>
  </si>
  <si>
    <t>217665658.0</t>
  </si>
  <si>
    <t>135238070.0</t>
  </si>
  <si>
    <t>90176574.0</t>
  </si>
  <si>
    <t>272326.0</t>
  </si>
  <si>
    <t>1489742.0</t>
  </si>
  <si>
    <t>1625275.0</t>
  </si>
  <si>
    <t>15.26</t>
  </si>
  <si>
    <t>9.48</t>
  </si>
  <si>
    <t>6.32</t>
  </si>
  <si>
    <t>1139.0</t>
  </si>
  <si>
    <t>1044085.0</t>
  </si>
  <si>
    <t>0.073</t>
  </si>
  <si>
    <t>217925557.0</t>
  </si>
  <si>
    <t>135397014.0</t>
  </si>
  <si>
    <t>90296494.0</t>
  </si>
  <si>
    <t>280269.0</t>
  </si>
  <si>
    <t>1465159.0</t>
  </si>
  <si>
    <t>1573849.0</t>
  </si>
  <si>
    <t>15.27</t>
  </si>
  <si>
    <t>9.49</t>
  </si>
  <si>
    <t>1025457.0</t>
  </si>
  <si>
    <t>218681637.0</t>
  </si>
  <si>
    <t>135824686.0</t>
  </si>
  <si>
    <t>90850589.0</t>
  </si>
  <si>
    <t>290842.0</t>
  </si>
  <si>
    <t>1495602.0</t>
  </si>
  <si>
    <t>1521932.0</t>
  </si>
  <si>
    <t>15.33</t>
  </si>
  <si>
    <t>9.52</t>
  </si>
  <si>
    <t>6.37</t>
  </si>
  <si>
    <t>1067.0</t>
  </si>
  <si>
    <t>1007170.0</t>
  </si>
  <si>
    <t>0.071</t>
  </si>
  <si>
    <t>221670670.0</t>
  </si>
  <si>
    <t>137847964.0</t>
  </si>
  <si>
    <t>92212651.0</t>
  </si>
  <si>
    <t>295394.0</t>
  </si>
  <si>
    <t>1405108.0</t>
  </si>
  <si>
    <t>1463259.0</t>
  </si>
  <si>
    <t>15.54</t>
  </si>
  <si>
    <t>9.66</t>
  </si>
  <si>
    <t>1026.0</t>
  </si>
  <si>
    <t>971762.0</t>
  </si>
  <si>
    <t>221958829.0</t>
  </si>
  <si>
    <t>138010888.0</t>
  </si>
  <si>
    <t>92314452.0</t>
  </si>
  <si>
    <t>301875.0</t>
  </si>
  <si>
    <t>1575854.0</t>
  </si>
  <si>
    <t>1467122.0</t>
  </si>
  <si>
    <t>15.56</t>
  </si>
  <si>
    <t>9.67</t>
  </si>
  <si>
    <t>1028.0</t>
  </si>
  <si>
    <t>989135.0</t>
  </si>
  <si>
    <t>224423425.0</t>
  </si>
  <si>
    <t>140193207.0</t>
  </si>
  <si>
    <t>92669053.0</t>
  </si>
  <si>
    <t>305078.0</t>
  </si>
  <si>
    <t>1667917.0</t>
  </si>
  <si>
    <t>1492157.0</t>
  </si>
  <si>
    <t>15.73</t>
  </si>
  <si>
    <t>6.5</t>
  </si>
  <si>
    <t>1046.0</t>
  </si>
  <si>
    <t>1028307.0</t>
  </si>
  <si>
    <t>226256507.0</t>
  </si>
  <si>
    <t>141200922.0</t>
  </si>
  <si>
    <t>93623797.0</t>
  </si>
  <si>
    <t>318245.0</t>
  </si>
  <si>
    <t>1796069.0</t>
  </si>
  <si>
    <t>1556493.0</t>
  </si>
  <si>
    <t>15.86</t>
  </si>
  <si>
    <t>9.9</t>
  </si>
  <si>
    <t>1091.0</t>
  </si>
  <si>
    <t>1061406.0</t>
  </si>
  <si>
    <t>227673638.0</t>
  </si>
  <si>
    <t>142014066.0</t>
  </si>
  <si>
    <t>94505635.0</t>
  </si>
  <si>
    <t>337494.0</t>
  </si>
  <si>
    <t>1927357.0</t>
  </si>
  <si>
    <t>1619013.0</t>
  </si>
  <si>
    <t>15.96</t>
  </si>
  <si>
    <t>9.95</t>
  </si>
  <si>
    <t>1114999.0</t>
  </si>
  <si>
    <t>0.078</t>
  </si>
  <si>
    <t>228698706.0</t>
  </si>
  <si>
    <t>142895278.0</t>
  </si>
  <si>
    <t>94827029.0</t>
  </si>
  <si>
    <t>350256.0</t>
  </si>
  <si>
    <t>2043682.0</t>
  </si>
  <si>
    <t>1701656.0</t>
  </si>
  <si>
    <t>16.03</t>
  </si>
  <si>
    <t>10.02</t>
  </si>
  <si>
    <t>1193.0</t>
  </si>
  <si>
    <t>1176395.0</t>
  </si>
  <si>
    <t>231376078.0</t>
  </si>
  <si>
    <t>144818452.0</t>
  </si>
  <si>
    <t>95860426.0</t>
  </si>
  <si>
    <t>356468.0</t>
  </si>
  <si>
    <t>2211846.0</t>
  </si>
  <si>
    <t>1803977.0</t>
  </si>
  <si>
    <t>16.22</t>
  </si>
  <si>
    <t>10.15</t>
  </si>
  <si>
    <t>6.72</t>
  </si>
  <si>
    <t>1282565.0</t>
  </si>
  <si>
    <t>0.09</t>
  </si>
  <si>
    <t>232421121.0</t>
  </si>
  <si>
    <t>145689988.0</t>
  </si>
  <si>
    <t>96032053.0</t>
  </si>
  <si>
    <t>375609.0</t>
  </si>
  <si>
    <t>2260789.0</t>
  </si>
  <si>
    <t>1926217.0</t>
  </si>
  <si>
    <t>16.29</t>
  </si>
  <si>
    <t>10.21</t>
  </si>
  <si>
    <t>6.73</t>
  </si>
  <si>
    <t>1350.0</t>
  </si>
  <si>
    <t>1369630.0</t>
  </si>
  <si>
    <t>233660975.0</t>
  </si>
  <si>
    <t>146661850.0</t>
  </si>
  <si>
    <t>96395384.0</t>
  </si>
  <si>
    <t>389958.0</t>
  </si>
  <si>
    <t>2016041.0</t>
  </si>
  <si>
    <t>1989106.0</t>
  </si>
  <si>
    <t>16.38</t>
  </si>
  <si>
    <t>10.28</t>
  </si>
  <si>
    <t>1394.0</t>
  </si>
  <si>
    <t>1426817.0</t>
  </si>
  <si>
    <t>234240410.0</t>
  </si>
  <si>
    <t>147186035.0</t>
  </si>
  <si>
    <t>96447935.0</t>
  </si>
  <si>
    <t>405021.0</t>
  </si>
  <si>
    <t>1789091.0</t>
  </si>
  <si>
    <t>2006414.0</t>
  </si>
  <si>
    <t>16.42</t>
  </si>
  <si>
    <t>10.32</t>
  </si>
  <si>
    <t>1406.0</t>
  </si>
  <si>
    <t>1443533.0</t>
  </si>
  <si>
    <t>0.101</t>
  </si>
  <si>
    <t>237923232.0</t>
  </si>
  <si>
    <t>149485044.0</t>
  </si>
  <si>
    <t>97853379.0</t>
  </si>
  <si>
    <t>413523.0</t>
  </si>
  <si>
    <t>1662582.0</t>
  </si>
  <si>
    <t>1987343.0</t>
  </si>
  <si>
    <t>16.68</t>
  </si>
  <si>
    <t>10.48</t>
  </si>
  <si>
    <t>6.86</t>
  </si>
  <si>
    <t>1393.0</t>
  </si>
  <si>
    <t>1442626.0</t>
  </si>
  <si>
    <t>239938173.0</t>
  </si>
  <si>
    <t>150710718.0</t>
  </si>
  <si>
    <t>98731465.0</t>
  </si>
  <si>
    <t>436553.0</t>
  </si>
  <si>
    <t>2119673.0</t>
  </si>
  <si>
    <t>2014820.0</t>
  </si>
  <si>
    <t>16.82</t>
  </si>
  <si>
    <t>10.56</t>
  </si>
  <si>
    <t>6.92</t>
  </si>
  <si>
    <t>1412.0</t>
  </si>
  <si>
    <t>1455552.0</t>
  </si>
  <si>
    <t>0.102</t>
  </si>
  <si>
    <t>241204351.0</t>
  </si>
  <si>
    <t>151822183.0</t>
  </si>
  <si>
    <t>99299597.0</t>
  </si>
  <si>
    <t>450385.0</t>
  </si>
  <si>
    <t>2135709.0</t>
  </si>
  <si>
    <t>2027959.0</t>
  </si>
  <si>
    <t>16.91</t>
  </si>
  <si>
    <t>6.96</t>
  </si>
  <si>
    <t>1421.0</t>
  </si>
  <si>
    <t>1457721.0</t>
  </si>
  <si>
    <t>241697921.0</t>
  </si>
  <si>
    <t>152229889.0</t>
  </si>
  <si>
    <t>99424535.0</t>
  </si>
  <si>
    <t>457450.0</t>
  </si>
  <si>
    <t>1937204.0</t>
  </si>
  <si>
    <t>1988725.0</t>
  </si>
  <si>
    <t>16.94</t>
  </si>
  <si>
    <t>10.67</t>
  </si>
  <si>
    <t>6.97</t>
  </si>
  <si>
    <t>1388440.0</t>
  </si>
  <si>
    <t>0.097</t>
  </si>
  <si>
    <t>244138322.0</t>
  </si>
  <si>
    <t>153353462.0</t>
  </si>
  <si>
    <t>100483110.0</t>
  </si>
  <si>
    <t>463718.0</t>
  </si>
  <si>
    <t>2077003.0</t>
  </si>
  <si>
    <t>1962471.0</t>
  </si>
  <si>
    <t>17.11</t>
  </si>
  <si>
    <t>7.04</t>
  </si>
  <si>
    <t>1375.0</t>
  </si>
  <si>
    <t>1364349.0</t>
  </si>
  <si>
    <t>245843767.0</t>
  </si>
  <si>
    <t>154505406.0</t>
  </si>
  <si>
    <t>101061476.0</t>
  </si>
  <si>
    <t>470619.0</t>
  </si>
  <si>
    <t>2657351.0</t>
  </si>
  <si>
    <t>2054091.0</t>
  </si>
  <si>
    <t>17.23</t>
  </si>
  <si>
    <t>10.83</t>
  </si>
  <si>
    <t>7.08</t>
  </si>
  <si>
    <t>1440.0</t>
  </si>
  <si>
    <t>1415653.0</t>
  </si>
  <si>
    <t>0.099</t>
  </si>
  <si>
    <t>248872918.0</t>
  </si>
  <si>
    <t>156281312.0</t>
  </si>
  <si>
    <t>102318965.0</t>
  </si>
  <si>
    <t>479959.0</t>
  </si>
  <si>
    <t>1538823.0</t>
  </si>
  <si>
    <t>2018337.0</t>
  </si>
  <si>
    <t>17.44</t>
  </si>
  <si>
    <t>10.95</t>
  </si>
  <si>
    <t>1415.0</t>
  </si>
  <si>
    <t>1382712.0</t>
  </si>
  <si>
    <t>249894682.0</t>
  </si>
  <si>
    <t>157016959.0</t>
  </si>
  <si>
    <t>102618682.0</t>
  </si>
  <si>
    <t>494730.0</t>
  </si>
  <si>
    <t>1444168.0</t>
  </si>
  <si>
    <t>1987136.0</t>
  </si>
  <si>
    <t>17.52</t>
  </si>
  <si>
    <t>11.01</t>
  </si>
  <si>
    <t>7.19</t>
  </si>
  <si>
    <t>1362958.0</t>
  </si>
  <si>
    <t>251954417.0</t>
  </si>
  <si>
    <t>159797624.0</t>
  </si>
  <si>
    <t>103540080.0</t>
  </si>
  <si>
    <t>512730.0</t>
  </si>
  <si>
    <t>1632866.0</t>
  </si>
  <si>
    <t>1917592.0</t>
  </si>
  <si>
    <t>17.66</t>
  </si>
  <si>
    <t>1344.0</t>
  </si>
  <si>
    <t>1321533.0</t>
  </si>
  <si>
    <t>0.093</t>
  </si>
  <si>
    <t>252438430.0</t>
  </si>
  <si>
    <t>160134644.0</t>
  </si>
  <si>
    <t>103737331.0</t>
  </si>
  <si>
    <t>535575.0</t>
  </si>
  <si>
    <t>1721239.0</t>
  </si>
  <si>
    <t>1858379.0</t>
  </si>
  <si>
    <t>17.69</t>
  </si>
  <si>
    <t>11.22</t>
  </si>
  <si>
    <t>7.27</t>
  </si>
  <si>
    <t>1303.0</t>
  </si>
  <si>
    <t>1282457.0</t>
  </si>
  <si>
    <t>254776807.0</t>
  </si>
  <si>
    <t>162245882.0</t>
  </si>
  <si>
    <t>104802416.0</t>
  </si>
  <si>
    <t>558641.0</t>
  </si>
  <si>
    <t>1720490.0</t>
  </si>
  <si>
    <t>1827419.0</t>
  </si>
  <si>
    <t>17.86</t>
  </si>
  <si>
    <t>1281.0</t>
  </si>
  <si>
    <t>1261375.0</t>
  </si>
  <si>
    <t>0.088</t>
  </si>
  <si>
    <t>259552978.0</t>
  </si>
  <si>
    <t>166374173.0</t>
  </si>
  <si>
    <t>105911011.0</t>
  </si>
  <si>
    <t>574335.0</t>
  </si>
  <si>
    <t>1668698.0</t>
  </si>
  <si>
    <t>1769091.0</t>
  </si>
  <si>
    <t>18.19</t>
  </si>
  <si>
    <t>11.66</t>
  </si>
  <si>
    <t>1240.0</t>
  </si>
  <si>
    <t>1215572.0</t>
  </si>
  <si>
    <t>260314607.0</t>
  </si>
  <si>
    <t>166733214.0</t>
  </si>
  <si>
    <t>106324586.0</t>
  </si>
  <si>
    <t>593495.0</t>
  </si>
  <si>
    <t>2055881.0</t>
  </si>
  <si>
    <t>1683167.0</t>
  </si>
  <si>
    <t>18.25</t>
  </si>
  <si>
    <t>1180.0</t>
  </si>
  <si>
    <t>1156354.0</t>
  </si>
  <si>
    <t>0.081</t>
  </si>
  <si>
    <t>262827090.0</t>
  </si>
  <si>
    <t>168507253.0</t>
  </si>
  <si>
    <t>107171866.0</t>
  </si>
  <si>
    <t>608185.0</t>
  </si>
  <si>
    <t>1839672.0</t>
  </si>
  <si>
    <t>1726146.0</t>
  </si>
  <si>
    <t>18.42</t>
  </si>
  <si>
    <t>11.81</t>
  </si>
  <si>
    <t>7.51</t>
  </si>
  <si>
    <t>1210.0</t>
  </si>
  <si>
    <t>1191261.0</t>
  </si>
  <si>
    <t>264376660.0</t>
  </si>
  <si>
    <t>169656513.0</t>
  </si>
  <si>
    <t>107691376.0</t>
  </si>
  <si>
    <t>617549.0</t>
  </si>
  <si>
    <t>1863342.0</t>
  </si>
  <si>
    <t>1786029.0</t>
  </si>
  <si>
    <t>18.53</t>
  </si>
  <si>
    <t>11.89</t>
  </si>
  <si>
    <t>7.55</t>
  </si>
  <si>
    <t>1252.0</t>
  </si>
  <si>
    <t>1226159.0</t>
  </si>
  <si>
    <t>0.086</t>
  </si>
  <si>
    <t>265330659.0</t>
  </si>
  <si>
    <t>170161872.0</t>
  </si>
  <si>
    <t>108159569.0</t>
  </si>
  <si>
    <t>633454.0</t>
  </si>
  <si>
    <t>1975615.0</t>
  </si>
  <si>
    <t>1834993.0</t>
  </si>
  <si>
    <t>18.6</t>
  </si>
  <si>
    <t>7.58</t>
  </si>
  <si>
    <t>1286.0</t>
  </si>
  <si>
    <t>1245856.0</t>
  </si>
  <si>
    <t>0.087</t>
  </si>
  <si>
    <t>267711738.0</t>
  </si>
  <si>
    <t>171633395.0</t>
  </si>
  <si>
    <t>109212765.0</t>
  </si>
  <si>
    <t>644723.0</t>
  </si>
  <si>
    <t>1991866.0</t>
  </si>
  <si>
    <t>1873653.0</t>
  </si>
  <si>
    <t>18.76</t>
  </si>
  <si>
    <t>12.03</t>
  </si>
  <si>
    <t>7.65</t>
  </si>
  <si>
    <t>1313.0</t>
  </si>
  <si>
    <t>1256016.0</t>
  </si>
  <si>
    <t>270220358.0</t>
  </si>
  <si>
    <t>172627799.0</t>
  </si>
  <si>
    <t>110720409.0</t>
  </si>
  <si>
    <t>663869.0</t>
  </si>
  <si>
    <t>1971390.0</t>
  </si>
  <si>
    <t>1909497.0</t>
  </si>
  <si>
    <t>18.94</t>
  </si>
  <si>
    <t>12.1</t>
  </si>
  <si>
    <t>7.76</t>
  </si>
  <si>
    <t>1338.0</t>
  </si>
  <si>
    <t>1263690.0</t>
  </si>
  <si>
    <t>0.089</t>
  </si>
  <si>
    <t>270873142.0</t>
  </si>
  <si>
    <t>173057276.0</t>
  </si>
  <si>
    <t>111038929.0</t>
  </si>
  <si>
    <t>674557.0</t>
  </si>
  <si>
    <t>2499577.0</t>
  </si>
  <si>
    <t>2028193.0</t>
  </si>
  <si>
    <t>18.99</t>
  </si>
  <si>
    <t>12.13</t>
  </si>
  <si>
    <t>7.78</t>
  </si>
  <si>
    <t>1422.0</t>
  </si>
  <si>
    <t>1351321.0</t>
  </si>
  <si>
    <t>0.095</t>
  </si>
  <si>
    <t>271322065.0</t>
  </si>
  <si>
    <t>173193899.0</t>
  </si>
  <si>
    <t>111200145.0</t>
  </si>
  <si>
    <t>689618.0</t>
  </si>
  <si>
    <t>2375728.0</t>
  </si>
  <si>
    <t>2073886.0</t>
  </si>
  <si>
    <t>19.02</t>
  </si>
  <si>
    <t>12.14</t>
  </si>
  <si>
    <t>7.79</t>
  </si>
  <si>
    <t>1454.0</t>
  </si>
  <si>
    <t>1394568.0</t>
  </si>
  <si>
    <t>273401858.0</t>
  </si>
  <si>
    <t>174295104.0</t>
  </si>
  <si>
    <t>112171654.0</t>
  </si>
  <si>
    <t>712728.0</t>
  </si>
  <si>
    <t>2310304.0</t>
  </si>
  <si>
    <t>2141118.0</t>
  </si>
  <si>
    <t>19.16</t>
  </si>
  <si>
    <t>7.86</t>
  </si>
  <si>
    <t>1501.0</t>
  </si>
  <si>
    <t>1443196.0</t>
  </si>
  <si>
    <t>274067231.0</t>
  </si>
  <si>
    <t>174592514.0</t>
  </si>
  <si>
    <t>112400900.0</t>
  </si>
  <si>
    <t>726927.0</t>
  </si>
  <si>
    <t>2304209.0</t>
  </si>
  <si>
    <t>2204098.0</t>
  </si>
  <si>
    <t>19.21</t>
  </si>
  <si>
    <t>12.24</t>
  </si>
  <si>
    <t>1545.0</t>
  </si>
  <si>
    <t>1498113.0</t>
  </si>
  <si>
    <t>0.105</t>
  </si>
  <si>
    <t>279450592.0</t>
  </si>
  <si>
    <t>178524442.0</t>
  </si>
  <si>
    <t>113905384.0</t>
  </si>
  <si>
    <t>747911.0</t>
  </si>
  <si>
    <t>2504625.0</t>
  </si>
  <si>
    <t>2279668.0</t>
  </si>
  <si>
    <t>19.59</t>
  </si>
  <si>
    <t>12.51</t>
  </si>
  <si>
    <t>7.98</t>
  </si>
  <si>
    <t>1598.0</t>
  </si>
  <si>
    <t>1551595.0</t>
  </si>
  <si>
    <t>0.109</t>
  </si>
  <si>
    <t>280029601.0</t>
  </si>
  <si>
    <t>178928835.0</t>
  </si>
  <si>
    <t>114225131.0</t>
  </si>
  <si>
    <t>2594228.0</t>
  </si>
  <si>
    <t>2365724.0</t>
  </si>
  <si>
    <t>19.63</t>
  </si>
  <si>
    <t>12.54</t>
  </si>
  <si>
    <t>8.01</t>
  </si>
  <si>
    <t>1658.0</t>
  </si>
  <si>
    <t>1607375.0</t>
  </si>
  <si>
    <t>281685011.0</t>
  </si>
  <si>
    <t>179954832.0</t>
  </si>
  <si>
    <t>114971033.0</t>
  </si>
  <si>
    <t>2571845.0</t>
  </si>
  <si>
    <t>2451504.0</t>
  </si>
  <si>
    <t>19.74</t>
  </si>
  <si>
    <t>8.06</t>
  </si>
  <si>
    <t>1667153.0</t>
  </si>
  <si>
    <t>0.117</t>
  </si>
  <si>
    <t>286205196.0</t>
  </si>
  <si>
    <t>183656211.0</t>
  </si>
  <si>
    <t>116189774.0</t>
  </si>
  <si>
    <t>777325.0</t>
  </si>
  <si>
    <t>2332477.0</t>
  </si>
  <si>
    <t>2427631.0</t>
  </si>
  <si>
    <t>20.06</t>
  </si>
  <si>
    <t>12.87</t>
  </si>
  <si>
    <t>8.14</t>
  </si>
  <si>
    <t>1702.0</t>
  </si>
  <si>
    <t>1635024.0</t>
  </si>
  <si>
    <t>0.115</t>
  </si>
  <si>
    <t>288683233.0</t>
  </si>
  <si>
    <t>184863102.0</t>
  </si>
  <si>
    <t>117486004.0</t>
  </si>
  <si>
    <t>793885.0</t>
  </si>
  <si>
    <t>1907964.0</t>
  </si>
  <si>
    <t>2360807.0</t>
  </si>
  <si>
    <t>20.23</t>
  </si>
  <si>
    <t>12.96</t>
  </si>
  <si>
    <t>8.23</t>
  </si>
  <si>
    <t>1655.0</t>
  </si>
  <si>
    <t>1552428.0</t>
  </si>
  <si>
    <t>288905894.0</t>
  </si>
  <si>
    <t>184899383.0</t>
  </si>
  <si>
    <t>117563603.0</t>
  </si>
  <si>
    <t>1788616.0</t>
  </si>
  <si>
    <t>2286279.0</t>
  </si>
  <si>
    <t>20.25</t>
  </si>
  <si>
    <t>8.24</t>
  </si>
  <si>
    <t>1602.0</t>
  </si>
  <si>
    <t>1465107.0</t>
  </si>
  <si>
    <t>0.103</t>
  </si>
  <si>
    <t>290436783.0</t>
  </si>
  <si>
    <t>185759528.0</t>
  </si>
  <si>
    <t>118263270.0</t>
  </si>
  <si>
    <t>830873.0</t>
  </si>
  <si>
    <t>1735186.0</t>
  </si>
  <si>
    <t>2204991.0</t>
  </si>
  <si>
    <t>20.36</t>
  </si>
  <si>
    <t>13.02</t>
  </si>
  <si>
    <t>8.29</t>
  </si>
  <si>
    <t>1378357.0</t>
  </si>
  <si>
    <t>291643397.0</t>
  </si>
  <si>
    <t>186495364.0</t>
  </si>
  <si>
    <t>118603416.0</t>
  </si>
  <si>
    <t>843010.0</t>
  </si>
  <si>
    <t>1577023.0</t>
  </si>
  <si>
    <t>2072479.0</t>
  </si>
  <si>
    <t>20.44</t>
  </si>
  <si>
    <t>13.07</t>
  </si>
  <si>
    <t>8.31</t>
  </si>
  <si>
    <t>1453.0</t>
  </si>
  <si>
    <t>1274976.0</t>
  </si>
  <si>
    <t>298525241.0</t>
  </si>
  <si>
    <t>190127337.0</t>
  </si>
  <si>
    <t>122323989.0</t>
  </si>
  <si>
    <t>851963.0</t>
  </si>
  <si>
    <t>1632987.0</t>
  </si>
  <si>
    <t>1935157.0</t>
  </si>
  <si>
    <t>20.92</t>
  </si>
  <si>
    <t>13.33</t>
  </si>
  <si>
    <t>8.57</t>
  </si>
  <si>
    <t>1356.0</t>
  </si>
  <si>
    <t>1163251.0</t>
  </si>
  <si>
    <t>298955785.0</t>
  </si>
  <si>
    <t>190270163.0</t>
  </si>
  <si>
    <t>122562413.0</t>
  </si>
  <si>
    <t>865281.0</t>
  </si>
  <si>
    <t>1683568.0</t>
  </si>
  <si>
    <t>1808261.0</t>
  </si>
  <si>
    <t>20.95</t>
  </si>
  <si>
    <t>13.34</t>
  </si>
  <si>
    <t>8.59</t>
  </si>
  <si>
    <t>1267.0</t>
  </si>
  <si>
    <t>1052833.0</t>
  </si>
  <si>
    <t>300177518.0</t>
  </si>
  <si>
    <t>190900159.0</t>
  </si>
  <si>
    <t>123100287.0</t>
  </si>
  <si>
    <t>882068.0</t>
  </si>
  <si>
    <t>1643906.0</t>
  </si>
  <si>
    <t>1709892.0</t>
  </si>
  <si>
    <t>21.04</t>
  </si>
  <si>
    <t>13.38</t>
  </si>
  <si>
    <t>8.63</t>
  </si>
  <si>
    <t>1198.0</t>
  </si>
  <si>
    <t>951334.0</t>
  </si>
  <si>
    <t>303508220.0</t>
  </si>
  <si>
    <t>193644216.0</t>
  </si>
  <si>
    <t>124750456.0</t>
  </si>
  <si>
    <t>892142.0</t>
  </si>
  <si>
    <t>2049102.0</t>
  </si>
  <si>
    <t>1730056.0</t>
  </si>
  <si>
    <t>21.27</t>
  </si>
  <si>
    <t>13.57</t>
  </si>
  <si>
    <t>8.74</t>
  </si>
  <si>
    <t>1213.0</t>
  </si>
  <si>
    <t>972997.0</t>
  </si>
  <si>
    <t>304142817.0</t>
  </si>
  <si>
    <t>193994506.0</t>
  </si>
  <si>
    <t>125170954.0</t>
  </si>
  <si>
    <t>909609.0</t>
  </si>
  <si>
    <t>1742670.0</t>
  </si>
  <si>
    <t>1723494.0</t>
  </si>
  <si>
    <t>21.32</t>
  </si>
  <si>
    <t>13.6</t>
  </si>
  <si>
    <t>8.77</t>
  </si>
  <si>
    <t>1208.0</t>
  </si>
  <si>
    <t>976766.0</t>
  </si>
  <si>
    <t>304601512.0</t>
  </si>
  <si>
    <t>194358392.0</t>
  </si>
  <si>
    <t>125463560.0</t>
  </si>
  <si>
    <t>922175.0</t>
  </si>
  <si>
    <t>1304246.0</t>
  </si>
  <si>
    <t>1661930.0</t>
  </si>
  <si>
    <t>21.35</t>
  </si>
  <si>
    <t>8.79</t>
  </si>
  <si>
    <t>1165.0</t>
  </si>
  <si>
    <t>939817.0</t>
  </si>
  <si>
    <t>305047846.0</t>
  </si>
  <si>
    <t>194573320.0</t>
  </si>
  <si>
    <t>125726603.0</t>
  </si>
  <si>
    <t>927446.0</t>
  </si>
  <si>
    <t>1579535.0</t>
  </si>
  <si>
    <t>1662288.0</t>
  </si>
  <si>
    <t>21.38</t>
  </si>
  <si>
    <t>13.64</t>
  </si>
  <si>
    <t>919782.0</t>
  </si>
  <si>
    <t>310462505.0</t>
  </si>
  <si>
    <t>197140515.0</t>
  </si>
  <si>
    <t>128229329.0</t>
  </si>
  <si>
    <t>955626.0</t>
  </si>
  <si>
    <t>1632041.0</t>
  </si>
  <si>
    <t>1662154.0</t>
  </si>
  <si>
    <t>21.76</t>
  </si>
  <si>
    <t>13.82</t>
  </si>
  <si>
    <t>8.99</t>
  </si>
  <si>
    <t>908438.0</t>
  </si>
  <si>
    <t>310993743.0</t>
  </si>
  <si>
    <t>197448679.0</t>
  </si>
  <si>
    <t>128662825.0</t>
  </si>
  <si>
    <t>970084.0</t>
  </si>
  <si>
    <t>1356629.0</t>
  </si>
  <si>
    <t>1615451.0</t>
  </si>
  <si>
    <t>21.8</t>
  </si>
  <si>
    <t>13.84</t>
  </si>
  <si>
    <t>9.02</t>
  </si>
  <si>
    <t>1132.0</t>
  </si>
  <si>
    <t>880916.0</t>
  </si>
  <si>
    <t>314989250.0</t>
  </si>
  <si>
    <t>198356123.0</t>
  </si>
  <si>
    <t>129410903.0</t>
  </si>
  <si>
    <t>988894.0</t>
  </si>
  <si>
    <t>1526592.0</t>
  </si>
  <si>
    <t>1598687.0</t>
  </si>
  <si>
    <t>22.08</t>
  </si>
  <si>
    <t>13.9</t>
  </si>
  <si>
    <t>9.07</t>
  </si>
  <si>
    <t>1121.0</t>
  </si>
  <si>
    <t>858322.0</t>
  </si>
  <si>
    <t>315651585.0</t>
  </si>
  <si>
    <t>198768916.0</t>
  </si>
  <si>
    <t>129855863.0</t>
  </si>
  <si>
    <t>1006611.0</t>
  </si>
  <si>
    <t>2226139.0</t>
  </si>
  <si>
    <t>1623979.0</t>
  </si>
  <si>
    <t>22.12</t>
  </si>
  <si>
    <t>9.1</t>
  </si>
  <si>
    <t>1138.0</t>
  </si>
  <si>
    <t>854720.0</t>
  </si>
  <si>
    <t>317435119.0</t>
  </si>
  <si>
    <t>199724698.0</t>
  </si>
  <si>
    <t>130833327.0</t>
  </si>
  <si>
    <t>1013527.0</t>
  </si>
  <si>
    <t>1951363.0</t>
  </si>
  <si>
    <t>1653791.0</t>
  </si>
  <si>
    <t>22.25</t>
  </si>
  <si>
    <t>14.0</t>
  </si>
  <si>
    <t>9.17</t>
  </si>
  <si>
    <t>873014.0</t>
  </si>
  <si>
    <t>319392825.0</t>
  </si>
  <si>
    <t>201000883.0</t>
  </si>
  <si>
    <t>131295977.0</t>
  </si>
  <si>
    <t>1022010.0</t>
  </si>
  <si>
    <t>1844403.0</t>
  </si>
  <si>
    <t>1730956.0</t>
  </si>
  <si>
    <t>22.39</t>
  </si>
  <si>
    <t>14.09</t>
  </si>
  <si>
    <t>9.2</t>
  </si>
  <si>
    <t>904926.0</t>
  </si>
  <si>
    <t>322714521.0</t>
  </si>
  <si>
    <t>204711771.0</t>
  </si>
  <si>
    <t>133300569.0</t>
  </si>
  <si>
    <t>1035762.0</t>
  </si>
  <si>
    <t>1696078.0</t>
  </si>
  <si>
    <t>1747607.0</t>
  </si>
  <si>
    <t>22.62</t>
  </si>
  <si>
    <t>1225.0</t>
  </si>
  <si>
    <t>900730.0</t>
  </si>
  <si>
    <t>323042272.0</t>
  </si>
  <si>
    <t>204767420.0</t>
  </si>
  <si>
    <t>133433514.0</t>
  </si>
  <si>
    <t>1048856.0</t>
  </si>
  <si>
    <t>1441105.0</t>
  </si>
  <si>
    <t>1720329.0</t>
  </si>
  <si>
    <t>22.64</t>
  </si>
  <si>
    <t>9.35</t>
  </si>
  <si>
    <t>1206.0</t>
  </si>
  <si>
    <t>867530.0</t>
  </si>
  <si>
    <t>323968813.0</t>
  </si>
  <si>
    <t>205132629.0</t>
  </si>
  <si>
    <t>133665419.0</t>
  </si>
  <si>
    <t>1064476.0</t>
  </si>
  <si>
    <t>1470005.0</t>
  </si>
  <si>
    <t>1736525.0</t>
  </si>
  <si>
    <t>22.71</t>
  </si>
  <si>
    <t>14.38</t>
  </si>
  <si>
    <t>9.37</t>
  </si>
  <si>
    <t>1217.0</t>
  </si>
  <si>
    <t>856894.0</t>
  </si>
  <si>
    <t>325510169.0</t>
  </si>
  <si>
    <t>205564257.0</t>
  </si>
  <si>
    <t>134382367.0</t>
  </si>
  <si>
    <t>1071331.0</t>
  </si>
  <si>
    <t>1729169.0</t>
  </si>
  <si>
    <t>1765468.0</t>
  </si>
  <si>
    <t>22.82</t>
  </si>
  <si>
    <t>9.42</t>
  </si>
  <si>
    <t>864368.0</t>
  </si>
  <si>
    <t>326740761.0</t>
  </si>
  <si>
    <t>206240647.0</t>
  </si>
  <si>
    <t>134739677.0</t>
  </si>
  <si>
    <t>1077747.0</t>
  </si>
  <si>
    <t>1932787.0</t>
  </si>
  <si>
    <t>1723557.0</t>
  </si>
  <si>
    <t>22.9</t>
  </si>
  <si>
    <t>817777.0</t>
  </si>
  <si>
    <t>329350740.0</t>
  </si>
  <si>
    <t>207399834.0</t>
  </si>
  <si>
    <t>136204604.0</t>
  </si>
  <si>
    <t>1083679.0</t>
  </si>
  <si>
    <t>1741974.0</t>
  </si>
  <si>
    <t>1693645.0</t>
  </si>
  <si>
    <t>23.08</t>
  </si>
  <si>
    <t>14.54</t>
  </si>
  <si>
    <t>9.55</t>
  </si>
  <si>
    <t>1187.0</t>
  </si>
  <si>
    <t>786266.0</t>
  </si>
  <si>
    <t>330340635.0</t>
  </si>
  <si>
    <t>208033371.0</t>
  </si>
  <si>
    <t>136499402.0</t>
  </si>
  <si>
    <t>1094480.0</t>
  </si>
  <si>
    <t>2173695.0</t>
  </si>
  <si>
    <t>1740687.0</t>
  </si>
  <si>
    <t>23.15</t>
  </si>
  <si>
    <t>14.58</t>
  </si>
  <si>
    <t>9.57</t>
  </si>
  <si>
    <t>1220.0</t>
  </si>
  <si>
    <t>833150.0</t>
  </si>
  <si>
    <t>332802055.0</t>
  </si>
  <si>
    <t>209806806.0</t>
  </si>
  <si>
    <t>137590694.0</t>
  </si>
  <si>
    <t>1507828.0</t>
  </si>
  <si>
    <t>2344069.0</t>
  </si>
  <si>
    <t>1833256.0</t>
  </si>
  <si>
    <t>23.33</t>
  </si>
  <si>
    <t>14.71</t>
  </si>
  <si>
    <t>9.64</t>
  </si>
  <si>
    <t>0.11</t>
  </si>
  <si>
    <t>1285.0</t>
  </si>
  <si>
    <t>922272.0</t>
  </si>
  <si>
    <t>334645875.0</t>
  </si>
  <si>
    <t>211215266.0</t>
  </si>
  <si>
    <t>138363760.0</t>
  </si>
  <si>
    <t>1556366.0</t>
  </si>
  <si>
    <t>1696239.0</t>
  </si>
  <si>
    <t>1869705.0</t>
  </si>
  <si>
    <t>23.46</t>
  </si>
  <si>
    <t>14.8</t>
  </si>
  <si>
    <t>9.7</t>
  </si>
  <si>
    <t>1310.0</t>
  </si>
  <si>
    <t>964923.0</t>
  </si>
  <si>
    <t>336823379.0</t>
  </si>
  <si>
    <t>212091351.0</t>
  </si>
  <si>
    <t>139700418.0</t>
  </si>
  <si>
    <t>1585059.0</t>
  </si>
  <si>
    <t>1616403.0</t>
  </si>
  <si>
    <t>1890618.0</t>
  </si>
  <si>
    <t>23.61</t>
  </si>
  <si>
    <t>9.79</t>
  </si>
  <si>
    <t>995766.0</t>
  </si>
  <si>
    <t>337208451.0</t>
  </si>
  <si>
    <t>212288196.0</t>
  </si>
  <si>
    <t>139879975.0</t>
  </si>
  <si>
    <t>1614184.0</t>
  </si>
  <si>
    <t>1386731.0</t>
  </si>
  <si>
    <t>1841702.0</t>
  </si>
  <si>
    <t>23.63</t>
  </si>
  <si>
    <t>9.8</t>
  </si>
  <si>
    <t>1291.0</t>
  </si>
  <si>
    <t>1002903.0</t>
  </si>
  <si>
    <t>343072128.0</t>
  </si>
  <si>
    <t>214246378.0</t>
  </si>
  <si>
    <t>141355812.0</t>
  </si>
  <si>
    <t>2419814.0</t>
  </si>
  <si>
    <t>1393969.0</t>
  </si>
  <si>
    <t>1764728.0</t>
  </si>
  <si>
    <t>24.05</t>
  </si>
  <si>
    <t>15.02</t>
  </si>
  <si>
    <t>978333.0</t>
  </si>
  <si>
    <t>344306592.0</t>
  </si>
  <si>
    <t>214925282.0</t>
  </si>
  <si>
    <t>141610117.0</t>
  </si>
  <si>
    <t>2434330.0</t>
  </si>
  <si>
    <t>1329037.0</t>
  </si>
  <si>
    <t>1705735.0</t>
  </si>
  <si>
    <t>24.13</t>
  </si>
  <si>
    <t>15.06</t>
  </si>
  <si>
    <t>9.93</t>
  </si>
  <si>
    <t>1196.0</t>
  </si>
  <si>
    <t>944706.0</t>
  </si>
  <si>
    <t>346303435.0</t>
  </si>
  <si>
    <t>216440103.0</t>
  </si>
  <si>
    <t>142048730.0</t>
  </si>
  <si>
    <t>2440745.0</t>
  </si>
  <si>
    <t>1253545.0</t>
  </si>
  <si>
    <t>1574283.0</t>
  </si>
  <si>
    <t>24.27</t>
  </si>
  <si>
    <t>9.96</t>
  </si>
  <si>
    <t>858488.0</t>
  </si>
  <si>
    <t>347659773.0</t>
  </si>
  <si>
    <t>216982677.0</t>
  </si>
  <si>
    <t>142637214.0</t>
  </si>
  <si>
    <t>2529195.0</t>
  </si>
  <si>
    <t>1221035.0</t>
  </si>
  <si>
    <t>1413851.0</t>
  </si>
  <si>
    <t>24.37</t>
  </si>
  <si>
    <t>15.21</t>
  </si>
  <si>
    <t>10.0</t>
  </si>
  <si>
    <t>991.0</t>
  </si>
  <si>
    <t>760441.0</t>
  </si>
  <si>
    <t>347942155.0</t>
  </si>
  <si>
    <t>217037332.0</t>
  </si>
  <si>
    <t>142735494.0</t>
  </si>
  <si>
    <t>2537939.0</t>
  </si>
  <si>
    <t>1340566.0</t>
  </si>
  <si>
    <t>1363041.0</t>
  </si>
  <si>
    <t>24.39</t>
  </si>
  <si>
    <t>955.0</t>
  </si>
  <si>
    <t>734729.0</t>
  </si>
  <si>
    <t>348869091.0</t>
  </si>
  <si>
    <t>217545879.0</t>
  </si>
  <si>
    <t>143156826.0</t>
  </si>
  <si>
    <t>2584897.0</t>
  </si>
  <si>
    <t>1516401.0</t>
  </si>
  <si>
    <t>1348752.0</t>
  </si>
  <si>
    <t>24.45</t>
  </si>
  <si>
    <t>15.25</t>
  </si>
  <si>
    <t>738723.0</t>
  </si>
  <si>
    <t>349793296.0</t>
  </si>
  <si>
    <t>217880824.0</t>
  </si>
  <si>
    <t>145051622.0</t>
  </si>
  <si>
    <t>2610394.0</t>
  </si>
  <si>
    <t>1428251.0</t>
  </si>
  <si>
    <t>1354688.0</t>
  </si>
  <si>
    <t>24.52</t>
  </si>
  <si>
    <t>10.17</t>
  </si>
  <si>
    <t>950.0</t>
  </si>
  <si>
    <t>747118.0</t>
  </si>
  <si>
    <t>350624652.0</t>
  </si>
  <si>
    <t>218662604.0</t>
  </si>
  <si>
    <t>145719977.0</t>
  </si>
  <si>
    <t>2639957.0</t>
  </si>
  <si>
    <t>1319016.0</t>
  </si>
  <si>
    <t>1343980.0</t>
  </si>
  <si>
    <t>24.58</t>
  </si>
  <si>
    <t>942.0</t>
  </si>
  <si>
    <t>754221.0</t>
  </si>
  <si>
    <t>351890623.0</t>
  </si>
  <si>
    <t>219629725.0</t>
  </si>
  <si>
    <t>146055221.0</t>
  </si>
  <si>
    <t>2649482.0</t>
  </si>
  <si>
    <t>1260420.0</t>
  </si>
  <si>
    <t>1334176.0</t>
  </si>
  <si>
    <t>24.66</t>
  </si>
  <si>
    <t>15.39</t>
  </si>
  <si>
    <t>10.24</t>
  </si>
  <si>
    <t>762088.0</t>
  </si>
  <si>
    <t>353665654.0</t>
  </si>
  <si>
    <t>220185740.0</t>
  </si>
  <si>
    <t>147138878.0</t>
  </si>
  <si>
    <t>2663067.0</t>
  </si>
  <si>
    <t>1267762.0</t>
  </si>
  <si>
    <t>1336209.0</t>
  </si>
  <si>
    <t>24.79</t>
  </si>
  <si>
    <t>15.43</t>
  </si>
  <si>
    <t>10.31</t>
  </si>
  <si>
    <t>937.0</t>
  </si>
  <si>
    <t>764845.0</t>
  </si>
  <si>
    <t>354400724.0</t>
  </si>
  <si>
    <t>220590244.0</t>
  </si>
  <si>
    <t>147450395.0</t>
  </si>
  <si>
    <t>2690828.0</t>
  </si>
  <si>
    <t>1475911.0</t>
  </si>
  <si>
    <t>1372620.0</t>
  </si>
  <si>
    <t>24.84</t>
  </si>
  <si>
    <t>15.46</t>
  </si>
  <si>
    <t>10.33</t>
  </si>
  <si>
    <t>962.0</t>
  </si>
  <si>
    <t>784184.0</t>
  </si>
  <si>
    <t>354847604.0</t>
  </si>
  <si>
    <t>220708982.0</t>
  </si>
  <si>
    <t>147620383.0</t>
  </si>
  <si>
    <t>2707013.0</t>
  </si>
  <si>
    <t>1822191.0</t>
  </si>
  <si>
    <t>1441420.0</t>
  </si>
  <si>
    <t>24.87</t>
  </si>
  <si>
    <t>15.47</t>
  </si>
  <si>
    <t>10.35</t>
  </si>
  <si>
    <t>1010.0</t>
  </si>
  <si>
    <t>841098.0</t>
  </si>
  <si>
    <t>357080392.0</t>
  </si>
  <si>
    <t>222475733.0</t>
  </si>
  <si>
    <t>148556932.0</t>
  </si>
  <si>
    <t>2753931.0</t>
  </si>
  <si>
    <t>1764431.0</t>
  </si>
  <si>
    <t>1476856.0</t>
  </si>
  <si>
    <t>25.03</t>
  </si>
  <si>
    <t>15.59</t>
  </si>
  <si>
    <t>875026.0</t>
  </si>
  <si>
    <t>357446544.0</t>
  </si>
  <si>
    <t>222610969.0</t>
  </si>
  <si>
    <t>148750500.0</t>
  </si>
  <si>
    <t>2782058.0</t>
  </si>
  <si>
    <t>1657406.0</t>
  </si>
  <si>
    <t>1509592.0</t>
  </si>
  <si>
    <t>15.6</t>
  </si>
  <si>
    <t>10.43</t>
  </si>
  <si>
    <t>897754.0</t>
  </si>
  <si>
    <t>358098240.0</t>
  </si>
  <si>
    <t>222994367.0</t>
  </si>
  <si>
    <t>149109788.0</t>
  </si>
  <si>
    <t>2794564.0</t>
  </si>
  <si>
    <t>1645562.0</t>
  </si>
  <si>
    <t>1556241.0</t>
  </si>
  <si>
    <t>25.1</t>
  </si>
  <si>
    <t>15.63</t>
  </si>
  <si>
    <t>10.45</t>
  </si>
  <si>
    <t>925264.0</t>
  </si>
  <si>
    <t>358584626.0</t>
  </si>
  <si>
    <t>223315124.0</t>
  </si>
  <si>
    <t>149431595.0</t>
  </si>
  <si>
    <t>2805045.0</t>
  </si>
  <si>
    <t>1643713.0</t>
  </si>
  <si>
    <t>1611000.0</t>
  </si>
  <si>
    <t>25.13</t>
  </si>
  <si>
    <t>15.65</t>
  </si>
  <si>
    <t>10.47</t>
  </si>
  <si>
    <t>1129.0</t>
  </si>
  <si>
    <t>955679.0</t>
  </si>
  <si>
    <t>361449599.0</t>
  </si>
  <si>
    <t>224447034.0</t>
  </si>
  <si>
    <t>151195992.0</t>
  </si>
  <si>
    <t>2834736.0</t>
  </si>
  <si>
    <t>1578732.0</t>
  </si>
  <si>
    <t>1655422.0</t>
  </si>
  <si>
    <t>25.33</t>
  </si>
  <si>
    <t>1160.0</t>
  </si>
  <si>
    <t>988671.0</t>
  </si>
  <si>
    <t>363821789.0</t>
  </si>
  <si>
    <t>226472714.0</t>
  </si>
  <si>
    <t>151387452.0</t>
  </si>
  <si>
    <t>2845530.0</t>
  </si>
  <si>
    <t>1486867.0</t>
  </si>
  <si>
    <t>1656987.0</t>
  </si>
  <si>
    <t>15.87</t>
  </si>
  <si>
    <t>1161.0</t>
  </si>
  <si>
    <t>1001589.0</t>
  </si>
  <si>
    <t>364527937.0</t>
  </si>
  <si>
    <t>226725408.0</t>
  </si>
  <si>
    <t>151698830.0</t>
  </si>
  <si>
    <t>2855397.0</t>
  </si>
  <si>
    <t>1316819.0</t>
  </si>
  <si>
    <t>1584791.0</t>
  </si>
  <si>
    <t>25.55</t>
  </si>
  <si>
    <t>15.89</t>
  </si>
  <si>
    <t>10.63</t>
  </si>
  <si>
    <t>950758.0</t>
  </si>
  <si>
    <t>366336142.0</t>
  </si>
  <si>
    <t>227615678.0</t>
  </si>
  <si>
    <t>152565327.0</t>
  </si>
  <si>
    <t>2925218.0</t>
  </si>
  <si>
    <t>1360688.0</t>
  </si>
  <si>
    <t>1527111.0</t>
  </si>
  <si>
    <t>25.68</t>
  </si>
  <si>
    <t>15.95</t>
  </si>
  <si>
    <t>10.69</t>
  </si>
  <si>
    <t>0.21</t>
  </si>
  <si>
    <t>1070.0</t>
  </si>
  <si>
    <t>904505.0</t>
  </si>
  <si>
    <t>368692631.0</t>
  </si>
  <si>
    <t>228385665.0</t>
  </si>
  <si>
    <t>154127714.0</t>
  </si>
  <si>
    <t>2941183.0</t>
  </si>
  <si>
    <t>1424198.0</t>
  </si>
  <si>
    <t>1493796.0</t>
  </si>
  <si>
    <t>25.84</t>
  </si>
  <si>
    <t>16.01</t>
  </si>
  <si>
    <t>10.8</t>
  </si>
  <si>
    <t>1047.0</t>
  </si>
  <si>
    <t>883272.0</t>
  </si>
  <si>
    <t>370149163.0</t>
  </si>
  <si>
    <t>228981144.0</t>
  </si>
  <si>
    <t>154962993.0</t>
  </si>
  <si>
    <t>2994907.0</t>
  </si>
  <si>
    <t>1440941.0</t>
  </si>
  <si>
    <t>1464562.0</t>
  </si>
  <si>
    <t>25.94</t>
  </si>
  <si>
    <t>16.05</t>
  </si>
  <si>
    <t>10.86</t>
  </si>
  <si>
    <t>1027.0</t>
  </si>
  <si>
    <t>876659.0</t>
  </si>
  <si>
    <t>370509505.0</t>
  </si>
  <si>
    <t>229162244.0</t>
  </si>
  <si>
    <t>155103307.0</t>
  </si>
  <si>
    <t>3012734.0</t>
  </si>
  <si>
    <t>1428214.0</t>
  </si>
  <si>
    <t>1433778.0</t>
  </si>
  <si>
    <t>25.97</t>
  </si>
  <si>
    <t>16.06</t>
  </si>
  <si>
    <t>10.87</t>
  </si>
  <si>
    <t>1005.0</t>
  </si>
  <si>
    <t>865073.0</t>
  </si>
  <si>
    <t>371238987.0</t>
  </si>
  <si>
    <t>229361165.0</t>
  </si>
  <si>
    <t>155252513.0</t>
  </si>
  <si>
    <t>3023876.0</t>
  </si>
  <si>
    <t>1337488.0</t>
  </si>
  <si>
    <t>1399316.0</t>
  </si>
  <si>
    <t>26.02</t>
  </si>
  <si>
    <t>16.08</t>
  </si>
  <si>
    <t>981.0</t>
  </si>
  <si>
    <t>851872.0</t>
  </si>
  <si>
    <t>371465256.0</t>
  </si>
  <si>
    <t>229581609.0</t>
  </si>
  <si>
    <t>155421278.0</t>
  </si>
  <si>
    <t>3050874.0</t>
  </si>
  <si>
    <t>1408755.0</t>
  </si>
  <si>
    <t>1388159.0</t>
  </si>
  <si>
    <t>26.04</t>
  </si>
  <si>
    <t>16.09</t>
  </si>
  <si>
    <t>10.89</t>
  </si>
  <si>
    <t>973.0</t>
  </si>
  <si>
    <t>833854.0</t>
  </si>
  <si>
    <t>373298869.0</t>
  </si>
  <si>
    <t>232271924.0</t>
  </si>
  <si>
    <t>157950472.0</t>
  </si>
  <si>
    <t>3059115.0</t>
  </si>
  <si>
    <t>1440369.0</t>
  </si>
  <si>
    <t>1405804.0</t>
  </si>
  <si>
    <t>26.16</t>
  </si>
  <si>
    <t>16.28</t>
  </si>
  <si>
    <t>985.0</t>
  </si>
  <si>
    <t>842487.0</t>
  </si>
  <si>
    <t>375029173.0</t>
  </si>
  <si>
    <t>232993084.0</t>
  </si>
  <si>
    <t>158353376.0</t>
  </si>
  <si>
    <t>3122417.0</t>
  </si>
  <si>
    <t>2484210.0</t>
  </si>
  <si>
    <t>1566311.0</t>
  </si>
  <si>
    <t>26.29</t>
  </si>
  <si>
    <t>16.33</t>
  </si>
  <si>
    <t>11.1</t>
  </si>
  <si>
    <t>1098.0</t>
  </si>
  <si>
    <t>923807.0</t>
  </si>
  <si>
    <t>376407347.0</t>
  </si>
  <si>
    <t>233863703.0</t>
  </si>
  <si>
    <t>158442909.0</t>
  </si>
  <si>
    <t>11051852.0</t>
  </si>
  <si>
    <t>2711012.0</t>
  </si>
  <si>
    <t>1750140.0</t>
  </si>
  <si>
    <t>26.38</t>
  </si>
  <si>
    <t>16.39</t>
  </si>
  <si>
    <t>11.11</t>
  </si>
  <si>
    <t>1023445.0</t>
  </si>
  <si>
    <t>378269509.0</t>
  </si>
  <si>
    <t>235367605.0</t>
  </si>
  <si>
    <t>159317474.0</t>
  </si>
  <si>
    <t>11060236.0</t>
  </si>
  <si>
    <t>2785174.0</t>
  </si>
  <si>
    <t>1942177.0</t>
  </si>
  <si>
    <t>26.51</t>
  </si>
  <si>
    <t>16.5</t>
  </si>
  <si>
    <t>0.78</t>
  </si>
  <si>
    <t>1361.0</t>
  </si>
  <si>
    <t>1143337.0</t>
  </si>
  <si>
    <t>382495960.0</t>
  </si>
  <si>
    <t>237879356.0</t>
  </si>
  <si>
    <t>160154539.0</t>
  </si>
  <si>
    <t>11097214.0</t>
  </si>
  <si>
    <t>3293841.0</t>
  </si>
  <si>
    <t>2208693.0</t>
  </si>
  <si>
    <t>26.81</t>
  </si>
  <si>
    <t>16.67</t>
  </si>
  <si>
    <t>11.23</t>
  </si>
  <si>
    <t>1548.0</t>
  </si>
  <si>
    <t>1341262.0</t>
  </si>
  <si>
    <t>0.094</t>
  </si>
  <si>
    <t>386494443.0</t>
  </si>
  <si>
    <t>240384386.0</t>
  </si>
  <si>
    <t>161512898.0</t>
  </si>
  <si>
    <t>11112098.0</t>
  </si>
  <si>
    <t>2653540.0</t>
  </si>
  <si>
    <t>2396702.0</t>
  </si>
  <si>
    <t>27.09</t>
  </si>
  <si>
    <t>16.85</t>
  </si>
  <si>
    <t>1680.0</t>
  </si>
  <si>
    <t>1462527.0</t>
  </si>
  <si>
    <t>394422078.0</t>
  </si>
  <si>
    <t>245122690.0</t>
  </si>
  <si>
    <t>164746203.0</t>
  </si>
  <si>
    <t>11119616.0</t>
  </si>
  <si>
    <t>3059945.0</t>
  </si>
  <si>
    <t>2632584.0</t>
  </si>
  <si>
    <t>27.65</t>
  </si>
  <si>
    <t>17.18</t>
  </si>
  <si>
    <t>11.55</t>
  </si>
  <si>
    <t>1845.0</t>
  </si>
  <si>
    <t>1627696.0</t>
  </si>
  <si>
    <t>397373792.0</t>
  </si>
  <si>
    <t>247019979.0</t>
  </si>
  <si>
    <t>165392548.0</t>
  </si>
  <si>
    <t>11180403.0</t>
  </si>
  <si>
    <t>2940423.0</t>
  </si>
  <si>
    <t>2846875.0</t>
  </si>
  <si>
    <t>27.85</t>
  </si>
  <si>
    <t>17.31</t>
  </si>
  <si>
    <t>11.59</t>
  </si>
  <si>
    <t>1995.0</t>
  </si>
  <si>
    <t>1790143.0</t>
  </si>
  <si>
    <t>0.125</t>
  </si>
  <si>
    <t>398741900.0</t>
  </si>
  <si>
    <t>247747118.0</t>
  </si>
  <si>
    <t>165572203.0</t>
  </si>
  <si>
    <t>11224281.0</t>
  </si>
  <si>
    <t>2161332.0</t>
  </si>
  <si>
    <t>2800751.0</t>
  </si>
  <si>
    <t>27.95</t>
  </si>
  <si>
    <t>11.6</t>
  </si>
  <si>
    <t>1963.0</t>
  </si>
  <si>
    <t>1792254.0</t>
  </si>
  <si>
    <t>403357230.0</t>
  </si>
  <si>
    <t>249256623.0</t>
  </si>
  <si>
    <t>166161518.0</t>
  </si>
  <si>
    <t>13049977.0</t>
  </si>
  <si>
    <t>2139998.0</t>
  </si>
  <si>
    <t>2719179.0</t>
  </si>
  <si>
    <t>28.27</t>
  </si>
  <si>
    <t>17.47</t>
  </si>
  <si>
    <t>11.65</t>
  </si>
  <si>
    <t>1906.0</t>
  </si>
  <si>
    <t>1765831.0</t>
  </si>
  <si>
    <t>0.124</t>
  </si>
  <si>
    <t>404677776.0</t>
  </si>
  <si>
    <t>251009550.0</t>
  </si>
  <si>
    <t>166667833.0</t>
  </si>
  <si>
    <t>13127397.0</t>
  </si>
  <si>
    <t>1364654.0</t>
  </si>
  <si>
    <t>2516248.0</t>
  </si>
  <si>
    <t>28.36</t>
  </si>
  <si>
    <t>17.59</t>
  </si>
  <si>
    <t>11.68</t>
  </si>
  <si>
    <t>0.92</t>
  </si>
  <si>
    <t>1764.0</t>
  </si>
  <si>
    <t>1645685.0</t>
  </si>
  <si>
    <t>407326736.0</t>
  </si>
  <si>
    <t>252613681.0</t>
  </si>
  <si>
    <t>167259236.0</t>
  </si>
  <si>
    <t>13133689.0</t>
  </si>
  <si>
    <t>2006746.0</t>
  </si>
  <si>
    <t>2332377.0</t>
  </si>
  <si>
    <t>28.55</t>
  </si>
  <si>
    <t>17.71</t>
  </si>
  <si>
    <t>11.72</t>
  </si>
  <si>
    <t>1635.0</t>
  </si>
  <si>
    <t>1509826.0</t>
  </si>
  <si>
    <t>409614425.0</t>
  </si>
  <si>
    <t>255090863.0</t>
  </si>
  <si>
    <t>167838539.0</t>
  </si>
  <si>
    <t>13151386.0</t>
  </si>
  <si>
    <t>1214334.0</t>
  </si>
  <si>
    <t>2126773.0</t>
  </si>
  <si>
    <t>28.71</t>
  </si>
  <si>
    <t>17.88</t>
  </si>
  <si>
    <t>11.76</t>
  </si>
  <si>
    <t>1491.0</t>
  </si>
  <si>
    <t>1382706.0</t>
  </si>
  <si>
    <t>410594321.0</t>
  </si>
  <si>
    <t>255746285.0</t>
  </si>
  <si>
    <t>168016476.0</t>
  </si>
  <si>
    <t>13159172.0</t>
  </si>
  <si>
    <t>1383627.0</t>
  </si>
  <si>
    <t>1887301.0</t>
  </si>
  <si>
    <t>28.78</t>
  </si>
  <si>
    <t>17.93</t>
  </si>
  <si>
    <t>11.78</t>
  </si>
  <si>
    <t>1323.0</t>
  </si>
  <si>
    <t>1239096.0</t>
  </si>
  <si>
    <t>411759481.0</t>
  </si>
  <si>
    <t>256405383.0</t>
  </si>
  <si>
    <t>168362749.0</t>
  </si>
  <si>
    <t>13277826.0</t>
  </si>
  <si>
    <t>1213606.0</t>
  </si>
  <si>
    <t>1640616.0</t>
  </si>
  <si>
    <t>17.97</t>
  </si>
  <si>
    <t>1150.0</t>
  </si>
  <si>
    <t>1080678.0</t>
  </si>
  <si>
    <t>412892345.0</t>
  </si>
  <si>
    <t>257315998.0</t>
  </si>
  <si>
    <t>168563508.0</t>
  </si>
  <si>
    <t>13288808.0</t>
  </si>
  <si>
    <t>1797480.0</t>
  </si>
  <si>
    <t>1588635.0</t>
  </si>
  <si>
    <t>28.94</t>
  </si>
  <si>
    <t>18.04</t>
  </si>
  <si>
    <t>1113.0</t>
  </si>
  <si>
    <t>1093874.0</t>
  </si>
  <si>
    <t>413252943.0</t>
  </si>
  <si>
    <t>257452789.0</t>
  </si>
  <si>
    <t>168598686.0</t>
  </si>
  <si>
    <t>13294664.0</t>
  </si>
  <si>
    <t>1397560.0</t>
  </si>
  <si>
    <t>1482574.0</t>
  </si>
  <si>
    <t>28.96</t>
  </si>
  <si>
    <t>11.82</t>
  </si>
  <si>
    <t>1019965.0</t>
  </si>
  <si>
    <t>414475820.0</t>
  </si>
  <si>
    <t>258215783.0</t>
  </si>
  <si>
    <t>168940432.0</t>
  </si>
  <si>
    <t>13995274.0</t>
  </si>
  <si>
    <t>1505961.0</t>
  </si>
  <si>
    <t>1502757.0</t>
  </si>
  <si>
    <t>29.05</t>
  </si>
  <si>
    <t>11.84</t>
  </si>
  <si>
    <t>1045426.0</t>
  </si>
  <si>
    <t>415256980.0</t>
  </si>
  <si>
    <t>260218903.0</t>
  </si>
  <si>
    <t>170243111.0</t>
  </si>
  <si>
    <t>14016105.0</t>
  </si>
  <si>
    <t>1153203.0</t>
  </si>
  <si>
    <t>1380827.0</t>
  </si>
  <si>
    <t>29.11</t>
  </si>
  <si>
    <t>18.24</t>
  </si>
  <si>
    <t>978444.0</t>
  </si>
  <si>
    <t>416695016.0</t>
  </si>
  <si>
    <t>261081484.0</t>
  </si>
  <si>
    <t>188774924.0</t>
  </si>
  <si>
    <t>14023959.0</t>
  </si>
  <si>
    <t>1114509.0</t>
  </si>
  <si>
    <t>1366562.0</t>
  </si>
  <si>
    <t>29.21</t>
  </si>
  <si>
    <t>18.3</t>
  </si>
  <si>
    <t>13.23</t>
  </si>
  <si>
    <t>958.0</t>
  </si>
  <si>
    <t>974727.0</t>
  </si>
  <si>
    <t>417284596.0</t>
  </si>
  <si>
    <t>261187133.0</t>
  </si>
  <si>
    <t>189278783.0</t>
  </si>
  <si>
    <t>14080199.0</t>
  </si>
  <si>
    <t>1439562.0</t>
  </si>
  <si>
    <t>1374556.0</t>
  </si>
  <si>
    <t>29.25</t>
  </si>
  <si>
    <t>18.31</t>
  </si>
  <si>
    <t>963.0</t>
  </si>
  <si>
    <t>989042.0</t>
  </si>
  <si>
    <t>418809093.0</t>
  </si>
  <si>
    <t>262274520.0</t>
  </si>
  <si>
    <t>190262768.0</t>
  </si>
  <si>
    <t>14086382.0</t>
  </si>
  <si>
    <t>1406057.0</t>
  </si>
  <si>
    <t>1402047.0</t>
  </si>
  <si>
    <t>29.35</t>
  </si>
  <si>
    <t>18.38</t>
  </si>
  <si>
    <t>983.0</t>
  </si>
  <si>
    <t>1020268.0</t>
  </si>
  <si>
    <t>420493573.0</t>
  </si>
  <si>
    <t>263594611.0</t>
  </si>
  <si>
    <t>191654949.0</t>
  </si>
  <si>
    <t>14202952.0</t>
  </si>
  <si>
    <t>1280407.0</t>
  </si>
  <si>
    <t>1328181.0</t>
  </si>
  <si>
    <t>29.47</t>
  </si>
  <si>
    <t>18.48</t>
  </si>
  <si>
    <t>13.43</t>
  </si>
  <si>
    <t>931.0</t>
  </si>
  <si>
    <t>951068.0</t>
  </si>
  <si>
    <t>420740875.0</t>
  </si>
  <si>
    <t>263919494.0</t>
  </si>
  <si>
    <t>192104508.0</t>
  </si>
  <si>
    <t>14714564.0</t>
  </si>
  <si>
    <t>980247.0</t>
  </si>
  <si>
    <t>1268564.0</t>
  </si>
  <si>
    <t>29.49</t>
  </si>
  <si>
    <t>889.0</t>
  </si>
  <si>
    <t>974726.0</t>
  </si>
  <si>
    <t>421780462.0</t>
  </si>
  <si>
    <t>264450007.0</t>
  </si>
  <si>
    <t>192586932.0</t>
  </si>
  <si>
    <t>14903938.0</t>
  </si>
  <si>
    <t>1086789.0</t>
  </si>
  <si>
    <t>1208681.0</t>
  </si>
  <si>
    <t>29.56</t>
  </si>
  <si>
    <t>18.54</t>
  </si>
  <si>
    <t>13.5</t>
  </si>
  <si>
    <t>847.0</t>
  </si>
  <si>
    <t>954613.0</t>
  </si>
  <si>
    <t>421802487.0</t>
  </si>
  <si>
    <t>264455058.0</t>
  </si>
  <si>
    <t>192597511.0</t>
  </si>
  <si>
    <t>14905977.0</t>
  </si>
  <si>
    <t>806919.0</t>
  </si>
  <si>
    <t>1159213.0</t>
  </si>
  <si>
    <t>812.0</t>
  </si>
  <si>
    <t>961287.0</t>
  </si>
  <si>
    <t>423359444.0</t>
  </si>
  <si>
    <t>266957900.0</t>
  </si>
  <si>
    <t>194948508.0</t>
  </si>
  <si>
    <t>14922220.0</t>
  </si>
  <si>
    <t>808434.0</t>
  </si>
  <si>
    <t>1115485.0</t>
  </si>
  <si>
    <t>18.71</t>
  </si>
  <si>
    <t>13.66</t>
  </si>
  <si>
    <t>782.0</t>
  </si>
  <si>
    <t>977974.0</t>
  </si>
  <si>
    <t>423708151.0</t>
  </si>
  <si>
    <t>267115632.0</t>
  </si>
  <si>
    <t>200128770.0</t>
  </si>
  <si>
    <t>14955065.0</t>
  </si>
  <si>
    <t>868776.0</t>
  </si>
  <si>
    <t>1033946.0</t>
  </si>
  <si>
    <t>18.72</t>
  </si>
  <si>
    <t>14.03</t>
  </si>
  <si>
    <t>725.0</t>
  </si>
  <si>
    <t>927889.0</t>
  </si>
  <si>
    <t>428087995.0</t>
  </si>
  <si>
    <t>269932312.0</t>
  </si>
  <si>
    <t>201388203.0</t>
  </si>
  <si>
    <t>15009057.0</t>
  </si>
  <si>
    <t>950439.0</t>
  </si>
  <si>
    <t>968858.0</t>
  </si>
  <si>
    <t>30.0</t>
  </si>
  <si>
    <t>18.92</t>
  </si>
  <si>
    <t>14.12</t>
  </si>
  <si>
    <t>679.0</t>
  </si>
  <si>
    <t>879198.0</t>
  </si>
  <si>
    <t>428509210.0</t>
  </si>
  <si>
    <t>270012578.0</t>
  </si>
  <si>
    <t>201491026.0</t>
  </si>
  <si>
    <t>15061626.0</t>
  </si>
  <si>
    <t>970970.0</t>
  </si>
  <si>
    <t>924652.0</t>
  </si>
  <si>
    <t>30.03</t>
  </si>
  <si>
    <t>18.93</t>
  </si>
  <si>
    <t>648.0</t>
  </si>
  <si>
    <t>837779.0</t>
  </si>
  <si>
    <t>429631711.0</t>
  </si>
  <si>
    <t>270643928.0</t>
  </si>
  <si>
    <t>202108030.0</t>
  </si>
  <si>
    <t>15471415.0</t>
  </si>
  <si>
    <t>941673.0</t>
  </si>
  <si>
    <t>919141.0</t>
  </si>
  <si>
    <t>30.11</t>
  </si>
  <si>
    <t>18.97</t>
  </si>
  <si>
    <t>14.17</t>
  </si>
  <si>
    <t>789822.0</t>
  </si>
  <si>
    <t>430766180.0</t>
  </si>
  <si>
    <t>271850144.0</t>
  </si>
  <si>
    <t>202868247.0</t>
  </si>
  <si>
    <t>15527298.0</t>
  </si>
  <si>
    <t>906615.0</t>
  </si>
  <si>
    <t>893402.0</t>
  </si>
  <si>
    <t>30.19</t>
  </si>
  <si>
    <t>19.05</t>
  </si>
  <si>
    <t>14.22</t>
  </si>
  <si>
    <t>626.0</t>
  </si>
  <si>
    <t>743342.0</t>
  </si>
  <si>
    <t>430902077.0</t>
  </si>
  <si>
    <t>271875034.0</t>
  </si>
  <si>
    <t>202921266.0</t>
  </si>
  <si>
    <t>15573496.0</t>
  </si>
  <si>
    <t>963699.0</t>
  </si>
  <si>
    <t>915800.0</t>
  </si>
  <si>
    <t>30.2</t>
  </si>
  <si>
    <t>19.06</t>
  </si>
  <si>
    <t>697708.0</t>
  </si>
  <si>
    <t>432684777.0</t>
  </si>
  <si>
    <t>272941426.0</t>
  </si>
  <si>
    <t>203598507.0</t>
  </si>
  <si>
    <t>15988322.0</t>
  </si>
  <si>
    <t>889571.0</t>
  </si>
  <si>
    <t>927392.0</t>
  </si>
  <si>
    <t>30.33</t>
  </si>
  <si>
    <t>19.13</t>
  </si>
  <si>
    <t>14.27</t>
  </si>
  <si>
    <t>650.0</t>
  </si>
  <si>
    <t>649601.0</t>
  </si>
  <si>
    <t>433093141.0</t>
  </si>
  <si>
    <t>273295131.0</t>
  </si>
  <si>
    <t>203897767.0</t>
  </si>
  <si>
    <t>16062332.0</t>
  </si>
  <si>
    <t>792761.0</t>
  </si>
  <si>
    <t>916533.0</t>
  </si>
  <si>
    <t>30.36</t>
  </si>
  <si>
    <t>14.29</t>
  </si>
  <si>
    <t>625075.0</t>
  </si>
  <si>
    <t>433322729.0</t>
  </si>
  <si>
    <t>273449774.0</t>
  </si>
  <si>
    <t>203967081.0</t>
  </si>
  <si>
    <t>16075105.0</t>
  </si>
  <si>
    <t>851314.0</t>
  </si>
  <si>
    <t>902372.0</t>
  </si>
  <si>
    <t>30.37</t>
  </si>
  <si>
    <t>14.3</t>
  </si>
  <si>
    <t>632.0</t>
  </si>
  <si>
    <t>607482.0</t>
  </si>
  <si>
    <t>433692619.0</t>
  </si>
  <si>
    <t>273963349.0</t>
  </si>
  <si>
    <t>204376131.0</t>
  </si>
  <si>
    <t>16213435.0</t>
  </si>
  <si>
    <t>939796.0</t>
  </si>
  <si>
    <t>897919.0</t>
  </si>
  <si>
    <t>30.4</t>
  </si>
  <si>
    <t>19.2</t>
  </si>
  <si>
    <t>14.32</t>
  </si>
  <si>
    <t>629.0</t>
  </si>
  <si>
    <t>599603.0</t>
  </si>
  <si>
    <t>434068314.0</t>
  </si>
  <si>
    <t>275049745.0</t>
  </si>
  <si>
    <t>204514212.0</t>
  </si>
  <si>
    <t>16522571.0</t>
  </si>
  <si>
    <t>1035302.0</t>
  </si>
  <si>
    <t>911294.0</t>
  </si>
  <si>
    <t>30.42</t>
  </si>
  <si>
    <t>19.28</t>
  </si>
  <si>
    <t>14.33</t>
  </si>
  <si>
    <t>639.0</t>
  </si>
  <si>
    <t>603842.0</t>
  </si>
  <si>
    <t>434931361.0</t>
  </si>
  <si>
    <t>275457722.0</t>
  </si>
  <si>
    <t>204815955.0</t>
  </si>
  <si>
    <t>16609184.0</t>
  </si>
  <si>
    <t>1027204.0</t>
  </si>
  <si>
    <t>928520.0</t>
  </si>
  <si>
    <t>30.48</t>
  </si>
  <si>
    <t>19.31</t>
  </si>
  <si>
    <t>14.36</t>
  </si>
  <si>
    <t>651.0</t>
  </si>
  <si>
    <t>614735.0</t>
  </si>
  <si>
    <t>435123676.0</t>
  </si>
  <si>
    <t>275551831.0</t>
  </si>
  <si>
    <t>204862706.0</t>
  </si>
  <si>
    <t>16662843.0</t>
  </si>
  <si>
    <t>962073.0</t>
  </si>
  <si>
    <t>928290.0</t>
  </si>
  <si>
    <t>30.5</t>
  </si>
  <si>
    <t>636185.0</t>
  </si>
  <si>
    <t>438453572.0</t>
  </si>
  <si>
    <t>277543513.0</t>
  </si>
  <si>
    <t>206358963.0</t>
  </si>
  <si>
    <t>18015979.0</t>
  </si>
  <si>
    <t>858800.0</t>
  </si>
  <si>
    <t>923893.0</t>
  </si>
  <si>
    <t>30.73</t>
  </si>
  <si>
    <t>19.45</t>
  </si>
  <si>
    <t>652584.0</t>
  </si>
  <si>
    <t>438600242.0</t>
  </si>
  <si>
    <t>277603510.0</t>
  </si>
  <si>
    <t>206394523.0</t>
  </si>
  <si>
    <t>18047782.0</t>
  </si>
  <si>
    <t>987497.0</t>
  </si>
  <si>
    <t>951714.0</t>
  </si>
  <si>
    <t>30.74</t>
  </si>
  <si>
    <t>19.46</t>
  </si>
  <si>
    <t>688117.0</t>
  </si>
  <si>
    <t>441001451.0</t>
  </si>
  <si>
    <t>278455537.0</t>
  </si>
  <si>
    <t>207131110.0</t>
  </si>
  <si>
    <t>18360236.0</t>
  </si>
  <si>
    <t>1003882.0</t>
  </si>
  <si>
    <t>973504.0</t>
  </si>
  <si>
    <t>30.91</t>
  </si>
  <si>
    <t>19.52</t>
  </si>
  <si>
    <t>14.52</t>
  </si>
  <si>
    <t>682.0</t>
  </si>
  <si>
    <t>717458.0</t>
  </si>
  <si>
    <t>441261035.0</t>
  </si>
  <si>
    <t>278597088.0</t>
  </si>
  <si>
    <t>207179296.0</t>
  </si>
  <si>
    <t>18430235.0</t>
  </si>
  <si>
    <t>1557086.0</t>
  </si>
  <si>
    <t>1061693.0</t>
  </si>
  <si>
    <t>30.93</t>
  </si>
  <si>
    <t>19.53</t>
  </si>
  <si>
    <t>744.0</t>
  </si>
  <si>
    <t>747223.0</t>
  </si>
  <si>
    <t>443083888.0</t>
  </si>
  <si>
    <t>279301078.0</t>
  </si>
  <si>
    <t>207920112.0</t>
  </si>
  <si>
    <t>18778074.0</t>
  </si>
  <si>
    <t>1566518.0</t>
  </si>
  <si>
    <t>1137581.0</t>
  </si>
  <si>
    <t>31.06</t>
  </si>
  <si>
    <t>19.58</t>
  </si>
  <si>
    <t>14.57</t>
  </si>
  <si>
    <t>797.0</t>
  </si>
  <si>
    <t>765569.0</t>
  </si>
  <si>
    <t>443277653.0</t>
  </si>
  <si>
    <t>279961399.0</t>
  </si>
  <si>
    <t>208095707.0</t>
  </si>
  <si>
    <t>18869050.0</t>
  </si>
  <si>
    <t>1125236.0</t>
  </si>
  <si>
    <t>1151583.0</t>
  </si>
  <si>
    <t>31.07</t>
  </si>
  <si>
    <t>19.62</t>
  </si>
  <si>
    <t>14.59</t>
  </si>
  <si>
    <t>807.0</t>
  </si>
  <si>
    <t>791163.0</t>
  </si>
  <si>
    <t>443423818.0</t>
  </si>
  <si>
    <t>280044242.0</t>
  </si>
  <si>
    <t>208120990.0</t>
  </si>
  <si>
    <t>18896179.0</t>
  </si>
  <si>
    <t>1078481.0</t>
  </si>
  <si>
    <t>1168214.0</t>
  </si>
  <si>
    <t>31.08</t>
  </si>
  <si>
    <t>819.0</t>
  </si>
  <si>
    <t>800843.0</t>
  </si>
  <si>
    <t>443630637.0</t>
  </si>
  <si>
    <t>280123773.0</t>
  </si>
  <si>
    <t>208152303.0</t>
  </si>
  <si>
    <t>19001514.0</t>
  </si>
  <si>
    <t>1046104.0</t>
  </si>
  <si>
    <t>1194974.0</t>
  </si>
  <si>
    <t>31.09</t>
  </si>
  <si>
    <t>838.0</t>
  </si>
  <si>
    <t>815091.0</t>
  </si>
  <si>
    <t>444154550.0</t>
  </si>
  <si>
    <t>280467661.0</t>
  </si>
  <si>
    <t>208416502.0</t>
  </si>
  <si>
    <t>19089927.0</t>
  </si>
  <si>
    <t>1023150.0</t>
  </si>
  <si>
    <t>1200065.0</t>
  </si>
  <si>
    <t>31.13</t>
  </si>
  <si>
    <t>19.66</t>
  </si>
  <si>
    <t>14.61</t>
  </si>
  <si>
    <t>1.34</t>
  </si>
  <si>
    <t>841.0</t>
  </si>
  <si>
    <t>817933.0</t>
  </si>
  <si>
    <t>444253658.0</t>
  </si>
  <si>
    <t>280507523.0</t>
  </si>
  <si>
    <t>208445861.0</t>
  </si>
  <si>
    <t>19122971.0</t>
  </si>
  <si>
    <t>992037.0</t>
  </si>
  <si>
    <t>1198372.0</t>
  </si>
  <si>
    <t>31.14</t>
  </si>
  <si>
    <t>840.0</t>
  </si>
  <si>
    <t>813841.0</t>
  </si>
  <si>
    <t>444587123.0</t>
  </si>
  <si>
    <t>280598369.0</t>
  </si>
  <si>
    <t>208553778.0</t>
  </si>
  <si>
    <t>19172867.0</t>
  </si>
  <si>
    <t>1014900.0</t>
  </si>
  <si>
    <t>1120918.0</t>
  </si>
  <si>
    <t>31.16</t>
  </si>
  <si>
    <t>19.67</t>
  </si>
  <si>
    <t>14.62</t>
  </si>
  <si>
    <t>786.0</t>
  </si>
  <si>
    <t>805409.0</t>
  </si>
  <si>
    <t>447585122.0</t>
  </si>
  <si>
    <t>282444304.0</t>
  </si>
  <si>
    <t>212643804.0</t>
  </si>
  <si>
    <t>19284491.0</t>
  </si>
  <si>
    <t>1037435.0</t>
  </si>
  <si>
    <t>1045335.0</t>
  </si>
  <si>
    <t>31.37</t>
  </si>
  <si>
    <t>19.8</t>
  </si>
  <si>
    <t>14.9</t>
  </si>
  <si>
    <t>733.0</t>
  </si>
  <si>
    <t>798184.0</t>
  </si>
  <si>
    <t>447852072.0</t>
  </si>
  <si>
    <t>282604927.0</t>
  </si>
  <si>
    <t>212839348.0</t>
  </si>
  <si>
    <t>19325296.0</t>
  </si>
  <si>
    <t>1005704.0</t>
  </si>
  <si>
    <t>1028258.0</t>
  </si>
  <si>
    <t>31.39</t>
  </si>
  <si>
    <t>19.81</t>
  </si>
  <si>
    <t>14.92</t>
  </si>
  <si>
    <t>721.0</t>
  </si>
  <si>
    <t>781303.0</t>
  </si>
  <si>
    <t>448635445.0</t>
  </si>
  <si>
    <t>283942361.0</t>
  </si>
  <si>
    <t>214159159.0</t>
  </si>
  <si>
    <t>19367161.0</t>
  </si>
  <si>
    <t>1033366.0</t>
  </si>
  <si>
    <t>1021814.0</t>
  </si>
  <si>
    <t>31.44</t>
  </si>
  <si>
    <t>19.9</t>
  </si>
  <si>
    <t>716.0</t>
  </si>
  <si>
    <t>776609.0</t>
  </si>
  <si>
    <t>452253175.0</t>
  </si>
  <si>
    <t>285061876.0</t>
  </si>
  <si>
    <t>217646156.0</t>
  </si>
  <si>
    <t>19466342.0</t>
  </si>
  <si>
    <t>874259.0</t>
  </si>
  <si>
    <t>997263.0</t>
  </si>
  <si>
    <t>31.7</t>
  </si>
  <si>
    <t>19.98</t>
  </si>
  <si>
    <t>749383.0</t>
  </si>
  <si>
    <t>452317080.0</t>
  </si>
  <si>
    <t>285100357.0</t>
  </si>
  <si>
    <t>217683587.0</t>
  </si>
  <si>
    <t>19476433.0</t>
  </si>
  <si>
    <t>631024.0</t>
  </si>
  <si>
    <t>941246.0</t>
  </si>
  <si>
    <t>660.0</t>
  </si>
  <si>
    <t>712888.0</t>
  </si>
  <si>
    <t>454609130.0</t>
  </si>
  <si>
    <t>285900319.0</t>
  </si>
  <si>
    <t>218952586.0</t>
  </si>
  <si>
    <t>19720215.0</t>
  </si>
  <si>
    <t>690379.0</t>
  </si>
  <si>
    <t>898149.0</t>
  </si>
  <si>
    <t>31.86</t>
  </si>
  <si>
    <t>20.04</t>
  </si>
  <si>
    <t>15.35</t>
  </si>
  <si>
    <t>630.0</t>
  </si>
  <si>
    <t>684283.0</t>
  </si>
  <si>
    <t>454691038.0</t>
  </si>
  <si>
    <t>285921286.0</t>
  </si>
  <si>
    <t>218985239.0</t>
  </si>
  <si>
    <t>19748522.0</t>
  </si>
  <si>
    <t>641940.0</t>
  </si>
  <si>
    <t>844873.0</t>
  </si>
  <si>
    <t>31.87</t>
  </si>
  <si>
    <t>592.0</t>
  </si>
  <si>
    <t>650926.0</t>
  </si>
  <si>
    <t>454850822.0</t>
  </si>
  <si>
    <t>285960671.0</t>
  </si>
  <si>
    <t>219031641.0</t>
  </si>
  <si>
    <t>19821788.0</t>
  </si>
  <si>
    <t>658970.0</t>
  </si>
  <si>
    <t>790806.0</t>
  </si>
  <si>
    <t>31.88</t>
  </si>
  <si>
    <t>554.0</t>
  </si>
  <si>
    <t>617358.0</t>
  </si>
  <si>
    <t>454907077.0</t>
  </si>
  <si>
    <t>285981208.0</t>
  </si>
  <si>
    <t>219050387.0</t>
  </si>
  <si>
    <t>19842891.0</t>
  </si>
  <si>
    <t>626001.0</t>
  </si>
  <si>
    <t>736561.0</t>
  </si>
  <si>
    <t>516.0</t>
  </si>
  <si>
    <t>580488.0</t>
  </si>
  <si>
    <t>454923753.0</t>
  </si>
  <si>
    <t>285994983.0</t>
  </si>
  <si>
    <t>219051135.0</t>
  </si>
  <si>
    <t>19843391.0</t>
  </si>
  <si>
    <t>586814.0</t>
  </si>
  <si>
    <t>672769.0</t>
  </si>
  <si>
    <t>31.89</t>
  </si>
  <si>
    <t>20.05</t>
  </si>
  <si>
    <t>472.0</t>
  </si>
  <si>
    <t>541307.0</t>
  </si>
  <si>
    <t>454931822.0</t>
  </si>
  <si>
    <t>286000207.0</t>
  </si>
  <si>
    <t>219052429.0</t>
  </si>
  <si>
    <t>19844942.0</t>
  </si>
  <si>
    <t>581593.0</t>
  </si>
  <si>
    <t>630961.0</t>
  </si>
  <si>
    <t>442.0</t>
  </si>
  <si>
    <t>526641.0</t>
  </si>
  <si>
    <t>455024959.0</t>
  </si>
  <si>
    <t>286013894.0</t>
  </si>
  <si>
    <t>219092782.0</t>
  </si>
  <si>
    <t>19865936.0</t>
  </si>
  <si>
    <t>580693.0</t>
  </si>
  <si>
    <t>623770.0</t>
  </si>
  <si>
    <t>15.36</t>
  </si>
  <si>
    <t>437.0</t>
  </si>
  <si>
    <t>523722.0</t>
  </si>
  <si>
    <t>455083972.0</t>
  </si>
  <si>
    <t>286026136.0</t>
  </si>
  <si>
    <t>219134409.0</t>
  </si>
  <si>
    <t>19871635.0</t>
  </si>
  <si>
    <t>592321.0</t>
  </si>
  <si>
    <t>609764.0</t>
  </si>
  <si>
    <t>31.9</t>
  </si>
  <si>
    <t>517853.0</t>
  </si>
  <si>
    <t>455142967.0</t>
  </si>
  <si>
    <t>286041427.0</t>
  </si>
  <si>
    <t>219159898.0</t>
  </si>
  <si>
    <t>19890976.0</t>
  </si>
  <si>
    <t>622322.0</t>
  </si>
  <si>
    <t>606959.0</t>
  </si>
  <si>
    <t>425.0</t>
  </si>
  <si>
    <t>517609.0</t>
  </si>
  <si>
    <t>455250231.0</t>
  </si>
  <si>
    <t>286068963.0</t>
  </si>
  <si>
    <t>219206258.0</t>
  </si>
  <si>
    <t>19914953.0</t>
  </si>
  <si>
    <t>662800.0</t>
  </si>
  <si>
    <t>607507.0</t>
  </si>
  <si>
    <t>31.91</t>
  </si>
  <si>
    <t>426.0</t>
  </si>
  <si>
    <t>516698.0</t>
  </si>
  <si>
    <t>455340947.0</t>
  </si>
  <si>
    <t>286093026.0</t>
  </si>
  <si>
    <t>219245385.0</t>
  </si>
  <si>
    <t>19941115.0</t>
  </si>
  <si>
    <t>653140.0</t>
  </si>
  <si>
    <t>611384.0</t>
  </si>
  <si>
    <t>15.37</t>
  </si>
  <si>
    <t>517220.0</t>
  </si>
  <si>
    <t>456679658.0</t>
  </si>
  <si>
    <t>286460086.0</t>
  </si>
  <si>
    <t>219965738.0</t>
  </si>
  <si>
    <t>20224685.0</t>
  </si>
  <si>
    <t>655833.0</t>
  </si>
  <si>
    <t>621243.0</t>
  </si>
  <si>
    <t>32.01</t>
  </si>
  <si>
    <t>20.08</t>
  </si>
  <si>
    <t>15.42</t>
  </si>
  <si>
    <t>519568.0</t>
  </si>
  <si>
    <t>456749399.0</t>
  </si>
  <si>
    <t>286840759.0</t>
  </si>
  <si>
    <t>220338689.0</t>
  </si>
  <si>
    <t>20248092.0</t>
  </si>
  <si>
    <t>557719.0</t>
  </si>
  <si>
    <t>617834.0</t>
  </si>
  <si>
    <t>20.1</t>
  </si>
  <si>
    <t>15.44</t>
  </si>
  <si>
    <t>518411.0</t>
  </si>
  <si>
    <t>456816555.0</t>
  </si>
  <si>
    <t>286850251.0</t>
  </si>
  <si>
    <t>220356596.0</t>
  </si>
  <si>
    <t>20264055.0</t>
  </si>
  <si>
    <t>760978.0</t>
  </si>
  <si>
    <t>643588.0</t>
  </si>
  <si>
    <t>32.02</t>
  </si>
  <si>
    <t>451.0</t>
  </si>
  <si>
    <t>516142.0</t>
  </si>
  <si>
    <t>464953552.0</t>
  </si>
  <si>
    <t>295480670.0</t>
  </si>
  <si>
    <t>224078286.0</t>
  </si>
  <si>
    <t>21272143.0</t>
  </si>
  <si>
    <t>817506.0</t>
  </si>
  <si>
    <t>675757.0</t>
  </si>
  <si>
    <t>32.59</t>
  </si>
  <si>
    <t>20.71</t>
  </si>
  <si>
    <t>15.71</t>
  </si>
  <si>
    <t>474.0</t>
  </si>
  <si>
    <t>515677.0</t>
  </si>
  <si>
    <t>465116621.0</t>
  </si>
  <si>
    <t>295510368.0</t>
  </si>
  <si>
    <t>224138933.0</t>
  </si>
  <si>
    <t>21336996.0</t>
  </si>
  <si>
    <t>1376394.0</t>
  </si>
  <si>
    <t>783486.0</t>
  </si>
  <si>
    <t>32.6</t>
  </si>
  <si>
    <t>1.5</t>
  </si>
  <si>
    <t>549.0</t>
  </si>
  <si>
    <t>498746.0</t>
  </si>
  <si>
    <t>465161997.0</t>
  </si>
  <si>
    <t>295532821.0</t>
  </si>
  <si>
    <t>224151377.0</t>
  </si>
  <si>
    <t>21348889.0</t>
  </si>
  <si>
    <t>1353115.0</t>
  </si>
  <si>
    <t>882101.0</t>
  </si>
  <si>
    <t>618.0</t>
  </si>
  <si>
    <t>481072.0</t>
  </si>
  <si>
    <t>465282194.0</t>
  </si>
  <si>
    <t>295560827.0</t>
  </si>
  <si>
    <t>224203559.0</t>
  </si>
  <si>
    <t>21383914.0</t>
  </si>
  <si>
    <t>1394641.0</t>
  </si>
  <si>
    <t>988030.0</t>
  </si>
  <si>
    <t>32.61</t>
  </si>
  <si>
    <t>20.72</t>
  </si>
  <si>
    <t>693.0</t>
  </si>
  <si>
    <t>464055.0</t>
  </si>
  <si>
    <t>465982604.0</t>
  </si>
  <si>
    <t>295750921.0</t>
  </si>
  <si>
    <t>224529234.0</t>
  </si>
  <si>
    <t>21587208.0</t>
  </si>
  <si>
    <t>1366494.0</t>
  </si>
  <si>
    <t>1089551.0</t>
  </si>
  <si>
    <t>32.66</t>
  </si>
  <si>
    <t>20.73</t>
  </si>
  <si>
    <t>15.74</t>
  </si>
  <si>
    <t>764.0</t>
  </si>
  <si>
    <t>445220.0</t>
  </si>
  <si>
    <t>472659025.0</t>
  </si>
  <si>
    <t>297697478.0</t>
  </si>
  <si>
    <t>225614951.0</t>
  </si>
  <si>
    <t>22139383.0</t>
  </si>
  <si>
    <t>1258995.0</t>
  </si>
  <si>
    <t>1189733.0</t>
  </si>
  <si>
    <t>33.13</t>
  </si>
  <si>
    <t>20.87</t>
  </si>
  <si>
    <t>15.81</t>
  </si>
  <si>
    <t>834.0</t>
  </si>
  <si>
    <t>426376.0</t>
  </si>
  <si>
    <t>472699800.0</t>
  </si>
  <si>
    <t>297701936.0</t>
  </si>
  <si>
    <t>225635428.0</t>
  </si>
  <si>
    <t>22144339.0</t>
  </si>
  <si>
    <t>710019.0</t>
  </si>
  <si>
    <t>1182454.0</t>
  </si>
  <si>
    <t>829.0</t>
  </si>
  <si>
    <t>429257.0</t>
  </si>
  <si>
    <t>472727521.0</t>
  </si>
  <si>
    <t>297707275.0</t>
  </si>
  <si>
    <t>225649104.0</t>
  </si>
  <si>
    <t>22149141.0</t>
  </si>
  <si>
    <t>716460.0</t>
  </si>
  <si>
    <t>1168020.0</t>
  </si>
  <si>
    <t>15.82</t>
  </si>
  <si>
    <t>429692.0</t>
  </si>
  <si>
    <t>472966141.0</t>
  </si>
  <si>
    <t>297769765.0</t>
  </si>
  <si>
    <t>225749517.0</t>
  </si>
  <si>
    <t>22254900.0</t>
  </si>
  <si>
    <t>801709.0</t>
  </si>
  <si>
    <t>1085922.0</t>
  </si>
  <si>
    <t>33.15</t>
  </si>
  <si>
    <t>761.0</t>
  </si>
  <si>
    <t>448682.0</t>
  </si>
  <si>
    <t>473052892.0</t>
  </si>
  <si>
    <t>297795614.0</t>
  </si>
  <si>
    <t>225777084.0</t>
  </si>
  <si>
    <t>22297376.0</t>
  </si>
  <si>
    <t>831803.0</t>
  </si>
  <si>
    <t>1011449.0</t>
  </si>
  <si>
    <t>33.16</t>
  </si>
  <si>
    <t>709.0</t>
  </si>
  <si>
    <t>469002.0</t>
  </si>
  <si>
    <t>473205548.0</t>
  </si>
  <si>
    <t>297832073.0</t>
  </si>
  <si>
    <t>225860463.0</t>
  </si>
  <si>
    <t>22336574.0</t>
  </si>
  <si>
    <t>836641.0</t>
  </si>
  <si>
    <t>931731.0</t>
  </si>
  <si>
    <t>33.17</t>
  </si>
  <si>
    <t>20.88</t>
  </si>
  <si>
    <t>15.83</t>
  </si>
  <si>
    <t>1.57</t>
  </si>
  <si>
    <t>653.0</t>
  </si>
  <si>
    <t>488769.0</t>
  </si>
  <si>
    <t>473326218.0</t>
  </si>
  <si>
    <t>297862577.0</t>
  </si>
  <si>
    <t>225928672.0</t>
  </si>
  <si>
    <t>22364227.0</t>
  </si>
  <si>
    <t>851397.0</t>
  </si>
  <si>
    <t>858146.0</t>
  </si>
  <si>
    <t>33.18</t>
  </si>
  <si>
    <t>15.84</t>
  </si>
  <si>
    <t>601.0</t>
  </si>
  <si>
    <t>509826.0</t>
  </si>
  <si>
    <t>477146144.0</t>
  </si>
  <si>
    <t>303978381.0</t>
  </si>
  <si>
    <t>228510019.0</t>
  </si>
  <si>
    <t>22703506.0</t>
  </si>
  <si>
    <t>803525.0</t>
  </si>
  <si>
    <t>793079.0</t>
  </si>
  <si>
    <t>33.44</t>
  </si>
  <si>
    <t>21.31</t>
  </si>
  <si>
    <t>16.02</t>
  </si>
  <si>
    <t>556.0</t>
  </si>
  <si>
    <t>533375.0</t>
  </si>
  <si>
    <t>477163276.0</t>
  </si>
  <si>
    <t>303986522.0</t>
  </si>
  <si>
    <t>228514927.0</t>
  </si>
  <si>
    <t>22709574.0</t>
  </si>
  <si>
    <t>600091.0</t>
  </si>
  <si>
    <t>777377.0</t>
  </si>
  <si>
    <t>488469.0</t>
  </si>
  <si>
    <t>477424879.0</t>
  </si>
  <si>
    <t>304032124.0</t>
  </si>
  <si>
    <t>228656777.0</t>
  </si>
  <si>
    <t>22759277.0</t>
  </si>
  <si>
    <t>752594.0</t>
  </si>
  <si>
    <t>782534.0</t>
  </si>
  <si>
    <t>33.46</t>
  </si>
  <si>
    <t>548.0</t>
  </si>
  <si>
    <t>448452.0</t>
  </si>
  <si>
    <t>477560265.0</t>
  </si>
  <si>
    <t>304080460.0</t>
  </si>
  <si>
    <t>228716801.0</t>
  </si>
  <si>
    <t>22792778.0</t>
  </si>
  <si>
    <t>724136.0</t>
  </si>
  <si>
    <t>771452.0</t>
  </si>
  <si>
    <t>33.47</t>
  </si>
  <si>
    <t>541.0</t>
  </si>
  <si>
    <t>405920.0</t>
  </si>
  <si>
    <t>477743660.0</t>
  </si>
  <si>
    <t>304139361.0</t>
  </si>
  <si>
    <t>228805400.0</t>
  </si>
  <si>
    <t>22835205.0</t>
  </si>
  <si>
    <t>767290.0</t>
  </si>
  <si>
    <t>762240.0</t>
  </si>
  <si>
    <t>33.49</t>
  </si>
  <si>
    <t>16.04</t>
  </si>
  <si>
    <t>534.0</t>
  </si>
  <si>
    <t>363607.0</t>
  </si>
  <si>
    <t>477930307.0</t>
  </si>
  <si>
    <t>304181143.0</t>
  </si>
  <si>
    <t>228903921.0</t>
  </si>
  <si>
    <t>22870945.0</t>
  </si>
  <si>
    <t>730616.0</t>
  </si>
  <si>
    <t>747093.0</t>
  </si>
  <si>
    <t>33.5</t>
  </si>
  <si>
    <t>318579.0</t>
  </si>
  <si>
    <t>478597738.0</t>
  </si>
  <si>
    <t>304367508.0</t>
  </si>
  <si>
    <t>229191583.0</t>
  </si>
  <si>
    <t>23071277.0</t>
  </si>
  <si>
    <t>796127.0</t>
  </si>
  <si>
    <t>739198.0</t>
  </si>
  <si>
    <t>33.54</t>
  </si>
  <si>
    <t>21.33</t>
  </si>
  <si>
    <t>518.0</t>
  </si>
  <si>
    <t>276655.0</t>
  </si>
  <si>
    <t>480832342.0</t>
  </si>
  <si>
    <t>304854890.0</t>
  </si>
  <si>
    <t>231155320.0</t>
  </si>
  <si>
    <t>23274028.0</t>
  </si>
  <si>
    <t>814150.0</t>
  </si>
  <si>
    <t>740715.0</t>
  </si>
  <si>
    <t>33.7</t>
  </si>
  <si>
    <t>21.37</t>
  </si>
  <si>
    <t>519.0</t>
  </si>
  <si>
    <t>236516.0</t>
  </si>
  <si>
    <t>481028943.0</t>
  </si>
  <si>
    <t>304892765.0</t>
  </si>
  <si>
    <t>231265657.0</t>
  </si>
  <si>
    <t>23292723.0</t>
  </si>
  <si>
    <t>1456983.0</t>
  </si>
  <si>
    <t>863128.0</t>
  </si>
  <si>
    <t>33.72</t>
  </si>
  <si>
    <t>16.21</t>
  </si>
  <si>
    <t>605.0</t>
  </si>
  <si>
    <t>256503.0</t>
  </si>
  <si>
    <t>481114421.0</t>
  </si>
  <si>
    <t>304924599.0</t>
  </si>
  <si>
    <t>231301092.0</t>
  </si>
  <si>
    <t>23318505.0</t>
  </si>
  <si>
    <t>1472323.0</t>
  </si>
  <si>
    <t>965947.0</t>
  </si>
  <si>
    <t>270469.0</t>
  </si>
  <si>
    <t>481289169.0</t>
  </si>
  <si>
    <t>305001564.0</t>
  </si>
  <si>
    <t>231395579.0</t>
  </si>
  <si>
    <t>23359552.0</t>
  </si>
  <si>
    <t>1528784.0</t>
  </si>
  <si>
    <t>1080894.0</t>
  </si>
  <si>
    <t>33.73</t>
  </si>
  <si>
    <t>758.0</t>
  </si>
  <si>
    <t>285556.0</t>
  </si>
  <si>
    <t>481387677.0</t>
  </si>
  <si>
    <t>305033016.0</t>
  </si>
  <si>
    <t>231435398.0</t>
  </si>
  <si>
    <t>23393156.0</t>
  </si>
  <si>
    <t>1479961.0</t>
  </si>
  <si>
    <t>1182706.0</t>
  </si>
  <si>
    <t>33.74</t>
  </si>
  <si>
    <t>297164.0</t>
  </si>
  <si>
    <t>481829759.0</t>
  </si>
  <si>
    <t>305068225.0</t>
  </si>
  <si>
    <t>231677935.0</t>
  </si>
  <si>
    <t>23418060.0</t>
  </si>
  <si>
    <t>1467643.0</t>
  </si>
  <si>
    <t>1287995.0</t>
  </si>
  <si>
    <t>33.77</t>
  </si>
  <si>
    <t>16.24</t>
  </si>
  <si>
    <t>903.0</t>
  </si>
  <si>
    <t>312459.0</t>
  </si>
  <si>
    <t>481916557.0</t>
  </si>
  <si>
    <t>305098346.0</t>
  </si>
  <si>
    <t>231715284.0</t>
  </si>
  <si>
    <t>23442703.0</t>
  </si>
  <si>
    <t>1516455.0</t>
  </si>
  <si>
    <t>1390899.0</t>
  </si>
  <si>
    <t>33.78</t>
  </si>
  <si>
    <t>975.0</t>
  </si>
  <si>
    <t>323665.0</t>
  </si>
  <si>
    <t>494080794.0</t>
  </si>
  <si>
    <t>307748342.0</t>
  </si>
  <si>
    <t>234099932.0</t>
  </si>
  <si>
    <t>23613249.0</t>
  </si>
  <si>
    <t>1461717.0</t>
  </si>
  <si>
    <t>1483410.0</t>
  </si>
  <si>
    <t>34.63</t>
  </si>
  <si>
    <t>21.57</t>
  </si>
  <si>
    <t>16.41</t>
  </si>
  <si>
    <t>1.66</t>
  </si>
  <si>
    <t>1040.0</t>
  </si>
  <si>
    <t>332099.0</t>
  </si>
  <si>
    <t>494223426.0</t>
  </si>
  <si>
    <t>307759771.0</t>
  </si>
  <si>
    <t>234125095.0</t>
  </si>
  <si>
    <t>23667110.0</t>
  </si>
  <si>
    <t>908365.0</t>
  </si>
  <si>
    <t>1405033.0</t>
  </si>
  <si>
    <t>34.64</t>
  </si>
  <si>
    <t>345131.0</t>
  </si>
  <si>
    <t>494288648.0</t>
  </si>
  <si>
    <t>307787254.0</t>
  </si>
  <si>
    <t>234147328.0</t>
  </si>
  <si>
    <t>23688012.0</t>
  </si>
  <si>
    <t>965158.0</t>
  </si>
  <si>
    <t>1332583.0</t>
  </si>
  <si>
    <t>934.0</t>
  </si>
  <si>
    <t>362364.0</t>
  </si>
  <si>
    <t>494351866.0</t>
  </si>
  <si>
    <t>307811674.0</t>
  </si>
  <si>
    <t>234170496.0</t>
  </si>
  <si>
    <t>23709520.0</t>
  </si>
  <si>
    <t>963154.0</t>
  </si>
  <si>
    <t>1251780.0</t>
  </si>
  <si>
    <t>34.65</t>
  </si>
  <si>
    <t>877.0</t>
  </si>
  <si>
    <t>377405.0</t>
  </si>
  <si>
    <t>494620977.0</t>
  </si>
  <si>
    <t>307865405.0</t>
  </si>
  <si>
    <t>234351455.0</t>
  </si>
  <si>
    <t>23731472.0</t>
  </si>
  <si>
    <t>965645.0</t>
  </si>
  <si>
    <t>1178304.0</t>
  </si>
  <si>
    <t>34.67</t>
  </si>
  <si>
    <t>21.58</t>
  </si>
  <si>
    <t>16.43</t>
  </si>
  <si>
    <t>826.0</t>
  </si>
  <si>
    <t>394594.0</t>
  </si>
  <si>
    <t>494915244.0</t>
  </si>
  <si>
    <t>307889582.0</t>
  </si>
  <si>
    <t>234515854.0</t>
  </si>
  <si>
    <t>23752954.0</t>
  </si>
  <si>
    <t>1126402.0</t>
  </si>
  <si>
    <t>1129557.0</t>
  </si>
  <si>
    <t>34.69</t>
  </si>
  <si>
    <t>16.44</t>
  </si>
  <si>
    <t>792.0</t>
  </si>
  <si>
    <t>409973.0</t>
  </si>
  <si>
    <t>494968030.0</t>
  </si>
  <si>
    <t>307910271.0</t>
  </si>
  <si>
    <t>234535195.0</t>
  </si>
  <si>
    <t>23770935.0</t>
  </si>
  <si>
    <t>910989.0</t>
  </si>
  <si>
    <t>1043059.0</t>
  </si>
  <si>
    <t>731.0</t>
  </si>
  <si>
    <t>425576.0</t>
  </si>
  <si>
    <t>496803362.0</t>
  </si>
  <si>
    <t>308590052.0</t>
  </si>
  <si>
    <t>234672161.0</t>
  </si>
  <si>
    <t>24092135.0</t>
  </si>
  <si>
    <t>878771.0</t>
  </si>
  <si>
    <t>959783.0</t>
  </si>
  <si>
    <t>34.82</t>
  </si>
  <si>
    <t>21.63</t>
  </si>
  <si>
    <t>16.45</t>
  </si>
  <si>
    <t>673.0</t>
  </si>
  <si>
    <t>442047.0</t>
  </si>
  <si>
    <t>500158604.0</t>
  </si>
  <si>
    <t>310524917.0</t>
  </si>
  <si>
    <t>235594948.0</t>
  </si>
  <si>
    <t>24109048.0</t>
  </si>
  <si>
    <t>870564.0</t>
  </si>
  <si>
    <t>954384.0</t>
  </si>
  <si>
    <t>35.06</t>
  </si>
  <si>
    <t>16.51</t>
  </si>
  <si>
    <t>669.0</t>
  </si>
  <si>
    <t>537376.0</t>
  </si>
  <si>
    <t>500314186.0</t>
  </si>
  <si>
    <t>310544314.0</t>
  </si>
  <si>
    <t>235678068.0</t>
  </si>
  <si>
    <t>24126104.0</t>
  </si>
  <si>
    <t>794145.0</t>
  </si>
  <si>
    <t>929956.0</t>
  </si>
  <si>
    <t>35.07</t>
  </si>
  <si>
    <t>21.77</t>
  </si>
  <si>
    <t>16.52</t>
  </si>
  <si>
    <t>652.0</t>
  </si>
  <si>
    <t>519219.0</t>
  </si>
  <si>
    <t>500506842.0</t>
  </si>
  <si>
    <t>310634571.0</t>
  </si>
  <si>
    <t>235714714.0</t>
  </si>
  <si>
    <t>24141190.0</t>
  </si>
  <si>
    <t>972370.0</t>
  </si>
  <si>
    <t>931270.0</t>
  </si>
  <si>
    <t>35.08</t>
  </si>
  <si>
    <t>501315.0</t>
  </si>
  <si>
    <t>500973491.0</t>
  </si>
  <si>
    <t>310653017.0</t>
  </si>
  <si>
    <t>235992645.0</t>
  </si>
  <si>
    <t>24158135.0</t>
  </si>
  <si>
    <t>988880.0</t>
  </si>
  <si>
    <t>934590.0</t>
  </si>
  <si>
    <t>35.11</t>
  </si>
  <si>
    <t>16.54</t>
  </si>
  <si>
    <t>655.0</t>
  </si>
  <si>
    <t>482716.0</t>
  </si>
  <si>
    <t>501261723.0</t>
  </si>
  <si>
    <t>310673185.0</t>
  </si>
  <si>
    <t>236162737.0</t>
  </si>
  <si>
    <t>24182301.0</t>
  </si>
  <si>
    <t>1019816.0</t>
  </si>
  <si>
    <t>919362.0</t>
  </si>
  <si>
    <t>35.13</t>
  </si>
  <si>
    <t>21.78</t>
  </si>
  <si>
    <t>16.55</t>
  </si>
  <si>
    <t>464961.0</t>
  </si>
  <si>
    <t>501302947.0</t>
  </si>
  <si>
    <t>310689654.0</t>
  </si>
  <si>
    <t>236178284.0</t>
  </si>
  <si>
    <t>24195782.0</t>
  </si>
  <si>
    <t>820167.0</t>
  </si>
  <si>
    <t>906388.0</t>
  </si>
  <si>
    <t>35.14</t>
  </si>
  <si>
    <t>635.0</t>
  </si>
  <si>
    <t>447173.0</t>
  </si>
  <si>
    <t>506928467.0</t>
  </si>
  <si>
    <t>312969193.0</t>
  </si>
  <si>
    <t>238348960.0</t>
  </si>
  <si>
    <t>24336044.0</t>
  </si>
  <si>
    <t>787993.0</t>
  </si>
  <si>
    <t>893419.0</t>
  </si>
  <si>
    <t>35.53</t>
  </si>
  <si>
    <t>21.94</t>
  </si>
  <si>
    <t>16.71</t>
  </si>
  <si>
    <t>429660.0</t>
  </si>
  <si>
    <t>507072970.0</t>
  </si>
  <si>
    <t>312970181.0</t>
  </si>
  <si>
    <t>238439003.0</t>
  </si>
  <si>
    <t>24336907.0</t>
  </si>
  <si>
    <t>995426.0</t>
  </si>
  <si>
    <t>911258.0</t>
  </si>
  <si>
    <t>35.54</t>
  </si>
  <si>
    <t>376649.0</t>
  </si>
  <si>
    <t>507157901.0</t>
  </si>
  <si>
    <t>312985163.0</t>
  </si>
  <si>
    <t>238482901.0</t>
  </si>
  <si>
    <t>24351645.0</t>
  </si>
  <si>
    <t>1025981.0</t>
  </si>
  <si>
    <t>944375.0</t>
  </si>
  <si>
    <t>35.55</t>
  </si>
  <si>
    <t>16.72</t>
  </si>
  <si>
    <t>662.0</t>
  </si>
  <si>
    <t>435614.0</t>
  </si>
  <si>
    <t>507344388.0</t>
  </si>
  <si>
    <t>313004746.0</t>
  </si>
  <si>
    <t>238587966.0</t>
  </si>
  <si>
    <t>24370145.0</t>
  </si>
  <si>
    <t>1129833.0</t>
  </si>
  <si>
    <t>966868.0</t>
  </si>
  <si>
    <t>35.56</t>
  </si>
  <si>
    <t>678.0</t>
  </si>
  <si>
    <t>495505.0</t>
  </si>
  <si>
    <t>507393078.0</t>
  </si>
  <si>
    <t>313022416.0</t>
  </si>
  <si>
    <t>238606280.0</t>
  </si>
  <si>
    <t>24387970.0</t>
  </si>
  <si>
    <t>1043753.0</t>
  </si>
  <si>
    <t>974713.0</t>
  </si>
  <si>
    <t>683.0</t>
  </si>
  <si>
    <t>555863.0</t>
  </si>
  <si>
    <t>507440879.0</t>
  </si>
  <si>
    <t>313039664.0</t>
  </si>
  <si>
    <t>238624753.0</t>
  </si>
  <si>
    <t>24405032.0</t>
  </si>
  <si>
    <t>1042864.0</t>
  </si>
  <si>
    <t>978005.0</t>
  </si>
  <si>
    <t>35.57</t>
  </si>
  <si>
    <t>16.73</t>
  </si>
  <si>
    <t>685.0</t>
  </si>
  <si>
    <t>615915.0</t>
  </si>
  <si>
    <t>507491186.0</t>
  </si>
  <si>
    <t>313056475.0</t>
  </si>
  <si>
    <t>238647682.0</t>
  </si>
  <si>
    <t>24419595.0</t>
  </si>
  <si>
    <t>1045370.0</t>
  </si>
  <si>
    <t>1010172.0</t>
  </si>
  <si>
    <t>708.0</t>
  </si>
  <si>
    <t>676428.0</t>
  </si>
  <si>
    <t>507542589.0</t>
  </si>
  <si>
    <t>313074432.0</t>
  </si>
  <si>
    <t>238661838.0</t>
  </si>
  <si>
    <t>24439797.0</t>
  </si>
  <si>
    <t>1005353.0</t>
  </si>
  <si>
    <t>1041226.0</t>
  </si>
  <si>
    <t>730.0</t>
  </si>
  <si>
    <t>736927.0</t>
  </si>
  <si>
    <t>507774350.0</t>
  </si>
  <si>
    <t>313288522.0</t>
  </si>
  <si>
    <t>238777175.0</t>
  </si>
  <si>
    <t>24440519.0</t>
  </si>
  <si>
    <t>994734.0</t>
  </si>
  <si>
    <t>1041128.0</t>
  </si>
  <si>
    <t>35.59</t>
  </si>
  <si>
    <t>21.96</t>
  </si>
  <si>
    <t>16.74</t>
  </si>
  <si>
    <t>736695.0</t>
  </si>
  <si>
    <t>509734732.0</t>
  </si>
  <si>
    <t>313304046.0</t>
  </si>
  <si>
    <t>238792967.0</t>
  </si>
  <si>
    <t>25917343.0</t>
  </si>
  <si>
    <t>1025510.0</t>
  </si>
  <si>
    <t>1041060.0</t>
  </si>
  <si>
    <t>35.73</t>
  </si>
  <si>
    <t>735061.0</t>
  </si>
  <si>
    <t>509828021.0</t>
  </si>
  <si>
    <t>313332737.0</t>
  </si>
  <si>
    <t>238825690.0</t>
  </si>
  <si>
    <t>26051776.0</t>
  </si>
  <si>
    <t>1004790.0</t>
  </si>
  <si>
    <t>1023198.0</t>
  </si>
  <si>
    <t>732986.0</t>
  </si>
  <si>
    <t>509875035.0</t>
  </si>
  <si>
    <t>313351212.0</t>
  </si>
  <si>
    <t>238843701.0</t>
  </si>
  <si>
    <t>26066460.0</t>
  </si>
  <si>
    <t>997021.0</t>
  </si>
  <si>
    <t>1016521.0</t>
  </si>
  <si>
    <t>35.74</t>
  </si>
  <si>
    <t>712.0</t>
  </si>
  <si>
    <t>731094.0</t>
  </si>
  <si>
    <t>510359636.0</t>
  </si>
  <si>
    <t>313356925.0</t>
  </si>
  <si>
    <t>239138365.0</t>
  </si>
  <si>
    <t>26073030.0</t>
  </si>
  <si>
    <t>974207.0</t>
  </si>
  <si>
    <t>1006712.0</t>
  </si>
  <si>
    <t>35.77</t>
  </si>
  <si>
    <t>16.76</t>
  </si>
  <si>
    <t>706.0</t>
  </si>
  <si>
    <t>727720.0</t>
  </si>
  <si>
    <t>510391954.0</t>
  </si>
  <si>
    <t>313368923.0</t>
  </si>
  <si>
    <t>239150750.0</t>
  </si>
  <si>
    <t>26084780.0</t>
  </si>
  <si>
    <t>964445.0</t>
  </si>
  <si>
    <t>995152.0</t>
  </si>
  <si>
    <t>698.0</t>
  </si>
  <si>
    <t>725307.0</t>
  </si>
  <si>
    <t>518069022.0</t>
  </si>
  <si>
    <t>321810727.0</t>
  </si>
  <si>
    <t>249407135.0</t>
  </si>
  <si>
    <t>27037946.0</t>
  </si>
  <si>
    <t>944346.0</t>
  </si>
  <si>
    <t>986438.0</t>
  </si>
  <si>
    <t>36.31</t>
  </si>
  <si>
    <t>22.56</t>
  </si>
  <si>
    <t>17.48</t>
  </si>
  <si>
    <t>691.0</t>
  </si>
  <si>
    <t>723785.0</t>
  </si>
  <si>
    <t>519179128.0</t>
  </si>
  <si>
    <t>321811293.0</t>
  </si>
  <si>
    <t>249407789.0</t>
  </si>
  <si>
    <t>27426907.0</t>
  </si>
  <si>
    <t>4158774.0</t>
  </si>
  <si>
    <t>1438441.0</t>
  </si>
  <si>
    <t>36.39</t>
  </si>
  <si>
    <t>814749.0</t>
  </si>
  <si>
    <t>519226306.0</t>
  </si>
  <si>
    <t>321834749.0</t>
  </si>
  <si>
    <t>249433391.0</t>
  </si>
  <si>
    <t>27464525.0</t>
  </si>
  <si>
    <t>4178161.0</t>
  </si>
  <si>
    <t>1888819.0</t>
  </si>
  <si>
    <t>1324.0</t>
  </si>
  <si>
    <t>906998.0</t>
  </si>
  <si>
    <t>519416481.0</t>
  </si>
  <si>
    <t>321850042.0</t>
  </si>
  <si>
    <t>249547420.0</t>
  </si>
  <si>
    <t>27481375.0</t>
  </si>
  <si>
    <t>4184596.0</t>
  </si>
  <si>
    <t>2343082.0</t>
  </si>
  <si>
    <t>36.41</t>
  </si>
  <si>
    <t>17.49</t>
  </si>
  <si>
    <t>1642.0</t>
  </si>
  <si>
    <t>998892.0</t>
  </si>
  <si>
    <t>519555905.0</t>
  </si>
  <si>
    <t>321864486.0</t>
  </si>
  <si>
    <t>249632922.0</t>
  </si>
  <si>
    <t>27496169.0</t>
  </si>
  <si>
    <t>4248978.0</t>
  </si>
  <si>
    <t>2807645.0</t>
  </si>
  <si>
    <t>36.42</t>
  </si>
  <si>
    <t>1968.0</t>
  </si>
  <si>
    <t>1090761.0</t>
  </si>
  <si>
    <t>519591561.0</t>
  </si>
  <si>
    <t>321876668.0</t>
  </si>
  <si>
    <t>249647808.0</t>
  </si>
  <si>
    <t>27508473.0</t>
  </si>
  <si>
    <t>4176174.0</t>
  </si>
  <si>
    <t>3265070.0</t>
  </si>
  <si>
    <t>2288.0</t>
  </si>
  <si>
    <t>1183846.0</t>
  </si>
  <si>
    <t>519619059.0</t>
  </si>
  <si>
    <t>321885732.0</t>
  </si>
  <si>
    <t>249658687.0</t>
  </si>
  <si>
    <t>27519018.0</t>
  </si>
  <si>
    <t>4168016.0</t>
  </si>
  <si>
    <t>3722724.0</t>
  </si>
  <si>
    <t>2609.0</t>
  </si>
  <si>
    <t>1275583.0</t>
  </si>
  <si>
    <t>542765456.0</t>
  </si>
  <si>
    <t>324891361.0</t>
  </si>
  <si>
    <t>252470431.0</t>
  </si>
  <si>
    <t>29116685.0</t>
  </si>
  <si>
    <t>4148905.0</t>
  </si>
  <si>
    <t>4180515.0</t>
  </si>
  <si>
    <t>38.04</t>
  </si>
  <si>
    <t>22.77</t>
  </si>
  <si>
    <t>2930.0</t>
  </si>
  <si>
    <t>1367365.0</t>
  </si>
  <si>
    <t>544054302.0</t>
  </si>
  <si>
    <t>325330682.0</t>
  </si>
  <si>
    <t>252849960.0</t>
  </si>
  <si>
    <t>29566346.0</t>
  </si>
  <si>
    <t>1430808.0</t>
  </si>
  <si>
    <t>3790807.0</t>
  </si>
  <si>
    <t>38.13</t>
  </si>
  <si>
    <t>22.8</t>
  </si>
  <si>
    <t>17.72</t>
  </si>
  <si>
    <t>2657.0</t>
  </si>
  <si>
    <t>1341220.0</t>
  </si>
  <si>
    <t>544091305.0</t>
  </si>
  <si>
    <t>325404752.0</t>
  </si>
  <si>
    <t>252913267.0</t>
  </si>
  <si>
    <t>29576102.0</t>
  </si>
  <si>
    <t>1822732.0</t>
  </si>
  <si>
    <t>3454319.0</t>
  </si>
  <si>
    <t>38.14</t>
  </si>
  <si>
    <t>22.81</t>
  </si>
  <si>
    <t>17.73</t>
  </si>
  <si>
    <t>2421.0</t>
  </si>
  <si>
    <t>1462627.0</t>
  </si>
  <si>
    <t>545380681.0</t>
  </si>
  <si>
    <t>327529438.0</t>
  </si>
  <si>
    <t>255208163.0</t>
  </si>
  <si>
    <t>29955843.0</t>
  </si>
  <si>
    <t>1820810.0</t>
  </si>
  <si>
    <t>3116631.0</t>
  </si>
  <si>
    <t>38.23</t>
  </si>
  <si>
    <t>22.96</t>
  </si>
  <si>
    <t>17.89</t>
  </si>
  <si>
    <t>2184.0</t>
  </si>
  <si>
    <t>1583698.0</t>
  </si>
  <si>
    <t>0.111</t>
  </si>
  <si>
    <t>545498103.0</t>
  </si>
  <si>
    <t>327543858.0</t>
  </si>
  <si>
    <t>255295442.0</t>
  </si>
  <si>
    <t>29964865.0</t>
  </si>
  <si>
    <t>1483651.0</t>
  </si>
  <si>
    <t>2721586.0</t>
  </si>
  <si>
    <t>1908.0</t>
  </si>
  <si>
    <t>1561989.0</t>
  </si>
  <si>
    <t>545533222.0</t>
  </si>
  <si>
    <t>327556313.0</t>
  </si>
  <si>
    <t>255308274.0</t>
  </si>
  <si>
    <t>29977399.0</t>
  </si>
  <si>
    <t>1405810.0</t>
  </si>
  <si>
    <t>2325819.0</t>
  </si>
  <si>
    <t>38.24</t>
  </si>
  <si>
    <t>1630.0</t>
  </si>
  <si>
    <t>1540489.0</t>
  </si>
  <si>
    <t>545558226.0</t>
  </si>
  <si>
    <t>327565499.0</t>
  </si>
  <si>
    <t>255317573.0</t>
  </si>
  <si>
    <t>29985831.0</t>
  </si>
  <si>
    <t>1403466.0</t>
  </si>
  <si>
    <t>1930882.0</t>
  </si>
  <si>
    <t>17.9</t>
  </si>
  <si>
    <t>1353.0</t>
  </si>
  <si>
    <t>1519406.0</t>
  </si>
  <si>
    <t>552354348.0</t>
  </si>
  <si>
    <t>331024403.0</t>
  </si>
  <si>
    <t>260860531.0</t>
  </si>
  <si>
    <t>30386201.0</t>
  </si>
  <si>
    <t>1403074.0</t>
  </si>
  <si>
    <t>1538622.0</t>
  </si>
  <si>
    <t>38.71</t>
  </si>
  <si>
    <t>18.28</t>
  </si>
  <si>
    <t>1499132.0</t>
  </si>
  <si>
    <t>552372114.0</t>
  </si>
  <si>
    <t>331030635.0</t>
  </si>
  <si>
    <t>260869712.0</t>
  </si>
  <si>
    <t>30388685.0</t>
  </si>
  <si>
    <t>1272733.0</t>
  </si>
  <si>
    <t>1516039.0</t>
  </si>
  <si>
    <t>38.72</t>
  </si>
  <si>
    <t>1511262.0</t>
  </si>
  <si>
    <t>553204922.0</t>
  </si>
  <si>
    <t>331376282.0</t>
  </si>
  <si>
    <t>261150165.0</t>
  </si>
  <si>
    <t>30695499.0</t>
  </si>
  <si>
    <t>1273325.0</t>
  </si>
  <si>
    <t>1437553.0</t>
  </si>
  <si>
    <t>38.77</t>
  </si>
  <si>
    <t>23.23</t>
  </si>
  <si>
    <t>1374112.0</t>
  </si>
  <si>
    <t>553222233.0</t>
  </si>
  <si>
    <t>331381905.0</t>
  </si>
  <si>
    <t>261157882.0</t>
  </si>
  <si>
    <t>30703108.0</t>
  </si>
  <si>
    <t>1212643.0</t>
  </si>
  <si>
    <t>1350672.0</t>
  </si>
  <si>
    <t>38.78</t>
  </si>
  <si>
    <t>947.0</t>
  </si>
  <si>
    <t>1232812.0</t>
  </si>
  <si>
    <t>553414419.0</t>
  </si>
  <si>
    <t>331413429.0</t>
  </si>
  <si>
    <t>261268748.0</t>
  </si>
  <si>
    <t>30713942.0</t>
  </si>
  <si>
    <t>1211618.0</t>
  </si>
  <si>
    <t>1311808.0</t>
  </si>
  <si>
    <t>38.79</t>
  </si>
  <si>
    <t>919.0</t>
  </si>
  <si>
    <t>1234383.0</t>
  </si>
  <si>
    <t>553500603.0</t>
  </si>
  <si>
    <t>331420176.0</t>
  </si>
  <si>
    <t>261321200.0</t>
  </si>
  <si>
    <t>30722715.0</t>
  </si>
  <si>
    <t>1269151.0</t>
  </si>
  <si>
    <t>1292285.0</t>
  </si>
  <si>
    <t>18.32</t>
  </si>
  <si>
    <t>906.0</t>
  </si>
  <si>
    <t>1236297.0</t>
  </si>
  <si>
    <t>553524164.0</t>
  </si>
  <si>
    <t>331428096.0</t>
  </si>
  <si>
    <t>261330138.0</t>
  </si>
  <si>
    <t>30731868.0</t>
  </si>
  <si>
    <t>1224036.0</t>
  </si>
  <si>
    <t>1266654.0</t>
  </si>
  <si>
    <t>38.8</t>
  </si>
  <si>
    <t>888.0</t>
  </si>
  <si>
    <t>1238411.0</t>
  </si>
  <si>
    <t>563646481.0</t>
  </si>
  <si>
    <t>340919270.0</t>
  </si>
  <si>
    <t>266359265.0</t>
  </si>
  <si>
    <t>31443707.0</t>
  </si>
  <si>
    <t>1204465.0</t>
  </si>
  <si>
    <t>1238282.0</t>
  </si>
  <si>
    <t>39.51</t>
  </si>
  <si>
    <t>23.9</t>
  </si>
  <si>
    <t>18.67</t>
  </si>
  <si>
    <t>868.0</t>
  </si>
  <si>
    <t>1239670.0</t>
  </si>
  <si>
    <t>563706068.0</t>
  </si>
  <si>
    <t>340922117.0</t>
  </si>
  <si>
    <t>266396881.0</t>
  </si>
  <si>
    <t>31445777.0</t>
  </si>
  <si>
    <t>1305754.0</t>
  </si>
  <si>
    <t>1242999.0</t>
  </si>
  <si>
    <t>871.0</t>
  </si>
  <si>
    <t>1200965.0</t>
  </si>
  <si>
    <t>0.084</t>
  </si>
  <si>
    <t>563721998.0</t>
  </si>
  <si>
    <t>340927829.0</t>
  </si>
  <si>
    <t>266403202.0</t>
  </si>
  <si>
    <t>31452197.0</t>
  </si>
  <si>
    <t>1324565.0</t>
  </si>
  <si>
    <t>1250318.0</t>
  </si>
  <si>
    <t>876.0</t>
  </si>
  <si>
    <t>1162837.0</t>
  </si>
  <si>
    <t>563855163.0</t>
  </si>
  <si>
    <t>340935728.0</t>
  </si>
  <si>
    <t>266425657.0</t>
  </si>
  <si>
    <t>31462171.0</t>
  </si>
  <si>
    <t>1325882.0</t>
  </si>
  <si>
    <t>1266493.0</t>
  </si>
  <si>
    <t>39.52</t>
  </si>
  <si>
    <t>2.21</t>
  </si>
  <si>
    <t>1129279.0</t>
  </si>
  <si>
    <t>0.079</t>
  </si>
  <si>
    <t>563877735.0</t>
  </si>
  <si>
    <t>340943270.0</t>
  </si>
  <si>
    <t>266441707.0</t>
  </si>
  <si>
    <t>31470329.0</t>
  </si>
  <si>
    <t>1322107.0</t>
  </si>
  <si>
    <t>1282279.0</t>
  </si>
  <si>
    <t>899.0</t>
  </si>
  <si>
    <t>1095846.0</t>
  </si>
  <si>
    <t>563893023.0</t>
  </si>
  <si>
    <t>340947786.0</t>
  </si>
  <si>
    <t>266447334.0</t>
  </si>
  <si>
    <t>31477298.0</t>
  </si>
  <si>
    <t>1316711.0</t>
  </si>
  <si>
    <t>1289075.0</t>
  </si>
  <si>
    <t>18.68</t>
  </si>
  <si>
    <t>904.0</t>
  </si>
  <si>
    <t>1061877.0</t>
  </si>
  <si>
    <t>564654495.0</t>
  </si>
  <si>
    <t>341195556.0</t>
  </si>
  <si>
    <t>266731724.0</t>
  </si>
  <si>
    <t>31782707.0</t>
  </si>
  <si>
    <t>1315014.0</t>
  </si>
  <si>
    <t>1302071.0</t>
  </si>
  <si>
    <t>39.58</t>
  </si>
  <si>
    <t>23.91</t>
  </si>
  <si>
    <t>913.0</t>
  </si>
  <si>
    <t>1027740.0</t>
  </si>
  <si>
    <t>574252763.0</t>
  </si>
  <si>
    <t>346308855.0</t>
  </si>
  <si>
    <t>271822908.0</t>
  </si>
  <si>
    <t>32276792.0</t>
  </si>
  <si>
    <t>1665945.0</t>
  </si>
  <si>
    <t>1367998.0</t>
  </si>
  <si>
    <t>40.25</t>
  </si>
  <si>
    <t>959.0</t>
  </si>
  <si>
    <t>1010786.0</t>
  </si>
  <si>
    <t>574449947.0</t>
  </si>
  <si>
    <t>346315460.0</t>
  </si>
  <si>
    <t>271937504.0</t>
  </si>
  <si>
    <t>32300982.0</t>
  </si>
  <si>
    <t>1389744.0</t>
  </si>
  <si>
    <t>1379994.0</t>
  </si>
  <si>
    <t>40.26</t>
  </si>
  <si>
    <t>967.0</t>
  </si>
  <si>
    <t>1028662.0</t>
  </si>
  <si>
    <t>575830902.0</t>
  </si>
  <si>
    <t>346805946.0</t>
  </si>
  <si>
    <t>272541555.0</t>
  </si>
  <si>
    <t>32836774.0</t>
  </si>
  <si>
    <t>1405277.0</t>
  </si>
  <si>
    <t>1391526.0</t>
  </si>
  <si>
    <t>40.36</t>
  </si>
  <si>
    <t>24.31</t>
  </si>
  <si>
    <t>1046351.0</t>
  </si>
  <si>
    <t>575860895.0</t>
  </si>
  <si>
    <t>346815359.0</t>
  </si>
  <si>
    <t>272553095.0</t>
  </si>
  <si>
    <t>32848266.0</t>
  </si>
  <si>
    <t>1140035.0</t>
  </si>
  <si>
    <t>1364976.0</t>
  </si>
  <si>
    <t>957.0</t>
  </si>
  <si>
    <t>1051450.0</t>
  </si>
  <si>
    <t>575898508.0</t>
  </si>
  <si>
    <t>346826976.0</t>
  </si>
  <si>
    <t>272569511.0</t>
  </si>
  <si>
    <t>32860311.0</t>
  </si>
  <si>
    <t>1147655.0</t>
  </si>
  <si>
    <t>1340054.0</t>
  </si>
  <si>
    <t>1056776.0</t>
  </si>
  <si>
    <t>575932162.0</t>
  </si>
  <si>
    <t>346835314.0</t>
  </si>
  <si>
    <t>272588543.0</t>
  </si>
  <si>
    <t>32868992.0</t>
  </si>
  <si>
    <t>1143696.0</t>
  </si>
  <si>
    <t>1315336.0</t>
  </si>
  <si>
    <t>40.37</t>
  </si>
  <si>
    <t>19.11</t>
  </si>
  <si>
    <t>1061925.0</t>
  </si>
  <si>
    <t>575949958.0</t>
  </si>
  <si>
    <t>346842374.0</t>
  </si>
  <si>
    <t>272595404.0</t>
  </si>
  <si>
    <t>32874607.0</t>
  </si>
  <si>
    <t>1127838.0</t>
  </si>
  <si>
    <t>1288596.0</t>
  </si>
  <si>
    <t>1066903.0</t>
  </si>
  <si>
    <t>581343029.0</t>
  </si>
  <si>
    <t>349269538.0</t>
  </si>
  <si>
    <t>274751827.0</t>
  </si>
  <si>
    <t>33041114.0</t>
  </si>
  <si>
    <t>1122502.0</t>
  </si>
  <si>
    <t>1210963.0</t>
  </si>
  <si>
    <t>40.75</t>
  </si>
  <si>
    <t>24.48</t>
  </si>
  <si>
    <t>19.26</t>
  </si>
  <si>
    <t>849.0</t>
  </si>
  <si>
    <t>1055206.0</t>
  </si>
  <si>
    <t>581520544.0</t>
  </si>
  <si>
    <t>349271070.0</t>
  </si>
  <si>
    <t>274863767.0</t>
  </si>
  <si>
    <t>33042680.0</t>
  </si>
  <si>
    <t>997747.0</t>
  </si>
  <si>
    <t>1154837.0</t>
  </si>
  <si>
    <t>40.76</t>
  </si>
  <si>
    <t>19.27</t>
  </si>
  <si>
    <t>1033428.0</t>
  </si>
  <si>
    <t>581543363.0</t>
  </si>
  <si>
    <t>349279652.0</t>
  </si>
  <si>
    <t>274872541.0</t>
  </si>
  <si>
    <t>33050561.0</t>
  </si>
  <si>
    <t>1021223.0</t>
  </si>
  <si>
    <t>1099990.0</t>
  </si>
  <si>
    <t>771.0</t>
  </si>
  <si>
    <t>1011409.0</t>
  </si>
  <si>
    <t>582954281.0</t>
  </si>
  <si>
    <t>349718054.0</t>
  </si>
  <si>
    <t>275472807.0</t>
  </si>
  <si>
    <t>33585988.0</t>
  </si>
  <si>
    <t>1039665.0</t>
  </si>
  <si>
    <t>1085674.0</t>
  </si>
  <si>
    <t>40.86</t>
  </si>
  <si>
    <t>24.51</t>
  </si>
  <si>
    <t>1002952.0</t>
  </si>
  <si>
    <t>582975024.0</t>
  </si>
  <si>
    <t>349725508.0</t>
  </si>
  <si>
    <t>275481808.0</t>
  </si>
  <si>
    <t>33592366.0</t>
  </si>
  <si>
    <t>965375.0</t>
  </si>
  <si>
    <t>1059657.0</t>
  </si>
  <si>
    <t>743.0</t>
  </si>
  <si>
    <t>992311.0</t>
  </si>
  <si>
    <t>582993845.0</t>
  </si>
  <si>
    <t>349731925.0</t>
  </si>
  <si>
    <t>275490045.0</t>
  </si>
  <si>
    <t>33598638.0</t>
  </si>
  <si>
    <t>963453.0</t>
  </si>
  <si>
    <t>1033926.0</t>
  </si>
  <si>
    <t>981990.0</t>
  </si>
  <si>
    <t>583013106.0</t>
  </si>
  <si>
    <t>349740228.0</t>
  </si>
  <si>
    <t>275496753.0</t>
  </si>
  <si>
    <t>33604676.0</t>
  </si>
  <si>
    <t>963893.0</t>
  </si>
  <si>
    <t>1010526.0</t>
  </si>
  <si>
    <t>972119.0</t>
  </si>
  <si>
    <t>583231971.0</t>
  </si>
  <si>
    <t>363568852.0</t>
  </si>
  <si>
    <t>286405848.0</t>
  </si>
  <si>
    <t>34256276.0</t>
  </si>
  <si>
    <t>952388.0</t>
  </si>
  <si>
    <t>986249.0</t>
  </si>
  <si>
    <t>40.88</t>
  </si>
  <si>
    <t>25.48</t>
  </si>
  <si>
    <t>20.07</t>
  </si>
  <si>
    <t>2.4</t>
  </si>
  <si>
    <t>961903.0</t>
  </si>
  <si>
    <t>583578194.0</t>
  </si>
  <si>
    <t>363570814.0</t>
  </si>
  <si>
    <t>286645254.0</t>
  </si>
  <si>
    <t>34257698.0</t>
  </si>
  <si>
    <t>926736.0</t>
  </si>
  <si>
    <t>972175.0</t>
  </si>
  <si>
    <t>40.9</t>
  </si>
  <si>
    <t>20.09</t>
  </si>
  <si>
    <t>681.0</t>
  </si>
  <si>
    <t>632384.0</t>
  </si>
  <si>
    <t>583607760.0</t>
  </si>
  <si>
    <t>363580705.0</t>
  </si>
  <si>
    <t>286658554.0</t>
  </si>
  <si>
    <t>34266800.0</t>
  </si>
  <si>
    <t>932645.0</t>
  </si>
  <si>
    <t>960176.0</t>
  </si>
  <si>
    <t>40.91</t>
  </si>
  <si>
    <t>629894.0</t>
  </si>
  <si>
    <t>583625689.0</t>
  </si>
  <si>
    <t>363587001.0</t>
  </si>
  <si>
    <t>286666190.0</t>
  </si>
  <si>
    <t>34272413.0</t>
  </si>
  <si>
    <t>937348.0</t>
  </si>
  <si>
    <t>946214.0</t>
  </si>
  <si>
    <t>663.0</t>
  </si>
  <si>
    <t>626644.0</t>
  </si>
  <si>
    <t>583640745.0</t>
  </si>
  <si>
    <t>363592604.0</t>
  </si>
  <si>
    <t>286672873.0</t>
  </si>
  <si>
    <t>34276801.0</t>
  </si>
  <si>
    <t>935016.0</t>
  </si>
  <si>
    <t>942533.0</t>
  </si>
  <si>
    <t>661.0</t>
  </si>
  <si>
    <t>625186.0</t>
  </si>
  <si>
    <t>583655094.0</t>
  </si>
  <si>
    <t>363598110.0</t>
  </si>
  <si>
    <t>286679373.0</t>
  </si>
  <si>
    <t>34280825.0</t>
  </si>
  <si>
    <t>934309.0</t>
  </si>
  <si>
    <t>939023.0</t>
  </si>
  <si>
    <t>623865.0</t>
  </si>
  <si>
    <t>583668089.0</t>
  </si>
  <si>
    <t>363603098.0</t>
  </si>
  <si>
    <t>286684790.0</t>
  </si>
  <si>
    <t>34284672.0</t>
  </si>
  <si>
    <t>931331.0</t>
  </si>
  <si>
    <t>935028.0</t>
  </si>
  <si>
    <t>622127.0</t>
  </si>
  <si>
    <t>593239893.0</t>
  </si>
  <si>
    <t>373957424.0</t>
  </si>
  <si>
    <t>292646197.0</t>
  </si>
  <si>
    <t>43953159.0</t>
  </si>
  <si>
    <t>924962.0</t>
  </si>
  <si>
    <t>931764.0</t>
  </si>
  <si>
    <t>41.58</t>
  </si>
  <si>
    <t>26.21</t>
  </si>
  <si>
    <t>20.51</t>
  </si>
  <si>
    <t>620832.0</t>
  </si>
  <si>
    <t>593241102.0</t>
  </si>
  <si>
    <t>373957684.0</t>
  </si>
  <si>
    <t>292646648.0</t>
  </si>
  <si>
    <t>43953657.0</t>
  </si>
  <si>
    <t>803275.0</t>
  </si>
  <si>
    <t>914123.0</t>
  </si>
  <si>
    <t>641.0</t>
  </si>
  <si>
    <t>602637.0</t>
  </si>
  <si>
    <t>593289194.0</t>
  </si>
  <si>
    <t>373969743.0</t>
  </si>
  <si>
    <t>292658993.0</t>
  </si>
  <si>
    <t>43979015.0</t>
  </si>
  <si>
    <t>804448.0</t>
  </si>
  <si>
    <t>895808.0</t>
  </si>
  <si>
    <t>628.0</t>
  </si>
  <si>
    <t>584326.0</t>
  </si>
  <si>
    <t>593294106.0</t>
  </si>
  <si>
    <t>373971450.0</t>
  </si>
  <si>
    <t>292660660.0</t>
  </si>
  <si>
    <t>43980755.0</t>
  </si>
  <si>
    <t>793083.0</t>
  </si>
  <si>
    <t>875199.0</t>
  </si>
  <si>
    <t>613.0</t>
  </si>
  <si>
    <t>565508.0</t>
  </si>
  <si>
    <t>593311310.0</t>
  </si>
  <si>
    <t>373977575.0</t>
  </si>
  <si>
    <t>292668235.0</t>
  </si>
  <si>
    <t>43985781.0</t>
  </si>
  <si>
    <t>805375.0</t>
  </si>
  <si>
    <t>856679.0</t>
  </si>
  <si>
    <t>41.59</t>
  </si>
  <si>
    <t>547394.0</t>
  </si>
  <si>
    <t>593893820.0</t>
  </si>
  <si>
    <t>373983437.0</t>
  </si>
  <si>
    <t>293068010.0</t>
  </si>
  <si>
    <t>43989883.0</t>
  </si>
  <si>
    <t>804614.0</t>
  </si>
  <si>
    <t>838155.0</t>
  </si>
  <si>
    <t>41.63</t>
  </si>
  <si>
    <t>20.54</t>
  </si>
  <si>
    <t>529362.0</t>
  </si>
  <si>
    <t>593909466.0</t>
  </si>
  <si>
    <t>373989800.0</t>
  </si>
  <si>
    <t>293074098.0</t>
  </si>
  <si>
    <t>43994395.0</t>
  </si>
  <si>
    <t>757681.0</t>
  </si>
  <si>
    <t>813347.0</t>
  </si>
  <si>
    <t>570.0</t>
  </si>
  <si>
    <t>511338.0</t>
  </si>
  <si>
    <t>601575472.0</t>
  </si>
  <si>
    <t>379498052.0</t>
  </si>
  <si>
    <t>299763051.0</t>
  </si>
  <si>
    <t>45351769.0</t>
  </si>
  <si>
    <t>749380.0</t>
  </si>
  <si>
    <t>788264.0</t>
  </si>
  <si>
    <t>42.16</t>
  </si>
  <si>
    <t>26.6</t>
  </si>
  <si>
    <t>21.01</t>
  </si>
  <si>
    <t>552.0</t>
  </si>
  <si>
    <t>493219.0</t>
  </si>
  <si>
    <t>602273533.0</t>
  </si>
  <si>
    <t>379867677.0</t>
  </si>
  <si>
    <t>299982440.0</t>
  </si>
  <si>
    <t>45552527.0</t>
  </si>
  <si>
    <t>736510.0</t>
  </si>
  <si>
    <t>778725.0</t>
  </si>
  <si>
    <t>42.21</t>
  </si>
  <si>
    <t>26.62</t>
  </si>
  <si>
    <t>21.03</t>
  </si>
  <si>
    <t>3.19</t>
  </si>
  <si>
    <t>546.0</t>
  </si>
  <si>
    <t>492637.0</t>
  </si>
  <si>
    <t>602290434.0</t>
  </si>
  <si>
    <t>379874499.0</t>
  </si>
  <si>
    <t>299988971.0</t>
  </si>
  <si>
    <t>45557354.0</t>
  </si>
  <si>
    <t>868528.0</t>
  </si>
  <si>
    <t>787881.0</t>
  </si>
  <si>
    <t>26.63</t>
  </si>
  <si>
    <t>503810.0</t>
  </si>
  <si>
    <t>602313866.0</t>
  </si>
  <si>
    <t>379883567.0</t>
  </si>
  <si>
    <t>299996955.0</t>
  </si>
  <si>
    <t>45564853.0</t>
  </si>
  <si>
    <t>875059.0</t>
  </si>
  <si>
    <t>799593.0</t>
  </si>
  <si>
    <t>42.22</t>
  </si>
  <si>
    <t>560.0</t>
  </si>
  <si>
    <t>515561.0</t>
  </si>
  <si>
    <t>602331490.0</t>
  </si>
  <si>
    <t>379890026.0</t>
  </si>
  <si>
    <t>300003874.0</t>
  </si>
  <si>
    <t>45570518.0</t>
  </si>
  <si>
    <t>869251.0</t>
  </si>
  <si>
    <t>808719.0</t>
  </si>
  <si>
    <t>526313.0</t>
  </si>
  <si>
    <t>602409352.0</t>
  </si>
  <si>
    <t>379896964.0</t>
  </si>
  <si>
    <t>300049325.0</t>
  </si>
  <si>
    <t>45579260.0</t>
  </si>
  <si>
    <t>872988.0</t>
  </si>
  <si>
    <t>818488.0</t>
  </si>
  <si>
    <t>574.0</t>
  </si>
  <si>
    <t>537066.0</t>
  </si>
  <si>
    <t>602428080.0</t>
  </si>
  <si>
    <t>379903090.0</t>
  </si>
  <si>
    <t>300055346.0</t>
  </si>
  <si>
    <t>45586950.0</t>
  </si>
  <si>
    <t>873836.0</t>
  </si>
  <si>
    <t>835081.0</t>
  </si>
  <si>
    <t>3.2</t>
  </si>
  <si>
    <t>585.0</t>
  </si>
  <si>
    <t>547839.0</t>
  </si>
  <si>
    <t>611778628.0</t>
  </si>
  <si>
    <t>384555755.0</t>
  </si>
  <si>
    <t>303939911.0</t>
  </si>
  <si>
    <t>47026163.0</t>
  </si>
  <si>
    <t>858383.0</t>
  </si>
  <si>
    <t>850652.0</t>
  </si>
  <si>
    <t>42.88</t>
  </si>
  <si>
    <t>21.3</t>
  </si>
  <si>
    <t>3.3</t>
  </si>
  <si>
    <t>596.0</t>
  </si>
  <si>
    <t>558355.0</t>
  </si>
  <si>
    <t>611863864.0</t>
  </si>
  <si>
    <t>384560296.0</t>
  </si>
  <si>
    <t>303983079.0</t>
  </si>
  <si>
    <t>47048876.0</t>
  </si>
  <si>
    <t>878919.0</t>
  </si>
  <si>
    <t>870997.0</t>
  </si>
  <si>
    <t>42.89</t>
  </si>
  <si>
    <t>610.0</t>
  </si>
  <si>
    <t>588010.0</t>
  </si>
  <si>
    <t>611877430.0</t>
  </si>
  <si>
    <t>384565481.0</t>
  </si>
  <si>
    <t>303989104.0</t>
  </si>
  <si>
    <t>47052629.0</t>
  </si>
  <si>
    <t>889622.0</t>
  </si>
  <si>
    <t>874010.0</t>
  </si>
  <si>
    <t>606544.0</t>
  </si>
  <si>
    <t>611905658.0</t>
  </si>
  <si>
    <t>384574090.0</t>
  </si>
  <si>
    <t>303997694.0</t>
  </si>
  <si>
    <t>47065089.0</t>
  </si>
  <si>
    <t>890792.0</t>
  </si>
  <si>
    <t>876258.0</t>
  </si>
  <si>
    <t>614.0</t>
  </si>
  <si>
    <t>624837.0</t>
  </si>
  <si>
    <t>611926348.0</t>
  </si>
  <si>
    <t>384580872.0</t>
  </si>
  <si>
    <t>304004151.0</t>
  </si>
  <si>
    <t>47073679.0</t>
  </si>
  <si>
    <t>893869.0</t>
  </si>
  <si>
    <t>879772.0</t>
  </si>
  <si>
    <t>26.96</t>
  </si>
  <si>
    <t>617.0</t>
  </si>
  <si>
    <t>643581.0</t>
  </si>
  <si>
    <t>611937785.0</t>
  </si>
  <si>
    <t>384585015.0</t>
  </si>
  <si>
    <t>304009017.0</t>
  </si>
  <si>
    <t>47077447.0</t>
  </si>
  <si>
    <t>890719.0</t>
  </si>
  <si>
    <t>882305.0</t>
  </si>
  <si>
    <t>662108.0</t>
  </si>
  <si>
    <t>611958849.0</t>
  </si>
  <si>
    <t>384590947.0</t>
  </si>
  <si>
    <t>304015779.0</t>
  </si>
  <si>
    <t>47086791.0</t>
  </si>
  <si>
    <t>888140.0</t>
  </si>
  <si>
    <t>884349.0</t>
  </si>
  <si>
    <t>620.0</t>
  </si>
  <si>
    <t>680559.0</t>
  </si>
  <si>
    <t>615311477.0</t>
  </si>
  <si>
    <t>387056274.0</t>
  </si>
  <si>
    <t>306256327.0</t>
  </si>
  <si>
    <t>47272697.0</t>
  </si>
  <si>
    <t>876096.0</t>
  </si>
  <si>
    <t>886880.0</t>
  </si>
  <si>
    <t>43.13</t>
  </si>
  <si>
    <t>27.13</t>
  </si>
  <si>
    <t>21.47</t>
  </si>
  <si>
    <t>622.0</t>
  </si>
  <si>
    <t>699285.0</t>
  </si>
  <si>
    <t>615475247.0</t>
  </si>
  <si>
    <t>387106251.0</t>
  </si>
  <si>
    <t>306348574.0</t>
  </si>
  <si>
    <t>47272934.0</t>
  </si>
  <si>
    <t>794612.0</t>
  </si>
  <si>
    <t>874838.0</t>
  </si>
  <si>
    <t>43.14</t>
  </si>
  <si>
    <t>688038.0</t>
  </si>
  <si>
    <t>616023877.0</t>
  </si>
  <si>
    <t>387273626.0</t>
  </si>
  <si>
    <t>306489040.0</t>
  </si>
  <si>
    <t>47557423.0</t>
  </si>
  <si>
    <t>812725.0</t>
  </si>
  <si>
    <t>863851.0</t>
  </si>
  <si>
    <t>43.18</t>
  </si>
  <si>
    <t>27.14</t>
  </si>
  <si>
    <t>21.48</t>
  </si>
  <si>
    <t>3.33</t>
  </si>
  <si>
    <t>678376.0</t>
  </si>
  <si>
    <t>616033628.0</t>
  </si>
  <si>
    <t>387277313.0</t>
  </si>
  <si>
    <t>306493316.0</t>
  </si>
  <si>
    <t>47560273.0</t>
  </si>
  <si>
    <t>802368.0</t>
  </si>
  <si>
    <t>851218.0</t>
  </si>
  <si>
    <t>597.0</t>
  </si>
  <si>
    <t>668306.0</t>
  </si>
  <si>
    <t>616043788.0</t>
  </si>
  <si>
    <t>387280919.0</t>
  </si>
  <si>
    <t>306497963.0</t>
  </si>
  <si>
    <t>47563233.0</t>
  </si>
  <si>
    <t>802777.0</t>
  </si>
  <si>
    <t>838206.0</t>
  </si>
  <si>
    <t>658141.0</t>
  </si>
  <si>
    <t>616053941.0</t>
  </si>
  <si>
    <t>387284525.0</t>
  </si>
  <si>
    <t>306502540.0</t>
  </si>
  <si>
    <t>47566167.0</t>
  </si>
  <si>
    <t>802770.0</t>
  </si>
  <si>
    <t>825639.0</t>
  </si>
  <si>
    <t>648135.0</t>
  </si>
  <si>
    <t>616062593.0</t>
  </si>
  <si>
    <t>387287584.0</t>
  </si>
  <si>
    <t>306506302.0</t>
  </si>
  <si>
    <t>47568901.0</t>
  </si>
  <si>
    <t>801269.0</t>
  </si>
  <si>
    <t>813227.0</t>
  </si>
  <si>
    <t>638232.0</t>
  </si>
  <si>
    <t>623876172.0</t>
  </si>
  <si>
    <t>393852649.0</t>
  </si>
  <si>
    <t>311782863.0</t>
  </si>
  <si>
    <t>48946088.0</t>
  </si>
  <si>
    <t>794654.0</t>
  </si>
  <si>
    <t>801596.0</t>
  </si>
  <si>
    <t>43.73</t>
  </si>
  <si>
    <t>27.61</t>
  </si>
  <si>
    <t>21.85</t>
  </si>
  <si>
    <t>3.43</t>
  </si>
  <si>
    <t>628462.0</t>
  </si>
  <si>
    <t>623876789.0</t>
  </si>
  <si>
    <t>393852850.0</t>
  </si>
  <si>
    <t>311783113.0</t>
  </si>
  <si>
    <t>48946325.0</t>
  </si>
  <si>
    <t>649983.0</t>
  </si>
  <si>
    <t>780397.0</t>
  </si>
  <si>
    <t>547.0</t>
  </si>
  <si>
    <t>605942.0</t>
  </si>
  <si>
    <t>623885269.0</t>
  </si>
  <si>
    <t>393855912.0</t>
  </si>
  <si>
    <t>311787444.0</t>
  </si>
  <si>
    <t>48948807.0</t>
  </si>
  <si>
    <t>657846.0</t>
  </si>
  <si>
    <t>758360.0</t>
  </si>
  <si>
    <t>532.0</t>
  </si>
  <si>
    <t>581571.0</t>
  </si>
  <si>
    <t>623894832.0</t>
  </si>
  <si>
    <t>393859548.0</t>
  </si>
  <si>
    <t>311791549.0</t>
  </si>
  <si>
    <t>48951730.0</t>
  </si>
  <si>
    <t>658929.0</t>
  </si>
  <si>
    <t>737963.0</t>
  </si>
  <si>
    <t>557614.0</t>
  </si>
  <si>
    <t>623919949.0</t>
  </si>
  <si>
    <t>393868330.0</t>
  </si>
  <si>
    <t>311801205.0</t>
  </si>
  <si>
    <t>48959441.0</t>
  </si>
  <si>
    <t>658476.0</t>
  </si>
  <si>
    <t>717436.0</t>
  </si>
  <si>
    <t>533607.0</t>
  </si>
  <si>
    <t>623929523.0</t>
  </si>
  <si>
    <t>393871920.0</t>
  </si>
  <si>
    <t>311805276.0</t>
  </si>
  <si>
    <t>48962408.0</t>
  </si>
  <si>
    <t>658387.0</t>
  </si>
  <si>
    <t>696901.0</t>
  </si>
  <si>
    <t>488.0</t>
  </si>
  <si>
    <t>509638.0</t>
  </si>
  <si>
    <t>623938887.0</t>
  </si>
  <si>
    <t>393876093.0</t>
  </si>
  <si>
    <t>311809276.0</t>
  </si>
  <si>
    <t>48964746.0</t>
  </si>
  <si>
    <t>658177.0</t>
  </si>
  <si>
    <t>676546.0</t>
  </si>
  <si>
    <t>485826.0</t>
  </si>
  <si>
    <t>625338308.0</t>
  </si>
  <si>
    <t>394670172.0</t>
  </si>
  <si>
    <t>312574953.0</t>
  </si>
  <si>
    <t>49264516.0</t>
  </si>
  <si>
    <t>650076.0</t>
  </si>
  <si>
    <t>655982.0</t>
  </si>
  <si>
    <t>43.83</t>
  </si>
  <si>
    <t>27.66</t>
  </si>
  <si>
    <t>21.91</t>
  </si>
  <si>
    <t>460.0</t>
  </si>
  <si>
    <t>461833.0</t>
  </si>
  <si>
    <t>625598478.0</t>
  </si>
  <si>
    <t>394930091.0</t>
  </si>
  <si>
    <t>312804143.0</t>
  </si>
  <si>
    <t>49264656.0</t>
  </si>
  <si>
    <t>639274.0</t>
  </si>
  <si>
    <t>654451.0</t>
  </si>
  <si>
    <t>43.85</t>
  </si>
  <si>
    <t>27.68</t>
  </si>
  <si>
    <t>21.92</t>
  </si>
  <si>
    <t>468014.0</t>
  </si>
  <si>
    <t>625800527.0</t>
  </si>
  <si>
    <t>394961118.0</t>
  </si>
  <si>
    <t>312951130.0</t>
  </si>
  <si>
    <t>49282664.0</t>
  </si>
  <si>
    <t>673597.0</t>
  </si>
  <si>
    <t>656701.0</t>
  </si>
  <si>
    <t>43.86</t>
  </si>
  <si>
    <t>21.93</t>
  </si>
  <si>
    <t>478026.0</t>
  </si>
  <si>
    <t>625809870.0</t>
  </si>
  <si>
    <t>394965068.0</t>
  </si>
  <si>
    <t>312954880.0</t>
  </si>
  <si>
    <t>49285349.0</t>
  </si>
  <si>
    <t>678169.0</t>
  </si>
  <si>
    <t>659451.0</t>
  </si>
  <si>
    <t>462.0</t>
  </si>
  <si>
    <t>488009.0</t>
  </si>
  <si>
    <t>625819149.0</t>
  </si>
  <si>
    <t>394968971.0</t>
  </si>
  <si>
    <t>312958760.0</t>
  </si>
  <si>
    <t>49287975.0</t>
  </si>
  <si>
    <t>678105.0</t>
  </si>
  <si>
    <t>662254.0</t>
  </si>
  <si>
    <t>464.0</t>
  </si>
  <si>
    <t>498049.0</t>
  </si>
  <si>
    <t>625828336.0</t>
  </si>
  <si>
    <t>394972806.0</t>
  </si>
  <si>
    <t>312962614.0</t>
  </si>
  <si>
    <t>49290546.0</t>
  </si>
  <si>
    <t>678013.0</t>
  </si>
  <si>
    <t>665055.0</t>
  </si>
  <si>
    <t>466.0</t>
  </si>
  <si>
    <t>508041.0</t>
  </si>
  <si>
    <t>672996.0</t>
  </si>
  <si>
    <t>667175.0</t>
  </si>
  <si>
    <t>468.0</t>
  </si>
  <si>
    <t>517652.0</t>
  </si>
  <si>
    <t>632590141.0</t>
  </si>
  <si>
    <t>400241401.0</t>
  </si>
  <si>
    <t>317684354.0</t>
  </si>
  <si>
    <t>49314341.0</t>
  </si>
  <si>
    <t>670450.0</t>
  </si>
  <si>
    <t>44.34</t>
  </si>
  <si>
    <t>28.05</t>
  </si>
  <si>
    <t>22.27</t>
  </si>
  <si>
    <t>3.46</t>
  </si>
  <si>
    <t>470.0</t>
  </si>
  <si>
    <t>527793.0</t>
  </si>
  <si>
    <t>632684773.0</t>
  </si>
  <si>
    <t>400241497.0</t>
  </si>
  <si>
    <t>317758974.0</t>
  </si>
  <si>
    <t>49314491.0</t>
  </si>
  <si>
    <t>969246.0</t>
  </si>
  <si>
    <t>717588.0</t>
  </si>
  <si>
    <t>565027.0</t>
  </si>
  <si>
    <t>632697046.0</t>
  </si>
  <si>
    <t>400248198.0</t>
  </si>
  <si>
    <t>317765491.0</t>
  </si>
  <si>
    <t>49317773.0</t>
  </si>
  <si>
    <t>982851.0</t>
  </si>
  <si>
    <t>761765.0</t>
  </si>
  <si>
    <t>44.35</t>
  </si>
  <si>
    <t>601790.0</t>
  </si>
  <si>
    <t>632705576.0</t>
  </si>
  <si>
    <t>400251580.0</t>
  </si>
  <si>
    <t>317768824.0</t>
  </si>
  <si>
    <t>49320594.0</t>
  </si>
  <si>
    <t>983438.0</t>
  </si>
  <si>
    <t>805380.0</t>
  </si>
  <si>
    <t>564.0</t>
  </si>
  <si>
    <t>638550.0</t>
  </si>
  <si>
    <t>632722801.0</t>
  </si>
  <si>
    <t>400258686.0</t>
  </si>
  <si>
    <t>317774570.0</t>
  </si>
  <si>
    <t>49325930.0</t>
  </si>
  <si>
    <t>982908.0</t>
  </si>
  <si>
    <t>848918.0</t>
  </si>
  <si>
    <t>595.0</t>
  </si>
  <si>
    <t>675307.0</t>
  </si>
  <si>
    <t>632733783.0</t>
  </si>
  <si>
    <t>400262442.0</t>
  </si>
  <si>
    <t>317779777.0</t>
  </si>
  <si>
    <t>49329128.0</t>
  </si>
  <si>
    <t>986817.0</t>
  </si>
  <si>
    <t>893037.0</t>
  </si>
  <si>
    <t>712191.0</t>
  </si>
  <si>
    <t>632746301.0</t>
  </si>
  <si>
    <t>400267444.0</t>
  </si>
  <si>
    <t>317784866.0</t>
  </si>
  <si>
    <t>49332633.0</t>
  </si>
  <si>
    <t>988353.0</t>
  </si>
  <si>
    <t>938087.0</t>
  </si>
  <si>
    <t>749550.0</t>
  </si>
  <si>
    <t>638039103.0</t>
  </si>
  <si>
    <t>404672679.0</t>
  </si>
  <si>
    <t>322064857.0</t>
  </si>
  <si>
    <t>50842833.0</t>
  </si>
  <si>
    <t>979836.0</t>
  </si>
  <si>
    <t>981922.0</t>
  </si>
  <si>
    <t>44.72</t>
  </si>
  <si>
    <t>22.57</t>
  </si>
  <si>
    <t>688.0</t>
  </si>
  <si>
    <t>786338.0</t>
  </si>
  <si>
    <t>638075474.0</t>
  </si>
  <si>
    <t>404676889.0</t>
  </si>
  <si>
    <t>322071131.0</t>
  </si>
  <si>
    <t>50868774.0</t>
  </si>
  <si>
    <t>1218051.0</t>
  </si>
  <si>
    <t>1017213.0</t>
  </si>
  <si>
    <t>713.0</t>
  </si>
  <si>
    <t>803866.0</t>
  </si>
  <si>
    <t>638259826.0</t>
  </si>
  <si>
    <t>404832657.0</t>
  </si>
  <si>
    <t>322232084.0</t>
  </si>
  <si>
    <t>50873049.0</t>
  </si>
  <si>
    <t>1232386.0</t>
  </si>
  <si>
    <t>1052903.0</t>
  </si>
  <si>
    <t>44.74</t>
  </si>
  <si>
    <t>28.37</t>
  </si>
  <si>
    <t>22.59</t>
  </si>
  <si>
    <t>738.0</t>
  </si>
  <si>
    <t>822100.0</t>
  </si>
  <si>
    <t>638482706.0</t>
  </si>
  <si>
    <t>404837064.0</t>
  </si>
  <si>
    <t>322406994.0</t>
  </si>
  <si>
    <t>50881215.0</t>
  </si>
  <si>
    <t>1255709.0</t>
  </si>
  <si>
    <t>1091841.0</t>
  </si>
  <si>
    <t>44.75</t>
  </si>
  <si>
    <t>28.38</t>
  </si>
  <si>
    <t>22.6</t>
  </si>
  <si>
    <t>765.0</t>
  </si>
  <si>
    <t>845406.0</t>
  </si>
  <si>
    <t>638983962.0</t>
  </si>
  <si>
    <t>405019628.0</t>
  </si>
  <si>
    <t>322522810.0</t>
  </si>
  <si>
    <t>51127030.0</t>
  </si>
  <si>
    <t>1296721.0</t>
  </si>
  <si>
    <t>1136712.0</t>
  </si>
  <si>
    <t>44.79</t>
  </si>
  <si>
    <t>28.39</t>
  </si>
  <si>
    <t>22.61</t>
  </si>
  <si>
    <t>868734.0</t>
  </si>
  <si>
    <t>638991013.0</t>
  </si>
  <si>
    <t>405022282.0</t>
  </si>
  <si>
    <t>322525853.0</t>
  </si>
  <si>
    <t>51129492.0</t>
  </si>
  <si>
    <t>1223412.0</t>
  </si>
  <si>
    <t>1170555.0</t>
  </si>
  <si>
    <t>820.0</t>
  </si>
  <si>
    <t>888239.0</t>
  </si>
  <si>
    <t>638995094.0</t>
  </si>
  <si>
    <t>405024254.0</t>
  </si>
  <si>
    <t>322526902.0</t>
  </si>
  <si>
    <t>51130552.0</t>
  </si>
  <si>
    <t>1219252.0</t>
  </si>
  <si>
    <t>1203582.0</t>
  </si>
  <si>
    <t>844.0</t>
  </si>
  <si>
    <t>907343.0</t>
  </si>
  <si>
    <t>641897907.0</t>
  </si>
  <si>
    <t>406819200.0</t>
  </si>
  <si>
    <t>324774636.0</t>
  </si>
  <si>
    <t>51865305.0</t>
  </si>
  <si>
    <t>1219488.0</t>
  </si>
  <si>
    <t>1237859.0</t>
  </si>
  <si>
    <t>44.99</t>
  </si>
  <si>
    <t>22.76</t>
  </si>
  <si>
    <t>3.64</t>
  </si>
  <si>
    <t>926948.0</t>
  </si>
  <si>
    <t>641899885.0</t>
  </si>
  <si>
    <t>406819689.0</t>
  </si>
  <si>
    <t>324775344.0</t>
  </si>
  <si>
    <t>51866086.0</t>
  </si>
  <si>
    <t>1264007.0</t>
  </si>
  <si>
    <t>1243576.0</t>
  </si>
  <si>
    <t>872.0</t>
  </si>
  <si>
    <t>930928.0</t>
  </si>
  <si>
    <t>641925278.0</t>
  </si>
  <si>
    <t>406826158.0</t>
  </si>
  <si>
    <t>324782538.0</t>
  </si>
  <si>
    <t>51879776.0</t>
  </si>
  <si>
    <t>1263485.0</t>
  </si>
  <si>
    <t>1248160.0</t>
  </si>
  <si>
    <t>875.0</t>
  </si>
  <si>
    <t>934440.0</t>
  </si>
  <si>
    <t>641934181.0</t>
  </si>
  <si>
    <t>406829255.0</t>
  </si>
  <si>
    <t>324786088.0</t>
  </si>
  <si>
    <t>51883075.0</t>
  </si>
  <si>
    <t>1266088.0</t>
  </si>
  <si>
    <t>1249783.0</t>
  </si>
  <si>
    <t>932994.0</t>
  </si>
  <si>
    <t>641941184.0</t>
  </si>
  <si>
    <t>406831839.0</t>
  </si>
  <si>
    <t>324788805.0</t>
  </si>
  <si>
    <t>51885945.0</t>
  </si>
  <si>
    <t>1266392.0</t>
  </si>
  <si>
    <t>1245593.0</t>
  </si>
  <si>
    <t>873.0</t>
  </si>
  <si>
    <t>931561.0</t>
  </si>
  <si>
    <t>641947728.0</t>
  </si>
  <si>
    <t>406834403.0</t>
  </si>
  <si>
    <t>324791380.0</t>
  </si>
  <si>
    <t>51888485.0</t>
  </si>
  <si>
    <t>1265933.0</t>
  </si>
  <si>
    <t>1251812.0</t>
  </si>
  <si>
    <t>28.52</t>
  </si>
  <si>
    <t>933827.0</t>
  </si>
  <si>
    <t>641953332.0</t>
  </si>
  <si>
    <t>406836622.0</t>
  </si>
  <si>
    <t>324793640.0</t>
  </si>
  <si>
    <t>51890587.0</t>
  </si>
  <si>
    <t>1264993.0</t>
  </si>
  <si>
    <t>1258484.0</t>
  </si>
  <si>
    <t>882.0</t>
  </si>
  <si>
    <t>936266.0</t>
  </si>
  <si>
    <t>653206572.0</t>
  </si>
  <si>
    <t>415861682.0</t>
  </si>
  <si>
    <t>333891867.0</t>
  </si>
  <si>
    <t>52899612.0</t>
  </si>
  <si>
    <t>1260036.0</t>
  </si>
  <si>
    <t>1264418.0</t>
  </si>
  <si>
    <t>45.78</t>
  </si>
  <si>
    <t>29.15</t>
  </si>
  <si>
    <t>23.4</t>
  </si>
  <si>
    <t>3.71</t>
  </si>
  <si>
    <t>886.0</t>
  </si>
  <si>
    <t>938497.0</t>
  </si>
  <si>
    <t>653210436.0</t>
  </si>
  <si>
    <t>415865406.0</t>
  </si>
  <si>
    <t>333895635.0</t>
  </si>
  <si>
    <t>52899677.0</t>
  </si>
  <si>
    <t>926043.0</t>
  </si>
  <si>
    <t>1215294.0</t>
  </si>
  <si>
    <t>852.0</t>
  </si>
  <si>
    <t>1009602.0</t>
  </si>
  <si>
    <t>654211815.0</t>
  </si>
  <si>
    <t>416852120.0</t>
  </si>
  <si>
    <t>334883045.0</t>
  </si>
  <si>
    <t>52910360.0</t>
  </si>
  <si>
    <t>932456.0</t>
  </si>
  <si>
    <t>1168212.0</t>
  </si>
  <si>
    <t>45.85</t>
  </si>
  <si>
    <t>29.22</t>
  </si>
  <si>
    <t>23.47</t>
  </si>
  <si>
    <t>1081416.0</t>
  </si>
  <si>
    <t>654218847.0</t>
  </si>
  <si>
    <t>416854864.0</t>
  </si>
  <si>
    <t>334885905.0</t>
  </si>
  <si>
    <t>52913054.0</t>
  </si>
  <si>
    <t>911555.0</t>
  </si>
  <si>
    <t>1117771.0</t>
  </si>
  <si>
    <t>783.0</t>
  </si>
  <si>
    <t>1150062.0</t>
  </si>
  <si>
    <t>912429.0</t>
  </si>
  <si>
    <t>1067315.0</t>
  </si>
  <si>
    <t>748.0</t>
  </si>
  <si>
    <t>1218747.0</t>
  </si>
  <si>
    <t>655273662.0</t>
  </si>
  <si>
    <t>416861241.0</t>
  </si>
  <si>
    <t>335692533.0</t>
  </si>
  <si>
    <t>52918254.0</t>
  </si>
  <si>
    <t>1016919.0</t>
  </si>
  <si>
    <t>45.93</t>
  </si>
  <si>
    <t>23.53</t>
  </si>
  <si>
    <t>1287429.0</t>
  </si>
  <si>
    <t>655280683.0</t>
  </si>
  <si>
    <t>416864168.0</t>
  </si>
  <si>
    <t>335695470.0</t>
  </si>
  <si>
    <t>52920502.0</t>
  </si>
  <si>
    <t>1180697.0</t>
  </si>
  <si>
    <t>1004987.0</t>
  </si>
  <si>
    <t>704.0</t>
  </si>
  <si>
    <t>1356126.0</t>
  </si>
  <si>
    <t>658747186.0</t>
  </si>
  <si>
    <t>424838649.0</t>
  </si>
  <si>
    <t>339001559.0</t>
  </si>
  <si>
    <t>53348660.0</t>
  </si>
  <si>
    <t>1174465.0</t>
  </si>
  <si>
    <t>992867.0</t>
  </si>
  <si>
    <t>46.17</t>
  </si>
  <si>
    <t>29.78</t>
  </si>
  <si>
    <t>3.74</t>
  </si>
  <si>
    <t>696.0</t>
  </si>
  <si>
    <t>1424743.0</t>
  </si>
  <si>
    <t>659749752.0</t>
  </si>
  <si>
    <t>424838768.0</t>
  </si>
  <si>
    <t>339760431.0</t>
  </si>
  <si>
    <t>53348758.0</t>
  </si>
  <si>
    <t>1479333.0</t>
  </si>
  <si>
    <t>1071909.0</t>
  </si>
  <si>
    <t>46.24</t>
  </si>
  <si>
    <t>23.81</t>
  </si>
  <si>
    <t>751.0</t>
  </si>
  <si>
    <t>1340449.0</t>
  </si>
  <si>
    <t>659758709.0</t>
  </si>
  <si>
    <t>424842351.0</t>
  </si>
  <si>
    <t>339764139.0</t>
  </si>
  <si>
    <t>53351660.0</t>
  </si>
  <si>
    <t>1209571.0</t>
  </si>
  <si>
    <t>1111497.0</t>
  </si>
  <si>
    <t>779.0</t>
  </si>
  <si>
    <t>1256223.0</t>
  </si>
  <si>
    <t>659766768.0</t>
  </si>
  <si>
    <t>424845731.0</t>
  </si>
  <si>
    <t>339767741.0</t>
  </si>
  <si>
    <t>53353982.0</t>
  </si>
  <si>
    <t>1210190.0</t>
  </si>
  <si>
    <t>1154159.0</t>
  </si>
  <si>
    <t>1175016.0</t>
  </si>
  <si>
    <t>660574085.0</t>
  </si>
  <si>
    <t>425647813.0</t>
  </si>
  <si>
    <t>340570199.0</t>
  </si>
  <si>
    <t>53356446.0</t>
  </si>
  <si>
    <t>1211203.0</t>
  </si>
  <si>
    <t>1196842.0</t>
  </si>
  <si>
    <t>46.3</t>
  </si>
  <si>
    <t>29.83</t>
  </si>
  <si>
    <t>23.87</t>
  </si>
  <si>
    <t>839.0</t>
  </si>
  <si>
    <t>1093811.0</t>
  </si>
  <si>
    <t>660582883.0</t>
  </si>
  <si>
    <t>425651397.0</t>
  </si>
  <si>
    <t>340574236.0</t>
  </si>
  <si>
    <t>53358994.0</t>
  </si>
  <si>
    <t>1137287.0</t>
  </si>
  <si>
    <t>1228964.0</t>
  </si>
  <si>
    <t>861.0</t>
  </si>
  <si>
    <t>1002051.0</t>
  </si>
  <si>
    <t>1132793.0</t>
  </si>
  <si>
    <t>1222121.0</t>
  </si>
  <si>
    <t>857.0</t>
  </si>
  <si>
    <t>910087.0</t>
  </si>
  <si>
    <t>666059209.0</t>
  </si>
  <si>
    <t>427797667.0</t>
  </si>
  <si>
    <t>342852194.0</t>
  </si>
  <si>
    <t>54020496.0</t>
  </si>
  <si>
    <t>1216167.0</t>
  </si>
  <si>
    <t>46.68</t>
  </si>
  <si>
    <t>29.98</t>
  </si>
  <si>
    <t>24.03</t>
  </si>
  <si>
    <t>3.79</t>
  </si>
  <si>
    <t>818485.0</t>
  </si>
  <si>
    <t>666067886.0</t>
  </si>
  <si>
    <t>427799015.0</t>
  </si>
  <si>
    <t>342853943.0</t>
  </si>
  <si>
    <t>54026135.0</t>
  </si>
  <si>
    <t>1313625.0</t>
  </si>
  <si>
    <t>1192494.0</t>
  </si>
  <si>
    <t>836.0</t>
  </si>
  <si>
    <t>840490.0</t>
  </si>
  <si>
    <t>666532880.0</t>
  </si>
  <si>
    <t>427802214.0</t>
  </si>
  <si>
    <t>343206681.0</t>
  </si>
  <si>
    <t>54028413.0</t>
  </si>
  <si>
    <t>1320897.0</t>
  </si>
  <si>
    <t>1208398.0</t>
  </si>
  <si>
    <t>46.72</t>
  </si>
  <si>
    <t>24.06</t>
  </si>
  <si>
    <t>862489.0</t>
  </si>
  <si>
    <t>666541674.0</t>
  </si>
  <si>
    <t>427806005.0</t>
  </si>
  <si>
    <t>343210453.0</t>
  </si>
  <si>
    <t>54030941.0</t>
  </si>
  <si>
    <t>1315249.0</t>
  </si>
  <si>
    <t>1223406.0</t>
  </si>
  <si>
    <t>884542.0</t>
  </si>
  <si>
    <t>666650080.0</t>
  </si>
  <si>
    <t>427809227.0</t>
  </si>
  <si>
    <t>343291390.0</t>
  </si>
  <si>
    <t>54033236.0</t>
  </si>
  <si>
    <t>1314088.0</t>
  </si>
  <si>
    <t>1238103.0</t>
  </si>
  <si>
    <t>46.73</t>
  </si>
  <si>
    <t>29.99</t>
  </si>
  <si>
    <t>906455.0</t>
  </si>
  <si>
    <t>666656862.0</t>
  </si>
  <si>
    <t>427811927.0</t>
  </si>
  <si>
    <t>343294273.0</t>
  </si>
  <si>
    <t>54035448.0</t>
  </si>
  <si>
    <t>1282641.0</t>
  </si>
  <si>
    <t>1258869.0</t>
  </si>
  <si>
    <t>938848.0</t>
  </si>
  <si>
    <t>666662702.0</t>
  </si>
  <si>
    <t>427814649.0</t>
  </si>
  <si>
    <t>343296788.0</t>
  </si>
  <si>
    <t>54037050.0</t>
  </si>
  <si>
    <t>1281699.0</t>
  </si>
  <si>
    <t>1280140.0</t>
  </si>
  <si>
    <t>897.0</t>
  </si>
  <si>
    <t>971486.0</t>
  </si>
  <si>
    <t>677115120.0</t>
  </si>
  <si>
    <t>436304801.0</t>
  </si>
  <si>
    <t>351906488.0</t>
  </si>
  <si>
    <t>54910898.0</t>
  </si>
  <si>
    <t>1276570.0</t>
  </si>
  <si>
    <t>1300682.0</t>
  </si>
  <si>
    <t>47.46</t>
  </si>
  <si>
    <t>30.58</t>
  </si>
  <si>
    <t>24.67</t>
  </si>
  <si>
    <t>1003784.0</t>
  </si>
  <si>
    <t>1039648.0</t>
  </si>
  <si>
    <t>1261540.0</t>
  </si>
  <si>
    <t>884.0</t>
  </si>
  <si>
    <t>971494.0</t>
  </si>
  <si>
    <t>677133852.0</t>
  </si>
  <si>
    <t>436309781.0</t>
  </si>
  <si>
    <t>351911452.0</t>
  </si>
  <si>
    <t>54920715.0</t>
  </si>
  <si>
    <t>1221362.0</t>
  </si>
  <si>
    <t>856.0</t>
  </si>
  <si>
    <t>938771.0</t>
  </si>
  <si>
    <t>677141891.0</t>
  </si>
  <si>
    <t>436312447.0</t>
  </si>
  <si>
    <t>351914731.0</t>
  </si>
  <si>
    <t>54923726.0</t>
  </si>
  <si>
    <t>1043147.0</t>
  </si>
  <si>
    <t>1182493.0</t>
  </si>
  <si>
    <t>906106.0</t>
  </si>
  <si>
    <t>677288651.0</t>
  </si>
  <si>
    <t>436316165.0</t>
  </si>
  <si>
    <t>352026144.0</t>
  </si>
  <si>
    <t>54925994.0</t>
  </si>
  <si>
    <t>1044389.0</t>
  </si>
  <si>
    <t>1143962.0</t>
  </si>
  <si>
    <t>47.47</t>
  </si>
  <si>
    <t>802.0</t>
  </si>
  <si>
    <t>873689.0</t>
  </si>
  <si>
    <t>677296811.0</t>
  </si>
  <si>
    <t>436319888.0</t>
  </si>
  <si>
    <t>352029383.0</t>
  </si>
  <si>
    <t>54928376.0</t>
  </si>
  <si>
    <t>1033451.0</t>
  </si>
  <si>
    <t>1108361.0</t>
  </si>
  <si>
    <t>777.0</t>
  </si>
  <si>
    <t>841349.0</t>
  </si>
  <si>
    <t>677303485.0</t>
  </si>
  <si>
    <t>436322879.0</t>
  </si>
  <si>
    <t>352032237.0</t>
  </si>
  <si>
    <t>54930206.0</t>
  </si>
  <si>
    <t>1031965.0</t>
  </si>
  <si>
    <t>1072687.0</t>
  </si>
  <si>
    <t>752.0</t>
  </si>
  <si>
    <t>808902.0</t>
  </si>
  <si>
    <t>680567634.0</t>
  </si>
  <si>
    <t>439613967.0</t>
  </si>
  <si>
    <t>353970915.0</t>
  </si>
  <si>
    <t>55359300.0</t>
  </si>
  <si>
    <t>1026042.0</t>
  </si>
  <si>
    <t>1036898.0</t>
  </si>
  <si>
    <t>47.7</t>
  </si>
  <si>
    <t>30.81</t>
  </si>
  <si>
    <t>24.81</t>
  </si>
  <si>
    <t>3.88</t>
  </si>
  <si>
    <t>776417.0</t>
  </si>
  <si>
    <t>680567812.0</t>
  </si>
  <si>
    <t>439614040.0</t>
  </si>
  <si>
    <t>353970990.0</t>
  </si>
  <si>
    <t>55359356.0</t>
  </si>
  <si>
    <t>760520.0</t>
  </si>
  <si>
    <t>997023.0</t>
  </si>
  <si>
    <t>750453.0</t>
  </si>
  <si>
    <t>680581933.0</t>
  </si>
  <si>
    <t>439618031.0</t>
  </si>
  <si>
    <t>353975400.0</t>
  </si>
  <si>
    <t>55366155.0</t>
  </si>
  <si>
    <t>767047.0</t>
  </si>
  <si>
    <t>958079.0</t>
  </si>
  <si>
    <t>672.0</t>
  </si>
  <si>
    <t>725943.0</t>
  </si>
  <si>
    <t>680589011.0</t>
  </si>
  <si>
    <t>439621159.0</t>
  </si>
  <si>
    <t>353978471.0</t>
  </si>
  <si>
    <t>55368156.0</t>
  </si>
  <si>
    <t>768433.0</t>
  </si>
  <si>
    <t>918838.0</t>
  </si>
  <si>
    <t>701392.0</t>
  </si>
  <si>
    <t>680597842.0</t>
  </si>
  <si>
    <t>439625066.0</t>
  </si>
  <si>
    <t>353982142.0</t>
  </si>
  <si>
    <t>55370773.0</t>
  </si>
  <si>
    <t>770186.0</t>
  </si>
  <si>
    <t>879662.0</t>
  </si>
  <si>
    <t>676783.0</t>
  </si>
  <si>
    <t>680606600.0</t>
  </si>
  <si>
    <t>439628893.0</t>
  </si>
  <si>
    <t>353985589.0</t>
  </si>
  <si>
    <t>55373484.0</t>
  </si>
  <si>
    <t>770113.0</t>
  </si>
  <si>
    <t>842045.0</t>
  </si>
  <si>
    <t>590.0</t>
  </si>
  <si>
    <t>652160.0</t>
  </si>
  <si>
    <t>680613928.0</t>
  </si>
  <si>
    <t>439632144.0</t>
  </si>
  <si>
    <t>353988624.0</t>
  </si>
  <si>
    <t>55375628.0</t>
  </si>
  <si>
    <t>768683.0</t>
  </si>
  <si>
    <t>804433.0</t>
  </si>
  <si>
    <t>627559.0</t>
  </si>
  <si>
    <t>689064820.0</t>
  </si>
  <si>
    <t>449590677.0</t>
  </si>
  <si>
    <t>360593432.0</t>
  </si>
  <si>
    <t>57214075.0</t>
  </si>
  <si>
    <t>762066.0</t>
  </si>
  <si>
    <t>766721.0</t>
  </si>
  <si>
    <t>48.3</t>
  </si>
  <si>
    <t>31.51</t>
  </si>
  <si>
    <t>25.27</t>
  </si>
  <si>
    <t>4.01</t>
  </si>
  <si>
    <t>537.0</t>
  </si>
  <si>
    <t>602922.0</t>
  </si>
  <si>
    <t>689171228.0</t>
  </si>
  <si>
    <t>449625405.0</t>
  </si>
  <si>
    <t>360617819.0</t>
  </si>
  <si>
    <t>57270384.0</t>
  </si>
  <si>
    <t>937371.0</t>
  </si>
  <si>
    <t>791984.0</t>
  </si>
  <si>
    <t>25.28</t>
  </si>
  <si>
    <t>555.0</t>
  </si>
  <si>
    <t>524166.0</t>
  </si>
  <si>
    <t>689190778.0</t>
  </si>
  <si>
    <t>449629988.0</t>
  </si>
  <si>
    <t>360624199.0</t>
  </si>
  <si>
    <t>57280283.0</t>
  </si>
  <si>
    <t>945863.0</t>
  </si>
  <si>
    <t>817529.0</t>
  </si>
  <si>
    <t>48.31</t>
  </si>
  <si>
    <t>573.0</t>
  </si>
  <si>
    <t>536835.0</t>
  </si>
  <si>
    <t>689199333.0</t>
  </si>
  <si>
    <t>449633539.0</t>
  </si>
  <si>
    <t>360627802.0</t>
  </si>
  <si>
    <t>57283047.0</t>
  </si>
  <si>
    <t>956254.0</t>
  </si>
  <si>
    <t>844363.0</t>
  </si>
  <si>
    <t>550921.0</t>
  </si>
  <si>
    <t>689208302.0</t>
  </si>
  <si>
    <t>449637122.0</t>
  </si>
  <si>
    <t>360631364.0</t>
  </si>
  <si>
    <t>57286136.0</t>
  </si>
  <si>
    <t>956668.0</t>
  </si>
  <si>
    <t>871002.0</t>
  </si>
  <si>
    <t>31.52</t>
  </si>
  <si>
    <t>4.02</t>
  </si>
  <si>
    <t>564901.0</t>
  </si>
  <si>
    <t>689216883.0</t>
  </si>
  <si>
    <t>449640642.0</t>
  </si>
  <si>
    <t>360634905.0</t>
  </si>
  <si>
    <t>57288924.0</t>
  </si>
  <si>
    <t>956280.0</t>
  </si>
  <si>
    <t>897599.0</t>
  </si>
  <si>
    <t>578882.0</t>
  </si>
  <si>
    <t>689224165.0</t>
  </si>
  <si>
    <t>449643769.0</t>
  </si>
  <si>
    <t>360637850.0</t>
  </si>
  <si>
    <t>57291295.0</t>
  </si>
  <si>
    <t>954981.0</t>
  </si>
  <si>
    <t>924211.0</t>
  </si>
  <si>
    <t>592887.0</t>
  </si>
  <si>
    <t>691588617.0</t>
  </si>
  <si>
    <t>451945191.0</t>
  </si>
  <si>
    <t>364571050.0</t>
  </si>
  <si>
    <t>58386414.0</t>
  </si>
  <si>
    <t>948522.0</t>
  </si>
  <si>
    <t>950848.0</t>
  </si>
  <si>
    <t>48.47</t>
  </si>
  <si>
    <t>31.68</t>
  </si>
  <si>
    <t>666.0</t>
  </si>
  <si>
    <t>606905.0</t>
  </si>
  <si>
    <t>691588880.0</t>
  </si>
  <si>
    <t>451950635.0</t>
  </si>
  <si>
    <t>364577495.0</t>
  </si>
  <si>
    <t>58386519.0</t>
  </si>
  <si>
    <t>1881224.0</t>
  </si>
  <si>
    <t>1085682.0</t>
  </si>
  <si>
    <t>626800.0</t>
  </si>
  <si>
    <t>691595601.0</t>
  </si>
  <si>
    <t>451953469.0</t>
  </si>
  <si>
    <t>364580201.0</t>
  </si>
  <si>
    <t>58388929.0</t>
  </si>
  <si>
    <t>1887682.0</t>
  </si>
  <si>
    <t>1220231.0</t>
  </si>
  <si>
    <t>855.0</t>
  </si>
  <si>
    <t>660957.0</t>
  </si>
  <si>
    <t>691602151.0</t>
  </si>
  <si>
    <t>451956266.0</t>
  </si>
  <si>
    <t>364582890.0</t>
  </si>
  <si>
    <t>58391171.0</t>
  </si>
  <si>
    <t>1887511.0</t>
  </si>
  <si>
    <t>1353266.0</t>
  </si>
  <si>
    <t>949.0</t>
  </si>
  <si>
    <t>693594.0</t>
  </si>
  <si>
    <t>691609610.0</t>
  </si>
  <si>
    <t>451959451.0</t>
  </si>
  <si>
    <t>364585826.0</t>
  </si>
  <si>
    <t>58393869.0</t>
  </si>
  <si>
    <t>1888420.0</t>
  </si>
  <si>
    <t>1486376.0</t>
  </si>
  <si>
    <t>1042.0</t>
  </si>
  <si>
    <t>726284.0</t>
  </si>
  <si>
    <t>691618074.0</t>
  </si>
  <si>
    <t>451962753.0</t>
  </si>
  <si>
    <t>364589370.0</t>
  </si>
  <si>
    <t>58396858.0</t>
  </si>
  <si>
    <t>1889425.0</t>
  </si>
  <si>
    <t>1619679.0</t>
  </si>
  <si>
    <t>48.48</t>
  </si>
  <si>
    <t>758996.0</t>
  </si>
  <si>
    <t>691624096.0</t>
  </si>
  <si>
    <t>451965279.0</t>
  </si>
  <si>
    <t>364591945.0</t>
  </si>
  <si>
    <t>58398825.0</t>
  </si>
  <si>
    <t>1886983.0</t>
  </si>
  <si>
    <t>1752824.0</t>
  </si>
  <si>
    <t>1229.0</t>
  </si>
  <si>
    <t>791656.0</t>
  </si>
  <si>
    <t>700478603.0</t>
  </si>
  <si>
    <t>455894405.0</t>
  </si>
  <si>
    <t>370850899.0</t>
  </si>
  <si>
    <t>59005350.0</t>
  </si>
  <si>
    <t>1881633.0</t>
  </si>
  <si>
    <t>1886125.0</t>
  </si>
  <si>
    <t>49.1</t>
  </si>
  <si>
    <t>31.95</t>
  </si>
  <si>
    <t>25.99</t>
  </si>
  <si>
    <t>4.14</t>
  </si>
  <si>
    <t>1322.0</t>
  </si>
  <si>
    <t>824403.0</t>
  </si>
  <si>
    <t>701936408.0</t>
  </si>
  <si>
    <t>456623639.0</t>
  </si>
  <si>
    <t>371374252.0</t>
  </si>
  <si>
    <t>59009182.0</t>
  </si>
  <si>
    <t>1444398.0</t>
  </si>
  <si>
    <t>1801171.0</t>
  </si>
  <si>
    <t>49.2</t>
  </si>
  <si>
    <t>32.0</t>
  </si>
  <si>
    <t>26.03</t>
  </si>
  <si>
    <t>1262.0</t>
  </si>
  <si>
    <t>805737.0</t>
  </si>
  <si>
    <t>701958141.0</t>
  </si>
  <si>
    <t>456626649.0</t>
  </si>
  <si>
    <t>371378306.0</t>
  </si>
  <si>
    <t>59013392.0</t>
  </si>
  <si>
    <t>1391564.0</t>
  </si>
  <si>
    <t>1734058.0</t>
  </si>
  <si>
    <t>1215.0</t>
  </si>
  <si>
    <t>814666.0</t>
  </si>
  <si>
    <t>701966224.0</t>
  </si>
  <si>
    <t>456629859.0</t>
  </si>
  <si>
    <t>371381521.0</t>
  </si>
  <si>
    <t>59016408.0</t>
  </si>
  <si>
    <t>1392128.0</t>
  </si>
  <si>
    <t>1667045.0</t>
  </si>
  <si>
    <t>823660.0</t>
  </si>
  <si>
    <t>701983290.0</t>
  </si>
  <si>
    <t>456642177.0</t>
  </si>
  <si>
    <t>371393956.0</t>
  </si>
  <si>
    <t>59019270.0</t>
  </si>
  <si>
    <t>1391885.0</t>
  </si>
  <si>
    <t>1599869.0</t>
  </si>
  <si>
    <t>832582.0</t>
  </si>
  <si>
    <t>701991193.0</t>
  </si>
  <si>
    <t>456645179.0</t>
  </si>
  <si>
    <t>371397229.0</t>
  </si>
  <si>
    <t>59022244.0</t>
  </si>
  <si>
    <t>1391126.0</t>
  </si>
  <si>
    <t>1532443.0</t>
  </si>
  <si>
    <t>841358.0</t>
  </si>
  <si>
    <t>701996687.0</t>
  </si>
  <si>
    <t>456647458.0</t>
  </si>
  <si>
    <t>371399516.0</t>
  </si>
  <si>
    <t>59024174.0</t>
  </si>
  <si>
    <t>1388717.0</t>
  </si>
  <si>
    <t>1465019.0</t>
  </si>
  <si>
    <t>850143.0</t>
  </si>
  <si>
    <t>703077677.0</t>
  </si>
  <si>
    <t>458262255.0</t>
  </si>
  <si>
    <t>372522606.0</t>
  </si>
  <si>
    <t>59397055.0</t>
  </si>
  <si>
    <t>1383700.0</t>
  </si>
  <si>
    <t>1397644.0</t>
  </si>
  <si>
    <t>49.28</t>
  </si>
  <si>
    <t>32.12</t>
  </si>
  <si>
    <t>26.11</t>
  </si>
  <si>
    <t>4.16</t>
  </si>
  <si>
    <t>980.0</t>
  </si>
  <si>
    <t>858946.0</t>
  </si>
  <si>
    <t>703082090.0</t>
  </si>
  <si>
    <t>458262874.0</t>
  </si>
  <si>
    <t>372523574.0</t>
  </si>
  <si>
    <t>59399911.0</t>
  </si>
  <si>
    <t>1463592.0</t>
  </si>
  <si>
    <t>1388173.0</t>
  </si>
  <si>
    <t>835667.0</t>
  </si>
  <si>
    <t>703086877.0</t>
  </si>
  <si>
    <t>458264880.0</t>
  </si>
  <si>
    <t>372525336.0</t>
  </si>
  <si>
    <t>59401901.0</t>
  </si>
  <si>
    <t>1467960.0</t>
  </si>
  <si>
    <t>1401121.0</t>
  </si>
  <si>
    <t>982.0</t>
  </si>
  <si>
    <t>823211.0</t>
  </si>
  <si>
    <t>703102073.0</t>
  </si>
  <si>
    <t>458276418.0</t>
  </si>
  <si>
    <t>372536374.0</t>
  </si>
  <si>
    <t>59404571.0</t>
  </si>
  <si>
    <t>1469464.0</t>
  </si>
  <si>
    <t>1414206.0</t>
  </si>
  <si>
    <t>810793.0</t>
  </si>
  <si>
    <t>703108048.0</t>
  </si>
  <si>
    <t>458278837.0</t>
  </si>
  <si>
    <t>372538379.0</t>
  </si>
  <si>
    <t>59407141.0</t>
  </si>
  <si>
    <t>1467664.0</t>
  </si>
  <si>
    <t>1425795.0</t>
  </si>
  <si>
    <t>999.0</t>
  </si>
  <si>
    <t>796874.0</t>
  </si>
  <si>
    <t>703114175.0</t>
  </si>
  <si>
    <t>458281281.0</t>
  </si>
  <si>
    <t>372540415.0</t>
  </si>
  <si>
    <t>59409859.0</t>
  </si>
  <si>
    <t>1467816.0</t>
  </si>
  <si>
    <t>1438997.0</t>
  </si>
  <si>
    <t>1009.0</t>
  </si>
  <si>
    <t>784573.0</t>
  </si>
  <si>
    <t>703118873.0</t>
  </si>
  <si>
    <t>458283198.0</t>
  </si>
  <si>
    <t>372542056.0</t>
  </si>
  <si>
    <t>59411855.0</t>
  </si>
  <si>
    <t>1466387.0</t>
  </si>
  <si>
    <t>1452342.0</t>
  </si>
  <si>
    <t>1018.0</t>
  </si>
  <si>
    <t>772298.0</t>
  </si>
  <si>
    <t>729045778.0</t>
  </si>
  <si>
    <t>472691125.0</t>
  </si>
  <si>
    <t>386265124.0</t>
  </si>
  <si>
    <t>61750041.0</t>
  </si>
  <si>
    <t>1462333.0</t>
  </si>
  <si>
    <t>1465823.0</t>
  </si>
  <si>
    <t>51.1</t>
  </si>
  <si>
    <t>27.07</t>
  </si>
  <si>
    <t>760088.0</t>
  </si>
  <si>
    <t>729571576.0</t>
  </si>
  <si>
    <t>473270084.0</t>
  </si>
  <si>
    <t>386815412.0</t>
  </si>
  <si>
    <t>62180158.0</t>
  </si>
  <si>
    <t>608254.0</t>
  </si>
  <si>
    <t>610073.0</t>
  </si>
  <si>
    <t>51.14</t>
  </si>
  <si>
    <t>27.11</t>
  </si>
  <si>
    <t>215684.0</t>
  </si>
  <si>
    <t>729576399.0</t>
  </si>
  <si>
    <t>473272044.0</t>
  </si>
  <si>
    <t>386817037.0</t>
  </si>
  <si>
    <t>62182254.0</t>
  </si>
  <si>
    <t>570717.0</t>
  </si>
  <si>
    <t>572254.0</t>
  </si>
  <si>
    <t>174195.0</t>
  </si>
  <si>
    <t>729581198.0</t>
  </si>
  <si>
    <t>473273920.0</t>
  </si>
  <si>
    <t>386818639.0</t>
  </si>
  <si>
    <t>62184394.0</t>
  </si>
  <si>
    <t>573104.0</t>
  </si>
  <si>
    <t>572068.0</t>
  </si>
  <si>
    <t>174091.0</t>
  </si>
  <si>
    <t>729586645.0</t>
  </si>
  <si>
    <t>473276111.0</t>
  </si>
  <si>
    <t>386820560.0</t>
  </si>
  <si>
    <t>62186677.0</t>
  </si>
  <si>
    <t>573752.0</t>
  </si>
  <si>
    <t>572019.0</t>
  </si>
  <si>
    <t>174064.0</t>
  </si>
  <si>
    <t>729590050.0</t>
  </si>
  <si>
    <t>473277497.0</t>
  </si>
  <si>
    <t>386821823.0</t>
  </si>
  <si>
    <t>62188127.0</t>
  </si>
  <si>
    <t>571710.0</t>
  </si>
  <si>
    <t>571657.0</t>
  </si>
  <si>
    <t>173918.0</t>
  </si>
  <si>
    <t>729590429.0</t>
  </si>
  <si>
    <t>473277698.0</t>
  </si>
  <si>
    <t>386821973.0</t>
  </si>
  <si>
    <t>62188235.0</t>
  </si>
  <si>
    <t>568684.0</t>
  </si>
  <si>
    <t>571067.0</t>
  </si>
  <si>
    <t>173678.0</t>
  </si>
  <si>
    <t>740806487.0</t>
  </si>
  <si>
    <t>478167624.0</t>
  </si>
  <si>
    <t>392144225.0</t>
  </si>
  <si>
    <t>64143416.0</t>
  </si>
  <si>
    <t>568831.0</t>
  </si>
  <si>
    <t>571077.0</t>
  </si>
  <si>
    <t>51.92</t>
  </si>
  <si>
    <t>33.51</t>
  </si>
  <si>
    <t>27.49</t>
  </si>
  <si>
    <t>383391.0</t>
  </si>
  <si>
    <t>21797.0</t>
  </si>
  <si>
    <t>22814.0</t>
  </si>
  <si>
    <t>16.0</t>
  </si>
  <si>
    <t>10620.0</t>
  </si>
  <si>
    <t>740812266.0</t>
  </si>
  <si>
    <t>478169006.0</t>
  </si>
  <si>
    <t>64145837.0</t>
  </si>
  <si>
    <t>22704.0</t>
  </si>
  <si>
    <t>740815647.0</t>
  </si>
  <si>
    <t>64147162.0</t>
  </si>
  <si>
    <t>23418.0</t>
  </si>
  <si>
    <t>22383.0</t>
  </si>
  <si>
    <t>10554.0</t>
  </si>
  <si>
    <t>741649365.0</t>
  </si>
  <si>
    <t>478556877.0</t>
  </si>
  <si>
    <t>392896735.0</t>
  </si>
  <si>
    <t>64152807.0</t>
  </si>
  <si>
    <t>23087.0</t>
  </si>
  <si>
    <t>22040.0</t>
  </si>
  <si>
    <t>51.98</t>
  </si>
  <si>
    <t>27.54</t>
  </si>
  <si>
    <t>15.0</t>
  </si>
  <si>
    <t>741651782.0</t>
  </si>
  <si>
    <t>64153734.0</t>
  </si>
  <si>
    <t>2417.0</t>
  </si>
  <si>
    <t>1862.0</t>
  </si>
  <si>
    <t>741652954.0</t>
  </si>
  <si>
    <t>64154140.0</t>
  </si>
  <si>
    <t>1172.0</t>
  </si>
  <si>
    <t>1975.0</t>
  </si>
  <si>
    <t>741653190.0</t>
  </si>
  <si>
    <t>64154203.0</t>
  </si>
  <si>
    <t>1934.0</t>
  </si>
  <si>
    <t>741653270.0</t>
  </si>
  <si>
    <t>64154213.0</t>
  </si>
  <si>
    <t>1711.0</t>
  </si>
  <si>
    <t>ALB</t>
  </si>
  <si>
    <t>Europe</t>
  </si>
  <si>
    <t>Albania</t>
  </si>
  <si>
    <t>8.0</t>
  </si>
  <si>
    <t>51.2</t>
  </si>
  <si>
    <t>13.0</t>
  </si>
  <si>
    <t>17.0</t>
  </si>
  <si>
    <t>18.0</t>
  </si>
  <si>
    <t>-190.8</t>
  </si>
  <si>
    <t>-4.34</t>
  </si>
  <si>
    <t>2.88</t>
  </si>
  <si>
    <t>-67.1283086551188</t>
  </si>
  <si>
    <t>29.0</t>
  </si>
  <si>
    <t>3.0</t>
  </si>
  <si>
    <t>31.0</t>
  </si>
  <si>
    <t>36.0</t>
  </si>
  <si>
    <t>6.0</t>
  </si>
  <si>
    <t>53.0</t>
  </si>
  <si>
    <t>58.0</t>
  </si>
  <si>
    <t>37.0</t>
  </si>
  <si>
    <t>298.0</t>
  </si>
  <si>
    <t>0.104</t>
  </si>
  <si>
    <t>35.0</t>
  </si>
  <si>
    <t>457.0</t>
  </si>
  <si>
    <t>159.0</t>
  </si>
  <si>
    <t>505.0</t>
  </si>
  <si>
    <t>48.0</t>
  </si>
  <si>
    <t>0.177</t>
  </si>
  <si>
    <t>0.0848</t>
  </si>
  <si>
    <t>0.186</t>
  </si>
  <si>
    <t>0.0882</t>
  </si>
  <si>
    <t>563.0</t>
  </si>
  <si>
    <t>0.197</t>
  </si>
  <si>
    <t>69.0</t>
  </si>
  <si>
    <t>0.1014</t>
  </si>
  <si>
    <t>0.212</t>
  </si>
  <si>
    <t>0.0918</t>
  </si>
  <si>
    <t>665.0</t>
  </si>
  <si>
    <t>60.0</t>
  </si>
  <si>
    <t>0.233</t>
  </si>
  <si>
    <t>697.0</t>
  </si>
  <si>
    <t>0.1028</t>
  </si>
  <si>
    <t>732.0</t>
  </si>
  <si>
    <t>0.256</t>
  </si>
  <si>
    <t>0.1355</t>
  </si>
  <si>
    <t>778.0</t>
  </si>
  <si>
    <t>46.0</t>
  </si>
  <si>
    <t>0.273</t>
  </si>
  <si>
    <t>0.1392</t>
  </si>
  <si>
    <t>811.0</t>
  </si>
  <si>
    <t>0.284</t>
  </si>
  <si>
    <t>0.1678</t>
  </si>
  <si>
    <t>0.1847</t>
  </si>
  <si>
    <t>5.4</t>
  </si>
  <si>
    <t>0.2429</t>
  </si>
  <si>
    <t>0.323</t>
  </si>
  <si>
    <t>0.3359</t>
  </si>
  <si>
    <t>0.359</t>
  </si>
  <si>
    <t>47.0</t>
  </si>
  <si>
    <t>0.3343</t>
  </si>
  <si>
    <t>1127.0</t>
  </si>
  <si>
    <t>0.395</t>
  </si>
  <si>
    <t>56.0</t>
  </si>
  <si>
    <t>0.2959</t>
  </si>
  <si>
    <t>3.4</t>
  </si>
  <si>
    <t>79.0</t>
  </si>
  <si>
    <t>61.0</t>
  </si>
  <si>
    <t>0.2834</t>
  </si>
  <si>
    <t>1317.0</t>
  </si>
  <si>
    <t>0.461</t>
  </si>
  <si>
    <t>1407.0</t>
  </si>
  <si>
    <t>0.493</t>
  </si>
  <si>
    <t>0.2125</t>
  </si>
  <si>
    <t>1552.0</t>
  </si>
  <si>
    <t>145.0</t>
  </si>
  <si>
    <t>0.544</t>
  </si>
  <si>
    <t>0.1805</t>
  </si>
  <si>
    <t>-165.0</t>
  </si>
  <si>
    <t>-2.59</t>
  </si>
  <si>
    <t>-58.0512103149612</t>
  </si>
  <si>
    <t>1704.0</t>
  </si>
  <si>
    <t>0.597</t>
  </si>
  <si>
    <t>0.1441</t>
  </si>
  <si>
    <t>1800.0</t>
  </si>
  <si>
    <t>0.631</t>
  </si>
  <si>
    <t>0.1326</t>
  </si>
  <si>
    <t>1912.0</t>
  </si>
  <si>
    <t>0.1505</t>
  </si>
  <si>
    <t>2128.0</t>
  </si>
  <si>
    <t>0.745</t>
  </si>
  <si>
    <t>0.1472</t>
  </si>
  <si>
    <t>2277.0</t>
  </si>
  <si>
    <t>0.798</t>
  </si>
  <si>
    <t>0.1554</t>
  </si>
  <si>
    <t>6.4</t>
  </si>
  <si>
    <t>2452.0</t>
  </si>
  <si>
    <t>0.859</t>
  </si>
  <si>
    <t>0.1477</t>
  </si>
  <si>
    <t>2634.0</t>
  </si>
  <si>
    <t>0.923</t>
  </si>
  <si>
    <t>155.0</t>
  </si>
  <si>
    <t>0.129</t>
  </si>
  <si>
    <t>2870.0</t>
  </si>
  <si>
    <t>1.005</t>
  </si>
  <si>
    <t>0.1206</t>
  </si>
  <si>
    <t>3104.0</t>
  </si>
  <si>
    <t>234.0</t>
  </si>
  <si>
    <t>1.087</t>
  </si>
  <si>
    <t>3266.0</t>
  </si>
  <si>
    <t>1.144</t>
  </si>
  <si>
    <t>193.0</t>
  </si>
  <si>
    <t>0.0829</t>
  </si>
  <si>
    <t>3525.0</t>
  </si>
  <si>
    <t>1.235</t>
  </si>
  <si>
    <t>0.091</t>
  </si>
  <si>
    <t>0.0714</t>
  </si>
  <si>
    <t>3758.0</t>
  </si>
  <si>
    <t>1.316</t>
  </si>
  <si>
    <t>0.0573</t>
  </si>
  <si>
    <t>3951.0</t>
  </si>
  <si>
    <t>1.384</t>
  </si>
  <si>
    <t>0.0601</t>
  </si>
  <si>
    <t>4187.0</t>
  </si>
  <si>
    <t>1.467</t>
  </si>
  <si>
    <t>0.0592</t>
  </si>
  <si>
    <t>16.9</t>
  </si>
  <si>
    <t>4439.0</t>
  </si>
  <si>
    <t>1.555</t>
  </si>
  <si>
    <t>16.7</t>
  </si>
  <si>
    <t>4708.0</t>
  </si>
  <si>
    <t>1.649</t>
  </si>
  <si>
    <t>229.0</t>
  </si>
  <si>
    <t>14.7</t>
  </si>
  <si>
    <t>1.738</t>
  </si>
  <si>
    <t>0.0726</t>
  </si>
  <si>
    <t>13.8</t>
  </si>
  <si>
    <t>5192.0</t>
  </si>
  <si>
    <t>231.0</t>
  </si>
  <si>
    <t>1.819</t>
  </si>
  <si>
    <t>14.5</t>
  </si>
  <si>
    <t>5423.0</t>
  </si>
  <si>
    <t>0.0696</t>
  </si>
  <si>
    <t>14.4</t>
  </si>
  <si>
    <t>5656.0</t>
  </si>
  <si>
    <t>1.981</t>
  </si>
  <si>
    <t>0.0685</t>
  </si>
  <si>
    <t>14.6</t>
  </si>
  <si>
    <t>5898.0</t>
  </si>
  <si>
    <t>2.066</t>
  </si>
  <si>
    <t>0.0785</t>
  </si>
  <si>
    <t>12.7</t>
  </si>
  <si>
    <t>6150.0</t>
  </si>
  <si>
    <t>2.154</t>
  </si>
  <si>
    <t>240.0</t>
  </si>
  <si>
    <t>2.238</t>
  </si>
  <si>
    <t>0.0863</t>
  </si>
  <si>
    <t>6649.0</t>
  </si>
  <si>
    <t>2.329</t>
  </si>
  <si>
    <t>0.0824</t>
  </si>
  <si>
    <t>6896.0</t>
  </si>
  <si>
    <t>2.416</t>
  </si>
  <si>
    <t>243.0</t>
  </si>
  <si>
    <t>0.0964</t>
  </si>
  <si>
    <t>10.4</t>
  </si>
  <si>
    <t>7160.0</t>
  </si>
  <si>
    <t>264.0</t>
  </si>
  <si>
    <t>2.508</t>
  </si>
  <si>
    <t>248.0</t>
  </si>
  <si>
    <t>0.0945</t>
  </si>
  <si>
    <t>7372.0</t>
  </si>
  <si>
    <t>2.582</t>
  </si>
  <si>
    <t>0.0886</t>
  </si>
  <si>
    <t>7639.0</t>
  </si>
  <si>
    <t>267.0</t>
  </si>
  <si>
    <t>2.676</t>
  </si>
  <si>
    <t>0.0809</t>
  </si>
  <si>
    <t>12.4</t>
  </si>
  <si>
    <t>7909.0</t>
  </si>
  <si>
    <t>270.0</t>
  </si>
  <si>
    <t>2.771</t>
  </si>
  <si>
    <t>251.0</t>
  </si>
  <si>
    <t>0.0751</t>
  </si>
  <si>
    <t>8134.0</t>
  </si>
  <si>
    <t>2.849</t>
  </si>
  <si>
    <t>0.0631</t>
  </si>
  <si>
    <t>15.8</t>
  </si>
  <si>
    <t>-95.0</t>
  </si>
  <si>
    <t>-1.17</t>
  </si>
  <si>
    <t>4.04</t>
  </si>
  <si>
    <t>-33.4234241207352</t>
  </si>
  <si>
    <t>8379.0</t>
  </si>
  <si>
    <t>2.935</t>
  </si>
  <si>
    <t>8550.0</t>
  </si>
  <si>
    <t>2.995</t>
  </si>
  <si>
    <t>0.0466</t>
  </si>
  <si>
    <t>21.5</t>
  </si>
  <si>
    <t>8747.0</t>
  </si>
  <si>
    <t>197.0</t>
  </si>
  <si>
    <t>3.064</t>
  </si>
  <si>
    <t>0.0434</t>
  </si>
  <si>
    <t>8887.0</t>
  </si>
  <si>
    <t>140.0</t>
  </si>
  <si>
    <t>3.113</t>
  </si>
  <si>
    <t>0.0443</t>
  </si>
  <si>
    <t>9157.0</t>
  </si>
  <si>
    <t>3.208</t>
  </si>
  <si>
    <t>217.0</t>
  </si>
  <si>
    <t>0.0461</t>
  </si>
  <si>
    <t>21.7</t>
  </si>
  <si>
    <t>9412.0</t>
  </si>
  <si>
    <t>255.0</t>
  </si>
  <si>
    <t>3.297</t>
  </si>
  <si>
    <t>0.0439</t>
  </si>
  <si>
    <t>9687.0</t>
  </si>
  <si>
    <t>3.393</t>
  </si>
  <si>
    <t>0.0444</t>
  </si>
  <si>
    <t>22.5</t>
  </si>
  <si>
    <t>9925.0</t>
  </si>
  <si>
    <t>3.477</t>
  </si>
  <si>
    <t>10149.0</t>
  </si>
  <si>
    <t>3.555</t>
  </si>
  <si>
    <t>23.8</t>
  </si>
  <si>
    <t>10319.0</t>
  </si>
  <si>
    <t>3.615</t>
  </si>
  <si>
    <t>10440.0</t>
  </si>
  <si>
    <t>3.657</t>
  </si>
  <si>
    <t>10683.0</t>
  </si>
  <si>
    <t>3.742</t>
  </si>
  <si>
    <t>10929.0</t>
  </si>
  <si>
    <t>3.828</t>
  </si>
  <si>
    <t>0.0316</t>
  </si>
  <si>
    <t>31.6</t>
  </si>
  <si>
    <t>11120.0</t>
  </si>
  <si>
    <t>191.0</t>
  </si>
  <si>
    <t>3.895</t>
  </si>
  <si>
    <t>25.6</t>
  </si>
  <si>
    <t>11339.0</t>
  </si>
  <si>
    <t>3.972</t>
  </si>
  <si>
    <t>0.0467</t>
  </si>
  <si>
    <t>21.4</t>
  </si>
  <si>
    <t>11645.0</t>
  </si>
  <si>
    <t>4.079</t>
  </si>
  <si>
    <t>0.107</t>
  </si>
  <si>
    <t>0.0514</t>
  </si>
  <si>
    <t>19.5</t>
  </si>
  <si>
    <t>11905.0</t>
  </si>
  <si>
    <t>0.0491</t>
  </si>
  <si>
    <t>20.4</t>
  </si>
  <si>
    <t>4.229</t>
  </si>
  <si>
    <t>12250.0</t>
  </si>
  <si>
    <t>4.291</t>
  </si>
  <si>
    <t>12436.0</t>
  </si>
  <si>
    <t>4.356</t>
  </si>
  <si>
    <t>0.0558</t>
  </si>
  <si>
    <t>12640.0</t>
  </si>
  <si>
    <t>4.428</t>
  </si>
  <si>
    <t>12814.0</t>
  </si>
  <si>
    <t>4.489</t>
  </si>
  <si>
    <t>22.7</t>
  </si>
  <si>
    <t>13014.0</t>
  </si>
  <si>
    <t>4.559</t>
  </si>
  <si>
    <t>0.0408</t>
  </si>
  <si>
    <t>24.5</t>
  </si>
  <si>
    <t>13160.0</t>
  </si>
  <si>
    <t>179.0</t>
  </si>
  <si>
    <t>0.0415</t>
  </si>
  <si>
    <t>24.1</t>
  </si>
  <si>
    <t>13214.0</t>
  </si>
  <si>
    <t>4.629</t>
  </si>
  <si>
    <t>13387.0</t>
  </si>
  <si>
    <t>4.689</t>
  </si>
  <si>
    <t>0.0705</t>
  </si>
  <si>
    <t>13649.0</t>
  </si>
  <si>
    <t>262.0</t>
  </si>
  <si>
    <t>4.781</t>
  </si>
  <si>
    <t>14.1</t>
  </si>
  <si>
    <t>13874.0</t>
  </si>
  <si>
    <t>4.86</t>
  </si>
  <si>
    <t>176.0</t>
  </si>
  <si>
    <t>0.0869</t>
  </si>
  <si>
    <t>11.5</t>
  </si>
  <si>
    <t>4.957</t>
  </si>
  <si>
    <t>0.0883</t>
  </si>
  <si>
    <t>14379.0</t>
  </si>
  <si>
    <t>5.037</t>
  </si>
  <si>
    <t>0.0974</t>
  </si>
  <si>
    <t>10.3</t>
  </si>
  <si>
    <t>14604.0</t>
  </si>
  <si>
    <t>5.116</t>
  </si>
  <si>
    <t>8.09198689238855</t>
  </si>
  <si>
    <t>14706.0</t>
  </si>
  <si>
    <t>5.151</t>
  </si>
  <si>
    <t>213.0</t>
  </si>
  <si>
    <t>0.0932</t>
  </si>
  <si>
    <t>14949.0</t>
  </si>
  <si>
    <t>5.237</t>
  </si>
  <si>
    <t>0.0865</t>
  </si>
  <si>
    <t>15246.0</t>
  </si>
  <si>
    <t>5.341</t>
  </si>
  <si>
    <t>11.9</t>
  </si>
  <si>
    <t>15528.0</t>
  </si>
  <si>
    <t>282.0</t>
  </si>
  <si>
    <t>5.439</t>
  </si>
  <si>
    <t>0.0732</t>
  </si>
  <si>
    <t>13.7</t>
  </si>
  <si>
    <t>15690.0</t>
  </si>
  <si>
    <t>5.496</t>
  </si>
  <si>
    <t>0.0734</t>
  </si>
  <si>
    <t>15943.0</t>
  </si>
  <si>
    <t>5.585</t>
  </si>
  <si>
    <t>16136.0</t>
  </si>
  <si>
    <t>5.652</t>
  </si>
  <si>
    <t>0.0711</t>
  </si>
  <si>
    <t>16238.0</t>
  </si>
  <si>
    <t>5.688</t>
  </si>
  <si>
    <t>0.0783</t>
  </si>
  <si>
    <t>12.8</t>
  </si>
  <si>
    <t>16597.0</t>
  </si>
  <si>
    <t>359.0</t>
  </si>
  <si>
    <t>5.814</t>
  </si>
  <si>
    <t>0.0821</t>
  </si>
  <si>
    <t>16908.0</t>
  </si>
  <si>
    <t>311.0</t>
  </si>
  <si>
    <t>5.923</t>
  </si>
  <si>
    <t>0.0946</t>
  </si>
  <si>
    <t>17199.0</t>
  </si>
  <si>
    <t>6.025</t>
  </si>
  <si>
    <t>0.1124</t>
  </si>
  <si>
    <t>17499.0</t>
  </si>
  <si>
    <t>300.0</t>
  </si>
  <si>
    <t>6.13</t>
  </si>
  <si>
    <t>17769.0</t>
  </si>
  <si>
    <t>6.224</t>
  </si>
  <si>
    <t>0.127</t>
  </si>
  <si>
    <t>7.9</t>
  </si>
  <si>
    <t>18131.0</t>
  </si>
  <si>
    <t>6.351</t>
  </si>
  <si>
    <t>0.1378</t>
  </si>
  <si>
    <t>7.3</t>
  </si>
  <si>
    <t>18450.0</t>
  </si>
  <si>
    <t>6.463</t>
  </si>
  <si>
    <t>0.112</t>
  </si>
  <si>
    <t>18814.0</t>
  </si>
  <si>
    <t>6.591</t>
  </si>
  <si>
    <t>0.128</t>
  </si>
  <si>
    <t>317.0</t>
  </si>
  <si>
    <t>0.1681</t>
  </si>
  <si>
    <t>19147.0</t>
  </si>
  <si>
    <t>6.707</t>
  </si>
  <si>
    <t>0.1701</t>
  </si>
  <si>
    <t>19427.0</t>
  </si>
  <si>
    <t>280.0</t>
  </si>
  <si>
    <t>6.805</t>
  </si>
  <si>
    <t>0.181</t>
  </si>
  <si>
    <t>19757.0</t>
  </si>
  <si>
    <t>330.0</t>
  </si>
  <si>
    <t>6.921</t>
  </si>
  <si>
    <t>0.116</t>
  </si>
  <si>
    <t>323.0</t>
  </si>
  <si>
    <t>0.1866</t>
  </si>
  <si>
    <t>20077.0</t>
  </si>
  <si>
    <t>7.033</t>
  </si>
  <si>
    <t>0.1848</t>
  </si>
  <si>
    <t>20404.0</t>
  </si>
  <si>
    <t>7.147</t>
  </si>
  <si>
    <t>0.1938</t>
  </si>
  <si>
    <t>20643.0</t>
  </si>
  <si>
    <t>7.231</t>
  </si>
  <si>
    <t>20971.0</t>
  </si>
  <si>
    <t>7.346</t>
  </si>
  <si>
    <t>308.0</t>
  </si>
  <si>
    <t>0.1739</t>
  </si>
  <si>
    <t>21318.0</t>
  </si>
  <si>
    <t>7.468</t>
  </si>
  <si>
    <t>0.122</t>
  </si>
  <si>
    <t>310.0</t>
  </si>
  <si>
    <t>0.1806</t>
  </si>
  <si>
    <t>21662.0</t>
  </si>
  <si>
    <t>7.588</t>
  </si>
  <si>
    <t>0.121</t>
  </si>
  <si>
    <t>0.1809</t>
  </si>
  <si>
    <t>22064.0</t>
  </si>
  <si>
    <t>7.729</t>
  </si>
  <si>
    <t>0.141</t>
  </si>
  <si>
    <t>22419.0</t>
  </si>
  <si>
    <t>7.853</t>
  </si>
  <si>
    <t>0.1872</t>
  </si>
  <si>
    <t>22793.0</t>
  </si>
  <si>
    <t>374.0</t>
  </si>
  <si>
    <t>7.984</t>
  </si>
  <si>
    <t>0.131</t>
  </si>
  <si>
    <t>341.0</t>
  </si>
  <si>
    <t>0.119</t>
  </si>
  <si>
    <t>0.1843</t>
  </si>
  <si>
    <t>23164.0</t>
  </si>
  <si>
    <t>8.114</t>
  </si>
  <si>
    <t>0.1869</t>
  </si>
  <si>
    <t>23535.0</t>
  </si>
  <si>
    <t>8.244</t>
  </si>
  <si>
    <t>0.1905</t>
  </si>
  <si>
    <t>10.22</t>
  </si>
  <si>
    <t>66.1431972073498</t>
  </si>
  <si>
    <t>23804.0</t>
  </si>
  <si>
    <t>8.339</t>
  </si>
  <si>
    <t>0.1875</t>
  </si>
  <si>
    <t>24172.0</t>
  </si>
  <si>
    <t>8.467</t>
  </si>
  <si>
    <t>0.187</t>
  </si>
  <si>
    <t>24534.0</t>
  </si>
  <si>
    <t>8.594</t>
  </si>
  <si>
    <t>353.0</t>
  </si>
  <si>
    <t>0.1955</t>
  </si>
  <si>
    <t>24910.0</t>
  </si>
  <si>
    <t>376.0</t>
  </si>
  <si>
    <t>8.726</t>
  </si>
  <si>
    <t>0.132</t>
  </si>
  <si>
    <t>0.1962</t>
  </si>
  <si>
    <t>25302.0</t>
  </si>
  <si>
    <t>392.0</t>
  </si>
  <si>
    <t>8.863</t>
  </si>
  <si>
    <t>0.137</t>
  </si>
  <si>
    <t>358.0</t>
  </si>
  <si>
    <t>0.1959</t>
  </si>
  <si>
    <t>25761.0</t>
  </si>
  <si>
    <t>9.024</t>
  </si>
  <si>
    <t>0.161</t>
  </si>
  <si>
    <t>26170.0</t>
  </si>
  <si>
    <t>409.0</t>
  </si>
  <si>
    <t>9.167</t>
  </si>
  <si>
    <t>0.143</t>
  </si>
  <si>
    <t>0.1911</t>
  </si>
  <si>
    <t>26567.0</t>
  </si>
  <si>
    <t>9.306</t>
  </si>
  <si>
    <t>0.139</t>
  </si>
  <si>
    <t>0.138</t>
  </si>
  <si>
    <t>0.1902</t>
  </si>
  <si>
    <t>26968.0</t>
  </si>
  <si>
    <t>9.447</t>
  </si>
  <si>
    <t>399.0</t>
  </si>
  <si>
    <t>0.1883</t>
  </si>
  <si>
    <t>27388.0</t>
  </si>
  <si>
    <t>9.594</t>
  </si>
  <si>
    <t>0.147</t>
  </si>
  <si>
    <t>408.0</t>
  </si>
  <si>
    <t>0.1842</t>
  </si>
  <si>
    <t>27808.0</t>
  </si>
  <si>
    <t>9.741</t>
  </si>
  <si>
    <t>0.145</t>
  </si>
  <si>
    <t>28228.0</t>
  </si>
  <si>
    <t>9.888</t>
  </si>
  <si>
    <t>0.1917</t>
  </si>
  <si>
    <t>28813.0</t>
  </si>
  <si>
    <t>10.093</t>
  </si>
  <si>
    <t>0.205</t>
  </si>
  <si>
    <t>436.0</t>
  </si>
  <si>
    <t>0.153</t>
  </si>
  <si>
    <t>0.1989</t>
  </si>
  <si>
    <t>29264.0</t>
  </si>
  <si>
    <t>10.251</t>
  </si>
  <si>
    <t>0.158</t>
  </si>
  <si>
    <t>0.155</t>
  </si>
  <si>
    <t>0.2033</t>
  </si>
  <si>
    <t>29625.0</t>
  </si>
  <si>
    <t>10.378</t>
  </si>
  <si>
    <t>0.2112</t>
  </si>
  <si>
    <t>30050.0</t>
  </si>
  <si>
    <t>10.526</t>
  </si>
  <si>
    <t>0.149</t>
  </si>
  <si>
    <t>440.0</t>
  </si>
  <si>
    <t>0.154</t>
  </si>
  <si>
    <t>0.2153</t>
  </si>
  <si>
    <t>4.6</t>
  </si>
  <si>
    <t>30481.0</t>
  </si>
  <si>
    <t>10.677</t>
  </si>
  <si>
    <t>0.151</t>
  </si>
  <si>
    <t>0.203</t>
  </si>
  <si>
    <t>30982.0</t>
  </si>
  <si>
    <t>10.853</t>
  </si>
  <si>
    <t>0.175</t>
  </si>
  <si>
    <t>453.0</t>
  </si>
  <si>
    <t>0.159</t>
  </si>
  <si>
    <t>0.2009</t>
  </si>
  <si>
    <t>31313.0</t>
  </si>
  <si>
    <t>10.969</t>
  </si>
  <si>
    <t>441.0</t>
  </si>
  <si>
    <t>0.206</t>
  </si>
  <si>
    <t>31580.0</t>
  </si>
  <si>
    <t>11.062</t>
  </si>
  <si>
    <t>0.217</t>
  </si>
  <si>
    <t>32062.0</t>
  </si>
  <si>
    <t>11.231</t>
  </si>
  <si>
    <t>0.169</t>
  </si>
  <si>
    <t>0.2225</t>
  </si>
  <si>
    <t>32558.0</t>
  </si>
  <si>
    <t>496.0</t>
  </si>
  <si>
    <t>11.405</t>
  </si>
  <si>
    <t>0.174</t>
  </si>
  <si>
    <t>0.2066</t>
  </si>
  <si>
    <t>33035.0</t>
  </si>
  <si>
    <t>477.0</t>
  </si>
  <si>
    <t>11.572</t>
  </si>
  <si>
    <t>0.167</t>
  </si>
  <si>
    <t>0.2062</t>
  </si>
  <si>
    <t>33599.0</t>
  </si>
  <si>
    <t>11.77</t>
  </si>
  <si>
    <t>0.198</t>
  </si>
  <si>
    <t>0.156</t>
  </si>
  <si>
    <t>0.2132</t>
  </si>
  <si>
    <t>33903.0</t>
  </si>
  <si>
    <t>304.0</t>
  </si>
  <si>
    <t>11.876</t>
  </si>
  <si>
    <t>0.2155</t>
  </si>
  <si>
    <t>34407.0</t>
  </si>
  <si>
    <t>504.0</t>
  </si>
  <si>
    <t>12.053</t>
  </si>
  <si>
    <t>0.2175</t>
  </si>
  <si>
    <t>34907.0</t>
  </si>
  <si>
    <t>12.228</t>
  </si>
  <si>
    <t>475.0</t>
  </si>
  <si>
    <t>0.166</t>
  </si>
  <si>
    <t>35414.0</t>
  </si>
  <si>
    <t>507.0</t>
  </si>
  <si>
    <t>12.405</t>
  </si>
  <si>
    <t>0.178</t>
  </si>
  <si>
    <t>479.0</t>
  </si>
  <si>
    <t>0.168</t>
  </si>
  <si>
    <t>0.2109</t>
  </si>
  <si>
    <t>35916.0</t>
  </si>
  <si>
    <t>502.0</t>
  </si>
  <si>
    <t>12.581</t>
  </si>
  <si>
    <t>0.176</t>
  </si>
  <si>
    <t>0.2223</t>
  </si>
  <si>
    <t>36423.0</t>
  </si>
  <si>
    <t>12.759</t>
  </si>
  <si>
    <t>484.0</t>
  </si>
  <si>
    <t>0.2158</t>
  </si>
  <si>
    <t>36923.0</t>
  </si>
  <si>
    <t>12.934</t>
  </si>
  <si>
    <t>0.2123</t>
  </si>
  <si>
    <t>602.8</t>
  </si>
  <si>
    <t>23.69</t>
  </si>
  <si>
    <t>212.080421683992</t>
  </si>
  <si>
    <t>37433.0</t>
  </si>
  <si>
    <t>510.0</t>
  </si>
  <si>
    <t>13.113</t>
  </si>
  <si>
    <t>0.179</t>
  </si>
  <si>
    <t>0.2151</t>
  </si>
  <si>
    <t>37907.0</t>
  </si>
  <si>
    <t>13.279</t>
  </si>
  <si>
    <t>0.216</t>
  </si>
  <si>
    <t>38381.0</t>
  </si>
  <si>
    <t>13.445</t>
  </si>
  <si>
    <t>0.2131</t>
  </si>
  <si>
    <t>38927.0</t>
  </si>
  <si>
    <t>13.636</t>
  </si>
  <si>
    <t>0.191</t>
  </si>
  <si>
    <t>0.2143</t>
  </si>
  <si>
    <t>39488.0</t>
  </si>
  <si>
    <t>561.0</t>
  </si>
  <si>
    <t>13.833</t>
  </si>
  <si>
    <t>0.2196</t>
  </si>
  <si>
    <t>40019.0</t>
  </si>
  <si>
    <t>531.0</t>
  </si>
  <si>
    <t>14.019</t>
  </si>
  <si>
    <t>514.0</t>
  </si>
  <si>
    <t>0.2276</t>
  </si>
  <si>
    <t>40605.0</t>
  </si>
  <si>
    <t>586.0</t>
  </si>
  <si>
    <t>14.224</t>
  </si>
  <si>
    <t>526.0</t>
  </si>
  <si>
    <t>0.184</t>
  </si>
  <si>
    <t>0.2376</t>
  </si>
  <si>
    <t>41105.0</t>
  </si>
  <si>
    <t>14.399</t>
  </si>
  <si>
    <t>0.2392</t>
  </si>
  <si>
    <t>41666.0</t>
  </si>
  <si>
    <t>14.596</t>
  </si>
  <si>
    <t>0.188</t>
  </si>
  <si>
    <t>0.2373</t>
  </si>
  <si>
    <t>42172.0</t>
  </si>
  <si>
    <t>506.0</t>
  </si>
  <si>
    <t>14.773</t>
  </si>
  <si>
    <t>542.0</t>
  </si>
  <si>
    <t>0.2414</t>
  </si>
  <si>
    <t>42775.0</t>
  </si>
  <si>
    <t>603.0</t>
  </si>
  <si>
    <t>14.984</t>
  </si>
  <si>
    <t>0.211</t>
  </si>
  <si>
    <t>550.0</t>
  </si>
  <si>
    <t>0.193</t>
  </si>
  <si>
    <t>0.2405</t>
  </si>
  <si>
    <t>43400.0</t>
  </si>
  <si>
    <t>625.0</t>
  </si>
  <si>
    <t>15.203</t>
  </si>
  <si>
    <t>0.219</t>
  </si>
  <si>
    <t>559.0</t>
  </si>
  <si>
    <t>0.196</t>
  </si>
  <si>
    <t>0.2372</t>
  </si>
  <si>
    <t>44043.0</t>
  </si>
  <si>
    <t>643.0</t>
  </si>
  <si>
    <t>15.428</t>
  </si>
  <si>
    <t>575.0</t>
  </si>
  <si>
    <t>0.201</t>
  </si>
  <si>
    <t>44682.0</t>
  </si>
  <si>
    <t>15.652</t>
  </si>
  <si>
    <t>0.224</t>
  </si>
  <si>
    <t>582.0</t>
  </si>
  <si>
    <t>0.204</t>
  </si>
  <si>
    <t>0.2371</t>
  </si>
  <si>
    <t>45332.0</t>
  </si>
  <si>
    <t>15.88</t>
  </si>
  <si>
    <t>0.228</t>
  </si>
  <si>
    <t>604.0</t>
  </si>
  <si>
    <t>45958.0</t>
  </si>
  <si>
    <t>16.099</t>
  </si>
  <si>
    <t>0.215</t>
  </si>
  <si>
    <t>0.2258</t>
  </si>
  <si>
    <t>46459.0</t>
  </si>
  <si>
    <t>16.275</t>
  </si>
  <si>
    <t>0.214</t>
  </si>
  <si>
    <t>0.2248</t>
  </si>
  <si>
    <t>47391.0</t>
  </si>
  <si>
    <t>932.0</t>
  </si>
  <si>
    <t>16.601</t>
  </si>
  <si>
    <t>659.0</t>
  </si>
  <si>
    <t>0.231</t>
  </si>
  <si>
    <t>48255.0</t>
  </si>
  <si>
    <t>864.0</t>
  </si>
  <si>
    <t>16.904</t>
  </si>
  <si>
    <t>0.303</t>
  </si>
  <si>
    <t>694.0</t>
  </si>
  <si>
    <t>0.243</t>
  </si>
  <si>
    <t>0.2048</t>
  </si>
  <si>
    <t>49102.0</t>
  </si>
  <si>
    <t>17.2</t>
  </si>
  <si>
    <t>0.297</t>
  </si>
  <si>
    <t>723.0</t>
  </si>
  <si>
    <t>0.253</t>
  </si>
  <si>
    <t>0.1968</t>
  </si>
  <si>
    <t>49966.0</t>
  </si>
  <si>
    <t>17.503</t>
  </si>
  <si>
    <t>755.0</t>
  </si>
  <si>
    <t>0.264</t>
  </si>
  <si>
    <t>0.1896</t>
  </si>
  <si>
    <t>50803.0</t>
  </si>
  <si>
    <t>837.0</t>
  </si>
  <si>
    <t>17.796</t>
  </si>
  <si>
    <t>0.274</t>
  </si>
  <si>
    <t>0.1854</t>
  </si>
  <si>
    <t>51588.0</t>
  </si>
  <si>
    <t>785.0</t>
  </si>
  <si>
    <t>18.071</t>
  </si>
  <si>
    <t>0.275</t>
  </si>
  <si>
    <t>804.0</t>
  </si>
  <si>
    <t>0.282</t>
  </si>
  <si>
    <t>52535.0</t>
  </si>
  <si>
    <t>18.403</t>
  </si>
  <si>
    <t>0.332</t>
  </si>
  <si>
    <t>0.304</t>
  </si>
  <si>
    <t>0.182</t>
  </si>
  <si>
    <t>53405.0</t>
  </si>
  <si>
    <t>870.0</t>
  </si>
  <si>
    <t>18.708</t>
  </si>
  <si>
    <t>0.305</t>
  </si>
  <si>
    <t>859.0</t>
  </si>
  <si>
    <t>0.301</t>
  </si>
  <si>
    <t>0.1838</t>
  </si>
  <si>
    <t>54283.0</t>
  </si>
  <si>
    <t>878.0</t>
  </si>
  <si>
    <t>19.015</t>
  </si>
  <si>
    <t>0.308</t>
  </si>
  <si>
    <t>0.302</t>
  </si>
  <si>
    <t>0.185</t>
  </si>
  <si>
    <t>55148.0</t>
  </si>
  <si>
    <t>865.0</t>
  </si>
  <si>
    <t>19.318</t>
  </si>
  <si>
    <t>0.1845</t>
  </si>
  <si>
    <t>55949.0</t>
  </si>
  <si>
    <t>801.0</t>
  </si>
  <si>
    <t>19.599</t>
  </si>
  <si>
    <t>0.281</t>
  </si>
  <si>
    <t>0.1798</t>
  </si>
  <si>
    <t>5.6</t>
  </si>
  <si>
    <t>56745.0</t>
  </si>
  <si>
    <t>796.0</t>
  </si>
  <si>
    <t>19.878</t>
  </si>
  <si>
    <t>0.279</t>
  </si>
  <si>
    <t>0.1689</t>
  </si>
  <si>
    <t>57548.0</t>
  </si>
  <si>
    <t>803.0</t>
  </si>
  <si>
    <t>20.159</t>
  </si>
  <si>
    <t>851.0</t>
  </si>
  <si>
    <t>0.298</t>
  </si>
  <si>
    <t>58368.0</t>
  </si>
  <si>
    <t>20.446</t>
  </si>
  <si>
    <t>0.287</t>
  </si>
  <si>
    <t>833.0</t>
  </si>
  <si>
    <t>0.292</t>
  </si>
  <si>
    <t>0.1557</t>
  </si>
  <si>
    <t>1384.2</t>
  </si>
  <si>
    <t>46.11</t>
  </si>
  <si>
    <t>486.996880714966</t>
  </si>
  <si>
    <t>59180.0</t>
  </si>
  <si>
    <t>20.731</t>
  </si>
  <si>
    <t>0.289</t>
  </si>
  <si>
    <t>0.1467</t>
  </si>
  <si>
    <t>60036.0</t>
  </si>
  <si>
    <t>21.031</t>
  </si>
  <si>
    <t>822.0</t>
  </si>
  <si>
    <t>0.288</t>
  </si>
  <si>
    <t>60871.0</t>
  </si>
  <si>
    <t>835.0</t>
  </si>
  <si>
    <t>21.323</t>
  </si>
  <si>
    <t>818.0</t>
  </si>
  <si>
    <t>0.1329</t>
  </si>
  <si>
    <t>61728.0</t>
  </si>
  <si>
    <t>21.623</t>
  </si>
  <si>
    <t>0.1335</t>
  </si>
  <si>
    <t>62588.0</t>
  </si>
  <si>
    <t>860.0</t>
  </si>
  <si>
    <t>21.924</t>
  </si>
  <si>
    <t>0.1408</t>
  </si>
  <si>
    <t>63435.0</t>
  </si>
  <si>
    <t>22.221</t>
  </si>
  <si>
    <t>0.295</t>
  </si>
  <si>
    <t>0.1486</t>
  </si>
  <si>
    <t>64259.0</t>
  </si>
  <si>
    <t>824.0</t>
  </si>
  <si>
    <t>22.51</t>
  </si>
  <si>
    <t>842.0</t>
  </si>
  <si>
    <t>0.1515</t>
  </si>
  <si>
    <t>65089.0</t>
  </si>
  <si>
    <t>830.0</t>
  </si>
  <si>
    <t>22.801</t>
  </si>
  <si>
    <t>0.291</t>
  </si>
  <si>
    <t>0.296</t>
  </si>
  <si>
    <t>0.1603</t>
  </si>
  <si>
    <t>65941.0</t>
  </si>
  <si>
    <t>23.099</t>
  </si>
  <si>
    <t>0.1652</t>
  </si>
  <si>
    <t>66811.0</t>
  </si>
  <si>
    <t>23.404</t>
  </si>
  <si>
    <t>0.171</t>
  </si>
  <si>
    <t>67686.0</t>
  </si>
  <si>
    <t>23.71</t>
  </si>
  <si>
    <t>0.307</t>
  </si>
  <si>
    <t>0.1769</t>
  </si>
  <si>
    <t>68558.0</t>
  </si>
  <si>
    <t>24.016</t>
  </si>
  <si>
    <t>0.299</t>
  </si>
  <si>
    <t>0.1814</t>
  </si>
  <si>
    <t>69435.0</t>
  </si>
  <si>
    <t>24.323</t>
  </si>
  <si>
    <t>0.183</t>
  </si>
  <si>
    <t>70297.0</t>
  </si>
  <si>
    <t>862.0</t>
  </si>
  <si>
    <t>24.625</t>
  </si>
  <si>
    <t>863.0</t>
  </si>
  <si>
    <t>0.1844</t>
  </si>
  <si>
    <t>71107.0</t>
  </si>
  <si>
    <t>810.0</t>
  </si>
  <si>
    <t>24.909</t>
  </si>
  <si>
    <t>0.1859</t>
  </si>
  <si>
    <t>71931.0</t>
  </si>
  <si>
    <t>25.197</t>
  </si>
  <si>
    <t>0.1856</t>
  </si>
  <si>
    <t>72748.0</t>
  </si>
  <si>
    <t>25.483</t>
  </si>
  <si>
    <t>0.286</t>
  </si>
  <si>
    <t>848.0</t>
  </si>
  <si>
    <t>73581.0</t>
  </si>
  <si>
    <t>25.775</t>
  </si>
  <si>
    <t>0.1785</t>
  </si>
  <si>
    <t>74417.0</t>
  </si>
  <si>
    <t>26.068</t>
  </si>
  <si>
    <t>0.1777</t>
  </si>
  <si>
    <t>75261.0</t>
  </si>
  <si>
    <t>26.364</t>
  </si>
  <si>
    <t>832.0</t>
  </si>
  <si>
    <t>0.1772</t>
  </si>
  <si>
    <t>76070.0</t>
  </si>
  <si>
    <t>26.647</t>
  </si>
  <si>
    <t>0.283</t>
  </si>
  <si>
    <t>76895.0</t>
  </si>
  <si>
    <t>26.936</t>
  </si>
  <si>
    <t>827.0</t>
  </si>
  <si>
    <t>0.1717</t>
  </si>
  <si>
    <t>77782.0</t>
  </si>
  <si>
    <t>887.0</t>
  </si>
  <si>
    <t>27.247</t>
  </si>
  <si>
    <t>0.311</t>
  </si>
  <si>
    <t>0.1659</t>
  </si>
  <si>
    <t>78634.0</t>
  </si>
  <si>
    <t>27.545</t>
  </si>
  <si>
    <t>0.1653</t>
  </si>
  <si>
    <t>79442.0</t>
  </si>
  <si>
    <t>808.0</t>
  </si>
  <si>
    <t>27.828</t>
  </si>
  <si>
    <t>80253.0</t>
  </si>
  <si>
    <t>28.112</t>
  </si>
  <si>
    <t>0.1588</t>
  </si>
  <si>
    <t>81085.0</t>
  </si>
  <si>
    <t>28.404</t>
  </si>
  <si>
    <t>0.1501</t>
  </si>
  <si>
    <t>81909.0</t>
  </si>
  <si>
    <t>28.693</t>
  </si>
  <si>
    <t>0.1466</t>
  </si>
  <si>
    <t>82729.0</t>
  </si>
  <si>
    <t>28.98</t>
  </si>
  <si>
    <t>0.1461</t>
  </si>
  <si>
    <t>83571.0</t>
  </si>
  <si>
    <t>29.275</t>
  </si>
  <si>
    <t>0.1489</t>
  </si>
  <si>
    <t>1848.0</t>
  </si>
  <si>
    <t>30.55</t>
  </si>
  <si>
    <t>650.173555527566</t>
  </si>
  <si>
    <t>84584.0</t>
  </si>
  <si>
    <t>29.63</t>
  </si>
  <si>
    <t>0.355</t>
  </si>
  <si>
    <t>850.0</t>
  </si>
  <si>
    <t>0.1487</t>
  </si>
  <si>
    <t>85669.0</t>
  </si>
  <si>
    <t>30.01</t>
  </si>
  <si>
    <t>890.0</t>
  </si>
  <si>
    <t>0.312</t>
  </si>
  <si>
    <t>86677.0</t>
  </si>
  <si>
    <t>30.363</t>
  </si>
  <si>
    <t>0.353</t>
  </si>
  <si>
    <t>0.322</t>
  </si>
  <si>
    <t>87640.0</t>
  </si>
  <si>
    <t>30.7</t>
  </si>
  <si>
    <t>0.337</t>
  </si>
  <si>
    <t>0.328</t>
  </si>
  <si>
    <t>0.1537</t>
  </si>
  <si>
    <t>88552.0</t>
  </si>
  <si>
    <t>31.02</t>
  </si>
  <si>
    <t>0.319</t>
  </si>
  <si>
    <t>0.1534</t>
  </si>
  <si>
    <t>89457.0</t>
  </si>
  <si>
    <t>905.0</t>
  </si>
  <si>
    <t>31.337</t>
  </si>
  <si>
    <t>961.0</t>
  </si>
  <si>
    <t>0.1561</t>
  </si>
  <si>
    <t>90371.0</t>
  </si>
  <si>
    <t>914.0</t>
  </si>
  <si>
    <t>31.657</t>
  </si>
  <si>
    <t>91342.0</t>
  </si>
  <si>
    <t>31.997</t>
  </si>
  <si>
    <t>0.338</t>
  </si>
  <si>
    <t>0.1618</t>
  </si>
  <si>
    <t>92274.0</t>
  </si>
  <si>
    <t>32.323</t>
  </si>
  <si>
    <t>944.0</t>
  </si>
  <si>
    <t>0.331</t>
  </si>
  <si>
    <t>0.1666</t>
  </si>
  <si>
    <t>93234.0</t>
  </si>
  <si>
    <t>960.0</t>
  </si>
  <si>
    <t>0.336</t>
  </si>
  <si>
    <t>0.1698</t>
  </si>
  <si>
    <t>94177.0</t>
  </si>
  <si>
    <t>32.99</t>
  </si>
  <si>
    <t>0.327</t>
  </si>
  <si>
    <t>0.1733</t>
  </si>
  <si>
    <t>95129.0</t>
  </si>
  <si>
    <t>952.0</t>
  </si>
  <si>
    <t>33.324</t>
  </si>
  <si>
    <t>0.333</t>
  </si>
  <si>
    <t>940.0</t>
  </si>
  <si>
    <t>0.329</t>
  </si>
  <si>
    <t>0.1763</t>
  </si>
  <si>
    <t>96184.0</t>
  </si>
  <si>
    <t>1055.0</t>
  </si>
  <si>
    <t>33.693</t>
  </si>
  <si>
    <t>97535.0</t>
  </si>
  <si>
    <t>1351.0</t>
  </si>
  <si>
    <t>34.166</t>
  </si>
  <si>
    <t>0.473</t>
  </si>
  <si>
    <t>0.358</t>
  </si>
  <si>
    <t>0.1711</t>
  </si>
  <si>
    <t>98933.0</t>
  </si>
  <si>
    <t>1398.0</t>
  </si>
  <si>
    <t>34.656</t>
  </si>
  <si>
    <t>0.173</t>
  </si>
  <si>
    <t>100335.0</t>
  </si>
  <si>
    <t>1402.0</t>
  </si>
  <si>
    <t>35.147</t>
  </si>
  <si>
    <t>0.491</t>
  </si>
  <si>
    <t>1152.0</t>
  </si>
  <si>
    <t>0.404</t>
  </si>
  <si>
    <t>101624.0</t>
  </si>
  <si>
    <t>1289.0</t>
  </si>
  <si>
    <t>35.599</t>
  </si>
  <si>
    <t>1199.0</t>
  </si>
  <si>
    <t>102900.0</t>
  </si>
  <si>
    <t>1276.0</t>
  </si>
  <si>
    <t>36.046</t>
  </si>
  <si>
    <t>0.447</t>
  </si>
  <si>
    <t>1246.0</t>
  </si>
  <si>
    <t>0.436</t>
  </si>
  <si>
    <t>0.1899</t>
  </si>
  <si>
    <t>104313.0</t>
  </si>
  <si>
    <t>1413.0</t>
  </si>
  <si>
    <t>36.541</t>
  </si>
  <si>
    <t>0.495</t>
  </si>
  <si>
    <t>1312.0</t>
  </si>
  <si>
    <t>105720.0</t>
  </si>
  <si>
    <t>37.034</t>
  </si>
  <si>
    <t>1362.0</t>
  </si>
  <si>
    <t>0.477</t>
  </si>
  <si>
    <t>0.1992</t>
  </si>
  <si>
    <t>107095.0</t>
  </si>
  <si>
    <t>37.515</t>
  </si>
  <si>
    <t>0.482</t>
  </si>
  <si>
    <t>1366.0</t>
  </si>
  <si>
    <t>0.479</t>
  </si>
  <si>
    <t>0.2084</t>
  </si>
  <si>
    <t>108500.0</t>
  </si>
  <si>
    <t>1405.0</t>
  </si>
  <si>
    <t>38.007</t>
  </si>
  <si>
    <t>0.492</t>
  </si>
  <si>
    <t>109912.0</t>
  </si>
  <si>
    <t>38.502</t>
  </si>
  <si>
    <t>1368.0</t>
  </si>
  <si>
    <t>0.2146</t>
  </si>
  <si>
    <t>111241.0</t>
  </si>
  <si>
    <t>1329.0</t>
  </si>
  <si>
    <t>38.968</t>
  </si>
  <si>
    <t>0.466</t>
  </si>
  <si>
    <t>1374.0</t>
  </si>
  <si>
    <t>0.481</t>
  </si>
  <si>
    <t>0.2167</t>
  </si>
  <si>
    <t>112556.0</t>
  </si>
  <si>
    <t>1315.0</t>
  </si>
  <si>
    <t>39.428</t>
  </si>
  <si>
    <t>1379.0</t>
  </si>
  <si>
    <t>0.483</t>
  </si>
  <si>
    <t>0.2178</t>
  </si>
  <si>
    <t>113860.0</t>
  </si>
  <si>
    <t>1304.0</t>
  </si>
  <si>
    <t>39.885</t>
  </si>
  <si>
    <t>0.457</t>
  </si>
  <si>
    <t>1364.0</t>
  </si>
  <si>
    <t>0.478</t>
  </si>
  <si>
    <t>0.2194</t>
  </si>
  <si>
    <t>115138.0</t>
  </si>
  <si>
    <t>1278.0</t>
  </si>
  <si>
    <t>40.333</t>
  </si>
  <si>
    <t>1345.0</t>
  </si>
  <si>
    <t>0.471</t>
  </si>
  <si>
    <t>116535.0</t>
  </si>
  <si>
    <t>1397.0</t>
  </si>
  <si>
    <t>40.822</t>
  </si>
  <si>
    <t>0.489</t>
  </si>
  <si>
    <t>1349.0</t>
  </si>
  <si>
    <t>0.2215</t>
  </si>
  <si>
    <t>117957.0</t>
  </si>
  <si>
    <t>41.32</t>
  </si>
  <si>
    <t>0.498</t>
  </si>
  <si>
    <t>0.2184</t>
  </si>
  <si>
    <t>119491.0</t>
  </si>
  <si>
    <t>1534.0</t>
  </si>
  <si>
    <t>41.857</t>
  </si>
  <si>
    <t>0.537</t>
  </si>
  <si>
    <t>120751.0</t>
  </si>
  <si>
    <t>1260.0</t>
  </si>
  <si>
    <t>42.299</t>
  </si>
  <si>
    <t>0.441</t>
  </si>
  <si>
    <t>1359.0</t>
  </si>
  <si>
    <t>0.476</t>
  </si>
  <si>
    <t>2600.0</t>
  </si>
  <si>
    <t>45.55</t>
  </si>
  <si>
    <t>914.746344356965</t>
  </si>
  <si>
    <t>122223.0</t>
  </si>
  <si>
    <t>1472.0</t>
  </si>
  <si>
    <t>42.815</t>
  </si>
  <si>
    <t>0.516</t>
  </si>
  <si>
    <t>1381.0</t>
  </si>
  <si>
    <t>0.484</t>
  </si>
  <si>
    <t>0.2115</t>
  </si>
  <si>
    <t>123669.0</t>
  </si>
  <si>
    <t>1446.0</t>
  </si>
  <si>
    <t>43.321</t>
  </si>
  <si>
    <t>0.507</t>
  </si>
  <si>
    <t>1401.0</t>
  </si>
  <si>
    <t>0.2119</t>
  </si>
  <si>
    <t>125353.0</t>
  </si>
  <si>
    <t>1684.0</t>
  </si>
  <si>
    <t>43.911</t>
  </si>
  <si>
    <t>1459.0</t>
  </si>
  <si>
    <t>0.511</t>
  </si>
  <si>
    <t>127078.0</t>
  </si>
  <si>
    <t>1725.0</t>
  </si>
  <si>
    <t>44.515</t>
  </si>
  <si>
    <t>0.604</t>
  </si>
  <si>
    <t>1506.0</t>
  </si>
  <si>
    <t>0.528</t>
  </si>
  <si>
    <t>0.2144</t>
  </si>
  <si>
    <t>128822.0</t>
  </si>
  <si>
    <t>1744.0</t>
  </si>
  <si>
    <t>45.126</t>
  </si>
  <si>
    <t>0.611</t>
  </si>
  <si>
    <t>130776.0</t>
  </si>
  <si>
    <t>1954.0</t>
  </si>
  <si>
    <t>45.811</t>
  </si>
  <si>
    <t>0.684</t>
  </si>
  <si>
    <t>1612.0</t>
  </si>
  <si>
    <t>0.565</t>
  </si>
  <si>
    <t>0.2283</t>
  </si>
  <si>
    <t>132703.0</t>
  </si>
  <si>
    <t>1927.0</t>
  </si>
  <si>
    <t>46.486</t>
  </si>
  <si>
    <t>0.675</t>
  </si>
  <si>
    <t>1707.0</t>
  </si>
  <si>
    <t>0.598</t>
  </si>
  <si>
    <t>0.2368</t>
  </si>
  <si>
    <t>134645.0</t>
  </si>
  <si>
    <t>1942.0</t>
  </si>
  <si>
    <t>47.166</t>
  </si>
  <si>
    <t>1775.0</t>
  </si>
  <si>
    <t>0.622</t>
  </si>
  <si>
    <t>0.2418</t>
  </si>
  <si>
    <t>136612.0</t>
  </si>
  <si>
    <t>1967.0</t>
  </si>
  <si>
    <t>47.855</t>
  </si>
  <si>
    <t>0.689</t>
  </si>
  <si>
    <t>1849.0</t>
  </si>
  <si>
    <t>0.648</t>
  </si>
  <si>
    <t>0.2479</t>
  </si>
  <si>
    <t>138351.0</t>
  </si>
  <si>
    <t>1739.0</t>
  </si>
  <si>
    <t>48.464</t>
  </si>
  <si>
    <t>0.609</t>
  </si>
  <si>
    <t>1857.0</t>
  </si>
  <si>
    <t>0.651</t>
  </si>
  <si>
    <t>0.2608</t>
  </si>
  <si>
    <t>140215.0</t>
  </si>
  <si>
    <t>49.117</t>
  </si>
  <si>
    <t>0.653</t>
  </si>
  <si>
    <t>1877.0</t>
  </si>
  <si>
    <t>0.658</t>
  </si>
  <si>
    <t>0.2665</t>
  </si>
  <si>
    <t>141774.0</t>
  </si>
  <si>
    <t>1559.0</t>
  </si>
  <si>
    <t>49.663</t>
  </si>
  <si>
    <t>0.546</t>
  </si>
  <si>
    <t>1850.0</t>
  </si>
  <si>
    <t>0.2695</t>
  </si>
  <si>
    <t>143825.0</t>
  </si>
  <si>
    <t>2051.0</t>
  </si>
  <si>
    <t>50.382</t>
  </si>
  <si>
    <t>0.718</t>
  </si>
  <si>
    <t>0.2676</t>
  </si>
  <si>
    <t>145880.0</t>
  </si>
  <si>
    <t>2055.0</t>
  </si>
  <si>
    <t>51.102</t>
  </si>
  <si>
    <t>1882.0</t>
  </si>
  <si>
    <t>0.659</t>
  </si>
  <si>
    <t>0.2678</t>
  </si>
  <si>
    <t>147986.0</t>
  </si>
  <si>
    <t>2106.0</t>
  </si>
  <si>
    <t>51.839</t>
  </si>
  <si>
    <t>0.738</t>
  </si>
  <si>
    <t>0.668</t>
  </si>
  <si>
    <t>0.2716</t>
  </si>
  <si>
    <t>150072.0</t>
  </si>
  <si>
    <t>2086.0</t>
  </si>
  <si>
    <t>52.57</t>
  </si>
  <si>
    <t>0.731</t>
  </si>
  <si>
    <t>1923.0</t>
  </si>
  <si>
    <t>0.674</t>
  </si>
  <si>
    <t>0.2749</t>
  </si>
  <si>
    <t>152209.0</t>
  </si>
  <si>
    <t>2137.0</t>
  </si>
  <si>
    <t>53.319</t>
  </si>
  <si>
    <t>0.749</t>
  </si>
  <si>
    <t>1980.0</t>
  </si>
  <si>
    <t>0.694</t>
  </si>
  <si>
    <t>0.2765</t>
  </si>
  <si>
    <t>154326.0</t>
  </si>
  <si>
    <t>2117.0</t>
  </si>
  <si>
    <t>54.06</t>
  </si>
  <si>
    <t>0.742</t>
  </si>
  <si>
    <t>2016.0</t>
  </si>
  <si>
    <t>0.706</t>
  </si>
  <si>
    <t>156478.0</t>
  </si>
  <si>
    <t>2152.0</t>
  </si>
  <si>
    <t>54.814</t>
  </si>
  <si>
    <t>0.754</t>
  </si>
  <si>
    <t>2101.0</t>
  </si>
  <si>
    <t>0.736</t>
  </si>
  <si>
    <t>158676.0</t>
  </si>
  <si>
    <t>2198.0</t>
  </si>
  <si>
    <t>55.584</t>
  </si>
  <si>
    <t>2122.0</t>
  </si>
  <si>
    <t>0.743</t>
  </si>
  <si>
    <t>0.3203</t>
  </si>
  <si>
    <t>160618.0</t>
  </si>
  <si>
    <t>56.264</t>
  </si>
  <si>
    <t>2105.0</t>
  </si>
  <si>
    <t>0.737</t>
  </si>
  <si>
    <t>0.3368</t>
  </si>
  <si>
    <t>162245.0</t>
  </si>
  <si>
    <t>1627.0</t>
  </si>
  <si>
    <t>56.834</t>
  </si>
  <si>
    <t>2037.0</t>
  </si>
  <si>
    <t>0.714</t>
  </si>
  <si>
    <t>0.3458</t>
  </si>
  <si>
    <t>2.9</t>
  </si>
  <si>
    <t>164277.0</t>
  </si>
  <si>
    <t>2032.0</t>
  </si>
  <si>
    <t>57.546</t>
  </si>
  <si>
    <t>0.712</t>
  </si>
  <si>
    <t>2029.0</t>
  </si>
  <si>
    <t>0.711</t>
  </si>
  <si>
    <t>0.3608</t>
  </si>
  <si>
    <t>166372.0</t>
  </si>
  <si>
    <t>2095.0</t>
  </si>
  <si>
    <t>58.28</t>
  </si>
  <si>
    <t>0.734</t>
  </si>
  <si>
    <t>2023.0</t>
  </si>
  <si>
    <t>0.709</t>
  </si>
  <si>
    <t>0.3654</t>
  </si>
  <si>
    <t>168099.0</t>
  </si>
  <si>
    <t>1727.0</t>
  </si>
  <si>
    <t>58.885</t>
  </si>
  <si>
    <t>0.605</t>
  </si>
  <si>
    <t>0.3707</t>
  </si>
  <si>
    <t>169876.0</t>
  </si>
  <si>
    <t>1777.0</t>
  </si>
  <si>
    <t>59.507</t>
  </si>
  <si>
    <t>1914.0</t>
  </si>
  <si>
    <t>0.3715</t>
  </si>
  <si>
    <t>171654.0</t>
  </si>
  <si>
    <t>1778.0</t>
  </si>
  <si>
    <t>60.13</t>
  </si>
  <si>
    <t>0.623</t>
  </si>
  <si>
    <t>1854.0</t>
  </si>
  <si>
    <t>0.649</t>
  </si>
  <si>
    <t>0.3688</t>
  </si>
  <si>
    <t>173070.0</t>
  </si>
  <si>
    <t>1416.0</t>
  </si>
  <si>
    <t>60.626</t>
  </si>
  <si>
    <t>0.496</t>
  </si>
  <si>
    <t>1779.0</t>
  </si>
  <si>
    <t>0.3689</t>
  </si>
  <si>
    <t>175190.0</t>
  </si>
  <si>
    <t>2120.0</t>
  </si>
  <si>
    <t>61.369</t>
  </si>
  <si>
    <t>0.3758</t>
  </si>
  <si>
    <t>177138.0</t>
  </si>
  <si>
    <t>1948.0</t>
  </si>
  <si>
    <t>62.051</t>
  </si>
  <si>
    <t>0.682</t>
  </si>
  <si>
    <t>1837.0</t>
  </si>
  <si>
    <t>0.643</t>
  </si>
  <si>
    <t>0.3597</t>
  </si>
  <si>
    <t>4703.4</t>
  </si>
  <si>
    <t>120.15</t>
  </si>
  <si>
    <t>1654.77613694175</t>
  </si>
  <si>
    <t>178840.0</t>
  </si>
  <si>
    <t>62.647</t>
  </si>
  <si>
    <t>0.596</t>
  </si>
  <si>
    <t>1781.0</t>
  </si>
  <si>
    <t>0.624</t>
  </si>
  <si>
    <t>0.3781</t>
  </si>
  <si>
    <t>2.6</t>
  </si>
  <si>
    <t>180670.0</t>
  </si>
  <si>
    <t>1830.0</t>
  </si>
  <si>
    <t>63.288</t>
  </si>
  <si>
    <t>0.641</t>
  </si>
  <si>
    <t>1796.0</t>
  </si>
  <si>
    <t>0.629</t>
  </si>
  <si>
    <t>0.3798</t>
  </si>
  <si>
    <t>182795.0</t>
  </si>
  <si>
    <t>2125.0</t>
  </si>
  <si>
    <t>64.033</t>
  </si>
  <si>
    <t>0.744</t>
  </si>
  <si>
    <t>1846.0</t>
  </si>
  <si>
    <t>0.647</t>
  </si>
  <si>
    <t>0.3793</t>
  </si>
  <si>
    <t>184710.0</t>
  </si>
  <si>
    <t>1915.0</t>
  </si>
  <si>
    <t>64.704</t>
  </si>
  <si>
    <t>0.671</t>
  </si>
  <si>
    <t>1865.0</t>
  </si>
  <si>
    <t>0.3874</t>
  </si>
  <si>
    <t>186561.0</t>
  </si>
  <si>
    <t>1851.0</t>
  </si>
  <si>
    <t>65.352</t>
  </si>
  <si>
    <t>0.3972</t>
  </si>
  <si>
    <t>188624.0</t>
  </si>
  <si>
    <t>2063.0</t>
  </si>
  <si>
    <t>66.075</t>
  </si>
  <si>
    <t>0.723</t>
  </si>
  <si>
    <t>1919.0</t>
  </si>
  <si>
    <t>0.672</t>
  </si>
  <si>
    <t>0.3992</t>
  </si>
  <si>
    <t>190587.0</t>
  </si>
  <si>
    <t>66.762</t>
  </si>
  <si>
    <t>0.688</t>
  </si>
  <si>
    <t>1921.0</t>
  </si>
  <si>
    <t>0.673</t>
  </si>
  <si>
    <t>0.4091</t>
  </si>
  <si>
    <t>193119.0</t>
  </si>
  <si>
    <t>2532.0</t>
  </si>
  <si>
    <t>67.649</t>
  </si>
  <si>
    <t>0.887</t>
  </si>
  <si>
    <t>2040.0</t>
  </si>
  <si>
    <t>0.715</t>
  </si>
  <si>
    <t>0.3797</t>
  </si>
  <si>
    <t>195739.0</t>
  </si>
  <si>
    <t>2620.0</t>
  </si>
  <si>
    <t>68.567</t>
  </si>
  <si>
    <t>0.918</t>
  </si>
  <si>
    <t>2153.0</t>
  </si>
  <si>
    <t>0.3629</t>
  </si>
  <si>
    <t>198453.0</t>
  </si>
  <si>
    <t>2714.0</t>
  </si>
  <si>
    <t>69.518</t>
  </si>
  <si>
    <t>0.951</t>
  </si>
  <si>
    <t>2237.0</t>
  </si>
  <si>
    <t>0.784</t>
  </si>
  <si>
    <t>0.3551</t>
  </si>
  <si>
    <t>201057.0</t>
  </si>
  <si>
    <t>2604.0</t>
  </si>
  <si>
    <t>70.43</t>
  </si>
  <si>
    <t>0.912</t>
  </si>
  <si>
    <t>2335.0</t>
  </si>
  <si>
    <t>0.818</t>
  </si>
  <si>
    <t>0.3402</t>
  </si>
  <si>
    <t>203791.0</t>
  </si>
  <si>
    <t>2734.0</t>
  </si>
  <si>
    <t>71.388</t>
  </si>
  <si>
    <t>0.958</t>
  </si>
  <si>
    <t>2461.0</t>
  </si>
  <si>
    <t>0.862</t>
  </si>
  <si>
    <t>0.3247</t>
  </si>
  <si>
    <t>206292.0</t>
  </si>
  <si>
    <t>2501.0</t>
  </si>
  <si>
    <t>72.264</t>
  </si>
  <si>
    <t>0.876</t>
  </si>
  <si>
    <t>2524.0</t>
  </si>
  <si>
    <t>0.884</t>
  </si>
  <si>
    <t>0.3137</t>
  </si>
  <si>
    <t>208400.0</t>
  </si>
  <si>
    <t>2108.0</t>
  </si>
  <si>
    <t>73.002</t>
  </si>
  <si>
    <t>2545.0</t>
  </si>
  <si>
    <t>0.892</t>
  </si>
  <si>
    <t>0.3092</t>
  </si>
  <si>
    <t>211111.0</t>
  </si>
  <si>
    <t>2711.0</t>
  </si>
  <si>
    <t>73.952</t>
  </si>
  <si>
    <t>0.95</t>
  </si>
  <si>
    <t>2570.0</t>
  </si>
  <si>
    <t>0.9</t>
  </si>
  <si>
    <t>0.3093</t>
  </si>
  <si>
    <t>213768.0</t>
  </si>
  <si>
    <t>74.883</t>
  </si>
  <si>
    <t>0.931</t>
  </si>
  <si>
    <t>2576.0</t>
  </si>
  <si>
    <t>0.902</t>
  </si>
  <si>
    <t>0.3022</t>
  </si>
  <si>
    <t>216513.0</t>
  </si>
  <si>
    <t>2745.0</t>
  </si>
  <si>
    <t>75.844</t>
  </si>
  <si>
    <t>0.962</t>
  </si>
  <si>
    <t>2580.0</t>
  </si>
  <si>
    <t>0.904</t>
  </si>
  <si>
    <t>219128.0</t>
  </si>
  <si>
    <t>2615.0</t>
  </si>
  <si>
    <t>76.76</t>
  </si>
  <si>
    <t>0.916</t>
  </si>
  <si>
    <t>2582.0</t>
  </si>
  <si>
    <t>0.2844</t>
  </si>
  <si>
    <t>221404.0</t>
  </si>
  <si>
    <t>2276.0</t>
  </si>
  <si>
    <t>77.557</t>
  </si>
  <si>
    <t>0.797</t>
  </si>
  <si>
    <t>2516.0</t>
  </si>
  <si>
    <t>0.881</t>
  </si>
  <si>
    <t>0.2725</t>
  </si>
  <si>
    <t>223331.0</t>
  </si>
  <si>
    <t>78.232</t>
  </si>
  <si>
    <t>2434.0</t>
  </si>
  <si>
    <t>0.853</t>
  </si>
  <si>
    <t>0.2625</t>
  </si>
  <si>
    <t>225239.0</t>
  </si>
  <si>
    <t>78.901</t>
  </si>
  <si>
    <t>2406.0</t>
  </si>
  <si>
    <t>0.843</t>
  </si>
  <si>
    <t>0.2514</t>
  </si>
  <si>
    <t>227659.0</t>
  </si>
  <si>
    <t>2420.0</t>
  </si>
  <si>
    <t>79.749</t>
  </si>
  <si>
    <t>0.848</t>
  </si>
  <si>
    <t>2364.0</t>
  </si>
  <si>
    <t>0.828</t>
  </si>
  <si>
    <t>0.2305</t>
  </si>
  <si>
    <t>229869.0</t>
  </si>
  <si>
    <t>2210.0</t>
  </si>
  <si>
    <t>80.523</t>
  </si>
  <si>
    <t>0.774</t>
  </si>
  <si>
    <t>2300.0</t>
  </si>
  <si>
    <t>0.806</t>
  </si>
  <si>
    <t>0.2286</t>
  </si>
  <si>
    <t>232067.0</t>
  </si>
  <si>
    <t>81.293</t>
  </si>
  <si>
    <t>2222.0</t>
  </si>
  <si>
    <t>0.778</t>
  </si>
  <si>
    <t>0.2188</t>
  </si>
  <si>
    <t>234251.0</t>
  </si>
  <si>
    <t>82.058</t>
  </si>
  <si>
    <t>0.765</t>
  </si>
  <si>
    <t>2160.0</t>
  </si>
  <si>
    <t>0.757</t>
  </si>
  <si>
    <t>0.2233</t>
  </si>
  <si>
    <t>236140.0</t>
  </si>
  <si>
    <t>1889.0</t>
  </si>
  <si>
    <t>82.719</t>
  </si>
  <si>
    <t>0.662</t>
  </si>
  <si>
    <t>0.2181</t>
  </si>
  <si>
    <t>238305.0</t>
  </si>
  <si>
    <t>2165.0</t>
  </si>
  <si>
    <t>83.478</t>
  </si>
  <si>
    <t>0.758</t>
  </si>
  <si>
    <t>2139.0</t>
  </si>
  <si>
    <t>0.2171</t>
  </si>
  <si>
    <t>239813.0</t>
  </si>
  <si>
    <t>1508.0</t>
  </si>
  <si>
    <t>84.006</t>
  </si>
  <si>
    <t>2082.0</t>
  </si>
  <si>
    <t>0.729</t>
  </si>
  <si>
    <t>0.2159</t>
  </si>
  <si>
    <t>242495.0</t>
  </si>
  <si>
    <t>2682.0</t>
  </si>
  <si>
    <t>84.946</t>
  </si>
  <si>
    <t>0.939</t>
  </si>
  <si>
    <t>2119.0</t>
  </si>
  <si>
    <t>0.2246</t>
  </si>
  <si>
    <t>245176.0</t>
  </si>
  <si>
    <t>85.885</t>
  </si>
  <si>
    <t>0.766</t>
  </si>
  <si>
    <t>0.2227</t>
  </si>
  <si>
    <t>247526.0</t>
  </si>
  <si>
    <t>2350.0</t>
  </si>
  <si>
    <t>86.708</t>
  </si>
  <si>
    <t>0.823</t>
  </si>
  <si>
    <t>2208.0</t>
  </si>
  <si>
    <t>0.773</t>
  </si>
  <si>
    <t>0.2257</t>
  </si>
  <si>
    <t>5812.4</t>
  </si>
  <si>
    <t>26.67</t>
  </si>
  <si>
    <t>54.6</t>
  </si>
  <si>
    <t>2044.9506353617</t>
  </si>
  <si>
    <t>249384.0</t>
  </si>
  <si>
    <t>1858.0</t>
  </si>
  <si>
    <t>87.359</t>
  </si>
  <si>
    <t>2162.0</t>
  </si>
  <si>
    <t>0.194</t>
  </si>
  <si>
    <t>250409.0</t>
  </si>
  <si>
    <t>87.718</t>
  </si>
  <si>
    <t>2038.0</t>
  </si>
  <si>
    <t>0.2268</t>
  </si>
  <si>
    <t>252718.0</t>
  </si>
  <si>
    <t>2309.0</t>
  </si>
  <si>
    <t>88.527</t>
  </si>
  <si>
    <t>0.809</t>
  </si>
  <si>
    <t>2059.0</t>
  </si>
  <si>
    <t>0.721</t>
  </si>
  <si>
    <t>0.2209</t>
  </si>
  <si>
    <t>253999.0</t>
  </si>
  <si>
    <t>88.975</t>
  </si>
  <si>
    <t>0.449</t>
  </si>
  <si>
    <t>2027.0</t>
  </si>
  <si>
    <t>257423.0</t>
  </si>
  <si>
    <t>3424.0</t>
  </si>
  <si>
    <t>90.175</t>
  </si>
  <si>
    <t>1.199</t>
  </si>
  <si>
    <t>2133.0</t>
  </si>
  <si>
    <t>0.747</t>
  </si>
  <si>
    <t>0.2101</t>
  </si>
  <si>
    <t>261329.0</t>
  </si>
  <si>
    <t>3906.0</t>
  </si>
  <si>
    <t>91.543</t>
  </si>
  <si>
    <t>1.368</t>
  </si>
  <si>
    <t>2308.0</t>
  </si>
  <si>
    <t>0.808</t>
  </si>
  <si>
    <t>0.2031</t>
  </si>
  <si>
    <t>264997.0</t>
  </si>
  <si>
    <t>3668.0</t>
  </si>
  <si>
    <t>92.828</t>
  </si>
  <si>
    <t>1.285</t>
  </si>
  <si>
    <t>2496.0</t>
  </si>
  <si>
    <t>0.874</t>
  </si>
  <si>
    <t>268924.0</t>
  </si>
  <si>
    <t>3927.0</t>
  </si>
  <si>
    <t>94.204</t>
  </si>
  <si>
    <t>1.376</t>
  </si>
  <si>
    <t>2791.0</t>
  </si>
  <si>
    <t>0.978</t>
  </si>
  <si>
    <t>0.2079</t>
  </si>
  <si>
    <t>273423.0</t>
  </si>
  <si>
    <t>4499.0</t>
  </si>
  <si>
    <t>95.78</t>
  </si>
  <si>
    <t>1.576</t>
  </si>
  <si>
    <t>3288.0</t>
  </si>
  <si>
    <t>1.152</t>
  </si>
  <si>
    <t>0.1756</t>
  </si>
  <si>
    <t>276420.0</t>
  </si>
  <si>
    <t>2997.0</t>
  </si>
  <si>
    <t>96.829</t>
  </si>
  <si>
    <t>3386.0</t>
  </si>
  <si>
    <t>1.186</t>
  </si>
  <si>
    <t>0.1754</t>
  </si>
  <si>
    <t>277995.0</t>
  </si>
  <si>
    <t>1575.0</t>
  </si>
  <si>
    <t>97.381</t>
  </si>
  <si>
    <t>0.552</t>
  </si>
  <si>
    <t>3428.0</t>
  </si>
  <si>
    <t>1.201</t>
  </si>
  <si>
    <t>0.1812</t>
  </si>
  <si>
    <t>281722.0</t>
  </si>
  <si>
    <t>3727.0</t>
  </si>
  <si>
    <t>98.687</t>
  </si>
  <si>
    <t>1.306</t>
  </si>
  <si>
    <t>3471.0</t>
  </si>
  <si>
    <t>1.216</t>
  </si>
  <si>
    <t>0.1788</t>
  </si>
  <si>
    <t>285029.0</t>
  </si>
  <si>
    <t>3307.0</t>
  </si>
  <si>
    <t>99.845</t>
  </si>
  <si>
    <t>1.158</t>
  </si>
  <si>
    <t>0.1825</t>
  </si>
  <si>
    <t>63.0</t>
  </si>
  <si>
    <t>22.0</t>
  </si>
  <si>
    <t>288724.0</t>
  </si>
  <si>
    <t>3695.0</t>
  </si>
  <si>
    <t>101.14</t>
  </si>
  <si>
    <t>1.294</t>
  </si>
  <si>
    <t>3390.0</t>
  </si>
  <si>
    <t>1.188</t>
  </si>
  <si>
    <t>0.1807</t>
  </si>
  <si>
    <t>292254.0</t>
  </si>
  <si>
    <t>3530.0</t>
  </si>
  <si>
    <t>102.376</t>
  </si>
  <si>
    <t>1.237</t>
  </si>
  <si>
    <t>3333.0</t>
  </si>
  <si>
    <t>1.168</t>
  </si>
  <si>
    <t>295283.0</t>
  </si>
  <si>
    <t>3029.0</t>
  </si>
  <si>
    <t>103.437</t>
  </si>
  <si>
    <t>1.061</t>
  </si>
  <si>
    <t>3123.0</t>
  </si>
  <si>
    <t>1.094</t>
  </si>
  <si>
    <t>0.1913</t>
  </si>
  <si>
    <t>369.0</t>
  </si>
  <si>
    <t>297804.0</t>
  </si>
  <si>
    <t>2521.0</t>
  </si>
  <si>
    <t>104.32</t>
  </si>
  <si>
    <t>0.883</t>
  </si>
  <si>
    <t>3055.0</t>
  </si>
  <si>
    <t>1.07</t>
  </si>
  <si>
    <t>20.0</t>
  </si>
  <si>
    <t>300147.0</t>
  </si>
  <si>
    <t>2343.0</t>
  </si>
  <si>
    <t>105.141</t>
  </si>
  <si>
    <t>0.821</t>
  </si>
  <si>
    <t>3165.0</t>
  </si>
  <si>
    <t>1.109</t>
  </si>
  <si>
    <t>447.0</t>
  </si>
  <si>
    <t>55.0</t>
  </si>
  <si>
    <t>19.0</t>
  </si>
  <si>
    <t>302657.0</t>
  </si>
  <si>
    <t>2510.0</t>
  </si>
  <si>
    <t>106.02</t>
  </si>
  <si>
    <t>0.879</t>
  </si>
  <si>
    <t>2991.0</t>
  </si>
  <si>
    <t>1.048</t>
  </si>
  <si>
    <t>0.1882</t>
  </si>
  <si>
    <t>483.0</t>
  </si>
  <si>
    <t>51.0</t>
  </si>
  <si>
    <t>305988.0</t>
  </si>
  <si>
    <t>3331.0</t>
  </si>
  <si>
    <t>107.187</t>
  </si>
  <si>
    <t>1.167</t>
  </si>
  <si>
    <t>2994.0</t>
  </si>
  <si>
    <t>1.049</t>
  </si>
  <si>
    <t>0.1863</t>
  </si>
  <si>
    <t>309076.0</t>
  </si>
  <si>
    <t>3088.0</t>
  </si>
  <si>
    <t>108.269</t>
  </si>
  <si>
    <t>1.082</t>
  </si>
  <si>
    <t>2907.0</t>
  </si>
  <si>
    <t>1.018</t>
  </si>
  <si>
    <t>0.1927</t>
  </si>
  <si>
    <t>312390.0</t>
  </si>
  <si>
    <t>3314.0</t>
  </si>
  <si>
    <t>109.43</t>
  </si>
  <si>
    <t>1.161</t>
  </si>
  <si>
    <t>2877.0</t>
  </si>
  <si>
    <t>1.008</t>
  </si>
  <si>
    <t>0.1996</t>
  </si>
  <si>
    <t>34.0</t>
  </si>
  <si>
    <t>315903.0</t>
  </si>
  <si>
    <t>3513.0</t>
  </si>
  <si>
    <t>110.66</t>
  </si>
  <si>
    <t>1.231</t>
  </si>
  <si>
    <t>2946.0</t>
  </si>
  <si>
    <t>1.032</t>
  </si>
  <si>
    <t>0.2049</t>
  </si>
  <si>
    <t>9.0</t>
  </si>
  <si>
    <t>319414.0</t>
  </si>
  <si>
    <t>3511.0</t>
  </si>
  <si>
    <t>111.89</t>
  </si>
  <si>
    <t>3087.0</t>
  </si>
  <si>
    <t>1.081</t>
  </si>
  <si>
    <t>0.2121</t>
  </si>
  <si>
    <t>21.0</t>
  </si>
  <si>
    <t>321332.0</t>
  </si>
  <si>
    <t>1918.0</t>
  </si>
  <si>
    <t>112.562</t>
  </si>
  <si>
    <t>3026.0</t>
  </si>
  <si>
    <t>324937.0</t>
  </si>
  <si>
    <t>3605.0</t>
  </si>
  <si>
    <t>113.825</t>
  </si>
  <si>
    <t>1.263</t>
  </si>
  <si>
    <t>3183.0</t>
  </si>
  <si>
    <t>1.115</t>
  </si>
  <si>
    <t>0.2299</t>
  </si>
  <si>
    <t>328449.0</t>
  </si>
  <si>
    <t>115.055</t>
  </si>
  <si>
    <t>3209.0</t>
  </si>
  <si>
    <t>1.124</t>
  </si>
  <si>
    <t>332340.0</t>
  </si>
  <si>
    <t>3891.0</t>
  </si>
  <si>
    <t>116.418</t>
  </si>
  <si>
    <t>1.363</t>
  </si>
  <si>
    <t>3323.0</t>
  </si>
  <si>
    <t>1.164</t>
  </si>
  <si>
    <t>0.2381</t>
  </si>
  <si>
    <t>336101.0</t>
  </si>
  <si>
    <t>3761.0</t>
  </si>
  <si>
    <t>117.736</t>
  </si>
  <si>
    <t>1.317</t>
  </si>
  <si>
    <t>3387.0</t>
  </si>
  <si>
    <t>0.2402</t>
  </si>
  <si>
    <t>339965.0</t>
  </si>
  <si>
    <t>3864.0</t>
  </si>
  <si>
    <t>119.089</t>
  </si>
  <si>
    <t>1.354</t>
  </si>
  <si>
    <t>3437.0</t>
  </si>
  <si>
    <t>1.204</t>
  </si>
  <si>
    <t>0.2415</t>
  </si>
  <si>
    <t>343109.0</t>
  </si>
  <si>
    <t>3144.0</t>
  </si>
  <si>
    <t>120.19</t>
  </si>
  <si>
    <t>1.101</t>
  </si>
  <si>
    <t>3385.0</t>
  </si>
  <si>
    <t>0.247</t>
  </si>
  <si>
    <t>6384.8</t>
  </si>
  <si>
    <t>26.36</t>
  </si>
  <si>
    <t>23.56</t>
  </si>
  <si>
    <t>2246.33556132706</t>
  </si>
  <si>
    <t>346069.0</t>
  </si>
  <si>
    <t>2960.0</t>
  </si>
  <si>
    <t>121.227</t>
  </si>
  <si>
    <t>1.037</t>
  </si>
  <si>
    <t>3534.0</t>
  </si>
  <si>
    <t>1.238</t>
  </si>
  <si>
    <t>0.2498</t>
  </si>
  <si>
    <t>349925.0</t>
  </si>
  <si>
    <t>3856.0</t>
  </si>
  <si>
    <t>122.578</t>
  </si>
  <si>
    <t>1.351</t>
  </si>
  <si>
    <t>3570.0</t>
  </si>
  <si>
    <t>1.251</t>
  </si>
  <si>
    <t>353774.0</t>
  </si>
  <si>
    <t>123.926</t>
  </si>
  <si>
    <t>1.348</t>
  </si>
  <si>
    <t>3618.0</t>
  </si>
  <si>
    <t>1.267</t>
  </si>
  <si>
    <t>0.2517</t>
  </si>
  <si>
    <t>357748.0</t>
  </si>
  <si>
    <t>3974.0</t>
  </si>
  <si>
    <t>125.319</t>
  </si>
  <si>
    <t>1.392</t>
  </si>
  <si>
    <t>3630.0</t>
  </si>
  <si>
    <t>1.272</t>
  </si>
  <si>
    <t>0.2573</t>
  </si>
  <si>
    <t>3.9</t>
  </si>
  <si>
    <t>362018.0</t>
  </si>
  <si>
    <t>4270.0</t>
  </si>
  <si>
    <t>126.814</t>
  </si>
  <si>
    <t>1.496</t>
  </si>
  <si>
    <t>3702.0</t>
  </si>
  <si>
    <t>1.297</t>
  </si>
  <si>
    <t>0.2598</t>
  </si>
  <si>
    <t>366557.0</t>
  </si>
  <si>
    <t>4539.0</t>
  </si>
  <si>
    <t>128.404</t>
  </si>
  <si>
    <t>3799.0</t>
  </si>
  <si>
    <t>1.331</t>
  </si>
  <si>
    <t>0.2618</t>
  </si>
  <si>
    <t>3599.0</t>
  </si>
  <si>
    <t>1.261</t>
  </si>
  <si>
    <t>0.2862</t>
  </si>
  <si>
    <t>370042.0</t>
  </si>
  <si>
    <t>3485.0</t>
  </si>
  <si>
    <t>129.625</t>
  </si>
  <si>
    <t>1.221</t>
  </si>
  <si>
    <t>3425.0</t>
  </si>
  <si>
    <t>0.3044</t>
  </si>
  <si>
    <t>25.0</t>
  </si>
  <si>
    <t>374604.0</t>
  </si>
  <si>
    <t>4562.0</t>
  </si>
  <si>
    <t>131.223</t>
  </si>
  <si>
    <t>1.598</t>
  </si>
  <si>
    <t>3526.0</t>
  </si>
  <si>
    <t>0.3077</t>
  </si>
  <si>
    <t>378687.0</t>
  </si>
  <si>
    <t>4083.0</t>
  </si>
  <si>
    <t>132.653</t>
  </si>
  <si>
    <t>1.247</t>
  </si>
  <si>
    <t>0.3103</t>
  </si>
  <si>
    <t>28.0</t>
  </si>
  <si>
    <t>382779.0</t>
  </si>
  <si>
    <t>4092.0</t>
  </si>
  <si>
    <t>134.087</t>
  </si>
  <si>
    <t>1.433</t>
  </si>
  <si>
    <t>3576.0</t>
  </si>
  <si>
    <t>1.253</t>
  </si>
  <si>
    <t>0.3109</t>
  </si>
  <si>
    <t>386761.0</t>
  </si>
  <si>
    <t>135.482</t>
  </si>
  <si>
    <t>1.395</t>
  </si>
  <si>
    <t>3535.0</t>
  </si>
  <si>
    <t>0.3133</t>
  </si>
  <si>
    <t>390755.0</t>
  </si>
  <si>
    <t>3994.0</t>
  </si>
  <si>
    <t>136.881</t>
  </si>
  <si>
    <t>1.399</t>
  </si>
  <si>
    <t>3457.0</t>
  </si>
  <si>
    <t>1.211</t>
  </si>
  <si>
    <t>0.3213</t>
  </si>
  <si>
    <t>76.0</t>
  </si>
  <si>
    <t>394640.0</t>
  </si>
  <si>
    <t>3885.0</t>
  </si>
  <si>
    <t>138.242</t>
  </si>
  <si>
    <t>1.361</t>
  </si>
  <si>
    <t>3763.0</t>
  </si>
  <si>
    <t>1.318</t>
  </si>
  <si>
    <t>0.2938</t>
  </si>
  <si>
    <t>3788.0</t>
  </si>
  <si>
    <t>1.327</t>
  </si>
  <si>
    <t>0.2851</t>
  </si>
  <si>
    <t>398482.0</t>
  </si>
  <si>
    <t>3842.0</t>
  </si>
  <si>
    <t>139.588</t>
  </si>
  <si>
    <t>1.346</t>
  </si>
  <si>
    <t>3411.0</t>
  </si>
  <si>
    <t>1.195</t>
  </si>
  <si>
    <t>0.2983</t>
  </si>
  <si>
    <t>402383.0</t>
  </si>
  <si>
    <t>3901.0</t>
  </si>
  <si>
    <t>140.954</t>
  </si>
  <si>
    <t>1.367</t>
  </si>
  <si>
    <t>0.2977</t>
  </si>
  <si>
    <t>1701.0</t>
  </si>
  <si>
    <t>611.0</t>
  </si>
  <si>
    <t>406318.0</t>
  </si>
  <si>
    <t>3935.0</t>
  </si>
  <si>
    <t>142.332</t>
  </si>
  <si>
    <t>1.378</t>
  </si>
  <si>
    <t>3363.0</t>
  </si>
  <si>
    <t>1.178</t>
  </si>
  <si>
    <t>3049.0</t>
  </si>
  <si>
    <t>2438.0</t>
  </si>
  <si>
    <t>1348.0</t>
  </si>
  <si>
    <t>254.0</t>
  </si>
  <si>
    <t>89.0</t>
  </si>
  <si>
    <t>410166.0</t>
  </si>
  <si>
    <t>3848.0</t>
  </si>
  <si>
    <t>143.68</t>
  </si>
  <si>
    <t>3344.0</t>
  </si>
  <si>
    <t>1.171</t>
  </si>
  <si>
    <t>4177.0</t>
  </si>
  <si>
    <t>1128.0</t>
  </si>
  <si>
    <t>414141.0</t>
  </si>
  <si>
    <t>3975.0</t>
  </si>
  <si>
    <t>145.073</t>
  </si>
  <si>
    <t>0.3025</t>
  </si>
  <si>
    <t>481.0</t>
  </si>
  <si>
    <t>418154.0</t>
  </si>
  <si>
    <t>4013.0</t>
  </si>
  <si>
    <t>146.479</t>
  </si>
  <si>
    <t>1.406</t>
  </si>
  <si>
    <t>3359.0</t>
  </si>
  <si>
    <t>1.177</t>
  </si>
  <si>
    <t>627.0</t>
  </si>
  <si>
    <t>421412.0</t>
  </si>
  <si>
    <t>3258.0</t>
  </si>
  <si>
    <t>147.62</t>
  </si>
  <si>
    <t>1.141</t>
  </si>
  <si>
    <t>3550.0</t>
  </si>
  <si>
    <t>1.244</t>
  </si>
  <si>
    <t>0.2992</t>
  </si>
  <si>
    <t>6728.0</t>
  </si>
  <si>
    <t>6073.0</t>
  </si>
  <si>
    <t>739.0</t>
  </si>
  <si>
    <t>726.0</t>
  </si>
  <si>
    <t>425410.0</t>
  </si>
  <si>
    <t>3998.0</t>
  </si>
  <si>
    <t>149.02</t>
  </si>
  <si>
    <t>3847.0</t>
  </si>
  <si>
    <t>0.2843</t>
  </si>
  <si>
    <t>1515.0</t>
  </si>
  <si>
    <t>429307.0</t>
  </si>
  <si>
    <t>3897.0</t>
  </si>
  <si>
    <t>150.386</t>
  </si>
  <si>
    <t>1.365</t>
  </si>
  <si>
    <t>3846.0</t>
  </si>
  <si>
    <t>1.347</t>
  </si>
  <si>
    <t>0.2823</t>
  </si>
  <si>
    <t>1043.0</t>
  </si>
  <si>
    <t>2305.0</t>
  </si>
  <si>
    <t>432998.0</t>
  </si>
  <si>
    <t>151.678</t>
  </si>
  <si>
    <t>1.293</t>
  </si>
  <si>
    <t>3811.0</t>
  </si>
  <si>
    <t>1.335</t>
  </si>
  <si>
    <t>0.2802</t>
  </si>
  <si>
    <t>10135.0</t>
  </si>
  <si>
    <t>2909.0</t>
  </si>
  <si>
    <t>436687.0</t>
  </si>
  <si>
    <t>3689.0</t>
  </si>
  <si>
    <t>152.971</t>
  </si>
  <si>
    <t>1.292</t>
  </si>
  <si>
    <t>3789.0</t>
  </si>
  <si>
    <t>0.276</t>
  </si>
  <si>
    <t>352.0</t>
  </si>
  <si>
    <t>3575.0</t>
  </si>
  <si>
    <t>440644.0</t>
  </si>
  <si>
    <t>3957.0</t>
  </si>
  <si>
    <t>154.357</t>
  </si>
  <si>
    <t>1.386</t>
  </si>
  <si>
    <t>3786.0</t>
  </si>
  <si>
    <t>1.326</t>
  </si>
  <si>
    <t>0.2699</t>
  </si>
  <si>
    <t>444449.0</t>
  </si>
  <si>
    <t>3805.0</t>
  </si>
  <si>
    <t>155.69</t>
  </si>
  <si>
    <t>1.333</t>
  </si>
  <si>
    <t>3756.0</t>
  </si>
  <si>
    <t>0.2632</t>
  </si>
  <si>
    <t>4908.0</t>
  </si>
  <si>
    <t>8200.8</t>
  </si>
  <si>
    <t>31.33</t>
  </si>
  <si>
    <t>92.8</t>
  </si>
  <si>
    <t>2885.25070030869</t>
  </si>
  <si>
    <t>447163.0</t>
  </si>
  <si>
    <t>156.64</t>
  </si>
  <si>
    <t>3679.0</t>
  </si>
  <si>
    <t>1.289</t>
  </si>
  <si>
    <t>0.2581</t>
  </si>
  <si>
    <t>14295.0</t>
  </si>
  <si>
    <t>380.0</t>
  </si>
  <si>
    <t>5575.0</t>
  </si>
  <si>
    <t>450532.0</t>
  </si>
  <si>
    <t>3369.0</t>
  </si>
  <si>
    <t>157.821</t>
  </si>
  <si>
    <t>3589.0</t>
  </si>
  <si>
    <t>1.257</t>
  </si>
  <si>
    <t>0.2594</t>
  </si>
  <si>
    <t>453681.0</t>
  </si>
  <si>
    <t>3149.0</t>
  </si>
  <si>
    <t>158.924</t>
  </si>
  <si>
    <t>1.103</t>
  </si>
  <si>
    <t>3482.0</t>
  </si>
  <si>
    <t>1.22</t>
  </si>
  <si>
    <t>0.2604</t>
  </si>
  <si>
    <t>15793.0</t>
  </si>
  <si>
    <t>456949.0</t>
  </si>
  <si>
    <t>3268.0</t>
  </si>
  <si>
    <t>160.068</t>
  </si>
  <si>
    <t>1.145</t>
  </si>
  <si>
    <t>3422.0</t>
  </si>
  <si>
    <t>0.2592</t>
  </si>
  <si>
    <t>927.0</t>
  </si>
  <si>
    <t>460120.0</t>
  </si>
  <si>
    <t>3171.0</t>
  </si>
  <si>
    <t>161.179</t>
  </si>
  <si>
    <t>1.111</t>
  </si>
  <si>
    <t>3348.0</t>
  </si>
  <si>
    <t>1.173</t>
  </si>
  <si>
    <t>0.2591</t>
  </si>
  <si>
    <t>463428.0</t>
  </si>
  <si>
    <t>3308.0</t>
  </si>
  <si>
    <t>162.338</t>
  </si>
  <si>
    <t>1.159</t>
  </si>
  <si>
    <t>3255.0</t>
  </si>
  <si>
    <t>305.0</t>
  </si>
  <si>
    <t>466800.0</t>
  </si>
  <si>
    <t>3372.0</t>
  </si>
  <si>
    <t>163.519</t>
  </si>
  <si>
    <t>1.181</t>
  </si>
  <si>
    <t>3193.0</t>
  </si>
  <si>
    <t>1.119</t>
  </si>
  <si>
    <t>0.2564</t>
  </si>
  <si>
    <t>295.0</t>
  </si>
  <si>
    <t>469508.0</t>
  </si>
  <si>
    <t>2708.0</t>
  </si>
  <si>
    <t>164.468</t>
  </si>
  <si>
    <t>0.949</t>
  </si>
  <si>
    <t>3192.0</t>
  </si>
  <si>
    <t>1.118</t>
  </si>
  <si>
    <t>0.2528</t>
  </si>
  <si>
    <t>472705.0</t>
  </si>
  <si>
    <t>3197.0</t>
  </si>
  <si>
    <t>165.588</t>
  </si>
  <si>
    <t>3168.0</t>
  </si>
  <si>
    <t>475740.0</t>
  </si>
  <si>
    <t>3035.0</t>
  </si>
  <si>
    <t>166.651</t>
  </si>
  <si>
    <t>1.063</t>
  </si>
  <si>
    <t>3151.0</t>
  </si>
  <si>
    <t>1.104</t>
  </si>
  <si>
    <t>0.2342</t>
  </si>
  <si>
    <t>21613.0</t>
  </si>
  <si>
    <t>831.0</t>
  </si>
  <si>
    <t>478817.0</t>
  </si>
  <si>
    <t>3077.0</t>
  </si>
  <si>
    <t>167.729</t>
  </si>
  <si>
    <t>1.078</t>
  </si>
  <si>
    <t>302.0</t>
  </si>
  <si>
    <t>482157.0</t>
  </si>
  <si>
    <t>3340.0</t>
  </si>
  <si>
    <t>168.899</t>
  </si>
  <si>
    <t>3148.0</t>
  </si>
  <si>
    <t>23635.0</t>
  </si>
  <si>
    <t>883.0</t>
  </si>
  <si>
    <t>485620.0</t>
  </si>
  <si>
    <t>3463.0</t>
  </si>
  <si>
    <t>170.112</t>
  </si>
  <si>
    <t>1.213</t>
  </si>
  <si>
    <t>3170.0</t>
  </si>
  <si>
    <t>0.2137</t>
  </si>
  <si>
    <t>488739.0</t>
  </si>
  <si>
    <t>3119.0</t>
  </si>
  <si>
    <t>171.204</t>
  </si>
  <si>
    <t>1.093</t>
  </si>
  <si>
    <t>3134.0</t>
  </si>
  <si>
    <t>1.098</t>
  </si>
  <si>
    <t>0.2086</t>
  </si>
  <si>
    <t>423.0</t>
  </si>
  <si>
    <t>491740.0</t>
  </si>
  <si>
    <t>3001.0</t>
  </si>
  <si>
    <t>172.256</t>
  </si>
  <si>
    <t>1.051</t>
  </si>
  <si>
    <t>3176.0</t>
  </si>
  <si>
    <t>1.113</t>
  </si>
  <si>
    <t>494745.0</t>
  </si>
  <si>
    <t>3005.0</t>
  </si>
  <si>
    <t>173.308</t>
  </si>
  <si>
    <t>1.053</t>
  </si>
  <si>
    <t>0.1943</t>
  </si>
  <si>
    <t>535.0</t>
  </si>
  <si>
    <t>497742.0</t>
  </si>
  <si>
    <t>174.358</t>
  </si>
  <si>
    <t>3143.0</t>
  </si>
  <si>
    <t>33369.0</t>
  </si>
  <si>
    <t>1679.0</t>
  </si>
  <si>
    <t>591.0</t>
  </si>
  <si>
    <t>500736.0</t>
  </si>
  <si>
    <t>175.407</t>
  </si>
  <si>
    <t>3131.0</t>
  </si>
  <si>
    <t>1.097</t>
  </si>
  <si>
    <t>0.1864</t>
  </si>
  <si>
    <t>1960.0</t>
  </si>
  <si>
    <t>503722.0</t>
  </si>
  <si>
    <t>2986.0</t>
  </si>
  <si>
    <t>176.453</t>
  </si>
  <si>
    <t>1.046</t>
  </si>
  <si>
    <t>3081.0</t>
  </si>
  <si>
    <t>1.079</t>
  </si>
  <si>
    <t>0.1808</t>
  </si>
  <si>
    <t>788.0</t>
  </si>
  <si>
    <t>506973.0</t>
  </si>
  <si>
    <t>3251.0</t>
  </si>
  <si>
    <t>177.592</t>
  </si>
  <si>
    <t>1.139</t>
  </si>
  <si>
    <t>3050.0</t>
  </si>
  <si>
    <t>1.068</t>
  </si>
  <si>
    <t>0.1742</t>
  </si>
  <si>
    <t>2386.0</t>
  </si>
  <si>
    <t>510460.0</t>
  </si>
  <si>
    <t>3487.0</t>
  </si>
  <si>
    <t>178.813</t>
  </si>
  <si>
    <t>3103.0</t>
  </si>
  <si>
    <t>0.1715</t>
  </si>
  <si>
    <t>2533.0</t>
  </si>
  <si>
    <t>512453.0</t>
  </si>
  <si>
    <t>1993.0</t>
  </si>
  <si>
    <t>179.511</t>
  </si>
  <si>
    <t>0.698</t>
  </si>
  <si>
    <t>2959.0</t>
  </si>
  <si>
    <t>0.1703</t>
  </si>
  <si>
    <t>48229.0</t>
  </si>
  <si>
    <t>2679.0</t>
  </si>
  <si>
    <t>514627.0</t>
  </si>
  <si>
    <t>2174.0</t>
  </si>
  <si>
    <t>180.273</t>
  </si>
  <si>
    <t>0.762</t>
  </si>
  <si>
    <t>2840.0</t>
  </si>
  <si>
    <t>0.995</t>
  </si>
  <si>
    <t>0.1688</t>
  </si>
  <si>
    <t>51690.0</t>
  </si>
  <si>
    <t>2895.0</t>
  </si>
  <si>
    <t>517102.0</t>
  </si>
  <si>
    <t>2475.0</t>
  </si>
  <si>
    <t>181.14</t>
  </si>
  <si>
    <t>0.867</t>
  </si>
  <si>
    <t>2766.0</t>
  </si>
  <si>
    <t>0.969</t>
  </si>
  <si>
    <t>0.1734</t>
  </si>
  <si>
    <t>53992.0</t>
  </si>
  <si>
    <t>2302.0</t>
  </si>
  <si>
    <t>1036.0</t>
  </si>
  <si>
    <t>519896.0</t>
  </si>
  <si>
    <t>2794.0</t>
  </si>
  <si>
    <t>182.119</t>
  </si>
  <si>
    <t>0.979</t>
  </si>
  <si>
    <t>2737.0</t>
  </si>
  <si>
    <t>0.959</t>
  </si>
  <si>
    <t>0.1691</t>
  </si>
  <si>
    <t>59348.0</t>
  </si>
  <si>
    <t>5356.0</t>
  </si>
  <si>
    <t>1156.0</t>
  </si>
  <si>
    <t>522908.0</t>
  </si>
  <si>
    <t>3012.0</t>
  </si>
  <si>
    <t>183.174</t>
  </si>
  <si>
    <t>1.055</t>
  </si>
  <si>
    <t>2741.0</t>
  </si>
  <si>
    <t>0.1665</t>
  </si>
  <si>
    <t>62248.0</t>
  </si>
  <si>
    <t>2900.0</t>
  </si>
  <si>
    <t>3276.0</t>
  </si>
  <si>
    <t>2.19</t>
  </si>
  <si>
    <t>1153.0</t>
  </si>
  <si>
    <t>525978.0</t>
  </si>
  <si>
    <t>3070.0</t>
  </si>
  <si>
    <t>184.249</t>
  </si>
  <si>
    <t>1.075</t>
  </si>
  <si>
    <t>2715.0</t>
  </si>
  <si>
    <t>0.1631</t>
  </si>
  <si>
    <t>64075.0</t>
  </si>
  <si>
    <t>1827.0</t>
  </si>
  <si>
    <t>3113.0</t>
  </si>
  <si>
    <t>1095.0</t>
  </si>
  <si>
    <t>528971.0</t>
  </si>
  <si>
    <t>2993.0</t>
  </si>
  <si>
    <t>185.298</t>
  </si>
  <si>
    <t>2644.0</t>
  </si>
  <si>
    <t>0.926</t>
  </si>
  <si>
    <t>0.1585</t>
  </si>
  <si>
    <t>78000.0</t>
  </si>
  <si>
    <t>13925.0</t>
  </si>
  <si>
    <t>2.74</t>
  </si>
  <si>
    <t>1646.0</t>
  </si>
  <si>
    <t>530864.0</t>
  </si>
  <si>
    <t>1893.0</t>
  </si>
  <si>
    <t>185.961</t>
  </si>
  <si>
    <t>0.663</t>
  </si>
  <si>
    <t>2630.0</t>
  </si>
  <si>
    <t>0.921</t>
  </si>
  <si>
    <t>0.1562</t>
  </si>
  <si>
    <t>7204.0</t>
  </si>
  <si>
    <t>2535.0</t>
  </si>
  <si>
    <t>533594.0</t>
  </si>
  <si>
    <t>2730.0</t>
  </si>
  <si>
    <t>186.917</t>
  </si>
  <si>
    <t>0.956</t>
  </si>
  <si>
    <t>2710.0</t>
  </si>
  <si>
    <t>0.1516</t>
  </si>
  <si>
    <t>119321.0</t>
  </si>
  <si>
    <t>9662.0</t>
  </si>
  <si>
    <t>3399.0</t>
  </si>
  <si>
    <t>536585.0</t>
  </si>
  <si>
    <t>187.965</t>
  </si>
  <si>
    <t>2783.0</t>
  </si>
  <si>
    <t>0.975</t>
  </si>
  <si>
    <t>0.1469</t>
  </si>
  <si>
    <t>138846.0</t>
  </si>
  <si>
    <t>19525.0</t>
  </si>
  <si>
    <t>12122.0</t>
  </si>
  <si>
    <t>4265.0</t>
  </si>
  <si>
    <t>9685.2</t>
  </si>
  <si>
    <t>34.42</t>
  </si>
  <si>
    <t>75.63</t>
  </si>
  <si>
    <t>3407.50049783311</t>
  </si>
  <si>
    <t>539484.0</t>
  </si>
  <si>
    <t>2899.0</t>
  </si>
  <si>
    <t>188.98</t>
  </si>
  <si>
    <t>1.016</t>
  </si>
  <si>
    <t>2798.0</t>
  </si>
  <si>
    <t>0.1398</t>
  </si>
  <si>
    <t>155463.0</t>
  </si>
  <si>
    <t>16617.0</t>
  </si>
  <si>
    <t>13731.0</t>
  </si>
  <si>
    <t>4831.0</t>
  </si>
  <si>
    <t>542349.0</t>
  </si>
  <si>
    <t>189.984</t>
  </si>
  <si>
    <t>1.004</t>
  </si>
  <si>
    <t>2777.0</t>
  </si>
  <si>
    <t>0.973</t>
  </si>
  <si>
    <t>0.1351</t>
  </si>
  <si>
    <t>17023.0</t>
  </si>
  <si>
    <t>15748.0</t>
  </si>
  <si>
    <t>6.07</t>
  </si>
  <si>
    <t>5541.0</t>
  </si>
  <si>
    <t>545356.0</t>
  </si>
  <si>
    <t>3007.0</t>
  </si>
  <si>
    <t>191.037</t>
  </si>
  <si>
    <t>2768.0</t>
  </si>
  <si>
    <t>185496.0</t>
  </si>
  <si>
    <t>13010.0</t>
  </si>
  <si>
    <t>17346.0</t>
  </si>
  <si>
    <t>6103.0</t>
  </si>
  <si>
    <t>548412.0</t>
  </si>
  <si>
    <t>3056.0</t>
  </si>
  <si>
    <t>192.108</t>
  </si>
  <si>
    <t>1.071</t>
  </si>
  <si>
    <t>0.1233</t>
  </si>
  <si>
    <t>192882.0</t>
  </si>
  <si>
    <t>7386.0</t>
  </si>
  <si>
    <t>16412.0</t>
  </si>
  <si>
    <t>6.79</t>
  </si>
  <si>
    <t>5774.0</t>
  </si>
  <si>
    <t>550504.0</t>
  </si>
  <si>
    <t>2092.0</t>
  </si>
  <si>
    <t>192.841</t>
  </si>
  <si>
    <t>0.733</t>
  </si>
  <si>
    <t>2806.0</t>
  </si>
  <si>
    <t>0.983</t>
  </si>
  <si>
    <t>206708.0</t>
  </si>
  <si>
    <t>13826.0</t>
  </si>
  <si>
    <t>15435.0</t>
  </si>
  <si>
    <t>5430.0</t>
  </si>
  <si>
    <t>552838.0</t>
  </si>
  <si>
    <t>2334.0</t>
  </si>
  <si>
    <t>193.658</t>
  </si>
  <si>
    <t>2749.0</t>
  </si>
  <si>
    <t>0.963</t>
  </si>
  <si>
    <t>8.7</t>
  </si>
  <si>
    <t>221588.0</t>
  </si>
  <si>
    <t>14880.0</t>
  </si>
  <si>
    <t>14610.0</t>
  </si>
  <si>
    <t>5140.0</t>
  </si>
  <si>
    <t>555376.0</t>
  </si>
  <si>
    <t>2538.0</t>
  </si>
  <si>
    <t>194.547</t>
  </si>
  <si>
    <t>0.889</t>
  </si>
  <si>
    <t>2684.0</t>
  </si>
  <si>
    <t>0.1083</t>
  </si>
  <si>
    <t>232379.0</t>
  </si>
  <si>
    <t>10791.0</t>
  </si>
  <si>
    <t>13362.0</t>
  </si>
  <si>
    <t>4701.0</t>
  </si>
  <si>
    <t>558400.0</t>
  </si>
  <si>
    <t>3024.0</t>
  </si>
  <si>
    <t>195.607</t>
  </si>
  <si>
    <t>1.059</t>
  </si>
  <si>
    <t>2702.0</t>
  </si>
  <si>
    <t>0.947</t>
  </si>
  <si>
    <t>0.1059</t>
  </si>
  <si>
    <t>242542.0</t>
  </si>
  <si>
    <t>10163.0</t>
  </si>
  <si>
    <t>12440.0</t>
  </si>
  <si>
    <t>8.53</t>
  </si>
  <si>
    <t>4377.0</t>
  </si>
  <si>
    <t>561366.0</t>
  </si>
  <si>
    <t>2966.0</t>
  </si>
  <si>
    <t>196.646</t>
  </si>
  <si>
    <t>1.039</t>
  </si>
  <si>
    <t>2717.0</t>
  </si>
  <si>
    <t>0.952</t>
  </si>
  <si>
    <t>0.1027</t>
  </si>
  <si>
    <t>250676.0</t>
  </si>
  <si>
    <t>11170.0</t>
  </si>
  <si>
    <t>3930.0</t>
  </si>
  <si>
    <t>564708.0</t>
  </si>
  <si>
    <t>3342.0</t>
  </si>
  <si>
    <t>197.816</t>
  </si>
  <si>
    <t>2765.0</t>
  </si>
  <si>
    <t>0.1019</t>
  </si>
  <si>
    <t>256810.0</t>
  </si>
  <si>
    <t>6134.0</t>
  </si>
  <si>
    <t>10188.0</t>
  </si>
  <si>
    <t>9.04</t>
  </si>
  <si>
    <t>3584.0</t>
  </si>
  <si>
    <t>567392.0</t>
  </si>
  <si>
    <t>198.756</t>
  </si>
  <si>
    <t>0.0981</t>
  </si>
  <si>
    <t>10.2</t>
  </si>
  <si>
    <t>9898.0</t>
  </si>
  <si>
    <t>569375.0</t>
  </si>
  <si>
    <t>1983.0</t>
  </si>
  <si>
    <t>199.451</t>
  </si>
  <si>
    <t>0.695</t>
  </si>
  <si>
    <t>2696.0</t>
  </si>
  <si>
    <t>0.944</t>
  </si>
  <si>
    <t>0.0913</t>
  </si>
  <si>
    <t>267531.0</t>
  </si>
  <si>
    <t>8689.0</t>
  </si>
  <si>
    <t>3057.0</t>
  </si>
  <si>
    <t>572237.0</t>
  </si>
  <si>
    <t>200.454</t>
  </si>
  <si>
    <t>1.003</t>
  </si>
  <si>
    <t>2771.0</t>
  </si>
  <si>
    <t>0.971</t>
  </si>
  <si>
    <t>0.0936</t>
  </si>
  <si>
    <t>281216.0</t>
  </si>
  <si>
    <t>13685.0</t>
  </si>
  <si>
    <t>8518.0</t>
  </si>
  <si>
    <t>9.89</t>
  </si>
  <si>
    <t>574935.0</t>
  </si>
  <si>
    <t>2698.0</t>
  </si>
  <si>
    <t>201.399</t>
  </si>
  <si>
    <t>0.945</t>
  </si>
  <si>
    <t>0.0903</t>
  </si>
  <si>
    <t>8639.0</t>
  </si>
  <si>
    <t>3039.0</t>
  </si>
  <si>
    <t>577455.0</t>
  </si>
  <si>
    <t>2520.0</t>
  </si>
  <si>
    <t>202.281</t>
  </si>
  <si>
    <t>2722.0</t>
  </si>
  <si>
    <t>0.954</t>
  </si>
  <si>
    <t>304488.0</t>
  </si>
  <si>
    <t>8849.0</t>
  </si>
  <si>
    <t>580107.0</t>
  </si>
  <si>
    <t>2652.0</t>
  </si>
  <si>
    <t>203.21</t>
  </si>
  <si>
    <t>0.929</t>
  </si>
  <si>
    <t>2677.0</t>
  </si>
  <si>
    <t>0.938</t>
  </si>
  <si>
    <t>0.0807</t>
  </si>
  <si>
    <t>314622.0</t>
  </si>
  <si>
    <t>10134.0</t>
  </si>
  <si>
    <t>9135.0</t>
  </si>
  <si>
    <t>3214.0</t>
  </si>
  <si>
    <t>582993.0</t>
  </si>
  <si>
    <t>2886.0</t>
  </si>
  <si>
    <t>204.221</t>
  </si>
  <si>
    <t>1.011</t>
  </si>
  <si>
    <t>2612.0</t>
  </si>
  <si>
    <t>0.915</t>
  </si>
  <si>
    <t>0.0712</t>
  </si>
  <si>
    <t>324840.0</t>
  </si>
  <si>
    <t>10218.0</t>
  </si>
  <si>
    <t>9719.0</t>
  </si>
  <si>
    <t>11.43</t>
  </si>
  <si>
    <t>3419.0</t>
  </si>
  <si>
    <t>585473.0</t>
  </si>
  <si>
    <t>2480.0</t>
  </si>
  <si>
    <t>205.09</t>
  </si>
  <si>
    <t>0.869</t>
  </si>
  <si>
    <t>2583.0</t>
  </si>
  <si>
    <t>0.905</t>
  </si>
  <si>
    <t>0.0664</t>
  </si>
  <si>
    <t>15.1</t>
  </si>
  <si>
    <t>332905.0</t>
  </si>
  <si>
    <t>8065.0</t>
  </si>
  <si>
    <t>10105.0</t>
  </si>
  <si>
    <t>11.71</t>
  </si>
  <si>
    <t>3555.0</t>
  </si>
  <si>
    <t>587340.0</t>
  </si>
  <si>
    <t>1867.0</t>
  </si>
  <si>
    <t>205.744</t>
  </si>
  <si>
    <t>0.654</t>
  </si>
  <si>
    <t>2566.0</t>
  </si>
  <si>
    <t>0.899</t>
  </si>
  <si>
    <t>0.0655</t>
  </si>
  <si>
    <t>15.3</t>
  </si>
  <si>
    <t>345934.0</t>
  </si>
  <si>
    <t>13029.0</t>
  </si>
  <si>
    <t>11200.0</t>
  </si>
  <si>
    <t>3940.0</t>
  </si>
  <si>
    <t>590348.0</t>
  </si>
  <si>
    <t>3008.0</t>
  </si>
  <si>
    <t>206.798</t>
  </si>
  <si>
    <t>1.054</t>
  </si>
  <si>
    <t>2587.0</t>
  </si>
  <si>
    <t>0.906</t>
  </si>
  <si>
    <t>350000.0</t>
  </si>
  <si>
    <t>4066.0</t>
  </si>
  <si>
    <t>9826.0</t>
  </si>
  <si>
    <t>592932.0</t>
  </si>
  <si>
    <t>2584.0</t>
  </si>
  <si>
    <t>207.703</t>
  </si>
  <si>
    <t>2571.0</t>
  </si>
  <si>
    <t>0.901</t>
  </si>
  <si>
    <t>0.0567</t>
  </si>
  <si>
    <t>17.6</t>
  </si>
  <si>
    <t>372075.0</t>
  </si>
  <si>
    <t>22075.0</t>
  </si>
  <si>
    <t>11318.0</t>
  </si>
  <si>
    <t>595449.0</t>
  </si>
  <si>
    <t>2517.0</t>
  </si>
  <si>
    <t>208.585</t>
  </si>
  <si>
    <t>0.882</t>
  </si>
  <si>
    <t>0.0548</t>
  </si>
  <si>
    <t>382998.0</t>
  </si>
  <si>
    <t>10923.0</t>
  </si>
  <si>
    <t>11216.0</t>
  </si>
  <si>
    <t>13.47</t>
  </si>
  <si>
    <t>3946.0</t>
  </si>
  <si>
    <t>598528.0</t>
  </si>
  <si>
    <t>3079.0</t>
  </si>
  <si>
    <t>209.663</t>
  </si>
  <si>
    <t>2632.0</t>
  </si>
  <si>
    <t>0.922</t>
  </si>
  <si>
    <t>0.0523</t>
  </si>
  <si>
    <t>391351.0</t>
  </si>
  <si>
    <t>8353.0</t>
  </si>
  <si>
    <t>10961.0</t>
  </si>
  <si>
    <t>601985.0</t>
  </si>
  <si>
    <t>210.874</t>
  </si>
  <si>
    <t>2713.0</t>
  </si>
  <si>
    <t>0.0502</t>
  </si>
  <si>
    <t>400064.0</t>
  </si>
  <si>
    <t>8713.0</t>
  </si>
  <si>
    <t>10746.0</t>
  </si>
  <si>
    <t>14.08</t>
  </si>
  <si>
    <t>3781.0</t>
  </si>
  <si>
    <t>604774.0</t>
  </si>
  <si>
    <t>2789.0</t>
  </si>
  <si>
    <t>211.851</t>
  </si>
  <si>
    <t>0.977</t>
  </si>
  <si>
    <t>2757.0</t>
  </si>
  <si>
    <t>0.966</t>
  </si>
  <si>
    <t>0.0489</t>
  </si>
  <si>
    <t>20.5</t>
  </si>
  <si>
    <t>10205.0</t>
  </si>
  <si>
    <t>3590.0</t>
  </si>
  <si>
    <t>605768.0</t>
  </si>
  <si>
    <t>994.0</t>
  </si>
  <si>
    <t>212.199</t>
  </si>
  <si>
    <t>0.348</t>
  </si>
  <si>
    <t>2633.0</t>
  </si>
  <si>
    <t>0.0495</t>
  </si>
  <si>
    <t>20.2</t>
  </si>
  <si>
    <t>408619.0</t>
  </si>
  <si>
    <t>8955.0</t>
  </si>
  <si>
    <t>608607.0</t>
  </si>
  <si>
    <t>2839.0</t>
  </si>
  <si>
    <t>213.194</t>
  </si>
  <si>
    <t>0.994</t>
  </si>
  <si>
    <t>2608.0</t>
  </si>
  <si>
    <t>0.914</t>
  </si>
  <si>
    <t>416855.0</t>
  </si>
  <si>
    <t>8236.0</t>
  </si>
  <si>
    <t>9551.0</t>
  </si>
  <si>
    <t>14.67</t>
  </si>
  <si>
    <t>3360.0</t>
  </si>
  <si>
    <t>610865.0</t>
  </si>
  <si>
    <t>2258.0</t>
  </si>
  <si>
    <t>213.985</t>
  </si>
  <si>
    <t>0.791</t>
  </si>
  <si>
    <t>2562.0</t>
  </si>
  <si>
    <t>0.897</t>
  </si>
  <si>
    <t>433628.0</t>
  </si>
  <si>
    <t>16773.0</t>
  </si>
  <si>
    <t>8793.0</t>
  </si>
  <si>
    <t>3094.0</t>
  </si>
  <si>
    <t>612944.0</t>
  </si>
  <si>
    <t>2079.0</t>
  </si>
  <si>
    <t>214.713</t>
  </si>
  <si>
    <t>0.728</t>
  </si>
  <si>
    <t>2499.0</t>
  </si>
  <si>
    <t>0.875</t>
  </si>
  <si>
    <t>0.0493</t>
  </si>
  <si>
    <t>20.3</t>
  </si>
  <si>
    <t>453248.0</t>
  </si>
  <si>
    <t>19620.0</t>
  </si>
  <si>
    <t>10036.0</t>
  </si>
  <si>
    <t>3531.0</t>
  </si>
  <si>
    <t>615752.0</t>
  </si>
  <si>
    <t>2808.0</t>
  </si>
  <si>
    <t>215.697</t>
  </si>
  <si>
    <t>0.984</t>
  </si>
  <si>
    <t>0.0473</t>
  </si>
  <si>
    <t>21.1</t>
  </si>
  <si>
    <t>476903.0</t>
  </si>
  <si>
    <t>23655.0</t>
  </si>
  <si>
    <t>16.78</t>
  </si>
  <si>
    <t>4300.0</t>
  </si>
  <si>
    <t>10374.8</t>
  </si>
  <si>
    <t>34.73</t>
  </si>
  <si>
    <t>39.88</t>
  </si>
  <si>
    <t>3650.11937439794</t>
  </si>
  <si>
    <t>618714.0</t>
  </si>
  <si>
    <t>2962.0</t>
  </si>
  <si>
    <t>216.734</t>
  </si>
  <si>
    <t>1.038</t>
  </si>
  <si>
    <t>2390.0</t>
  </si>
  <si>
    <t>0.837</t>
  </si>
  <si>
    <t>494028.0</t>
  </si>
  <si>
    <t>17125.0</t>
  </si>
  <si>
    <t>13423.0</t>
  </si>
  <si>
    <t>17.38</t>
  </si>
  <si>
    <t>4723.0</t>
  </si>
  <si>
    <t>620249.0</t>
  </si>
  <si>
    <t>1535.0</t>
  </si>
  <si>
    <t>217.272</t>
  </si>
  <si>
    <t>0.538</t>
  </si>
  <si>
    <t>2211.0</t>
  </si>
  <si>
    <t>0.775</t>
  </si>
  <si>
    <t>14489.0</t>
  </si>
  <si>
    <t>5098.0</t>
  </si>
  <si>
    <t>622011.0</t>
  </si>
  <si>
    <t>1762.0</t>
  </si>
  <si>
    <t>217.889</t>
  </si>
  <si>
    <t>0.617</t>
  </si>
  <si>
    <t>2320.0</t>
  </si>
  <si>
    <t>0.813</t>
  </si>
  <si>
    <t>0.0413</t>
  </si>
  <si>
    <t>24.2</t>
  </si>
  <si>
    <t>517501.0</t>
  </si>
  <si>
    <t>15555.0</t>
  </si>
  <si>
    <t>18.21</t>
  </si>
  <si>
    <t>5473.0</t>
  </si>
  <si>
    <t>624006.0</t>
  </si>
  <si>
    <t>218.588</t>
  </si>
  <si>
    <t>0.699</t>
  </si>
  <si>
    <t>2200.0</t>
  </si>
  <si>
    <t>0.771</t>
  </si>
  <si>
    <t>537387.0</t>
  </si>
  <si>
    <t>19886.0</t>
  </si>
  <si>
    <t>17219.0</t>
  </si>
  <si>
    <t>18.91</t>
  </si>
  <si>
    <t>6058.0</t>
  </si>
  <si>
    <t>626857.0</t>
  </si>
  <si>
    <t>2851.0</t>
  </si>
  <si>
    <t>219.587</t>
  </si>
  <si>
    <t>0.999</t>
  </si>
  <si>
    <t>2285.0</t>
  </si>
  <si>
    <t>556584.0</t>
  </si>
  <si>
    <t>19197.0</t>
  </si>
  <si>
    <t>17565.0</t>
  </si>
  <si>
    <t>6180.0</t>
  </si>
  <si>
    <t>629675.0</t>
  </si>
  <si>
    <t>2818.0</t>
  </si>
  <si>
    <t>220.574</t>
  </si>
  <si>
    <t>0.987</t>
  </si>
  <si>
    <t>0.0319</t>
  </si>
  <si>
    <t>31.4</t>
  </si>
  <si>
    <t>572226.0</t>
  </si>
  <si>
    <t>15642.0</t>
  </si>
  <si>
    <t>16997.0</t>
  </si>
  <si>
    <t>20.13</t>
  </si>
  <si>
    <t>5980.0</t>
  </si>
  <si>
    <t>632403.0</t>
  </si>
  <si>
    <t>2728.0</t>
  </si>
  <si>
    <t>221.53</t>
  </si>
  <si>
    <t>0.833</t>
  </si>
  <si>
    <t>0.0295</t>
  </si>
  <si>
    <t>33.8</t>
  </si>
  <si>
    <t>585693.0</t>
  </si>
  <si>
    <t>13467.0</t>
  </si>
  <si>
    <t>15541.0</t>
  </si>
  <si>
    <t>20.61</t>
  </si>
  <si>
    <t>5468.0</t>
  </si>
  <si>
    <t>636919.0</t>
  </si>
  <si>
    <t>4516.0</t>
  </si>
  <si>
    <t>223.112</t>
  </si>
  <si>
    <t>1.582</t>
  </si>
  <si>
    <t>2601.0</t>
  </si>
  <si>
    <t>0.911</t>
  </si>
  <si>
    <t>0.0264</t>
  </si>
  <si>
    <t>37.9</t>
  </si>
  <si>
    <t>596766.0</t>
  </si>
  <si>
    <t>11073.0</t>
  </si>
  <si>
    <t>14677.0</t>
  </si>
  <si>
    <t>5164.0</t>
  </si>
  <si>
    <t>638871.0</t>
  </si>
  <si>
    <t>1952.0</t>
  </si>
  <si>
    <t>223.795</t>
  </si>
  <si>
    <t>2660.0</t>
  </si>
  <si>
    <t>0.932</t>
  </si>
  <si>
    <t>38.4</t>
  </si>
  <si>
    <t>600000.0</t>
  </si>
  <si>
    <t>3234.0</t>
  </si>
  <si>
    <t>13462.0</t>
  </si>
  <si>
    <t>21.11</t>
  </si>
  <si>
    <t>4736.0</t>
  </si>
  <si>
    <t>640315.0</t>
  </si>
  <si>
    <t>1444.0</t>
  </si>
  <si>
    <t>224.301</t>
  </si>
  <si>
    <t>0.506</t>
  </si>
  <si>
    <t>0.0261</t>
  </si>
  <si>
    <t>612959.0</t>
  </si>
  <si>
    <t>12959.0</t>
  </si>
  <si>
    <t>13637.0</t>
  </si>
  <si>
    <t>4798.0</t>
  </si>
  <si>
    <t>643271.0</t>
  </si>
  <si>
    <t>2956.0</t>
  </si>
  <si>
    <t>225.337</t>
  </si>
  <si>
    <t>1.035</t>
  </si>
  <si>
    <t>2752.0</t>
  </si>
  <si>
    <t>0.964</t>
  </si>
  <si>
    <t>0.0247</t>
  </si>
  <si>
    <t>40.5</t>
  </si>
  <si>
    <t>622507.0</t>
  </si>
  <si>
    <t>440921.0</t>
  </si>
  <si>
    <t>181586.0</t>
  </si>
  <si>
    <t>9548.0</t>
  </si>
  <si>
    <t>12160.0</t>
  </si>
  <si>
    <t>21.9</t>
  </si>
  <si>
    <t>15.51</t>
  </si>
  <si>
    <t>6.39</t>
  </si>
  <si>
    <t>4278.0</t>
  </si>
  <si>
    <t>645978.0</t>
  </si>
  <si>
    <t>2707.0</t>
  </si>
  <si>
    <t>226.285</t>
  </si>
  <si>
    <t>0.948</t>
  </si>
  <si>
    <t>2732.0</t>
  </si>
  <si>
    <t>0.957</t>
  </si>
  <si>
    <t>0.0223</t>
  </si>
  <si>
    <t>44.9</t>
  </si>
  <si>
    <t>632676.0</t>
  </si>
  <si>
    <t>444755.0</t>
  </si>
  <si>
    <t>187921.0</t>
  </si>
  <si>
    <t>10169.0</t>
  </si>
  <si>
    <t>10870.0</t>
  </si>
  <si>
    <t>22.26</t>
  </si>
  <si>
    <t>6.61</t>
  </si>
  <si>
    <t>3824.0</t>
  </si>
  <si>
    <t>648574.0</t>
  </si>
  <si>
    <t>2596.0</t>
  </si>
  <si>
    <t>227.194</t>
  </si>
  <si>
    <t>0.909</t>
  </si>
  <si>
    <t>2700.0</t>
  </si>
  <si>
    <t>0.946</t>
  </si>
  <si>
    <t>0.0201</t>
  </si>
  <si>
    <t>49.7</t>
  </si>
  <si>
    <t>638338.0</t>
  </si>
  <si>
    <t>445402.0</t>
  </si>
  <si>
    <t>192936.0</t>
  </si>
  <si>
    <t>5662.0</t>
  </si>
  <si>
    <t>9445.0</t>
  </si>
  <si>
    <t>22.46</t>
  </si>
  <si>
    <t>0.163</t>
  </si>
  <si>
    <t>651538.0</t>
  </si>
  <si>
    <t>2964.0</t>
  </si>
  <si>
    <t>228.233</t>
  </si>
  <si>
    <t>0.0189</t>
  </si>
  <si>
    <t>52.9</t>
  </si>
  <si>
    <t>653330.0</t>
  </si>
  <si>
    <t>448571.0</t>
  </si>
  <si>
    <t>204759.0</t>
  </si>
  <si>
    <t>14992.0</t>
  </si>
  <si>
    <t>22.99</t>
  </si>
  <si>
    <t>4279.0</t>
  </si>
  <si>
    <t>654938.0</t>
  </si>
  <si>
    <t>3400.0</t>
  </si>
  <si>
    <t>229.424</t>
  </si>
  <si>
    <t>1.191</t>
  </si>
  <si>
    <t>2574.0</t>
  </si>
  <si>
    <t>0.0173</t>
  </si>
  <si>
    <t>57.8</t>
  </si>
  <si>
    <t>3291.0</t>
  </si>
  <si>
    <t>3883.0</t>
  </si>
  <si>
    <t>656800.0</t>
  </si>
  <si>
    <t>230.076</t>
  </si>
  <si>
    <t>0.652</t>
  </si>
  <si>
    <t>2561.0</t>
  </si>
  <si>
    <t>0.0163</t>
  </si>
  <si>
    <t>61.4</t>
  </si>
  <si>
    <t>10166.0</t>
  </si>
  <si>
    <t>3577.0</t>
  </si>
  <si>
    <t>0.123</t>
  </si>
  <si>
    <t>659439.0</t>
  </si>
  <si>
    <t>0.924</t>
  </si>
  <si>
    <t>680083.0</t>
  </si>
  <si>
    <t>456980.0</t>
  </si>
  <si>
    <t>223103.0</t>
  </si>
  <si>
    <t>9589.0</t>
  </si>
  <si>
    <t>23.93</t>
  </si>
  <si>
    <t>7.85</t>
  </si>
  <si>
    <t>3374.0</t>
  </si>
  <si>
    <t>3091.0</t>
  </si>
  <si>
    <t>662608.0</t>
  </si>
  <si>
    <t>3169.0</t>
  </si>
  <si>
    <t>232.11</t>
  </si>
  <si>
    <t>2762.0</t>
  </si>
  <si>
    <t>0.968</t>
  </si>
  <si>
    <t>0.0139</t>
  </si>
  <si>
    <t>72.1</t>
  </si>
  <si>
    <t>688947.0</t>
  </si>
  <si>
    <t>460191.0</t>
  </si>
  <si>
    <t>228756.0</t>
  </si>
  <si>
    <t>8864.0</t>
  </si>
  <si>
    <t>9491.0</t>
  </si>
  <si>
    <t>24.24</t>
  </si>
  <si>
    <t>16.19</t>
  </si>
  <si>
    <t>8.05</t>
  </si>
  <si>
    <t>3339.0</t>
  </si>
  <si>
    <t>2753.0</t>
  </si>
  <si>
    <t>665659.0</t>
  </si>
  <si>
    <t>3051.0</t>
  </si>
  <si>
    <t>233.179</t>
  </si>
  <si>
    <t>1.069</t>
  </si>
  <si>
    <t>2812.0</t>
  </si>
  <si>
    <t>0.985</t>
  </si>
  <si>
    <t>0.0127</t>
  </si>
  <si>
    <t>78.7</t>
  </si>
  <si>
    <t>697811.0</t>
  </si>
  <si>
    <t>463402.0</t>
  </si>
  <si>
    <t>234409.0</t>
  </si>
  <si>
    <t>9305.0</t>
  </si>
  <si>
    <t>16.3</t>
  </si>
  <si>
    <t>8.25</t>
  </si>
  <si>
    <t>3274.0</t>
  </si>
  <si>
    <t>2664.0</t>
  </si>
  <si>
    <t>668752.0</t>
  </si>
  <si>
    <t>234.263</t>
  </si>
  <si>
    <t>1.083</t>
  </si>
  <si>
    <t>2883.0</t>
  </si>
  <si>
    <t>0.0113</t>
  </si>
  <si>
    <t>88.5</t>
  </si>
  <si>
    <t>703743.0</t>
  </si>
  <si>
    <t>466083.0</t>
  </si>
  <si>
    <t>237660.0</t>
  </si>
  <si>
    <t>5932.0</t>
  </si>
  <si>
    <t>9344.0</t>
  </si>
  <si>
    <t>24.76</t>
  </si>
  <si>
    <t>16.4</t>
  </si>
  <si>
    <t>8.36</t>
  </si>
  <si>
    <t>2954.0</t>
  </si>
  <si>
    <t>671919.0</t>
  </si>
  <si>
    <t>3167.0</t>
  </si>
  <si>
    <t>235.372</t>
  </si>
  <si>
    <t>2912.0</t>
  </si>
  <si>
    <t>0.0105</t>
  </si>
  <si>
    <t>95.3</t>
  </si>
  <si>
    <t>708846.0</t>
  </si>
  <si>
    <t>469169.0</t>
  </si>
  <si>
    <t>239677.0</t>
  </si>
  <si>
    <t>5103.0</t>
  </si>
  <si>
    <t>7931.0</t>
  </si>
  <si>
    <t>24.94</t>
  </si>
  <si>
    <t>8.43</t>
  </si>
  <si>
    <t>2790.0</t>
  </si>
  <si>
    <t>2943.0</t>
  </si>
  <si>
    <t>675781.0</t>
  </si>
  <si>
    <t>3862.0</t>
  </si>
  <si>
    <t>236.725</t>
  </si>
  <si>
    <t>1.353</t>
  </si>
  <si>
    <t>2978.0</t>
  </si>
  <si>
    <t>1.043</t>
  </si>
  <si>
    <t>0.0095</t>
  </si>
  <si>
    <t>105.3</t>
  </si>
  <si>
    <t>7212.0</t>
  </si>
  <si>
    <t>2537.0</t>
  </si>
  <si>
    <t>2804.0</t>
  </si>
  <si>
    <t>678293.0</t>
  </si>
  <si>
    <t>2512.0</t>
  </si>
  <si>
    <t>237.605</t>
  </si>
  <si>
    <t>110.8</t>
  </si>
  <si>
    <t>716616.0</t>
  </si>
  <si>
    <t>472840.0</t>
  </si>
  <si>
    <t>243776.0</t>
  </si>
  <si>
    <t>25.21</t>
  </si>
  <si>
    <t>16.64</t>
  </si>
  <si>
    <t>2284.0</t>
  </si>
  <si>
    <t>2666.0</t>
  </si>
  <si>
    <t>680313.0</t>
  </si>
  <si>
    <t>2020.0</t>
  </si>
  <si>
    <t>238.312</t>
  </si>
  <si>
    <t>0.708</t>
  </si>
  <si>
    <t>2982.0</t>
  </si>
  <si>
    <t>1.045</t>
  </si>
  <si>
    <t>0.0088</t>
  </si>
  <si>
    <t>114.1</t>
  </si>
  <si>
    <t>725135.0</t>
  </si>
  <si>
    <t>475237.0</t>
  </si>
  <si>
    <t>249898.0</t>
  </si>
  <si>
    <t>8519.0</t>
  </si>
  <si>
    <t>6436.0</t>
  </si>
  <si>
    <t>25.51</t>
  </si>
  <si>
    <t>2264.0</t>
  </si>
  <si>
    <t>683679.0</t>
  </si>
  <si>
    <t>3366.0</t>
  </si>
  <si>
    <t>239.492</t>
  </si>
  <si>
    <t>1.179</t>
  </si>
  <si>
    <t>3010.0</t>
  </si>
  <si>
    <t>0.0075</t>
  </si>
  <si>
    <t>133.4</t>
  </si>
  <si>
    <t>6873.0</t>
  </si>
  <si>
    <t>2418.0</t>
  </si>
  <si>
    <t>686370.0</t>
  </si>
  <si>
    <t>2691.0</t>
  </si>
  <si>
    <t>240.434</t>
  </si>
  <si>
    <t>0.943</t>
  </si>
  <si>
    <t>0.0072</t>
  </si>
  <si>
    <t>748986.0</t>
  </si>
  <si>
    <t>479789.0</t>
  </si>
  <si>
    <t>269197.0</t>
  </si>
  <si>
    <t>7311.0</t>
  </si>
  <si>
    <t>26.35</t>
  </si>
  <si>
    <t>16.88</t>
  </si>
  <si>
    <t>9.47</t>
  </si>
  <si>
    <t>2572.0</t>
  </si>
  <si>
    <t>2341.0</t>
  </si>
  <si>
    <t>689507.0</t>
  </si>
  <si>
    <t>3137.0</t>
  </si>
  <si>
    <t>241.533</t>
  </si>
  <si>
    <t>1.099</t>
  </si>
  <si>
    <t>2965.0</t>
  </si>
  <si>
    <t>142.2</t>
  </si>
  <si>
    <t>759043.0</t>
  </si>
  <si>
    <t>481788.0</t>
  </si>
  <si>
    <t>277255.0</t>
  </si>
  <si>
    <t>10057.0</t>
  </si>
  <si>
    <t>7900.0</t>
  </si>
  <si>
    <t>16.95</t>
  </si>
  <si>
    <t>9.75</t>
  </si>
  <si>
    <t>2779.0</t>
  </si>
  <si>
    <t>2244.0</t>
  </si>
  <si>
    <t>692314.0</t>
  </si>
  <si>
    <t>2807.0</t>
  </si>
  <si>
    <t>242.516</t>
  </si>
  <si>
    <t>1.021</t>
  </si>
  <si>
    <t>0.0065</t>
  </si>
  <si>
    <t>154.5</t>
  </si>
  <si>
    <t>7798.0</t>
  </si>
  <si>
    <t>2744.0</t>
  </si>
  <si>
    <t>695569.0</t>
  </si>
  <si>
    <t>243.657</t>
  </si>
  <si>
    <t>2827.0</t>
  </si>
  <si>
    <t>0.0061</t>
  </si>
  <si>
    <t>163.5</t>
  </si>
  <si>
    <t>7869.0</t>
  </si>
  <si>
    <t>2769.0</t>
  </si>
  <si>
    <t>697739.0</t>
  </si>
  <si>
    <t>2170.0</t>
  </si>
  <si>
    <t>244.417</t>
  </si>
  <si>
    <t>2778.0</t>
  </si>
  <si>
    <t>0.0051</t>
  </si>
  <si>
    <t>194.5</t>
  </si>
  <si>
    <t>772204.0</t>
  </si>
  <si>
    <t>485162.0</t>
  </si>
  <si>
    <t>287042.0</t>
  </si>
  <si>
    <t>7941.0</t>
  </si>
  <si>
    <t>27.17</t>
  </si>
  <si>
    <t>17.07</t>
  </si>
  <si>
    <t>10.1</t>
  </si>
  <si>
    <t>1760.0</t>
  </si>
  <si>
    <t>700064.0</t>
  </si>
  <si>
    <t>2325.0</t>
  </si>
  <si>
    <t>245.231</t>
  </si>
  <si>
    <t>0.814</t>
  </si>
  <si>
    <t>2822.0</t>
  </si>
  <si>
    <t>0.989</t>
  </si>
  <si>
    <t>197.5</t>
  </si>
  <si>
    <t>776461.0</t>
  </si>
  <si>
    <t>486128.0</t>
  </si>
  <si>
    <t>290333.0</t>
  </si>
  <si>
    <t>4257.0</t>
  </si>
  <si>
    <t>7332.0</t>
  </si>
  <si>
    <t>17.1</t>
  </si>
  <si>
    <t>1556.0</t>
  </si>
  <si>
    <t>10568.4</t>
  </si>
  <si>
    <t>11.52</t>
  </si>
  <si>
    <t>3718.23279450083</t>
  </si>
  <si>
    <t>703725.0</t>
  </si>
  <si>
    <t>3661.0</t>
  </si>
  <si>
    <t>246.514</t>
  </si>
  <si>
    <t>1.282</t>
  </si>
  <si>
    <t>2864.0</t>
  </si>
  <si>
    <t>0.0054</t>
  </si>
  <si>
    <t>185.6</t>
  </si>
  <si>
    <t>780342.0</t>
  </si>
  <si>
    <t>487078.0</t>
  </si>
  <si>
    <t>293264.0</t>
  </si>
  <si>
    <t>3881.0</t>
  </si>
  <si>
    <t>6183.0</t>
  </si>
  <si>
    <t>27.45</t>
  </si>
  <si>
    <t>17.14</t>
  </si>
  <si>
    <t>2175.0</t>
  </si>
  <si>
    <t>706782.0</t>
  </si>
  <si>
    <t>247.585</t>
  </si>
  <si>
    <t>2916.0</t>
  </si>
  <si>
    <t>0.0052</t>
  </si>
  <si>
    <t>190.8</t>
  </si>
  <si>
    <t>4978.0</t>
  </si>
  <si>
    <t>1751.0</t>
  </si>
  <si>
    <t>1254.0</t>
  </si>
  <si>
    <t>710122.0</t>
  </si>
  <si>
    <t>248.755</t>
  </si>
  <si>
    <t>2945.0</t>
  </si>
  <si>
    <t>0.0047</t>
  </si>
  <si>
    <t>214.7</t>
  </si>
  <si>
    <t>787321.0</t>
  </si>
  <si>
    <t>490050.0</t>
  </si>
  <si>
    <t>297271.0</t>
  </si>
  <si>
    <t>4040.0</t>
  </si>
  <si>
    <t>17.24</t>
  </si>
  <si>
    <t>10.46</t>
  </si>
  <si>
    <t>713041.0</t>
  </si>
  <si>
    <t>2919.0</t>
  </si>
  <si>
    <t>249.777</t>
  </si>
  <si>
    <t>1.023</t>
  </si>
  <si>
    <t>0.0042</t>
  </si>
  <si>
    <t>238.2</t>
  </si>
  <si>
    <t>1390.0</t>
  </si>
  <si>
    <t>1137.0</t>
  </si>
  <si>
    <t>716634.0</t>
  </si>
  <si>
    <t>3593.0</t>
  </si>
  <si>
    <t>251.036</t>
  </si>
  <si>
    <t>1.259</t>
  </si>
  <si>
    <t>3009.0</t>
  </si>
  <si>
    <t>0.0037</t>
  </si>
  <si>
    <t>273.5</t>
  </si>
  <si>
    <t>3863.0</t>
  </si>
  <si>
    <t>718515.0</t>
  </si>
  <si>
    <t>1881.0</t>
  </si>
  <si>
    <t>251.695</t>
  </si>
  <si>
    <t>2968.0</t>
  </si>
  <si>
    <t>0.0034</t>
  </si>
  <si>
    <t>296.8</t>
  </si>
  <si>
    <t>798624.0</t>
  </si>
  <si>
    <t>492522.0</t>
  </si>
  <si>
    <t>306102.0</t>
  </si>
  <si>
    <t>3774.0</t>
  </si>
  <si>
    <t>28.1</t>
  </si>
  <si>
    <t>17.33</t>
  </si>
  <si>
    <t>10.77</t>
  </si>
  <si>
    <t>1328.0</t>
  </si>
  <si>
    <t>720618.0</t>
  </si>
  <si>
    <t>2103.0</t>
  </si>
  <si>
    <t>252.431</t>
  </si>
  <si>
    <t>2936.0</t>
  </si>
  <si>
    <t>1.028</t>
  </si>
  <si>
    <t>297.9</t>
  </si>
  <si>
    <t>803682.0</t>
  </si>
  <si>
    <t>493346.0</t>
  </si>
  <si>
    <t>310336.0</t>
  </si>
  <si>
    <t>5058.0</t>
  </si>
  <si>
    <t>3889.0</t>
  </si>
  <si>
    <t>28.28</t>
  </si>
  <si>
    <t>10.92</t>
  </si>
  <si>
    <t>1031.0</t>
  </si>
  <si>
    <t>723490.0</t>
  </si>
  <si>
    <t>2872.0</t>
  </si>
  <si>
    <t>253.437</t>
  </si>
  <si>
    <t>1.006</t>
  </si>
  <si>
    <t>2824.0</t>
  </si>
  <si>
    <t>329.5</t>
  </si>
  <si>
    <t>809992.0</t>
  </si>
  <si>
    <t>494437.0</t>
  </si>
  <si>
    <t>315555.0</t>
  </si>
  <si>
    <t>6310.0</t>
  </si>
  <si>
    <t>28.5</t>
  </si>
  <si>
    <t>1490.0</t>
  </si>
  <si>
    <t>726311.0</t>
  </si>
  <si>
    <t>2821.0</t>
  </si>
  <si>
    <t>254.425</t>
  </si>
  <si>
    <t>0.988</t>
  </si>
  <si>
    <t>0.0033</t>
  </si>
  <si>
    <t>305.2</t>
  </si>
  <si>
    <t>816556.0</t>
  </si>
  <si>
    <t>496024.0</t>
  </si>
  <si>
    <t>320532.0</t>
  </si>
  <si>
    <t>6564.0</t>
  </si>
  <si>
    <t>4675.0</t>
  </si>
  <si>
    <t>28.73</t>
  </si>
  <si>
    <t>17.45</t>
  </si>
  <si>
    <t>728959.0</t>
  </si>
  <si>
    <t>2648.0</t>
  </si>
  <si>
    <t>255.353</t>
  </si>
  <si>
    <t>0.928</t>
  </si>
  <si>
    <t>0.0035</t>
  </si>
  <si>
    <t>285.4</t>
  </si>
  <si>
    <t>823053.0</t>
  </si>
  <si>
    <t>498437.0</t>
  </si>
  <si>
    <t>324616.0</t>
  </si>
  <si>
    <t>5105.0</t>
  </si>
  <si>
    <t>17.54</t>
  </si>
  <si>
    <t>11.42</t>
  </si>
  <si>
    <t>731874.0</t>
  </si>
  <si>
    <t>2915.0</t>
  </si>
  <si>
    <t>256.374</t>
  </si>
  <si>
    <t>2690.0</t>
  </si>
  <si>
    <t>0.942</t>
  </si>
  <si>
    <t>289.7</t>
  </si>
  <si>
    <t>830281.0</t>
  </si>
  <si>
    <t>501735.0</t>
  </si>
  <si>
    <t>328546.0</t>
  </si>
  <si>
    <t>7228.0</t>
  </si>
  <si>
    <t>5599.0</t>
  </si>
  <si>
    <t>17.65</t>
  </si>
  <si>
    <t>1970.0</t>
  </si>
  <si>
    <t>734790.0</t>
  </si>
  <si>
    <t>257.396</t>
  </si>
  <si>
    <t>2594.0</t>
  </si>
  <si>
    <t>0.0041</t>
  </si>
  <si>
    <t>242.1</t>
  </si>
  <si>
    <t>834868.0</t>
  </si>
  <si>
    <t>503721.0</t>
  </si>
  <si>
    <t>331147.0</t>
  </si>
  <si>
    <t>4587.0</t>
  </si>
  <si>
    <t>5716.0</t>
  </si>
  <si>
    <t>29.37</t>
  </si>
  <si>
    <t>2011.0</t>
  </si>
  <si>
    <t>737014.0</t>
  </si>
  <si>
    <t>2224.0</t>
  </si>
  <si>
    <t>258.175</t>
  </si>
  <si>
    <t>0.779</t>
  </si>
  <si>
    <t>2643.0</t>
  </si>
  <si>
    <t>0.0043</t>
  </si>
  <si>
    <t>231.3</t>
  </si>
  <si>
    <t>836430.0</t>
  </si>
  <si>
    <t>504257.0</t>
  </si>
  <si>
    <t>332173.0</t>
  </si>
  <si>
    <t>1562.0</t>
  </si>
  <si>
    <t>5401.0</t>
  </si>
  <si>
    <t>1900.0</t>
  </si>
  <si>
    <t>1676.0</t>
  </si>
  <si>
    <t>739632.0</t>
  </si>
  <si>
    <t>2618.0</t>
  </si>
  <si>
    <t>259.092</t>
  </si>
  <si>
    <t>0.917</t>
  </si>
  <si>
    <t>2716.0</t>
  </si>
  <si>
    <t>246.9</t>
  </si>
  <si>
    <t>842535.0</t>
  </si>
  <si>
    <t>507764.0</t>
  </si>
  <si>
    <t>334771.0</t>
  </si>
  <si>
    <t>6105.0</t>
  </si>
  <si>
    <t>5550.0</t>
  </si>
  <si>
    <t>29.64</t>
  </si>
  <si>
    <t>1953.0</t>
  </si>
  <si>
    <t>2060.0</t>
  </si>
  <si>
    <t>244.8</t>
  </si>
  <si>
    <t>848430.0</t>
  </si>
  <si>
    <t>507854.0</t>
  </si>
  <si>
    <t>340576.0</t>
  </si>
  <si>
    <t>5895.0</t>
  </si>
  <si>
    <t>5491.0</t>
  </si>
  <si>
    <t>17.87</t>
  </si>
  <si>
    <t>11.98</t>
  </si>
  <si>
    <t>1932.0</t>
  </si>
  <si>
    <t>1917.0</t>
  </si>
  <si>
    <t>742594.0</t>
  </si>
  <si>
    <t>260.129</t>
  </si>
  <si>
    <t>2326.0</t>
  </si>
  <si>
    <t>0.815</t>
  </si>
  <si>
    <t>266.9</t>
  </si>
  <si>
    <t>854227.0</t>
  </si>
  <si>
    <t>509282.0</t>
  </si>
  <si>
    <t>344945.0</t>
  </si>
  <si>
    <t>5797.0</t>
  </si>
  <si>
    <t>5382.0</t>
  </si>
  <si>
    <t>30.05</t>
  </si>
  <si>
    <t>17.92</t>
  </si>
  <si>
    <t>1894.0</t>
  </si>
  <si>
    <t>745215.0</t>
  </si>
  <si>
    <t>2621.0</t>
  </si>
  <si>
    <t>261.048</t>
  </si>
  <si>
    <t>2322.0</t>
  </si>
  <si>
    <t>295.5</t>
  </si>
  <si>
    <t>862628.0</t>
  </si>
  <si>
    <t>511175.0</t>
  </si>
  <si>
    <t>351453.0</t>
  </si>
  <si>
    <t>8401.0</t>
  </si>
  <si>
    <t>5654.0</t>
  </si>
  <si>
    <t>30.35</t>
  </si>
  <si>
    <t>17.98</t>
  </si>
  <si>
    <t>12.37</t>
  </si>
  <si>
    <t>1989.0</t>
  </si>
  <si>
    <t>1820.0</t>
  </si>
  <si>
    <t>748242.0</t>
  </si>
  <si>
    <t>3027.0</t>
  </si>
  <si>
    <t>262.108</t>
  </si>
  <si>
    <t>2338.0</t>
  </si>
  <si>
    <t>0.819</t>
  </si>
  <si>
    <t>0.0029</t>
  </si>
  <si>
    <t>348.2</t>
  </si>
  <si>
    <t>5492.0</t>
  </si>
  <si>
    <t>1573.0</t>
  </si>
  <si>
    <t>751013.0</t>
  </si>
  <si>
    <t>263.079</t>
  </si>
  <si>
    <t>2318.0</t>
  </si>
  <si>
    <t>0.812</t>
  </si>
  <si>
    <t>0.0024</t>
  </si>
  <si>
    <t>416.1</t>
  </si>
  <si>
    <t>5707.0</t>
  </si>
  <si>
    <t>1513.0</t>
  </si>
  <si>
    <t>752706.0</t>
  </si>
  <si>
    <t>1693.0</t>
  </si>
  <si>
    <t>263.672</t>
  </si>
  <si>
    <t>0.593</t>
  </si>
  <si>
    <t>2242.0</t>
  </si>
  <si>
    <t>0.785</t>
  </si>
  <si>
    <t>506.2</t>
  </si>
  <si>
    <t>880912.0</t>
  </si>
  <si>
    <t>515884.0</t>
  </si>
  <si>
    <t>365028.0</t>
  </si>
  <si>
    <t>6355.0</t>
  </si>
  <si>
    <t>30.99</t>
  </si>
  <si>
    <t>18.15</t>
  </si>
  <si>
    <t>12.84</t>
  </si>
  <si>
    <t>2236.0</t>
  </si>
  <si>
    <t>1661.0</t>
  </si>
  <si>
    <t>754248.0</t>
  </si>
  <si>
    <t>264.212</t>
  </si>
  <si>
    <t>2088.0</t>
  </si>
  <si>
    <t>890052.0</t>
  </si>
  <si>
    <t>519674.0</t>
  </si>
  <si>
    <t>370378.0</t>
  </si>
  <si>
    <t>9140.0</t>
  </si>
  <si>
    <t>6788.0</t>
  </si>
  <si>
    <t>31.31</t>
  </si>
  <si>
    <t>2388.0</t>
  </si>
  <si>
    <t>758312.0</t>
  </si>
  <si>
    <t>4064.0</t>
  </si>
  <si>
    <t>265.635</t>
  </si>
  <si>
    <t>1.424</t>
  </si>
  <si>
    <t>2457.0</t>
  </si>
  <si>
    <t>0.861</t>
  </si>
  <si>
    <t>0.0016</t>
  </si>
  <si>
    <t>637.0</t>
  </si>
  <si>
    <t>901429.0</t>
  </si>
  <si>
    <t>525800.0</t>
  </si>
  <si>
    <t>375629.0</t>
  </si>
  <si>
    <t>11377.0</t>
  </si>
  <si>
    <t>7571.0</t>
  </si>
  <si>
    <t>31.71</t>
  </si>
  <si>
    <t>13.22</t>
  </si>
  <si>
    <t>2564.0</t>
  </si>
  <si>
    <t>760272.0</t>
  </si>
  <si>
    <t>266.322</t>
  </si>
  <si>
    <t>0.687</t>
  </si>
  <si>
    <t>2525.0</t>
  </si>
  <si>
    <t>0.885</t>
  </si>
  <si>
    <t>0.0012</t>
  </si>
  <si>
    <t>841.7</t>
  </si>
  <si>
    <t>912874.0</t>
  </si>
  <si>
    <t>532225.0</t>
  </si>
  <si>
    <t>380649.0</t>
  </si>
  <si>
    <t>11445.0</t>
  </si>
  <si>
    <t>8378.0</t>
  </si>
  <si>
    <t>18.73</t>
  </si>
  <si>
    <t>13.39</t>
  </si>
  <si>
    <t>2948.0</t>
  </si>
  <si>
    <t>3278.0</t>
  </si>
  <si>
    <t>763075.0</t>
  </si>
  <si>
    <t>267.304</t>
  </si>
  <si>
    <t>0.982</t>
  </si>
  <si>
    <t>2551.0</t>
  </si>
  <si>
    <t>0.894</t>
  </si>
  <si>
    <t>992.2</t>
  </si>
  <si>
    <t>922886.0</t>
  </si>
  <si>
    <t>537018.0</t>
  </si>
  <si>
    <t>385868.0</t>
  </si>
  <si>
    <t>10012.0</t>
  </si>
  <si>
    <t>8608.0</t>
  </si>
  <si>
    <t>32.47</t>
  </si>
  <si>
    <t>18.89</t>
  </si>
  <si>
    <t>13.58</t>
  </si>
  <si>
    <t>3692.0</t>
  </si>
  <si>
    <t>2394.0</t>
  </si>
  <si>
    <t>0.839</t>
  </si>
  <si>
    <t>0.0013</t>
  </si>
  <si>
    <t>761.7</t>
  </si>
  <si>
    <t>8472.0</t>
  </si>
  <si>
    <t>2981.0</t>
  </si>
  <si>
    <t>3835.0</t>
  </si>
  <si>
    <t>0.135</t>
  </si>
  <si>
    <t>766928.0</t>
  </si>
  <si>
    <t>3853.0</t>
  </si>
  <si>
    <t>268.654</t>
  </si>
  <si>
    <t>2274.0</t>
  </si>
  <si>
    <t>8335.0</t>
  </si>
  <si>
    <t>2932.0</t>
  </si>
  <si>
    <t>3978.0</t>
  </si>
  <si>
    <t>769372.0</t>
  </si>
  <si>
    <t>2444.0</t>
  </si>
  <si>
    <t>269.51</t>
  </si>
  <si>
    <t>0.856</t>
  </si>
  <si>
    <t>2381.0</t>
  </si>
  <si>
    <t>0.834</t>
  </si>
  <si>
    <t>757.6</t>
  </si>
  <si>
    <t>8198.0</t>
  </si>
  <si>
    <t>2884.0</t>
  </si>
  <si>
    <t>4121.0</t>
  </si>
  <si>
    <t>772326.0</t>
  </si>
  <si>
    <t>270.544</t>
  </si>
  <si>
    <t>786.1</t>
  </si>
  <si>
    <t>943439.0</t>
  </si>
  <si>
    <t>547300.0</t>
  </si>
  <si>
    <t>396139.0</t>
  </si>
  <si>
    <t>7627.0</t>
  </si>
  <si>
    <t>33.19</t>
  </si>
  <si>
    <t>13.94</t>
  </si>
  <si>
    <t>2683.0</t>
  </si>
  <si>
    <t>3947.0</t>
  </si>
  <si>
    <t>775674.0</t>
  </si>
  <si>
    <t>271.717</t>
  </si>
  <si>
    <t>964.6</t>
  </si>
  <si>
    <t>955498.0</t>
  </si>
  <si>
    <t>556252.0</t>
  </si>
  <si>
    <t>399246.0</t>
  </si>
  <si>
    <t>12059.0</t>
  </si>
  <si>
    <t>7724.0</t>
  </si>
  <si>
    <t>33.62</t>
  </si>
  <si>
    <t>19.57</t>
  </si>
  <si>
    <t>14.05</t>
  </si>
  <si>
    <t>2718.0</t>
  </si>
  <si>
    <t>4350.0</t>
  </si>
  <si>
    <t>778812.0</t>
  </si>
  <si>
    <t>3138.0</t>
  </si>
  <si>
    <t>272.817</t>
  </si>
  <si>
    <t>772.5</t>
  </si>
  <si>
    <t>968034.0</t>
  </si>
  <si>
    <t>564530.0</t>
  </si>
  <si>
    <t>403504.0</t>
  </si>
  <si>
    <t>12536.0</t>
  </si>
  <si>
    <t>7880.0</t>
  </si>
  <si>
    <t>34.06</t>
  </si>
  <si>
    <t>19.86</t>
  </si>
  <si>
    <t>2772.0</t>
  </si>
  <si>
    <t>4615.0</t>
  </si>
  <si>
    <t>10781.0</t>
  </si>
  <si>
    <t>32.51</t>
  </si>
  <si>
    <t>13.21</t>
  </si>
  <si>
    <t>3793.03089942786</t>
  </si>
  <si>
    <t>782836.0</t>
  </si>
  <si>
    <t>274.226</t>
  </si>
  <si>
    <t>2823.0</t>
  </si>
  <si>
    <t>823.3</t>
  </si>
  <si>
    <t>974486.0</t>
  </si>
  <si>
    <t>567084.0</t>
  </si>
  <si>
    <t>407402.0</t>
  </si>
  <si>
    <t>6452.0</t>
  </si>
  <si>
    <t>7371.0</t>
  </si>
  <si>
    <t>34.28</t>
  </si>
  <si>
    <t>19.95</t>
  </si>
  <si>
    <t>2593.0</t>
  </si>
  <si>
    <t>4295.0</t>
  </si>
  <si>
    <t>786349.0</t>
  </si>
  <si>
    <t>275.457</t>
  </si>
  <si>
    <t>0.0009</t>
  </si>
  <si>
    <t>1067.6</t>
  </si>
  <si>
    <t>981499.0</t>
  </si>
  <si>
    <t>569352.0</t>
  </si>
  <si>
    <t>412147.0</t>
  </si>
  <si>
    <t>7013.0</t>
  </si>
  <si>
    <t>34.53</t>
  </si>
  <si>
    <t>20.03</t>
  </si>
  <si>
    <t>4252.0</t>
  </si>
  <si>
    <t>789385.0</t>
  </si>
  <si>
    <t>3036.0</t>
  </si>
  <si>
    <t>276.52</t>
  </si>
  <si>
    <t>1.064</t>
  </si>
  <si>
    <t>3208.0</t>
  </si>
  <si>
    <t>0.0011</t>
  </si>
  <si>
    <t>898.3</t>
  </si>
  <si>
    <t>7409.0</t>
  </si>
  <si>
    <t>2607.0</t>
  </si>
  <si>
    <t>4057.0</t>
  </si>
  <si>
    <t>791529.0</t>
  </si>
  <si>
    <t>2144.0</t>
  </si>
  <si>
    <t>277.271</t>
  </si>
  <si>
    <t>0.751</t>
  </si>
  <si>
    <t>963.2</t>
  </si>
  <si>
    <t>988550.0</t>
  </si>
  <si>
    <t>571759.0</t>
  </si>
  <si>
    <t>416791.0</t>
  </si>
  <si>
    <t>7178.0</t>
  </si>
  <si>
    <t>34.78</t>
  </si>
  <si>
    <t>20.12</t>
  </si>
  <si>
    <t>3861.0</t>
  </si>
  <si>
    <t>0.136</t>
  </si>
  <si>
    <t>792669.0</t>
  </si>
  <si>
    <t>1140.0</t>
  </si>
  <si>
    <t>277.671</t>
  </si>
  <si>
    <t>0.399</t>
  </si>
  <si>
    <t>2906.0</t>
  </si>
  <si>
    <t>847.5</t>
  </si>
  <si>
    <t>994081.0</t>
  </si>
  <si>
    <t>574187.0</t>
  </si>
  <si>
    <t>419894.0</t>
  </si>
  <si>
    <t>5531.0</t>
  </si>
  <si>
    <t>7235.0</t>
  </si>
  <si>
    <t>34.97</t>
  </si>
  <si>
    <t>14.77</t>
  </si>
  <si>
    <t>3841.0</t>
  </si>
  <si>
    <t>795576.0</t>
  </si>
  <si>
    <t>278.689</t>
  </si>
  <si>
    <t>2843.0</t>
  </si>
  <si>
    <t>0.996</t>
  </si>
  <si>
    <t>0.0015</t>
  </si>
  <si>
    <t>663.3</t>
  </si>
  <si>
    <t>1000063.0</t>
  </si>
  <si>
    <t>576905.0</t>
  </si>
  <si>
    <t>423158.0</t>
  </si>
  <si>
    <t>5982.0</t>
  </si>
  <si>
    <t>6366.0</t>
  </si>
  <si>
    <t>35.18</t>
  </si>
  <si>
    <t>14.89</t>
  </si>
  <si>
    <t>2950.0</t>
  </si>
  <si>
    <t>797583.0</t>
  </si>
  <si>
    <t>2007.0</t>
  </si>
  <si>
    <t>279.392</t>
  </si>
  <si>
    <t>0.703</t>
  </si>
  <si>
    <t>0.0019</t>
  </si>
  <si>
    <t>521.5</t>
  </si>
  <si>
    <t>1005663.0</t>
  </si>
  <si>
    <t>579552.0</t>
  </si>
  <si>
    <t>426111.0</t>
  </si>
  <si>
    <t>5600.0</t>
  </si>
  <si>
    <t>5376.0</t>
  </si>
  <si>
    <t>35.38</t>
  </si>
  <si>
    <t>20.39</t>
  </si>
  <si>
    <t>1891.0</t>
  </si>
  <si>
    <t>2146.0</t>
  </si>
  <si>
    <t>800563.0</t>
  </si>
  <si>
    <t>280.436</t>
  </si>
  <si>
    <t>1.044</t>
  </si>
  <si>
    <t>1011297.0</t>
  </si>
  <si>
    <t>582106.0</t>
  </si>
  <si>
    <t>429191.0</t>
  </si>
  <si>
    <t>5634.0</t>
  </si>
  <si>
    <t>5259.0</t>
  </si>
  <si>
    <t>35.58</t>
  </si>
  <si>
    <t>20.48</t>
  </si>
  <si>
    <t>802671.0</t>
  </si>
  <si>
    <t>281.174</t>
  </si>
  <si>
    <t>2332.0</t>
  </si>
  <si>
    <t>0.817</t>
  </si>
  <si>
    <t>302.3</t>
  </si>
  <si>
    <t>1016554.0</t>
  </si>
  <si>
    <t>584832.0</t>
  </si>
  <si>
    <t>431722.0</t>
  </si>
  <si>
    <t>5008.0</t>
  </si>
  <si>
    <t>35.76</t>
  </si>
  <si>
    <t>20.58</t>
  </si>
  <si>
    <t>15.19</t>
  </si>
  <si>
    <t>805741.0</t>
  </si>
  <si>
    <t>282.25</t>
  </si>
  <si>
    <t>2337.0</t>
  </si>
  <si>
    <t>0.0032</t>
  </si>
  <si>
    <t>308.7</t>
  </si>
  <si>
    <t>1021408.0</t>
  </si>
  <si>
    <t>587238.0</t>
  </si>
  <si>
    <t>434170.0</t>
  </si>
  <si>
    <t>4854.0</t>
  </si>
  <si>
    <t>5198.0</t>
  </si>
  <si>
    <t>35.94</t>
  </si>
  <si>
    <t>20.66</t>
  </si>
  <si>
    <t>15.28</t>
  </si>
  <si>
    <t>1829.0</t>
  </si>
  <si>
    <t>2383.0</t>
  </si>
  <si>
    <t>808780.0</t>
  </si>
  <si>
    <t>283.314</t>
  </si>
  <si>
    <t>1.065</t>
  </si>
  <si>
    <t>2464.0</t>
  </si>
  <si>
    <t>0.863</t>
  </si>
  <si>
    <t>302.6</t>
  </si>
  <si>
    <t>1022802.0</t>
  </si>
  <si>
    <t>587876.0</t>
  </si>
  <si>
    <t>434926.0</t>
  </si>
  <si>
    <t>4893.0</t>
  </si>
  <si>
    <t>35.98</t>
  </si>
  <si>
    <t>20.68</t>
  </si>
  <si>
    <t>1721.0</t>
  </si>
  <si>
    <t>811438.0</t>
  </si>
  <si>
    <t>2658.0</t>
  </si>
  <si>
    <t>284.245</t>
  </si>
  <si>
    <t>312.8</t>
  </si>
  <si>
    <t>1029234.0</t>
  </si>
  <si>
    <t>590476.0</t>
  </si>
  <si>
    <t>438758.0</t>
  </si>
  <si>
    <t>6432.0</t>
  </si>
  <si>
    <t>5022.0</t>
  </si>
  <si>
    <t>36.21</t>
  </si>
  <si>
    <t>20.77</t>
  </si>
  <si>
    <t>1767.0</t>
  </si>
  <si>
    <t>2327.0</t>
  </si>
  <si>
    <t>813353.0</t>
  </si>
  <si>
    <t>284.916</t>
  </si>
  <si>
    <t>2540.0</t>
  </si>
  <si>
    <t>0.0036</t>
  </si>
  <si>
    <t>277.8</t>
  </si>
  <si>
    <t>1035667.0</t>
  </si>
  <si>
    <t>592502.0</t>
  </si>
  <si>
    <t>443165.0</t>
  </si>
  <si>
    <t>6433.0</t>
  </si>
  <si>
    <t>5086.0</t>
  </si>
  <si>
    <t>36.44</t>
  </si>
  <si>
    <t>20.85</t>
  </si>
  <si>
    <t>1789.0</t>
  </si>
  <si>
    <t>2228.0</t>
  </si>
  <si>
    <t>2542.0</t>
  </si>
  <si>
    <t>301.6</t>
  </si>
  <si>
    <t>1043499.0</t>
  </si>
  <si>
    <t>594669.0</t>
  </si>
  <si>
    <t>448830.0</t>
  </si>
  <si>
    <t>7832.0</t>
  </si>
  <si>
    <t>5405.0</t>
  </si>
  <si>
    <t>36.71</t>
  </si>
  <si>
    <t>15.79</t>
  </si>
  <si>
    <t>1902.0</t>
  </si>
  <si>
    <t>817404.0</t>
  </si>
  <si>
    <t>4051.0</t>
  </si>
  <si>
    <t>286.335</t>
  </si>
  <si>
    <t>1.419</t>
  </si>
  <si>
    <t>0.0038</t>
  </si>
  <si>
    <t>263.2</t>
  </si>
  <si>
    <t>1052108.0</t>
  </si>
  <si>
    <t>596977.0</t>
  </si>
  <si>
    <t>455131.0</t>
  </si>
  <si>
    <t>8609.0</t>
  </si>
  <si>
    <t>5830.0</t>
  </si>
  <si>
    <t>37.02</t>
  </si>
  <si>
    <t>2124.0</t>
  </si>
  <si>
    <t>821025.0</t>
  </si>
  <si>
    <t>3621.0</t>
  </si>
  <si>
    <t>287.604</t>
  </si>
  <si>
    <t>1.268</t>
  </si>
  <si>
    <t>2622.0</t>
  </si>
  <si>
    <t>1060042.0</t>
  </si>
  <si>
    <t>599387.0</t>
  </si>
  <si>
    <t>460655.0</t>
  </si>
  <si>
    <t>7934.0</t>
  </si>
  <si>
    <t>6213.0</t>
  </si>
  <si>
    <t>37.29</t>
  </si>
  <si>
    <t>21.09</t>
  </si>
  <si>
    <t>2186.0</t>
  </si>
  <si>
    <t>823456.0</t>
  </si>
  <si>
    <t>2431.0</t>
  </si>
  <si>
    <t>288.455</t>
  </si>
  <si>
    <t>0.852</t>
  </si>
  <si>
    <t>2531.0</t>
  </si>
  <si>
    <t>0.0044</t>
  </si>
  <si>
    <t>227.1</t>
  </si>
  <si>
    <t>1067135.0</t>
  </si>
  <si>
    <t>601701.0</t>
  </si>
  <si>
    <t>465434.0</t>
  </si>
  <si>
    <t>7093.0</t>
  </si>
  <si>
    <t>6532.0</t>
  </si>
  <si>
    <t>37.54</t>
  </si>
  <si>
    <t>21.17</t>
  </si>
  <si>
    <t>2298.0</t>
  </si>
  <si>
    <t>2066.0</t>
  </si>
  <si>
    <t>825907.0</t>
  </si>
  <si>
    <t>289.314</t>
  </si>
  <si>
    <t>2447.0</t>
  </si>
  <si>
    <t>0.857</t>
  </si>
  <si>
    <t>0.0055</t>
  </si>
  <si>
    <t>182.2</t>
  </si>
  <si>
    <t>1069365.0</t>
  </si>
  <si>
    <t>602460.0</t>
  </si>
  <si>
    <t>466905.0</t>
  </si>
  <si>
    <t>2230.0</t>
  </si>
  <si>
    <t>6652.0</t>
  </si>
  <si>
    <t>37.62</t>
  </si>
  <si>
    <t>21.2</t>
  </si>
  <si>
    <t>2340.0</t>
  </si>
  <si>
    <t>2083.0</t>
  </si>
  <si>
    <t>2319.0</t>
  </si>
  <si>
    <t>162.3</t>
  </si>
  <si>
    <t>6666.0</t>
  </si>
  <si>
    <t>2345.0</t>
  </si>
  <si>
    <t>2218.0</t>
  </si>
  <si>
    <t>829433.0</t>
  </si>
  <si>
    <t>290.549</t>
  </si>
  <si>
    <t>2297.0</t>
  </si>
  <si>
    <t>0.805</t>
  </si>
  <si>
    <t>0.0082</t>
  </si>
  <si>
    <t>121.8</t>
  </si>
  <si>
    <t>1082424.0</t>
  </si>
  <si>
    <t>609538.0</t>
  </si>
  <si>
    <t>472886.0</t>
  </si>
  <si>
    <t>6680.0</t>
  </si>
  <si>
    <t>38.08</t>
  </si>
  <si>
    <t>21.45</t>
  </si>
  <si>
    <t>831949.0</t>
  </si>
  <si>
    <t>291.43</t>
  </si>
  <si>
    <t>2367.0</t>
  </si>
  <si>
    <t>0.829</t>
  </si>
  <si>
    <t>0.0089</t>
  </si>
  <si>
    <t>112.7</t>
  </si>
  <si>
    <t>1095453.0</t>
  </si>
  <si>
    <t>616592.0</t>
  </si>
  <si>
    <t>478861.0</t>
  </si>
  <si>
    <t>38.54</t>
  </si>
  <si>
    <t>21.69</t>
  </si>
  <si>
    <t>2611.0</t>
  </si>
  <si>
    <t>3132.0</t>
  </si>
  <si>
    <t>2271.0</t>
  </si>
  <si>
    <t>0.796</t>
  </si>
  <si>
    <t>0.0106</t>
  </si>
  <si>
    <t>94.6</t>
  </si>
  <si>
    <t>1109785.0</t>
  </si>
  <si>
    <t>624490.0</t>
  </si>
  <si>
    <t>485295.0</t>
  </si>
  <si>
    <t>14332.0</t>
  </si>
  <si>
    <t>8240.0</t>
  </si>
  <si>
    <t>39.05</t>
  </si>
  <si>
    <t>21.97</t>
  </si>
  <si>
    <t>0.0133</t>
  </si>
  <si>
    <t>75.3</t>
  </si>
  <si>
    <t>8486.0</t>
  </si>
  <si>
    <t>4327.0</t>
  </si>
  <si>
    <t>0.152</t>
  </si>
  <si>
    <t>836012.0</t>
  </si>
  <si>
    <t>4063.0</t>
  </si>
  <si>
    <t>292.854</t>
  </si>
  <si>
    <t>1.423</t>
  </si>
  <si>
    <t>0.628</t>
  </si>
  <si>
    <t>66.8</t>
  </si>
  <si>
    <t>8853.0</t>
  </si>
  <si>
    <t>3115.0</t>
  </si>
  <si>
    <t>4737.0</t>
  </si>
  <si>
    <t>840090.0</t>
  </si>
  <si>
    <t>4078.0</t>
  </si>
  <si>
    <t>294.282</t>
  </si>
  <si>
    <t>1.429</t>
  </si>
  <si>
    <t>2026.0</t>
  </si>
  <si>
    <t>1138771.0</t>
  </si>
  <si>
    <t>640047.0</t>
  </si>
  <si>
    <t>498724.0</t>
  </si>
  <si>
    <t>9915.0</t>
  </si>
  <si>
    <t>40.06</t>
  </si>
  <si>
    <t>22.52</t>
  </si>
  <si>
    <t>17.55</t>
  </si>
  <si>
    <t>3488.0</t>
  </si>
  <si>
    <t>5370.0</t>
  </si>
  <si>
    <t>0.189</t>
  </si>
  <si>
    <t>842850.0</t>
  </si>
  <si>
    <t>2760.0</t>
  </si>
  <si>
    <t>295.249</t>
  </si>
  <si>
    <t>0.967</t>
  </si>
  <si>
    <t>2169.0</t>
  </si>
  <si>
    <t>0.0128</t>
  </si>
  <si>
    <t>78.3</t>
  </si>
  <si>
    <t>10447.0</t>
  </si>
  <si>
    <t>3676.0</t>
  </si>
  <si>
    <t>5604.0</t>
  </si>
  <si>
    <t>846478.0</t>
  </si>
  <si>
    <t>3628.0</t>
  </si>
  <si>
    <t>296.52</t>
  </si>
  <si>
    <t>1.271</t>
  </si>
  <si>
    <t>0.0107</t>
  </si>
  <si>
    <t>93.7</t>
  </si>
  <si>
    <t>10978.0</t>
  </si>
  <si>
    <t>5838.0</t>
  </si>
  <si>
    <t>849794.0</t>
  </si>
  <si>
    <t>3316.0</t>
  </si>
  <si>
    <t>297.681</t>
  </si>
  <si>
    <t>1.162</t>
  </si>
  <si>
    <t>2549.0</t>
  </si>
  <si>
    <t>0.893</t>
  </si>
  <si>
    <t>94.4</t>
  </si>
  <si>
    <t>10581.0</t>
  </si>
  <si>
    <t>3723.0</t>
  </si>
  <si>
    <t>5570.0</t>
  </si>
  <si>
    <t>852819.0</t>
  </si>
  <si>
    <t>3025.0</t>
  </si>
  <si>
    <t>298.741</t>
  </si>
  <si>
    <t>0.0104</t>
  </si>
  <si>
    <t>96.6</t>
  </si>
  <si>
    <t>1179769.0</t>
  </si>
  <si>
    <t>660756.0</t>
  </si>
  <si>
    <t>519013.0</t>
  </si>
  <si>
    <t>9998.0</t>
  </si>
  <si>
    <t>41.51</t>
  </si>
  <si>
    <t>23.25</t>
  </si>
  <si>
    <t>18.26</t>
  </si>
  <si>
    <t>857412.0</t>
  </si>
  <si>
    <t>4593.0</t>
  </si>
  <si>
    <t>300.35</t>
  </si>
  <si>
    <t>1.609</t>
  </si>
  <si>
    <t>0.0091</t>
  </si>
  <si>
    <t>109.4</t>
  </si>
  <si>
    <t>1190847.0</t>
  </si>
  <si>
    <t>665632.0</t>
  </si>
  <si>
    <t>525215.0</t>
  </si>
  <si>
    <t>11078.0</t>
  </si>
  <si>
    <t>10200.0</t>
  </si>
  <si>
    <t>41.9</t>
  </si>
  <si>
    <t>23.42</t>
  </si>
  <si>
    <t>5137.0</t>
  </si>
  <si>
    <t>861096.0</t>
  </si>
  <si>
    <t>3684.0</t>
  </si>
  <si>
    <t>301.64</t>
  </si>
  <si>
    <t>3583.0</t>
  </si>
  <si>
    <t>1.255</t>
  </si>
  <si>
    <t>1198933.0</t>
  </si>
  <si>
    <t>670215.0</t>
  </si>
  <si>
    <t>528718.0</t>
  </si>
  <si>
    <t>8086.0</t>
  </si>
  <si>
    <t>9975.0</t>
  </si>
  <si>
    <t>42.18</t>
  </si>
  <si>
    <t>23.58</t>
  </si>
  <si>
    <t>3509.0</t>
  </si>
  <si>
    <t>5051.0</t>
  </si>
  <si>
    <t>10854.4</t>
  </si>
  <si>
    <t>3818.85489238009</t>
  </si>
  <si>
    <t>863664.0</t>
  </si>
  <si>
    <t>2568.0</t>
  </si>
  <si>
    <t>302.54</t>
  </si>
  <si>
    <t>3368.0</t>
  </si>
  <si>
    <t>95.8</t>
  </si>
  <si>
    <t>1203087.0</t>
  </si>
  <si>
    <t>672765.0</t>
  </si>
  <si>
    <t>530322.0</t>
  </si>
  <si>
    <t>4154.0</t>
  </si>
  <si>
    <t>9188.0</t>
  </si>
  <si>
    <t>42.33</t>
  </si>
  <si>
    <t>23.67</t>
  </si>
  <si>
    <t>18.66</t>
  </si>
  <si>
    <t>3233.0</t>
  </si>
  <si>
    <t>4674.0</t>
  </si>
  <si>
    <t>0.164</t>
  </si>
  <si>
    <t>867426.0</t>
  </si>
  <si>
    <t>3762.0</t>
  </si>
  <si>
    <t>303.858</t>
  </si>
  <si>
    <t>96.4</t>
  </si>
  <si>
    <t>1212761.0</t>
  </si>
  <si>
    <t>677938.0</t>
  </si>
  <si>
    <t>534823.0</t>
  </si>
  <si>
    <t>9674.0</t>
  </si>
  <si>
    <t>9106.0</t>
  </si>
  <si>
    <t>42.67</t>
  </si>
  <si>
    <t>23.85</t>
  </si>
  <si>
    <t>18.82</t>
  </si>
  <si>
    <t>3204.0</t>
  </si>
  <si>
    <t>4673.0</t>
  </si>
  <si>
    <t>871897.0</t>
  </si>
  <si>
    <t>4471.0</t>
  </si>
  <si>
    <t>305.424</t>
  </si>
  <si>
    <t>1.566</t>
  </si>
  <si>
    <t>3631.0</t>
  </si>
  <si>
    <t>0.0114</t>
  </si>
  <si>
    <t>87.9</t>
  </si>
  <si>
    <t>1221640.0</t>
  </si>
  <si>
    <t>683052.0</t>
  </si>
  <si>
    <t>538588.0</t>
  </si>
  <si>
    <t>8879.0</t>
  </si>
  <si>
    <t>8910.0</t>
  </si>
  <si>
    <t>42.98</t>
  </si>
  <si>
    <t>18.95</t>
  </si>
  <si>
    <t>3135.0</t>
  </si>
  <si>
    <t>4664.0</t>
  </si>
  <si>
    <t>875496.0</t>
  </si>
  <si>
    <t>306.685</t>
  </si>
  <si>
    <t>3672.0</t>
  </si>
  <si>
    <t>1.286</t>
  </si>
  <si>
    <t>71.8</t>
  </si>
  <si>
    <t>1229405.0</t>
  </si>
  <si>
    <t>687768.0</t>
  </si>
  <si>
    <t>541637.0</t>
  </si>
  <si>
    <t>7765.0</t>
  </si>
  <si>
    <t>8555.0</t>
  </si>
  <si>
    <t>43.25</t>
  </si>
  <si>
    <t>4598.0</t>
  </si>
  <si>
    <t>879097.0</t>
  </si>
  <si>
    <t>3601.0</t>
  </si>
  <si>
    <t>307.946</t>
  </si>
  <si>
    <t>3754.0</t>
  </si>
  <si>
    <t>1.315</t>
  </si>
  <si>
    <t>0.0169</t>
  </si>
  <si>
    <t>59.3</t>
  </si>
  <si>
    <t>1238036.0</t>
  </si>
  <si>
    <t>693000.0</t>
  </si>
  <si>
    <t>545036.0</t>
  </si>
  <si>
    <t>8631.0</t>
  </si>
  <si>
    <t>43.56</t>
  </si>
  <si>
    <t>24.38</t>
  </si>
  <si>
    <t>19.18</t>
  </si>
  <si>
    <t>2929.0</t>
  </si>
  <si>
    <t>4606.0</t>
  </si>
  <si>
    <t>882850.0</t>
  </si>
  <si>
    <t>3753.0</t>
  </si>
  <si>
    <t>309.261</t>
  </si>
  <si>
    <t>3634.0</t>
  </si>
  <si>
    <t>1.273</t>
  </si>
  <si>
    <t>0.0218</t>
  </si>
  <si>
    <t>45.8</t>
  </si>
  <si>
    <t>7785.0</t>
  </si>
  <si>
    <t>2739.0</t>
  </si>
  <si>
    <t>4551.0</t>
  </si>
  <si>
    <t>887082.0</t>
  </si>
  <si>
    <t>310.743</t>
  </si>
  <si>
    <t>1.482</t>
  </si>
  <si>
    <t>3712.0</t>
  </si>
  <si>
    <t>7673.0</t>
  </si>
  <si>
    <t>4538.0</t>
  </si>
  <si>
    <t>890695.0</t>
  </si>
  <si>
    <t>3613.0</t>
  </si>
  <si>
    <t>312.009</t>
  </si>
  <si>
    <t>1.266</t>
  </si>
  <si>
    <t>0.0293</t>
  </si>
  <si>
    <t>34.2</t>
  </si>
  <si>
    <t>1259952.0</t>
  </si>
  <si>
    <t>706470.0</t>
  </si>
  <si>
    <t>553482.0</t>
  </si>
  <si>
    <t>8124.0</t>
  </si>
  <si>
    <t>44.33</t>
  </si>
  <si>
    <t>24.86</t>
  </si>
  <si>
    <t>19.47</t>
  </si>
  <si>
    <t>2858.0</t>
  </si>
  <si>
    <t>4815.0</t>
  </si>
  <si>
    <t>893741.0</t>
  </si>
  <si>
    <t>3046.0</t>
  </si>
  <si>
    <t>313.076</t>
  </si>
  <si>
    <t>1.067</t>
  </si>
  <si>
    <t>3759.0</t>
  </si>
  <si>
    <t>0.0317</t>
  </si>
  <si>
    <t>31.5</t>
  </si>
  <si>
    <t>8191.0</t>
  </si>
  <si>
    <t>5059.0</t>
  </si>
  <si>
    <t>899277.0</t>
  </si>
  <si>
    <t>5536.0</t>
  </si>
  <si>
    <t>315.015</t>
  </si>
  <si>
    <t>1.939</t>
  </si>
  <si>
    <t>3911.0</t>
  </si>
  <si>
    <t>0.0362</t>
  </si>
  <si>
    <t>1280239.0</t>
  </si>
  <si>
    <t>720232.0</t>
  </si>
  <si>
    <t>560007.0</t>
  </si>
  <si>
    <t>8371.0</t>
  </si>
  <si>
    <t>45.04</t>
  </si>
  <si>
    <t>25.34</t>
  </si>
  <si>
    <t>5311.0</t>
  </si>
  <si>
    <t>903478.0</t>
  </si>
  <si>
    <t>316.487</t>
  </si>
  <si>
    <t>1.472</t>
  </si>
  <si>
    <t>3997.0</t>
  </si>
  <si>
    <t>0.0421</t>
  </si>
  <si>
    <t>8679.0</t>
  </si>
  <si>
    <t>3053.0</t>
  </si>
  <si>
    <t>5700.0</t>
  </si>
  <si>
    <t>908277.0</t>
  </si>
  <si>
    <t>4799.0</t>
  </si>
  <si>
    <t>318.168</t>
  </si>
  <si>
    <t>1.681</t>
  </si>
  <si>
    <t>4169.0</t>
  </si>
  <si>
    <t>0.0452</t>
  </si>
  <si>
    <t>8863.0</t>
  </si>
  <si>
    <t>3118.0</t>
  </si>
  <si>
    <t>6015.0</t>
  </si>
  <si>
    <t>913616.0</t>
  </si>
  <si>
    <t>5339.0</t>
  </si>
  <si>
    <t>320.038</t>
  </si>
  <si>
    <t>4395.0</t>
  </si>
  <si>
    <t>0.0503</t>
  </si>
  <si>
    <t>1309995.0</t>
  </si>
  <si>
    <t>742540.0</t>
  </si>
  <si>
    <t>567455.0</t>
  </si>
  <si>
    <t>46.09</t>
  </si>
  <si>
    <t>26.12</t>
  </si>
  <si>
    <t>19.96</t>
  </si>
  <si>
    <t>3249.0</t>
  </si>
  <si>
    <t>0.226</t>
  </si>
  <si>
    <t>918868.0</t>
  </si>
  <si>
    <t>5252.0</t>
  </si>
  <si>
    <t>321.878</t>
  </si>
  <si>
    <t>4541.0</t>
  </si>
  <si>
    <t>1.591</t>
  </si>
  <si>
    <t>8993.0</t>
  </si>
  <si>
    <t>3164.0</t>
  </si>
  <si>
    <t>6396.0</t>
  </si>
  <si>
    <t>923803.0</t>
  </si>
  <si>
    <t>4935.0</t>
  </si>
  <si>
    <t>323.607</t>
  </si>
  <si>
    <t>1.729</t>
  </si>
  <si>
    <t>4730.0</t>
  </si>
  <si>
    <t>1.657</t>
  </si>
  <si>
    <t>0.0615</t>
  </si>
  <si>
    <t>1321198.0</t>
  </si>
  <si>
    <t>750965.0</t>
  </si>
  <si>
    <t>570233.0</t>
  </si>
  <si>
    <t>8749.0</t>
  </si>
  <si>
    <t>46.48</t>
  </si>
  <si>
    <t>26.42</t>
  </si>
  <si>
    <t>3078.0</t>
  </si>
  <si>
    <t>6356.0</t>
  </si>
  <si>
    <t>925986.0</t>
  </si>
  <si>
    <t>2183.0</t>
  </si>
  <si>
    <t>324.371</t>
  </si>
  <si>
    <t>1.613</t>
  </si>
  <si>
    <t>0.0672</t>
  </si>
  <si>
    <t>1330754.0</t>
  </si>
  <si>
    <t>757938.0</t>
  </si>
  <si>
    <t>572816.0</t>
  </si>
  <si>
    <t>9556.0</t>
  </si>
  <si>
    <t>8666.0</t>
  </si>
  <si>
    <t>46.82</t>
  </si>
  <si>
    <t>20.15</t>
  </si>
  <si>
    <t>6370.0</t>
  </si>
  <si>
    <t>931121.0</t>
  </si>
  <si>
    <t>5135.0</t>
  </si>
  <si>
    <t>326.17</t>
  </si>
  <si>
    <t>1.799</t>
  </si>
  <si>
    <t>1.594</t>
  </si>
  <si>
    <t>0.0753</t>
  </si>
  <si>
    <t>1340339.0</t>
  </si>
  <si>
    <t>764997.0</t>
  </si>
  <si>
    <t>575342.0</t>
  </si>
  <si>
    <t>9585.0</t>
  </si>
  <si>
    <t>8586.0</t>
  </si>
  <si>
    <t>47.16</t>
  </si>
  <si>
    <t>26.91</t>
  </si>
  <si>
    <t>20.24</t>
  </si>
  <si>
    <t>3021.0</t>
  </si>
  <si>
    <t>6395.0</t>
  </si>
  <si>
    <t>938854.0</t>
  </si>
  <si>
    <t>7733.0</t>
  </si>
  <si>
    <t>328.879</t>
  </si>
  <si>
    <t>2.709</t>
  </si>
  <si>
    <t>5054.0</t>
  </si>
  <si>
    <t>8447.0</t>
  </si>
  <si>
    <t>2972.0</t>
  </si>
  <si>
    <t>6189.0</t>
  </si>
  <si>
    <t>0.218</t>
  </si>
  <si>
    <t>945516.0</t>
  </si>
  <si>
    <t>6662.0</t>
  </si>
  <si>
    <t>331.213</t>
  </si>
  <si>
    <t>2.334</t>
  </si>
  <si>
    <t>5320.0</t>
  </si>
  <si>
    <t>1.864</t>
  </si>
  <si>
    <t>0.0762</t>
  </si>
  <si>
    <t>13.1</t>
  </si>
  <si>
    <t>1358228.0</t>
  </si>
  <si>
    <t>776986.0</t>
  </si>
  <si>
    <t>581242.0</t>
  </si>
  <si>
    <t>8307.0</t>
  </si>
  <si>
    <t>47.79</t>
  </si>
  <si>
    <t>27.34</t>
  </si>
  <si>
    <t>20.45</t>
  </si>
  <si>
    <t>2923.0</t>
  </si>
  <si>
    <t>5983.0</t>
  </si>
  <si>
    <t>951689.0</t>
  </si>
  <si>
    <t>6173.0</t>
  </si>
  <si>
    <t>333.375</t>
  </si>
  <si>
    <t>2.162</t>
  </si>
  <si>
    <t>5439.0</t>
  </si>
  <si>
    <t>1.905</t>
  </si>
  <si>
    <t>0.0786</t>
  </si>
  <si>
    <t>5545.0</t>
  </si>
  <si>
    <t>958216.0</t>
  </si>
  <si>
    <t>335.661</t>
  </si>
  <si>
    <t>2.286</t>
  </si>
  <si>
    <t>5621.0</t>
  </si>
  <si>
    <t>1.969</t>
  </si>
  <si>
    <t>0.0823</t>
  </si>
  <si>
    <t>1373349.0</t>
  </si>
  <si>
    <t>785724.0</t>
  </si>
  <si>
    <t>587625.0</t>
  </si>
  <si>
    <t>48.32</t>
  </si>
  <si>
    <t>27.64</t>
  </si>
  <si>
    <t>20.67</t>
  </si>
  <si>
    <t>2903.0</t>
  </si>
  <si>
    <t>5567.0</t>
  </si>
  <si>
    <t>962478.0</t>
  </si>
  <si>
    <t>4262.0</t>
  </si>
  <si>
    <t>337.154</t>
  </si>
  <si>
    <t>1.493</t>
  </si>
  <si>
    <t>5525.0</t>
  </si>
  <si>
    <t>1.935</t>
  </si>
  <si>
    <t>0.0873</t>
  </si>
  <si>
    <t>1376763.0</t>
  </si>
  <si>
    <t>787510.0</t>
  </si>
  <si>
    <t>589253.0</t>
  </si>
  <si>
    <t>3414.0</t>
  </si>
  <si>
    <t>7938.0</t>
  </si>
  <si>
    <t>48.44</t>
  </si>
  <si>
    <t>27.71</t>
  </si>
  <si>
    <t>2793.0</t>
  </si>
  <si>
    <t>5221.0</t>
  </si>
  <si>
    <t>966507.0</t>
  </si>
  <si>
    <t>4029.0</t>
  </si>
  <si>
    <t>338.566</t>
  </si>
  <si>
    <t>1.411</t>
  </si>
  <si>
    <t>5789.0</t>
  </si>
  <si>
    <t>2.028</t>
  </si>
  <si>
    <t>1386713.0</t>
  </si>
  <si>
    <t>792663.0</t>
  </si>
  <si>
    <t>594050.0</t>
  </si>
  <si>
    <t>9950.0</t>
  </si>
  <si>
    <t>7994.0</t>
  </si>
  <si>
    <t>48.79</t>
  </si>
  <si>
    <t>27.89</t>
  </si>
  <si>
    <t>20.9</t>
  </si>
  <si>
    <t>971525.0</t>
  </si>
  <si>
    <t>5018.0</t>
  </si>
  <si>
    <t>340.324</t>
  </si>
  <si>
    <t>1.758</t>
  </si>
  <si>
    <t>5772.0</t>
  </si>
  <si>
    <t>2.022</t>
  </si>
  <si>
    <t>0.0971</t>
  </si>
  <si>
    <t>1396390.0</t>
  </si>
  <si>
    <t>797441.0</t>
  </si>
  <si>
    <t>598949.0</t>
  </si>
  <si>
    <t>9677.0</t>
  </si>
  <si>
    <t>8007.0</t>
  </si>
  <si>
    <t>49.13</t>
  </si>
  <si>
    <t>28.06</t>
  </si>
  <si>
    <t>21.07</t>
  </si>
  <si>
    <t>2817.0</t>
  </si>
  <si>
    <t>4635.0</t>
  </si>
  <si>
    <t>979250.0</t>
  </si>
  <si>
    <t>7725.0</t>
  </si>
  <si>
    <t>343.03</t>
  </si>
  <si>
    <t>2.706</t>
  </si>
  <si>
    <t>5771.0</t>
  </si>
  <si>
    <t>0.1062</t>
  </si>
  <si>
    <t>1405653.0</t>
  </si>
  <si>
    <t>802394.0</t>
  </si>
  <si>
    <t>603259.0</t>
  </si>
  <si>
    <t>8053.0</t>
  </si>
  <si>
    <t>49.45</t>
  </si>
  <si>
    <t>28.23</t>
  </si>
  <si>
    <t>21.22</t>
  </si>
  <si>
    <t>2833.0</t>
  </si>
  <si>
    <t>4486.0</t>
  </si>
  <si>
    <t>985869.0</t>
  </si>
  <si>
    <t>6619.0</t>
  </si>
  <si>
    <t>345.348</t>
  </si>
  <si>
    <t>2.319</t>
  </si>
  <si>
    <t>5765.0</t>
  </si>
  <si>
    <t>2.019</t>
  </si>
  <si>
    <t>0.1154</t>
  </si>
  <si>
    <t>1415907.0</t>
  </si>
  <si>
    <t>807368.0</t>
  </si>
  <si>
    <t>608539.0</t>
  </si>
  <si>
    <t>10254.0</t>
  </si>
  <si>
    <t>49.82</t>
  </si>
  <si>
    <t>28.41</t>
  </si>
  <si>
    <t>21.41</t>
  </si>
  <si>
    <t>4340.0</t>
  </si>
  <si>
    <t>992053.0</t>
  </si>
  <si>
    <t>6184.0</t>
  </si>
  <si>
    <t>347.514</t>
  </si>
  <si>
    <t>2.166</t>
  </si>
  <si>
    <t>5766.0</t>
  </si>
  <si>
    <t>0.1249</t>
  </si>
  <si>
    <t>1427977.0</t>
  </si>
  <si>
    <t>812555.0</t>
  </si>
  <si>
    <t>615422.0</t>
  </si>
  <si>
    <t>12070.0</t>
  </si>
  <si>
    <t>8884.0</t>
  </si>
  <si>
    <t>50.24</t>
  </si>
  <si>
    <t>28.59</t>
  </si>
  <si>
    <t>21.65</t>
  </si>
  <si>
    <t>3126.0</t>
  </si>
  <si>
    <t>0.157</t>
  </si>
  <si>
    <t>996116.0</t>
  </si>
  <si>
    <t>348.938</t>
  </si>
  <si>
    <t>5414.0</t>
  </si>
  <si>
    <t>1.897</t>
  </si>
  <si>
    <t>0.1396</t>
  </si>
  <si>
    <t>9003.0</t>
  </si>
  <si>
    <t>4290.0</t>
  </si>
  <si>
    <t>1001576.0</t>
  </si>
  <si>
    <t>5460.0</t>
  </si>
  <si>
    <t>350.85</t>
  </si>
  <si>
    <t>1.913</t>
  </si>
  <si>
    <t>5585.0</t>
  </si>
  <si>
    <t>1.956</t>
  </si>
  <si>
    <t>0.1413</t>
  </si>
  <si>
    <t>1444764.0</t>
  </si>
  <si>
    <t>818955.0</t>
  </si>
  <si>
    <t>625809.0</t>
  </si>
  <si>
    <t>9714.0</t>
  </si>
  <si>
    <t>50.83</t>
  </si>
  <si>
    <t>28.81</t>
  </si>
  <si>
    <t>22.02</t>
  </si>
  <si>
    <t>4492.0</t>
  </si>
  <si>
    <t>1006108.0</t>
  </si>
  <si>
    <t>4532.0</t>
  </si>
  <si>
    <t>352.438</t>
  </si>
  <si>
    <t>1.588</t>
  </si>
  <si>
    <t>5657.0</t>
  </si>
  <si>
    <t>1.982</t>
  </si>
  <si>
    <t>1458048.0</t>
  </si>
  <si>
    <t>824170.0</t>
  </si>
  <si>
    <t>633878.0</t>
  </si>
  <si>
    <t>13284.0</t>
  </si>
  <si>
    <t>51.3</t>
  </si>
  <si>
    <t>22.3</t>
  </si>
  <si>
    <t>3585.0</t>
  </si>
  <si>
    <t>4501.0</t>
  </si>
  <si>
    <t>1013364.0</t>
  </si>
  <si>
    <t>7256.0</t>
  </si>
  <si>
    <t>354.98</t>
  </si>
  <si>
    <t>2.542</t>
  </si>
  <si>
    <t>5977.0</t>
  </si>
  <si>
    <t>2.094</t>
  </si>
  <si>
    <t>0.1402</t>
  </si>
  <si>
    <t>1472316.0</t>
  </si>
  <si>
    <t>830396.0</t>
  </si>
  <si>
    <t>641920.0</t>
  </si>
  <si>
    <t>14268.0</t>
  </si>
  <si>
    <t>10847.0</t>
  </si>
  <si>
    <t>51.8</t>
  </si>
  <si>
    <t>22.58</t>
  </si>
  <si>
    <t>3816.0</t>
  </si>
  <si>
    <t>11244.4</t>
  </si>
  <si>
    <t>30.72</t>
  </si>
  <si>
    <t>3956.06684403364</t>
  </si>
  <si>
    <t>1019088.0</t>
  </si>
  <si>
    <t>5724.0</t>
  </si>
  <si>
    <t>356.985</t>
  </si>
  <si>
    <t>2.005</t>
  </si>
  <si>
    <t>5691.0</t>
  </si>
  <si>
    <t>1.994</t>
  </si>
  <si>
    <t>0.1507</t>
  </si>
  <si>
    <t>1485250.0</t>
  </si>
  <si>
    <t>836613.0</t>
  </si>
  <si>
    <t>648637.0</t>
  </si>
  <si>
    <t>12934.0</t>
  </si>
  <si>
    <t>11371.0</t>
  </si>
  <si>
    <t>52.25</t>
  </si>
  <si>
    <t>4001.0</t>
  </si>
  <si>
    <t>4888.0</t>
  </si>
  <si>
    <t>0.172</t>
  </si>
  <si>
    <t>1024725.0</t>
  </si>
  <si>
    <t>5637.0</t>
  </si>
  <si>
    <t>358.959</t>
  </si>
  <si>
    <t>1.975</t>
  </si>
  <si>
    <t>5551.0</t>
  </si>
  <si>
    <t>1.945</t>
  </si>
  <si>
    <t>0.1536</t>
  </si>
  <si>
    <t>1499898.0</t>
  </si>
  <si>
    <t>844304.0</t>
  </si>
  <si>
    <t>655594.0</t>
  </si>
  <si>
    <t>14648.0</t>
  </si>
  <si>
    <t>11999.0</t>
  </si>
  <si>
    <t>52.77</t>
  </si>
  <si>
    <t>23.07</t>
  </si>
  <si>
    <t>4222.0</t>
  </si>
  <si>
    <t>5277.0</t>
  </si>
  <si>
    <t>1030626.0</t>
  </si>
  <si>
    <t>5901.0</t>
  </si>
  <si>
    <t>361.027</t>
  </si>
  <si>
    <t>2.067</t>
  </si>
  <si>
    <t>5510.0</t>
  </si>
  <si>
    <t>0.1541</t>
  </si>
  <si>
    <t>11679.0</t>
  </si>
  <si>
    <t>1036739.0</t>
  </si>
  <si>
    <t>6113.0</t>
  </si>
  <si>
    <t>363.168</t>
  </si>
  <si>
    <t>2.141</t>
  </si>
  <si>
    <t>5803.0</t>
  </si>
  <si>
    <t>2.033</t>
  </si>
  <si>
    <t>0.1482</t>
  </si>
  <si>
    <t>11885.0</t>
  </si>
  <si>
    <t>4181.0</t>
  </si>
  <si>
    <t>5577.0</t>
  </si>
  <si>
    <t>1040967.0</t>
  </si>
  <si>
    <t>4228.0</t>
  </si>
  <si>
    <t>364.649</t>
  </si>
  <si>
    <t>1.481</t>
  </si>
  <si>
    <t>5627.0</t>
  </si>
  <si>
    <t>1.971</t>
  </si>
  <si>
    <t>12091.0</t>
  </si>
  <si>
    <t>4254.0</t>
  </si>
  <si>
    <t>5869.0</t>
  </si>
  <si>
    <t>1046958.0</t>
  </si>
  <si>
    <t>5991.0</t>
  </si>
  <si>
    <t>366.748</t>
  </si>
  <si>
    <t>2.099</t>
  </si>
  <si>
    <t>5836.0</t>
  </si>
  <si>
    <t>2.044</t>
  </si>
  <si>
    <t>1539232.0</t>
  </si>
  <si>
    <t>673951.0</t>
  </si>
  <si>
    <t>11598.0</t>
  </si>
  <si>
    <t>54.15</t>
  </si>
  <si>
    <t>30.44</t>
  </si>
  <si>
    <t>4080.0</t>
  </si>
  <si>
    <t>5873.0</t>
  </si>
  <si>
    <t>0.207</t>
  </si>
  <si>
    <t>1052502.0</t>
  </si>
  <si>
    <t>5544.0</t>
  </si>
  <si>
    <t>368.69</t>
  </si>
  <si>
    <t>1.942</t>
  </si>
  <si>
    <t>5591.0</t>
  </si>
  <si>
    <t>1.959</t>
  </si>
  <si>
    <t>0.1495</t>
  </si>
  <si>
    <t>1553626.0</t>
  </si>
  <si>
    <t>872116.0</t>
  </si>
  <si>
    <t>681510.0</t>
  </si>
  <si>
    <t>14394.0</t>
  </si>
  <si>
    <t>11616.0</t>
  </si>
  <si>
    <t>54.66</t>
  </si>
  <si>
    <t>30.68</t>
  </si>
  <si>
    <t>23.98</t>
  </si>
  <si>
    <t>4087.0</t>
  </si>
  <si>
    <t>5960.0</t>
  </si>
  <si>
    <t>1059234.0</t>
  </si>
  <si>
    <t>6732.0</t>
  </si>
  <si>
    <t>371.048</t>
  </si>
  <si>
    <t>2.358</t>
  </si>
  <si>
    <t>5735.0</t>
  </si>
  <si>
    <t>2.009</t>
  </si>
  <si>
    <t>1567313.0</t>
  </si>
  <si>
    <t>879459.0</t>
  </si>
  <si>
    <t>687854.0</t>
  </si>
  <si>
    <t>13687.0</t>
  </si>
  <si>
    <t>11723.0</t>
  </si>
  <si>
    <t>55.14</t>
  </si>
  <si>
    <t>30.94</t>
  </si>
  <si>
    <t>4124.0</t>
  </si>
  <si>
    <t>6121.0</t>
  </si>
  <si>
    <t>1065046.0</t>
  </si>
  <si>
    <t>5812.0</t>
  </si>
  <si>
    <t>373.084</t>
  </si>
  <si>
    <t>2.036</t>
  </si>
  <si>
    <t>5760.0</t>
  </si>
  <si>
    <t>2.018</t>
  </si>
  <si>
    <t>0.1511</t>
  </si>
  <si>
    <t>1579402.0</t>
  </si>
  <si>
    <t>885981.0</t>
  </si>
  <si>
    <t>693421.0</t>
  </si>
  <si>
    <t>12089.0</t>
  </si>
  <si>
    <t>11358.0</t>
  </si>
  <si>
    <t>55.57</t>
  </si>
  <si>
    <t>31.17</t>
  </si>
  <si>
    <t>24.4</t>
  </si>
  <si>
    <t>3996.0</t>
  </si>
  <si>
    <t>5954.0</t>
  </si>
  <si>
    <t>0.209</t>
  </si>
  <si>
    <t>1071354.0</t>
  </si>
  <si>
    <t>6308.0</t>
  </si>
  <si>
    <t>375.293</t>
  </si>
  <si>
    <t>5818.0</t>
  </si>
  <si>
    <t>2.038</t>
  </si>
  <si>
    <t>1589575.0</t>
  </si>
  <si>
    <t>890978.0</t>
  </si>
  <si>
    <t>698597.0</t>
  </si>
  <si>
    <t>11406.0</t>
  </si>
  <si>
    <t>55.93</t>
  </si>
  <si>
    <t>31.35</t>
  </si>
  <si>
    <t>5919.0</t>
  </si>
  <si>
    <t>0.208</t>
  </si>
  <si>
    <t>1076611.0</t>
  </si>
  <si>
    <t>377.135</t>
  </si>
  <si>
    <t>1.842</t>
  </si>
  <si>
    <t>5696.0</t>
  </si>
  <si>
    <t>1.995</t>
  </si>
  <si>
    <t>1598196.0</t>
  </si>
  <si>
    <t>895363.0</t>
  </si>
  <si>
    <t>702833.0</t>
  </si>
  <si>
    <t>8621.0</t>
  </si>
  <si>
    <t>11233.0</t>
  </si>
  <si>
    <t>56.23</t>
  </si>
  <si>
    <t>24.73</t>
  </si>
  <si>
    <t>3952.0</t>
  </si>
  <si>
    <t>5796.0</t>
  </si>
  <si>
    <t>1080945.0</t>
  </si>
  <si>
    <t>4334.0</t>
  </si>
  <si>
    <t>378.653</t>
  </si>
  <si>
    <t>1.518</t>
  </si>
  <si>
    <t>5711.0</t>
  </si>
  <si>
    <t>2.001</t>
  </si>
  <si>
    <t>0.1508</t>
  </si>
  <si>
    <t>1601552.0</t>
  </si>
  <si>
    <t>896926.0</t>
  </si>
  <si>
    <t>704626.0</t>
  </si>
  <si>
    <t>3356.0</t>
  </si>
  <si>
    <t>10308.0</t>
  </si>
  <si>
    <t>56.35</t>
  </si>
  <si>
    <t>31.56</t>
  </si>
  <si>
    <t>3627.0</t>
  </si>
  <si>
    <t>5270.0</t>
  </si>
  <si>
    <t>1084444.0</t>
  </si>
  <si>
    <t>3499.0</t>
  </si>
  <si>
    <t>379.879</t>
  </si>
  <si>
    <t>1.226</t>
  </si>
  <si>
    <t>5355.0</t>
  </si>
  <si>
    <t>1.876</t>
  </si>
  <si>
    <t>0.1584</t>
  </si>
  <si>
    <t>1610157.0</t>
  </si>
  <si>
    <t>900814.0</t>
  </si>
  <si>
    <t>709343.0</t>
  </si>
  <si>
    <t>8605.0</t>
  </si>
  <si>
    <t>10132.0</t>
  </si>
  <si>
    <t>56.65</t>
  </si>
  <si>
    <t>31.69</t>
  </si>
  <si>
    <t>24.96</t>
  </si>
  <si>
    <t>3565.0</t>
  </si>
  <si>
    <t>5076.0</t>
  </si>
  <si>
    <t>1090057.0</t>
  </si>
  <si>
    <t>5613.0</t>
  </si>
  <si>
    <t>381.845</t>
  </si>
  <si>
    <t>1.966</t>
  </si>
  <si>
    <t>5365.0</t>
  </si>
  <si>
    <t>1.879</t>
  </si>
  <si>
    <t>0.1649</t>
  </si>
  <si>
    <t>1618111.0</t>
  </si>
  <si>
    <t>904594.0</t>
  </si>
  <si>
    <t>713517.0</t>
  </si>
  <si>
    <t>7954.0</t>
  </si>
  <si>
    <t>9212.0</t>
  </si>
  <si>
    <t>56.93</t>
  </si>
  <si>
    <t>31.83</t>
  </si>
  <si>
    <t>3241.0</t>
  </si>
  <si>
    <t>4640.0</t>
  </si>
  <si>
    <t>1095537.0</t>
  </si>
  <si>
    <t>5480.0</t>
  </si>
  <si>
    <t>383.765</t>
  </si>
  <si>
    <t>5186.0</t>
  </si>
  <si>
    <t>1.817</t>
  </si>
  <si>
    <t>0.1682</t>
  </si>
  <si>
    <t>1625636.0</t>
  </si>
  <si>
    <t>908232.0</t>
  </si>
  <si>
    <t>717404.0</t>
  </si>
  <si>
    <t>7525.0</t>
  </si>
  <si>
    <t>8332.0</t>
  </si>
  <si>
    <t>57.19</t>
  </si>
  <si>
    <t>25.24</t>
  </si>
  <si>
    <t>2931.0</t>
  </si>
  <si>
    <t>4110.0</t>
  </si>
  <si>
    <t>1101260.0</t>
  </si>
  <si>
    <t>5723.0</t>
  </si>
  <si>
    <t>385.769</t>
  </si>
  <si>
    <t>5173.0</t>
  </si>
  <si>
    <t>1.812</t>
  </si>
  <si>
    <t>1632986.0</t>
  </si>
  <si>
    <t>911372.0</t>
  </si>
  <si>
    <t>721614.0</t>
  </si>
  <si>
    <t>7350.0</t>
  </si>
  <si>
    <t>7655.0</t>
  </si>
  <si>
    <t>57.45</t>
  </si>
  <si>
    <t>32.06</t>
  </si>
  <si>
    <t>25.39</t>
  </si>
  <si>
    <t>2693.0</t>
  </si>
  <si>
    <t>1106366.0</t>
  </si>
  <si>
    <t>5106.0</t>
  </si>
  <si>
    <t>387.558</t>
  </si>
  <si>
    <t>1.789</t>
  </si>
  <si>
    <t>5002.0</t>
  </si>
  <si>
    <t>1.752</t>
  </si>
  <si>
    <t>0.1722</t>
  </si>
  <si>
    <t>1640239.0</t>
  </si>
  <si>
    <t>914401.0</t>
  </si>
  <si>
    <t>725838.0</t>
  </si>
  <si>
    <t>7253.0</t>
  </si>
  <si>
    <t>7238.0</t>
  </si>
  <si>
    <t>57.71</t>
  </si>
  <si>
    <t>32.17</t>
  </si>
  <si>
    <t>25.54</t>
  </si>
  <si>
    <t>2547.0</t>
  </si>
  <si>
    <t>3346.0</t>
  </si>
  <si>
    <t>0.118</t>
  </si>
  <si>
    <t>1111135.0</t>
  </si>
  <si>
    <t>4769.0</t>
  </si>
  <si>
    <t>389.229</t>
  </si>
  <si>
    <t>1.671</t>
  </si>
  <si>
    <t>4932.0</t>
  </si>
  <si>
    <t>1.728</t>
  </si>
  <si>
    <t>0.1741</t>
  </si>
  <si>
    <t>6695.0</t>
  </si>
  <si>
    <t>2355.0</t>
  </si>
  <si>
    <t>2999.0</t>
  </si>
  <si>
    <t>1115157.0</t>
  </si>
  <si>
    <t>4022.0</t>
  </si>
  <si>
    <t>390.638</t>
  </si>
  <si>
    <t>1.409</t>
  </si>
  <si>
    <t>4887.0</t>
  </si>
  <si>
    <t>1.712</t>
  </si>
  <si>
    <t>1649884.0</t>
  </si>
  <si>
    <t>918307.0</t>
  </si>
  <si>
    <t>731577.0</t>
  </si>
  <si>
    <t>6905.0</t>
  </si>
  <si>
    <t>58.05</t>
  </si>
  <si>
    <t>32.31</t>
  </si>
  <si>
    <t>2429.0</t>
  </si>
  <si>
    <t>3054.0</t>
  </si>
  <si>
    <t>1119238.0</t>
  </si>
  <si>
    <t>4081.0</t>
  </si>
  <si>
    <t>392.067</t>
  </si>
  <si>
    <t>4971.0</t>
  </si>
  <si>
    <t>1.741</t>
  </si>
  <si>
    <t>1657595.0</t>
  </si>
  <si>
    <t>921001.0</t>
  </si>
  <si>
    <t>736594.0</t>
  </si>
  <si>
    <t>7711.0</t>
  </si>
  <si>
    <t>6777.0</t>
  </si>
  <si>
    <t>58.32</t>
  </si>
  <si>
    <t>25.92</t>
  </si>
  <si>
    <t>2384.0</t>
  </si>
  <si>
    <t>1124413.0</t>
  </si>
  <si>
    <t>5175.0</t>
  </si>
  <si>
    <t>393.88</t>
  </si>
  <si>
    <t>1.813</t>
  </si>
  <si>
    <t>1.719</t>
  </si>
  <si>
    <t>1665590.0</t>
  </si>
  <si>
    <t>923771.0</t>
  </si>
  <si>
    <t>741819.0</t>
  </si>
  <si>
    <t>7995.0</t>
  </si>
  <si>
    <t>6783.0</t>
  </si>
  <si>
    <t>58.6</t>
  </si>
  <si>
    <t>32.5</t>
  </si>
  <si>
    <t>2740.0</t>
  </si>
  <si>
    <t>1129957.0</t>
  </si>
  <si>
    <t>395.822</t>
  </si>
  <si>
    <t>4917.0</t>
  </si>
  <si>
    <t>1.722</t>
  </si>
  <si>
    <t>0.1648</t>
  </si>
  <si>
    <t>1674093.0</t>
  </si>
  <si>
    <t>926652.0</t>
  </si>
  <si>
    <t>747441.0</t>
  </si>
  <si>
    <t>8503.0</t>
  </si>
  <si>
    <t>6922.0</t>
  </si>
  <si>
    <t>58.9</t>
  </si>
  <si>
    <t>2631.0</t>
  </si>
  <si>
    <t>1134962.0</t>
  </si>
  <si>
    <t>5005.0</t>
  </si>
  <si>
    <t>397.575</t>
  </si>
  <si>
    <t>1.753</t>
  </si>
  <si>
    <t>1.687</t>
  </si>
  <si>
    <t>0.1632</t>
  </si>
  <si>
    <t>1683644.0</t>
  </si>
  <si>
    <t>929624.0</t>
  </si>
  <si>
    <t>754020.0</t>
  </si>
  <si>
    <t>7237.0</t>
  </si>
  <si>
    <t>59.23</t>
  </si>
  <si>
    <t>32.71</t>
  </si>
  <si>
    <t>26.53</t>
  </si>
  <si>
    <t>2546.0</t>
  </si>
  <si>
    <t>1140112.0</t>
  </si>
  <si>
    <t>5150.0</t>
  </si>
  <si>
    <t>399.379</t>
  </si>
  <si>
    <t>1.804</t>
  </si>
  <si>
    <t>4821.0</t>
  </si>
  <si>
    <t>1.689</t>
  </si>
  <si>
    <t>1693555.0</t>
  </si>
  <si>
    <t>932595.0</t>
  </si>
  <si>
    <t>760960.0</t>
  </si>
  <si>
    <t>9911.0</t>
  </si>
  <si>
    <t>7617.0</t>
  </si>
  <si>
    <t>59.58</t>
  </si>
  <si>
    <t>32.81</t>
  </si>
  <si>
    <t>26.77</t>
  </si>
  <si>
    <t>2680.0</t>
  </si>
  <si>
    <t>2599.0</t>
  </si>
  <si>
    <t>1144987.0</t>
  </si>
  <si>
    <t>4875.0</t>
  </si>
  <si>
    <t>401.087</t>
  </si>
  <si>
    <t>1.708</t>
  </si>
  <si>
    <t>4836.0</t>
  </si>
  <si>
    <t>1.694</t>
  </si>
  <si>
    <t>7955.0</t>
  </si>
  <si>
    <t>2799.0</t>
  </si>
  <si>
    <t>2624.0</t>
  </si>
  <si>
    <t>4552.0</t>
  </si>
  <si>
    <t>1.595</t>
  </si>
  <si>
    <t>8294.0</t>
  </si>
  <si>
    <t>2918.0</t>
  </si>
  <si>
    <t>2650.0</t>
  </si>
  <si>
    <t>1149051.0</t>
  </si>
  <si>
    <t>402.511</t>
  </si>
  <si>
    <t>4259.0</t>
  </si>
  <si>
    <t>1.492</t>
  </si>
  <si>
    <t>0.1605</t>
  </si>
  <si>
    <t>1715133.0</t>
  </si>
  <si>
    <t>938985.0</t>
  </si>
  <si>
    <t>776148.0</t>
  </si>
  <si>
    <t>8220.0</t>
  </si>
  <si>
    <t>60.34</t>
  </si>
  <si>
    <t>33.04</t>
  </si>
  <si>
    <t>27.31</t>
  </si>
  <si>
    <t>2892.0</t>
  </si>
  <si>
    <t>2569.0</t>
  </si>
  <si>
    <t>1153676.0</t>
  </si>
  <si>
    <t>4625.0</t>
  </si>
  <si>
    <t>404.131</t>
  </si>
  <si>
    <t>4180.0</t>
  </si>
  <si>
    <t>1.464</t>
  </si>
  <si>
    <t>1723996.0</t>
  </si>
  <si>
    <t>941418.0</t>
  </si>
  <si>
    <t>782578.0</t>
  </si>
  <si>
    <t>8344.0</t>
  </si>
  <si>
    <t>60.65</t>
  </si>
  <si>
    <t>33.12</t>
  </si>
  <si>
    <t>1157613.0</t>
  </si>
  <si>
    <t>3937.0</t>
  </si>
  <si>
    <t>405.51</t>
  </si>
  <si>
    <t>1.379</t>
  </si>
  <si>
    <t>0.1579</t>
  </si>
  <si>
    <t>1732549.0</t>
  </si>
  <si>
    <t>944011.0</t>
  </si>
  <si>
    <t>788538.0</t>
  </si>
  <si>
    <t>8553.0</t>
  </si>
  <si>
    <t>8351.0</t>
  </si>
  <si>
    <t>60.96</t>
  </si>
  <si>
    <t>33.21</t>
  </si>
  <si>
    <t>27.74</t>
  </si>
  <si>
    <t>2938.0</t>
  </si>
  <si>
    <t>1162448.0</t>
  </si>
  <si>
    <t>4835.0</t>
  </si>
  <si>
    <t>407.204</t>
  </si>
  <si>
    <t>0.1552</t>
  </si>
  <si>
    <t>1741373.0</t>
  </si>
  <si>
    <t>946495.0</t>
  </si>
  <si>
    <t>794878.0</t>
  </si>
  <si>
    <t>8824.0</t>
  </si>
  <si>
    <t>8247.0</t>
  </si>
  <si>
    <t>61.27</t>
  </si>
  <si>
    <t>33.3</t>
  </si>
  <si>
    <t>27.97</t>
  </si>
  <si>
    <t>2410.0</t>
  </si>
  <si>
    <t>12236.8</t>
  </si>
  <si>
    <t>32.11</t>
  </si>
  <si>
    <t>65.57</t>
  </si>
  <si>
    <t>4305.21848716435</t>
  </si>
  <si>
    <t>1166587.0</t>
  </si>
  <si>
    <t>4139.0</t>
  </si>
  <si>
    <t>408.653</t>
  </si>
  <si>
    <t>3782.0</t>
  </si>
  <si>
    <t>1.325</t>
  </si>
  <si>
    <t>0.1544</t>
  </si>
  <si>
    <t>1749106.0</t>
  </si>
  <si>
    <t>948553.0</t>
  </si>
  <si>
    <t>800553.0</t>
  </si>
  <si>
    <t>7936.0</t>
  </si>
  <si>
    <t>61.54</t>
  </si>
  <si>
    <t>33.37</t>
  </si>
  <si>
    <t>28.17</t>
  </si>
  <si>
    <t>2792.0</t>
  </si>
  <si>
    <t>2280.0</t>
  </si>
  <si>
    <t>1170866.0</t>
  </si>
  <si>
    <t>410.152</t>
  </si>
  <si>
    <t>1.499</t>
  </si>
  <si>
    <t>3697.0</t>
  </si>
  <si>
    <t>1.295</t>
  </si>
  <si>
    <t>0.1535</t>
  </si>
  <si>
    <t>1756040.0</t>
  </si>
  <si>
    <t>950620.0</t>
  </si>
  <si>
    <t>805420.0</t>
  </si>
  <si>
    <t>6934.0</t>
  </si>
  <si>
    <t>7899.0</t>
  </si>
  <si>
    <t>61.78</t>
  </si>
  <si>
    <t>33.45</t>
  </si>
  <si>
    <t>28.34</t>
  </si>
  <si>
    <t>1173458.0</t>
  </si>
  <si>
    <t>2592.0</t>
  </si>
  <si>
    <t>411.06</t>
  </si>
  <si>
    <t>0.908</t>
  </si>
  <si>
    <t>3777.0</t>
  </si>
  <si>
    <t>1.323</t>
  </si>
  <si>
    <t>0.1475</t>
  </si>
  <si>
    <t>7491.0</t>
  </si>
  <si>
    <t>2636.0</t>
  </si>
  <si>
    <t>1176525.0</t>
  </si>
  <si>
    <t>3067.0</t>
  </si>
  <si>
    <t>412.135</t>
  </si>
  <si>
    <t>1.074</t>
  </si>
  <si>
    <t>3925.0</t>
  </si>
  <si>
    <t>1.375</t>
  </si>
  <si>
    <t>1764714.0</t>
  </si>
  <si>
    <t>952949.0</t>
  </si>
  <si>
    <t>811765.0</t>
  </si>
  <si>
    <t>7083.0</t>
  </si>
  <si>
    <t>62.09</t>
  </si>
  <si>
    <t>33.53</t>
  </si>
  <si>
    <t>28.56</t>
  </si>
  <si>
    <t>2492.0</t>
  </si>
  <si>
    <t>1180032.0</t>
  </si>
  <si>
    <t>3507.0</t>
  </si>
  <si>
    <t>413.363</t>
  </si>
  <si>
    <t>1.228</t>
  </si>
  <si>
    <t>3765.0</t>
  </si>
  <si>
    <t>1.319</t>
  </si>
  <si>
    <t>0.1456</t>
  </si>
  <si>
    <t>1771542.0</t>
  </si>
  <si>
    <t>955083.0</t>
  </si>
  <si>
    <t>816459.0</t>
  </si>
  <si>
    <t>6828.0</t>
  </si>
  <si>
    <t>6792.0</t>
  </si>
  <si>
    <t>62.33</t>
  </si>
  <si>
    <t>33.6</t>
  </si>
  <si>
    <t>1183840.0</t>
  </si>
  <si>
    <t>3808.0</t>
  </si>
  <si>
    <t>414.697</t>
  </si>
  <si>
    <t>1.334</t>
  </si>
  <si>
    <t>3747.0</t>
  </si>
  <si>
    <t>1.313</t>
  </si>
  <si>
    <t>1778093.0</t>
  </si>
  <si>
    <t>957147.0</t>
  </si>
  <si>
    <t>820946.0</t>
  </si>
  <si>
    <t>6551.0</t>
  </si>
  <si>
    <t>6506.0</t>
  </si>
  <si>
    <t>62.56</t>
  </si>
  <si>
    <t>33.67</t>
  </si>
  <si>
    <t>28.88</t>
  </si>
  <si>
    <t>2289.0</t>
  </si>
  <si>
    <t>1187796.0</t>
  </si>
  <si>
    <t>3956.0</t>
  </si>
  <si>
    <t>416.083</t>
  </si>
  <si>
    <t>1783984.0</t>
  </si>
  <si>
    <t>958874.0</t>
  </si>
  <si>
    <t>825110.0</t>
  </si>
  <si>
    <t>5891.0</t>
  </si>
  <si>
    <t>6087.0</t>
  </si>
  <si>
    <t>62.77</t>
  </si>
  <si>
    <t>29.03</t>
  </si>
  <si>
    <t>2142.0</t>
  </si>
  <si>
    <t>1768.0</t>
  </si>
  <si>
    <t>1191296.0</t>
  </si>
  <si>
    <t>3500.0</t>
  </si>
  <si>
    <t>417.309</t>
  </si>
  <si>
    <t>0.1372</t>
  </si>
  <si>
    <t>1789592.0</t>
  </si>
  <si>
    <t>960652.0</t>
  </si>
  <si>
    <t>828940.0</t>
  </si>
  <si>
    <t>5608.0</t>
  </si>
  <si>
    <t>5784.0</t>
  </si>
  <si>
    <t>62.96</t>
  </si>
  <si>
    <t>29.16</t>
  </si>
  <si>
    <t>2035.0</t>
  </si>
  <si>
    <t>1728.0</t>
  </si>
  <si>
    <t>1194540.0</t>
  </si>
  <si>
    <t>3244.0</t>
  </si>
  <si>
    <t>418.445</t>
  </si>
  <si>
    <t>1.136</t>
  </si>
  <si>
    <t>3382.0</t>
  </si>
  <si>
    <t>1.185</t>
  </si>
  <si>
    <t>0.1401</t>
  </si>
  <si>
    <t>1795351.0</t>
  </si>
  <si>
    <t>962281.0</t>
  </si>
  <si>
    <t>833070.0</t>
  </si>
  <si>
    <t>5759.0</t>
  </si>
  <si>
    <t>5616.0</t>
  </si>
  <si>
    <t>63.17</t>
  </si>
  <si>
    <t>33.86</t>
  </si>
  <si>
    <t>1976.0</t>
  </si>
  <si>
    <t>1666.0</t>
  </si>
  <si>
    <t>1197367.0</t>
  </si>
  <si>
    <t>419.436</t>
  </si>
  <si>
    <t>3416.0</t>
  </si>
  <si>
    <t>1.197</t>
  </si>
  <si>
    <t>0.1327</t>
  </si>
  <si>
    <t>1199936.0</t>
  </si>
  <si>
    <t>420.336</t>
  </si>
  <si>
    <t>0.1439</t>
  </si>
  <si>
    <t>1803799.0</t>
  </si>
  <si>
    <t>834469.0</t>
  </si>
  <si>
    <t>5584.0</t>
  </si>
  <si>
    <t>63.46</t>
  </si>
  <si>
    <t>29.36</t>
  </si>
  <si>
    <t>1965.0</t>
  </si>
  <si>
    <t>1202978.0</t>
  </si>
  <si>
    <t>3042.0</t>
  </si>
  <si>
    <t>421.401</t>
  </si>
  <si>
    <t>1.066</t>
  </si>
  <si>
    <t>1.148</t>
  </si>
  <si>
    <t>1810433.0</t>
  </si>
  <si>
    <t>968117.0</t>
  </si>
  <si>
    <t>842316.0</t>
  </si>
  <si>
    <t>6634.0</t>
  </si>
  <si>
    <t>5556.0</t>
  </si>
  <si>
    <t>63.7</t>
  </si>
  <si>
    <t>1955.0</t>
  </si>
  <si>
    <t>1206052.0</t>
  </si>
  <si>
    <t>3074.0</t>
  </si>
  <si>
    <t>422.478</t>
  </si>
  <si>
    <t>1.077</t>
  </si>
  <si>
    <t>3173.0</t>
  </si>
  <si>
    <t>0.1343</t>
  </si>
  <si>
    <t>1816580.0</t>
  </si>
  <si>
    <t>970703.0</t>
  </si>
  <si>
    <t>845877.0</t>
  </si>
  <si>
    <t>6147.0</t>
  </si>
  <si>
    <t>5498.0</t>
  </si>
  <si>
    <t>63.91</t>
  </si>
  <si>
    <t>34.15</t>
  </si>
  <si>
    <t>29.76</t>
  </si>
  <si>
    <t>1937.0</t>
  </si>
  <si>
    <t>1209784.0</t>
  </si>
  <si>
    <t>3732.0</t>
  </si>
  <si>
    <t>423.785</t>
  </si>
  <si>
    <t>1.307</t>
  </si>
  <si>
    <t>3141.0</t>
  </si>
  <si>
    <t>0.1339</t>
  </si>
  <si>
    <t>5381.0</t>
  </si>
  <si>
    <t>2010.0</t>
  </si>
  <si>
    <t>1213356.0</t>
  </si>
  <si>
    <t>3572.0</t>
  </si>
  <si>
    <t>425.037</t>
  </si>
  <si>
    <t>0.1333</t>
  </si>
  <si>
    <t>5304.0</t>
  </si>
  <si>
    <t>1866.0</t>
  </si>
  <si>
    <t>2075.0</t>
  </si>
  <si>
    <t>1216905.0</t>
  </si>
  <si>
    <t>3549.0</t>
  </si>
  <si>
    <t>426.28</t>
  </si>
  <si>
    <t>1.243</t>
  </si>
  <si>
    <t>3195.0</t>
  </si>
  <si>
    <t>1831.0</t>
  </si>
  <si>
    <t>2971.0</t>
  </si>
  <si>
    <t>1.041</t>
  </si>
  <si>
    <t>0.1444</t>
  </si>
  <si>
    <t>1836856.0</t>
  </si>
  <si>
    <t>979655.0</t>
  </si>
  <si>
    <t>857201.0</t>
  </si>
  <si>
    <t>64.63</t>
  </si>
  <si>
    <t>34.47</t>
  </si>
  <si>
    <t>30.16</t>
  </si>
  <si>
    <t>1874.0</t>
  </si>
  <si>
    <t>2204.0</t>
  </si>
  <si>
    <t>1219427.0</t>
  </si>
  <si>
    <t>2522.0</t>
  </si>
  <si>
    <t>427.163</t>
  </si>
  <si>
    <t>2784.0</t>
  </si>
  <si>
    <t>1842661.0</t>
  </si>
  <si>
    <t>982467.0</t>
  </si>
  <si>
    <t>860194.0</t>
  </si>
  <si>
    <t>5805.0</t>
  </si>
  <si>
    <t>5552.0</t>
  </si>
  <si>
    <t>64.83</t>
  </si>
  <si>
    <t>34.57</t>
  </si>
  <si>
    <t>30.26</t>
  </si>
  <si>
    <t>2328.0</t>
  </si>
  <si>
    <t>1223140.0</t>
  </si>
  <si>
    <t>3713.0</t>
  </si>
  <si>
    <t>428.464</t>
  </si>
  <si>
    <t>1.301</t>
  </si>
  <si>
    <t>2880.0</t>
  </si>
  <si>
    <t>1.009</t>
  </si>
  <si>
    <t>0.1558</t>
  </si>
  <si>
    <t>1848634.0</t>
  </si>
  <si>
    <t>985320.0</t>
  </si>
  <si>
    <t>863314.0</t>
  </si>
  <si>
    <t>5973.0</t>
  </si>
  <si>
    <t>5457.0</t>
  </si>
  <si>
    <t>65.04</t>
  </si>
  <si>
    <t>1920.0</t>
  </si>
  <si>
    <t>2458.0</t>
  </si>
  <si>
    <t>1227074.0</t>
  </si>
  <si>
    <t>3934.0</t>
  </si>
  <si>
    <t>429.842</t>
  </si>
  <si>
    <t>1.052</t>
  </si>
  <si>
    <t>0.1566</t>
  </si>
  <si>
    <t>1854615.0</t>
  </si>
  <si>
    <t>988414.0</t>
  </si>
  <si>
    <t>866201.0</t>
  </si>
  <si>
    <t>5981.0</t>
  </si>
  <si>
    <t>5434.0</t>
  </si>
  <si>
    <t>65.25</t>
  </si>
  <si>
    <t>34.77</t>
  </si>
  <si>
    <t>2530.0</t>
  </si>
  <si>
    <t>1230751.0</t>
  </si>
  <si>
    <t>3677.0</t>
  </si>
  <si>
    <t>431.13</t>
  </si>
  <si>
    <t>1.288</t>
  </si>
  <si>
    <t>2995.0</t>
  </si>
  <si>
    <t>0.1604</t>
  </si>
  <si>
    <t>1860335.0</t>
  </si>
  <si>
    <t>991371.0</t>
  </si>
  <si>
    <t>868964.0</t>
  </si>
  <si>
    <t>5720.0</t>
  </si>
  <si>
    <t>5527.0</t>
  </si>
  <si>
    <t>65.45</t>
  </si>
  <si>
    <t>34.88</t>
  </si>
  <si>
    <t>30.57</t>
  </si>
  <si>
    <t>1945.0</t>
  </si>
  <si>
    <t>1233931.0</t>
  </si>
  <si>
    <t>3180.0</t>
  </si>
  <si>
    <t>432.244</t>
  </si>
  <si>
    <t>1.114</t>
  </si>
  <si>
    <t>2939.0</t>
  </si>
  <si>
    <t>0.1709</t>
  </si>
  <si>
    <t>1865942.0</t>
  </si>
  <si>
    <t>994446.0</t>
  </si>
  <si>
    <t>871496.0</t>
  </si>
  <si>
    <t>5607.0</t>
  </si>
  <si>
    <t>5603.0</t>
  </si>
  <si>
    <t>65.65</t>
  </si>
  <si>
    <t>34.99</t>
  </si>
  <si>
    <t>30.66</t>
  </si>
  <si>
    <t>1971.0</t>
  </si>
  <si>
    <t>1238180.0</t>
  </si>
  <si>
    <t>4249.0</t>
  </si>
  <si>
    <t>433.732</t>
  </si>
  <si>
    <t>1.488</t>
  </si>
  <si>
    <t>0.1747</t>
  </si>
  <si>
    <t>5448.0</t>
  </si>
  <si>
    <t>1240860.0</t>
  </si>
  <si>
    <t>434.671</t>
  </si>
  <si>
    <t>3242.0</t>
  </si>
  <si>
    <t>0.1641</t>
  </si>
  <si>
    <t>1873903.0</t>
  </si>
  <si>
    <t>998130.0</t>
  </si>
  <si>
    <t>875773.0</t>
  </si>
  <si>
    <t>5292.0</t>
  </si>
  <si>
    <t>65.93</t>
  </si>
  <si>
    <t>35.12</t>
  </si>
  <si>
    <t>1243500.0</t>
  </si>
  <si>
    <t>2640.0</t>
  </si>
  <si>
    <t>435.596</t>
  </si>
  <si>
    <t>0.925</t>
  </si>
  <si>
    <t>3439.0</t>
  </si>
  <si>
    <t>1.205</t>
  </si>
  <si>
    <t>0.1567</t>
  </si>
  <si>
    <t>1879391.0</t>
  </si>
  <si>
    <t>1000993.0</t>
  </si>
  <si>
    <t>878398.0</t>
  </si>
  <si>
    <t>5488.0</t>
  </si>
  <si>
    <t>5247.0</t>
  </si>
  <si>
    <t>66.12</t>
  </si>
  <si>
    <t>35.22</t>
  </si>
  <si>
    <t>30.9</t>
  </si>
  <si>
    <t>2647.0</t>
  </si>
  <si>
    <t>1247059.0</t>
  </si>
  <si>
    <t>436.843</t>
  </si>
  <si>
    <t>3417.0</t>
  </si>
  <si>
    <t>0.1591</t>
  </si>
  <si>
    <t>5226.0</t>
  </si>
  <si>
    <t>1839.0</t>
  </si>
  <si>
    <t>2720.0</t>
  </si>
  <si>
    <t>1251109.0</t>
  </si>
  <si>
    <t>4050.0</t>
  </si>
  <si>
    <t>438.261</t>
  </si>
  <si>
    <t>3434.0</t>
  </si>
  <si>
    <t>1.203</t>
  </si>
  <si>
    <t>0.1589</t>
  </si>
  <si>
    <t>1891041.0</t>
  </si>
  <si>
    <t>1007734.0</t>
  </si>
  <si>
    <t>883307.0</t>
  </si>
  <si>
    <t>5204.0</t>
  </si>
  <si>
    <t>66.53</t>
  </si>
  <si>
    <t>35.45</t>
  </si>
  <si>
    <t>1254773.0</t>
  </si>
  <si>
    <t>3664.0</t>
  </si>
  <si>
    <t>439.545</t>
  </si>
  <si>
    <t>1.283</t>
  </si>
  <si>
    <t>3432.0</t>
  </si>
  <si>
    <t>1.202</t>
  </si>
  <si>
    <t>1896652.0</t>
  </si>
  <si>
    <t>1011039.0</t>
  </si>
  <si>
    <t>885613.0</t>
  </si>
  <si>
    <t>5611.0</t>
  </si>
  <si>
    <t>5188.0</t>
  </si>
  <si>
    <t>66.73</t>
  </si>
  <si>
    <t>1825.0</t>
  </si>
  <si>
    <t>2810.0</t>
  </si>
  <si>
    <t>1258746.0</t>
  </si>
  <si>
    <t>3973.0</t>
  </si>
  <si>
    <t>440.937</t>
  </si>
  <si>
    <t>3545.0</t>
  </si>
  <si>
    <t>1.242</t>
  </si>
  <si>
    <t>0.1498</t>
  </si>
  <si>
    <t>1901824.0</t>
  </si>
  <si>
    <t>1013959.0</t>
  </si>
  <si>
    <t>887865.0</t>
  </si>
  <si>
    <t>5172.0</t>
  </si>
  <si>
    <t>5126.0</t>
  </si>
  <si>
    <t>66.91</t>
  </si>
  <si>
    <t>35.67</t>
  </si>
  <si>
    <t>31.24</t>
  </si>
  <si>
    <t>1803.0</t>
  </si>
  <si>
    <t>1261761.0</t>
  </si>
  <si>
    <t>3015.0</t>
  </si>
  <si>
    <t>441.993</t>
  </si>
  <si>
    <t>1.056</t>
  </si>
  <si>
    <t>4940.0</t>
  </si>
  <si>
    <t>1738.0</t>
  </si>
  <si>
    <t>2724.0</t>
  </si>
  <si>
    <t>1263876.0</t>
  </si>
  <si>
    <t>2115.0</t>
  </si>
  <si>
    <t>442.734</t>
  </si>
  <si>
    <t>0.741</t>
  </si>
  <si>
    <t>4754.0</t>
  </si>
  <si>
    <t>1673.0</t>
  </si>
  <si>
    <t>2661.0</t>
  </si>
  <si>
    <t>13149.4</t>
  </si>
  <si>
    <t>33.07</t>
  </si>
  <si>
    <t>55.43</t>
  </si>
  <si>
    <t>4626.29445403364</t>
  </si>
  <si>
    <t>1265806.0</t>
  </si>
  <si>
    <t>1930.0</t>
  </si>
  <si>
    <t>443.41</t>
  </si>
  <si>
    <t>0.676</t>
  </si>
  <si>
    <t>3187.0</t>
  </si>
  <si>
    <t>1.116</t>
  </si>
  <si>
    <t>1909861.0</t>
  </si>
  <si>
    <t>1018154.0</t>
  </si>
  <si>
    <t>891707.0</t>
  </si>
  <si>
    <t>4353.0</t>
  </si>
  <si>
    <t>67.19</t>
  </si>
  <si>
    <t>35.82</t>
  </si>
  <si>
    <t>1531.0</t>
  </si>
  <si>
    <t>1269079.0</t>
  </si>
  <si>
    <t>3273.0</t>
  </si>
  <si>
    <t>444.556</t>
  </si>
  <si>
    <t>1.147</t>
  </si>
  <si>
    <t>3146.0</t>
  </si>
  <si>
    <t>1.102</t>
  </si>
  <si>
    <t>4717.0</t>
  </si>
  <si>
    <t>1660.0</t>
  </si>
  <si>
    <t>2472.0</t>
  </si>
  <si>
    <t>1273211.0</t>
  </si>
  <si>
    <t>4132.0</t>
  </si>
  <si>
    <t>446.004</t>
  </si>
  <si>
    <t>1.447</t>
  </si>
  <si>
    <t>3157.0</t>
  </si>
  <si>
    <t>1.106</t>
  </si>
  <si>
    <t>1926604.0</t>
  </si>
  <si>
    <t>1025180.0</t>
  </si>
  <si>
    <t>898625.0</t>
  </si>
  <si>
    <t>5080.0</t>
  </si>
  <si>
    <t>67.78</t>
  </si>
  <si>
    <t>36.07</t>
  </si>
  <si>
    <t>31.62</t>
  </si>
  <si>
    <t>1787.0</t>
  </si>
  <si>
    <t>1276680.0</t>
  </si>
  <si>
    <t>447.219</t>
  </si>
  <si>
    <t>1.215</t>
  </si>
  <si>
    <t>3130.0</t>
  </si>
  <si>
    <t>1.096</t>
  </si>
  <si>
    <t>0.1593</t>
  </si>
  <si>
    <t>5139.0</t>
  </si>
  <si>
    <t>1808.0</t>
  </si>
  <si>
    <t>1280380.0</t>
  </si>
  <si>
    <t>3700.0</t>
  </si>
  <si>
    <t>448.515</t>
  </si>
  <si>
    <t>1.296</t>
  </si>
  <si>
    <t>2213.0</t>
  </si>
  <si>
    <t>1283530.0</t>
  </si>
  <si>
    <t>3150.0</t>
  </si>
  <si>
    <t>449.618</t>
  </si>
  <si>
    <t>3110.0</t>
  </si>
  <si>
    <t>1.089</t>
  </si>
  <si>
    <t>0.1427</t>
  </si>
  <si>
    <t>1944676.0</t>
  </si>
  <si>
    <t>1031588.0</t>
  </si>
  <si>
    <t>904858.0</t>
  </si>
  <si>
    <t>8230.0</t>
  </si>
  <si>
    <t>5739.0</t>
  </si>
  <si>
    <t>68.42</t>
  </si>
  <si>
    <t>36.29</t>
  </si>
  <si>
    <t>31.84</t>
  </si>
  <si>
    <t>2019.0</t>
  </si>
  <si>
    <t>1286189.0</t>
  </si>
  <si>
    <t>2659.0</t>
  </si>
  <si>
    <t>450.55</t>
  </si>
  <si>
    <t>1.117</t>
  </si>
  <si>
    <t>1947148.0</t>
  </si>
  <si>
    <t>1032457.0</t>
  </si>
  <si>
    <t>905876.0</t>
  </si>
  <si>
    <t>8815.0</t>
  </si>
  <si>
    <t>5709.0</t>
  </si>
  <si>
    <t>68.51</t>
  </si>
  <si>
    <t>36.32</t>
  </si>
  <si>
    <t>2009.0</t>
  </si>
  <si>
    <t>2243.0</t>
  </si>
  <si>
    <t>1288150.0</t>
  </si>
  <si>
    <t>1961.0</t>
  </si>
  <si>
    <t>451.237</t>
  </si>
  <si>
    <t>0.1727</t>
  </si>
  <si>
    <t>6485.0</t>
  </si>
  <si>
    <t>2282.0</t>
  </si>
  <si>
    <t>2407.0</t>
  </si>
  <si>
    <t>1291543.0</t>
  </si>
  <si>
    <t>3393.0</t>
  </si>
  <si>
    <t>452.425</t>
  </si>
  <si>
    <t>1.189</t>
  </si>
  <si>
    <t>0.1738</t>
  </si>
  <si>
    <t>1963359.0</t>
  </si>
  <si>
    <t>1037546.0</t>
  </si>
  <si>
    <t>910845.0</t>
  </si>
  <si>
    <t>14968.0</t>
  </si>
  <si>
    <t>6447.0</t>
  </si>
  <si>
    <t>69.08</t>
  </si>
  <si>
    <t>36.5</t>
  </si>
  <si>
    <t>32.05</t>
  </si>
  <si>
    <t>2268.0</t>
  </si>
  <si>
    <t>1295139.0</t>
  </si>
  <si>
    <t>3596.0</t>
  </si>
  <si>
    <t>453.685</t>
  </si>
  <si>
    <t>3133.0</t>
  </si>
  <si>
    <t>0.1834</t>
  </si>
  <si>
    <t>1971973.0</t>
  </si>
  <si>
    <t>1040015.0</t>
  </si>
  <si>
    <t>913524.0</t>
  </si>
  <si>
    <t>18434.0</t>
  </si>
  <si>
    <t>8614.0</t>
  </si>
  <si>
    <t>6481.0</t>
  </si>
  <si>
    <t>69.38</t>
  </si>
  <si>
    <t>36.59</t>
  </si>
  <si>
    <t>32.14</t>
  </si>
  <si>
    <t>0.65</t>
  </si>
  <si>
    <t>1298369.0</t>
  </si>
  <si>
    <t>3230.0</t>
  </si>
  <si>
    <t>454.816</t>
  </si>
  <si>
    <t>1.131</t>
  </si>
  <si>
    <t>3098.0</t>
  </si>
  <si>
    <t>1.085</t>
  </si>
  <si>
    <t>1980231.0</t>
  </si>
  <si>
    <t>1042227.0</t>
  </si>
  <si>
    <t>916432.0</t>
  </si>
  <si>
    <t>21572.0</t>
  </si>
  <si>
    <t>8258.0</t>
  </si>
  <si>
    <t>6800.0</t>
  </si>
  <si>
    <t>69.67</t>
  </si>
  <si>
    <t>36.67</t>
  </si>
  <si>
    <t>32.24</t>
  </si>
  <si>
    <t>2392.0</t>
  </si>
  <si>
    <t>2130.0</t>
  </si>
  <si>
    <t>1301867.0</t>
  </si>
  <si>
    <t>3498.0</t>
  </si>
  <si>
    <t>456.042</t>
  </si>
  <si>
    <t>1.225</t>
  </si>
  <si>
    <t>6886.0</t>
  </si>
  <si>
    <t>2423.0</t>
  </si>
  <si>
    <t>2091.0</t>
  </si>
  <si>
    <t>1305010.0</t>
  </si>
  <si>
    <t>457.143</t>
  </si>
  <si>
    <t>3069.0</t>
  </si>
  <si>
    <t>6972.0</t>
  </si>
  <si>
    <t>2453.0</t>
  </si>
  <si>
    <t>2053.0</t>
  </si>
  <si>
    <t>1307219.0</t>
  </si>
  <si>
    <t>2209.0</t>
  </si>
  <si>
    <t>457.917</t>
  </si>
  <si>
    <t>3004.0</t>
  </si>
  <si>
    <t>0.1878</t>
  </si>
  <si>
    <t>2000104.0</t>
  </si>
  <si>
    <t>1047822.0</t>
  </si>
  <si>
    <t>924194.0</t>
  </si>
  <si>
    <t>28088.0</t>
  </si>
  <si>
    <t>7565.0</t>
  </si>
  <si>
    <t>70.37</t>
  </si>
  <si>
    <t>36.87</t>
  </si>
  <si>
    <t>32.52</t>
  </si>
  <si>
    <t>2662.0</t>
  </si>
  <si>
    <t>2195.0</t>
  </si>
  <si>
    <t>1309806.0</t>
  </si>
  <si>
    <t>458.823</t>
  </si>
  <si>
    <t>1.084</t>
  </si>
  <si>
    <t>7611.0</t>
  </si>
  <si>
    <t>2678.0</t>
  </si>
  <si>
    <t>2097.0</t>
  </si>
  <si>
    <t>1313468.0</t>
  </si>
  <si>
    <t>3662.0</t>
  </si>
  <si>
    <t>460.106</t>
  </si>
  <si>
    <t>0.1702</t>
  </si>
  <si>
    <t>2016954.0</t>
  </si>
  <si>
    <t>1051540.0</t>
  </si>
  <si>
    <t>930527.0</t>
  </si>
  <si>
    <t>34887.0</t>
  </si>
  <si>
    <t>7656.0</t>
  </si>
  <si>
    <t>70.96</t>
  </si>
  <si>
    <t>32.74</t>
  </si>
  <si>
    <t>2694.0</t>
  </si>
  <si>
    <t>1999.0</t>
  </si>
  <si>
    <t>1316686.0</t>
  </si>
  <si>
    <t>3218.0</t>
  </si>
  <si>
    <t>461.233</t>
  </si>
  <si>
    <t>1.127</t>
  </si>
  <si>
    <t>0.1697</t>
  </si>
  <si>
    <t>2025561.0</t>
  </si>
  <si>
    <t>1053553.0</t>
  </si>
  <si>
    <t>933630.0</t>
  </si>
  <si>
    <t>38378.0</t>
  </si>
  <si>
    <t>8607.0</t>
  </si>
  <si>
    <t>71.26</t>
  </si>
  <si>
    <t>37.07</t>
  </si>
  <si>
    <t>32.85</t>
  </si>
  <si>
    <t>1319650.0</t>
  </si>
  <si>
    <t>462.271</t>
  </si>
  <si>
    <t>3040.0</t>
  </si>
  <si>
    <t>0.1683</t>
  </si>
  <si>
    <t>2033766.0</t>
  </si>
  <si>
    <t>1055690.0</t>
  </si>
  <si>
    <t>936539.0</t>
  </si>
  <si>
    <t>41537.0</t>
  </si>
  <si>
    <t>8205.0</t>
  </si>
  <si>
    <t>7648.0</t>
  </si>
  <si>
    <t>71.55</t>
  </si>
  <si>
    <t>37.14</t>
  </si>
  <si>
    <t>32.95</t>
  </si>
  <si>
    <t>1322491.0</t>
  </si>
  <si>
    <t>2841.0</t>
  </si>
  <si>
    <t>463.266</t>
  </si>
  <si>
    <t>1859.0</t>
  </si>
  <si>
    <t>1326151.0</t>
  </si>
  <si>
    <t>3660.0</t>
  </si>
  <si>
    <t>464.548</t>
  </si>
  <si>
    <t>3020.0</t>
  </si>
  <si>
    <t>1.058</t>
  </si>
  <si>
    <t>7334.0</t>
  </si>
  <si>
    <t>1327891.0</t>
  </si>
  <si>
    <t>1740.0</t>
  </si>
  <si>
    <t>465.158</t>
  </si>
  <si>
    <t>2953.0</t>
  </si>
  <si>
    <t>1.034</t>
  </si>
  <si>
    <t>2050342.0</t>
  </si>
  <si>
    <t>1059927.0</t>
  </si>
  <si>
    <t>942903.0</t>
  </si>
  <si>
    <t>47512.0</t>
  </si>
  <si>
    <t>7177.0</t>
  </si>
  <si>
    <t>72.14</t>
  </si>
  <si>
    <t>1729.0</t>
  </si>
  <si>
    <t>1329899.0</t>
  </si>
  <si>
    <t>465.861</t>
  </si>
  <si>
    <t>0.1664</t>
  </si>
  <si>
    <t>7132.0</t>
  </si>
  <si>
    <t>2509.0</t>
  </si>
  <si>
    <t>1333859.0</t>
  </si>
  <si>
    <t>3960.0</t>
  </si>
  <si>
    <t>467.249</t>
  </si>
  <si>
    <t>1.387</t>
  </si>
  <si>
    <t>2913.0</t>
  </si>
  <si>
    <t>0.1624</t>
  </si>
  <si>
    <t>7087.0</t>
  </si>
  <si>
    <t>2493.0</t>
  </si>
  <si>
    <t>1773.0</t>
  </si>
  <si>
    <t>1337457.0</t>
  </si>
  <si>
    <t>3598.0</t>
  </si>
  <si>
    <t>468.509</t>
  </si>
  <si>
    <t>2967.0</t>
  </si>
  <si>
    <t>2074670.0</t>
  </si>
  <si>
    <t>1065961.0</t>
  </si>
  <si>
    <t>951371.0</t>
  </si>
  <si>
    <t>57338.0</t>
  </si>
  <si>
    <t>7016.0</t>
  </si>
  <si>
    <t>72.99</t>
  </si>
  <si>
    <t>37.5</t>
  </si>
  <si>
    <t>2751.0</t>
  </si>
  <si>
    <t>0.1699</t>
  </si>
  <si>
    <t>2081782.0</t>
  </si>
  <si>
    <t>1067769.0</t>
  </si>
  <si>
    <t>953489.0</t>
  </si>
  <si>
    <t>60524.0</t>
  </si>
  <si>
    <t>7112.0</t>
  </si>
  <si>
    <t>6859.0</t>
  </si>
  <si>
    <t>73.24</t>
  </si>
  <si>
    <t>37.57</t>
  </si>
  <si>
    <t>33.55</t>
  </si>
  <si>
    <t>2413.0</t>
  </si>
  <si>
    <t>1726.0</t>
  </si>
  <si>
    <t>1340359.0</t>
  </si>
  <si>
    <t>469.525</t>
  </si>
  <si>
    <t>1.017</t>
  </si>
  <si>
    <t>2553.0</t>
  </si>
  <si>
    <t>0.1796</t>
  </si>
  <si>
    <t>6790.0</t>
  </si>
  <si>
    <t>2389.0</t>
  </si>
  <si>
    <t>1719.0</t>
  </si>
  <si>
    <t>2109.0</t>
  </si>
  <si>
    <t>0.739</t>
  </si>
  <si>
    <t>0.2133</t>
  </si>
  <si>
    <t>6720.0</t>
  </si>
  <si>
    <t>1713.0</t>
  </si>
  <si>
    <t>1940.0</t>
  </si>
  <si>
    <t>0.2627</t>
  </si>
  <si>
    <t>2096897.0</t>
  </si>
  <si>
    <t>1071871.0</t>
  </si>
  <si>
    <t>959555.0</t>
  </si>
  <si>
    <t>65471.0</t>
  </si>
  <si>
    <t>6651.0</t>
  </si>
  <si>
    <t>73.77</t>
  </si>
  <si>
    <t>37.71</t>
  </si>
  <si>
    <t>33.76</t>
  </si>
  <si>
    <t>1706.0</t>
  </si>
  <si>
    <t>1342023.0</t>
  </si>
  <si>
    <t>1664.0</t>
  </si>
  <si>
    <t>470.108</t>
  </si>
  <si>
    <t>0.583</t>
  </si>
  <si>
    <t>1732.0</t>
  </si>
  <si>
    <t>0.607</t>
  </si>
  <si>
    <t>0.2589</t>
  </si>
  <si>
    <t>5788.0</t>
  </si>
  <si>
    <t>2036.0</t>
  </si>
  <si>
    <t>1474.0</t>
  </si>
  <si>
    <t>1343423.0</t>
  </si>
  <si>
    <t>1400.0</t>
  </si>
  <si>
    <t>470.599</t>
  </si>
  <si>
    <t>0.2905</t>
  </si>
  <si>
    <t>2101039.0</t>
  </si>
  <si>
    <t>1072645.0</t>
  </si>
  <si>
    <t>961013.0</t>
  </si>
  <si>
    <t>67381.0</t>
  </si>
  <si>
    <t>4925.0</t>
  </si>
  <si>
    <t>73.92</t>
  </si>
  <si>
    <t>37.74</t>
  </si>
  <si>
    <t>33.81</t>
  </si>
  <si>
    <t>1733.0</t>
  </si>
  <si>
    <t>1242.0</t>
  </si>
  <si>
    <t>13909.4</t>
  </si>
  <si>
    <t>43.53</t>
  </si>
  <si>
    <t>4893.68184699953</t>
  </si>
  <si>
    <t>0.3527</t>
  </si>
  <si>
    <t>2111797.0</t>
  </si>
  <si>
    <t>1075332.0</t>
  </si>
  <si>
    <t>965964.0</t>
  </si>
  <si>
    <t>70501.0</t>
  </si>
  <si>
    <t>10758.0</t>
  </si>
  <si>
    <t>74.3</t>
  </si>
  <si>
    <t>37.83</t>
  </si>
  <si>
    <t>33.99</t>
  </si>
  <si>
    <t>1339.0</t>
  </si>
  <si>
    <t>0.309</t>
  </si>
  <si>
    <t>5639.0</t>
  </si>
  <si>
    <t>1984.0</t>
  </si>
  <si>
    <t>1449.0</t>
  </si>
  <si>
    <t>1345926.0</t>
  </si>
  <si>
    <t>2503.0</t>
  </si>
  <si>
    <t>471.476</t>
  </si>
  <si>
    <t>0.877</t>
  </si>
  <si>
    <t>0.278</t>
  </si>
  <si>
    <t>0.4156</t>
  </si>
  <si>
    <t>2130714.0</t>
  </si>
  <si>
    <t>1080490.0</t>
  </si>
  <si>
    <t>971974.0</t>
  </si>
  <si>
    <t>78250.0</t>
  </si>
  <si>
    <t>6271.0</t>
  </si>
  <si>
    <t>74.96</t>
  </si>
  <si>
    <t>38.01</t>
  </si>
  <si>
    <t>2206.0</t>
  </si>
  <si>
    <t>1348549.0</t>
  </si>
  <si>
    <t>472.394</t>
  </si>
  <si>
    <t>0.919</t>
  </si>
  <si>
    <t>0.382</t>
  </si>
  <si>
    <t>0.2966</t>
  </si>
  <si>
    <t>6347.0</t>
  </si>
  <si>
    <t>2233.0</t>
  </si>
  <si>
    <t>1350345.0</t>
  </si>
  <si>
    <t>473.024</t>
  </si>
  <si>
    <t>1268.0</t>
  </si>
  <si>
    <t>0.245</t>
  </si>
  <si>
    <t>2141863.0</t>
  </si>
  <si>
    <t>1084071.0</t>
  </si>
  <si>
    <t>975573.0</t>
  </si>
  <si>
    <t>82219.0</t>
  </si>
  <si>
    <t>6424.0</t>
  </si>
  <si>
    <t>75.36</t>
  </si>
  <si>
    <t>34.32</t>
  </si>
  <si>
    <t>2.89</t>
  </si>
  <si>
    <t>2260.0</t>
  </si>
  <si>
    <t>1743.0</t>
  </si>
  <si>
    <t>1351785.0</t>
  </si>
  <si>
    <t>473.528</t>
  </si>
  <si>
    <t>0.504</t>
  </si>
  <si>
    <t>1395.0</t>
  </si>
  <si>
    <t>0.2204</t>
  </si>
  <si>
    <t>2151065.0</t>
  </si>
  <si>
    <t>1087187.0</t>
  </si>
  <si>
    <t>85545.0</t>
  </si>
  <si>
    <t>9202.0</t>
  </si>
  <si>
    <t>7442.0</t>
  </si>
  <si>
    <t>75.68</t>
  </si>
  <si>
    <t>38.25</t>
  </si>
  <si>
    <t>3.01</t>
  </si>
  <si>
    <t>1354578.0</t>
  </si>
  <si>
    <t>474.506</t>
  </si>
  <si>
    <t>1594.0</t>
  </si>
  <si>
    <t>0.558</t>
  </si>
  <si>
    <t>0.2106</t>
  </si>
  <si>
    <t>2161198.0</t>
  </si>
  <si>
    <t>1090591.0</t>
  </si>
  <si>
    <t>981170.0</t>
  </si>
  <si>
    <t>89437.0</t>
  </si>
  <si>
    <t>10133.0</t>
  </si>
  <si>
    <t>8594.0</t>
  </si>
  <si>
    <t>76.04</t>
  </si>
  <si>
    <t>38.37</t>
  </si>
  <si>
    <t>34.52</t>
  </si>
  <si>
    <t>3.15</t>
  </si>
  <si>
    <t>0.2187</t>
  </si>
  <si>
    <t>2166207.0</t>
  </si>
  <si>
    <t>1092316.0</t>
  </si>
  <si>
    <t>982658.0</t>
  </si>
  <si>
    <t>91233.0</t>
  </si>
  <si>
    <t>5009.0</t>
  </si>
  <si>
    <t>7773.0</t>
  </si>
  <si>
    <t>76.21</t>
  </si>
  <si>
    <t>38.43</t>
  </si>
  <si>
    <t>3.21</t>
  </si>
  <si>
    <t>2426.0</t>
  </si>
  <si>
    <t>1356506.0</t>
  </si>
  <si>
    <t>1928.0</t>
  </si>
  <si>
    <t>475.182</t>
  </si>
  <si>
    <t>0.571</t>
  </si>
  <si>
    <t>0.1948</t>
  </si>
  <si>
    <t>1359365.0</t>
  </si>
  <si>
    <t>476.183</t>
  </si>
  <si>
    <t>1.002</t>
  </si>
  <si>
    <t>0.1615</t>
  </si>
  <si>
    <t>7209.0</t>
  </si>
  <si>
    <t>2536.0</t>
  </si>
  <si>
    <t>1670.0</t>
  </si>
  <si>
    <t>0.585</t>
  </si>
  <si>
    <t>0.1815</t>
  </si>
  <si>
    <t>7482.0</t>
  </si>
  <si>
    <t>1361117.0</t>
  </si>
  <si>
    <t>1752.0</t>
  </si>
  <si>
    <t>476.797</t>
  </si>
  <si>
    <t>0.614</t>
  </si>
  <si>
    <t>1539.0</t>
  </si>
  <si>
    <t>0.539</t>
  </si>
  <si>
    <t>0.1909</t>
  </si>
  <si>
    <t>2196145.0</t>
  </si>
  <si>
    <t>1102621.0</t>
  </si>
  <si>
    <t>992353.0</t>
  </si>
  <si>
    <t>101171.0</t>
  </si>
  <si>
    <t>7755.0</t>
  </si>
  <si>
    <t>77.27</t>
  </si>
  <si>
    <t>34.91</t>
  </si>
  <si>
    <t>1362953.0</t>
  </si>
  <si>
    <t>1836.0</t>
  </si>
  <si>
    <t>477.44</t>
  </si>
  <si>
    <t>0.559</t>
  </si>
  <si>
    <t>2206089.0</t>
  </si>
  <si>
    <t>1105501.0</t>
  </si>
  <si>
    <t>995500.0</t>
  </si>
  <si>
    <t>105088.0</t>
  </si>
  <si>
    <t>9944.0</t>
  </si>
  <si>
    <t>7861.0</t>
  </si>
  <si>
    <t>77.62</t>
  </si>
  <si>
    <t>38.89</t>
  </si>
  <si>
    <t>35.02</t>
  </si>
  <si>
    <t>2616.0</t>
  </si>
  <si>
    <t>1366232.0</t>
  </si>
  <si>
    <t>3279.0</t>
  </si>
  <si>
    <t>478.589</t>
  </si>
  <si>
    <t>1.149</t>
  </si>
  <si>
    <t>1665.0</t>
  </si>
  <si>
    <t>0.1721</t>
  </si>
  <si>
    <t>2216402.0</t>
  </si>
  <si>
    <t>1108572.0</t>
  </si>
  <si>
    <t>998326.0</t>
  </si>
  <si>
    <t>109504.0</t>
  </si>
  <si>
    <t>10313.0</t>
  </si>
  <si>
    <t>7886.0</t>
  </si>
  <si>
    <t>77.98</t>
  </si>
  <si>
    <t>2774.0</t>
  </si>
  <si>
    <t>1368833.0</t>
  </si>
  <si>
    <t>479.5</t>
  </si>
  <si>
    <t>1899.0</t>
  </si>
  <si>
    <t>0.665</t>
  </si>
  <si>
    <t>0.1494</t>
  </si>
  <si>
    <t>2226267.0</t>
  </si>
  <si>
    <t>1111494.0</t>
  </si>
  <si>
    <t>1001189.0</t>
  </si>
  <si>
    <t>113584.0</t>
  </si>
  <si>
    <t>9865.0</t>
  </si>
  <si>
    <t>8580.0</t>
  </si>
  <si>
    <t>78.33</t>
  </si>
  <si>
    <t>39.11</t>
  </si>
  <si>
    <t>3019.0</t>
  </si>
  <si>
    <t>1371229.0</t>
  </si>
  <si>
    <t>2396.0</t>
  </si>
  <si>
    <t>480.339</t>
  </si>
  <si>
    <t>0.1403</t>
  </si>
  <si>
    <t>2750.0</t>
  </si>
  <si>
    <t>1373507.0</t>
  </si>
  <si>
    <t>2278.0</t>
  </si>
  <si>
    <t>481.137</t>
  </si>
  <si>
    <t>8798.0</t>
  </si>
  <si>
    <t>3095.0</t>
  </si>
  <si>
    <t>2759.0</t>
  </si>
  <si>
    <t>1376616.0</t>
  </si>
  <si>
    <t>3109.0</t>
  </si>
  <si>
    <t>482.226</t>
  </si>
  <si>
    <t>2339.0</t>
  </si>
  <si>
    <t>0.1237</t>
  </si>
  <si>
    <t>2251010.0</t>
  </si>
  <si>
    <t>1119430.0</t>
  </si>
  <si>
    <t>1008465.0</t>
  </si>
  <si>
    <t>123115.0</t>
  </si>
  <si>
    <t>8907.0</t>
  </si>
  <si>
    <t>79.2</t>
  </si>
  <si>
    <t>39.38</t>
  </si>
  <si>
    <t>35.48</t>
  </si>
  <si>
    <t>1378986.0</t>
  </si>
  <si>
    <t>2370.0</t>
  </si>
  <si>
    <t>483.056</t>
  </si>
  <si>
    <t>0.1114</t>
  </si>
  <si>
    <t>8767.0</t>
  </si>
  <si>
    <t>3084.0</t>
  </si>
  <si>
    <t>2723.0</t>
  </si>
  <si>
    <t>1381492.0</t>
  </si>
  <si>
    <t>2506.0</t>
  </si>
  <si>
    <t>483.934</t>
  </si>
  <si>
    <t>0.878</t>
  </si>
  <si>
    <t>8276.0</t>
  </si>
  <si>
    <t>1384767.0</t>
  </si>
  <si>
    <t>3275.0</t>
  </si>
  <si>
    <t>485.081</t>
  </si>
  <si>
    <t>2270522.0</t>
  </si>
  <si>
    <t>1126181.0</t>
  </si>
  <si>
    <t>1013806.0</t>
  </si>
  <si>
    <t>130535.0</t>
  </si>
  <si>
    <t>7731.0</t>
  </si>
  <si>
    <t>79.88</t>
  </si>
  <si>
    <t>39.62</t>
  </si>
  <si>
    <t>1388463.0</t>
  </si>
  <si>
    <t>3696.0</t>
  </si>
  <si>
    <t>486.376</t>
  </si>
  <si>
    <t>0.1013</t>
  </si>
  <si>
    <t>7444.0</t>
  </si>
  <si>
    <t>2619.0</t>
  </si>
  <si>
    <t>2481.0</t>
  </si>
  <si>
    <t>1392306.0</t>
  </si>
  <si>
    <t>3843.0</t>
  </si>
  <si>
    <t>487.722</t>
  </si>
  <si>
    <t>3011.0</t>
  </si>
  <si>
    <t>0.0952</t>
  </si>
  <si>
    <t>2286235.0</t>
  </si>
  <si>
    <t>1131547.0</t>
  </si>
  <si>
    <t>1018549.0</t>
  </si>
  <si>
    <t>136139.0</t>
  </si>
  <si>
    <t>7389.0</t>
  </si>
  <si>
    <t>80.44</t>
  </si>
  <si>
    <t>39.81</t>
  </si>
  <si>
    <t>35.84</t>
  </si>
  <si>
    <t>4.79</t>
  </si>
  <si>
    <t>2487.0</t>
  </si>
  <si>
    <t>1396317.0</t>
  </si>
  <si>
    <t>4011.0</t>
  </si>
  <si>
    <t>489.127</t>
  </si>
  <si>
    <t>1.405</t>
  </si>
  <si>
    <t>3259.0</t>
  </si>
  <si>
    <t>1.142</t>
  </si>
  <si>
    <t>0.0875</t>
  </si>
  <si>
    <t>11.4</t>
  </si>
  <si>
    <t>7078.0</t>
  </si>
  <si>
    <t>2490.0</t>
  </si>
  <si>
    <t>2393.0</t>
  </si>
  <si>
    <t>1399752.0</t>
  </si>
  <si>
    <t>3435.0</t>
  </si>
  <si>
    <t>490.331</t>
  </si>
  <si>
    <t>3305.0</t>
  </si>
  <si>
    <t>0.0861</t>
  </si>
  <si>
    <t>2299.0</t>
  </si>
  <si>
    <t>1401135.0</t>
  </si>
  <si>
    <t>1383.0</t>
  </si>
  <si>
    <t>490.815</t>
  </si>
  <si>
    <t>1.108</t>
  </si>
  <si>
    <t>0.0872</t>
  </si>
  <si>
    <t>6706.0</t>
  </si>
  <si>
    <t>2359.0</t>
  </si>
  <si>
    <t>2261.0</t>
  </si>
  <si>
    <t>1403376.0</t>
  </si>
  <si>
    <t>2241.0</t>
  </si>
  <si>
    <t>491.6</t>
  </si>
  <si>
    <t>1.095</t>
  </si>
  <si>
    <t>0.0828</t>
  </si>
  <si>
    <t>6645.0</t>
  </si>
  <si>
    <t>1407760.0</t>
  </si>
  <si>
    <t>4384.0</t>
  </si>
  <si>
    <t>493.136</t>
  </si>
  <si>
    <t>1.536</t>
  </si>
  <si>
    <t>3285.0</t>
  </si>
  <si>
    <t>1.151</t>
  </si>
  <si>
    <t>0.0904</t>
  </si>
  <si>
    <t>2316606.0</t>
  </si>
  <si>
    <t>1141486.0</t>
  </si>
  <si>
    <t>1031132.0</t>
  </si>
  <si>
    <t>143988.0</t>
  </si>
  <si>
    <t>6583.0</t>
  </si>
  <si>
    <t>81.5</t>
  </si>
  <si>
    <t>40.16</t>
  </si>
  <si>
    <t>36.28</t>
  </si>
  <si>
    <t>2316.0</t>
  </si>
  <si>
    <t>1413399.0</t>
  </si>
  <si>
    <t>495.111</t>
  </si>
  <si>
    <t>3562.0</t>
  </si>
  <si>
    <t>1.248</t>
  </si>
  <si>
    <t>0.0916</t>
  </si>
  <si>
    <t>1418881.0</t>
  </si>
  <si>
    <t>5482.0</t>
  </si>
  <si>
    <t>497.032</t>
  </si>
  <si>
    <t>3796.0</t>
  </si>
  <si>
    <t>0.0739</t>
  </si>
  <si>
    <t>5958.0</t>
  </si>
  <si>
    <t>2096.0</t>
  </si>
  <si>
    <t>1997.0</t>
  </si>
  <si>
    <t>1423366.0</t>
  </si>
  <si>
    <t>4485.0</t>
  </si>
  <si>
    <t>498.603</t>
  </si>
  <si>
    <t>1.571</t>
  </si>
  <si>
    <t>2076.0</t>
  </si>
  <si>
    <t>2002.0</t>
  </si>
  <si>
    <t>14655.0</t>
  </si>
  <si>
    <t>36.79</t>
  </si>
  <si>
    <t>5156.00295251974</t>
  </si>
  <si>
    <t>1426434.0</t>
  </si>
  <si>
    <t>3068.0</t>
  </si>
  <si>
    <t>499.677</t>
  </si>
  <si>
    <t>3812.0</t>
  </si>
  <si>
    <t>0.1005</t>
  </si>
  <si>
    <t>5843.0</t>
  </si>
  <si>
    <t>2056.0</t>
  </si>
  <si>
    <t>1427584.0</t>
  </si>
  <si>
    <t>500.08</t>
  </si>
  <si>
    <t>0.403</t>
  </si>
  <si>
    <t>3778.0</t>
  </si>
  <si>
    <t>0.1201</t>
  </si>
  <si>
    <t>5785.0</t>
  </si>
  <si>
    <t>2012.0</t>
  </si>
  <si>
    <t>1430071.0</t>
  </si>
  <si>
    <t>500.951</t>
  </si>
  <si>
    <t>0.871</t>
  </si>
  <si>
    <t>3814.0</t>
  </si>
  <si>
    <t>1.336</t>
  </si>
  <si>
    <t>5727.0</t>
  </si>
  <si>
    <t>2015.0</t>
  </si>
  <si>
    <t>2017.0</t>
  </si>
  <si>
    <t>1435237.0</t>
  </si>
  <si>
    <t>5166.0</t>
  </si>
  <si>
    <t>502.761</t>
  </si>
  <si>
    <t>2356290.0</t>
  </si>
  <si>
    <t>1155638.0</t>
  </si>
  <si>
    <t>1049525.0</t>
  </si>
  <si>
    <t>151127.0</t>
  </si>
  <si>
    <t>5669.0</t>
  </si>
  <si>
    <t>82.9</t>
  </si>
  <si>
    <t>40.66</t>
  </si>
  <si>
    <t>36.92</t>
  </si>
  <si>
    <t>5.32</t>
  </si>
  <si>
    <t>2022.0</t>
  </si>
  <si>
    <t>1440931.0</t>
  </si>
  <si>
    <t>5694.0</t>
  </si>
  <si>
    <t>504.756</t>
  </si>
  <si>
    <t>3933.0</t>
  </si>
  <si>
    <t>0.1134</t>
  </si>
  <si>
    <t>8.8</t>
  </si>
  <si>
    <t>2367574.0</t>
  </si>
  <si>
    <t>1160648.0</t>
  </si>
  <si>
    <t>1053236.0</t>
  </si>
  <si>
    <t>153690.0</t>
  </si>
  <si>
    <t>11284.0</t>
  </si>
  <si>
    <t>6471.0</t>
  </si>
  <si>
    <t>83.3</t>
  </si>
  <si>
    <t>40.83</t>
  </si>
  <si>
    <t>37.06</t>
  </si>
  <si>
    <t>5.41</t>
  </si>
  <si>
    <t>2449.0</t>
  </si>
  <si>
    <t>3729.0</t>
  </si>
  <si>
    <t>2505.0</t>
  </si>
  <si>
    <t>2852.0</t>
  </si>
  <si>
    <t>1449036.0</t>
  </si>
  <si>
    <t>8105.0</t>
  </si>
  <si>
    <t>507.595</t>
  </si>
  <si>
    <t>2.839</t>
  </si>
  <si>
    <t>3667.0</t>
  </si>
  <si>
    <t>0.1824</t>
  </si>
  <si>
    <t>7769.0</t>
  </si>
  <si>
    <t>2733.0</t>
  </si>
  <si>
    <t>1457363.0</t>
  </si>
  <si>
    <t>8327.0</t>
  </si>
  <si>
    <t>510.512</t>
  </si>
  <si>
    <t>2.917</t>
  </si>
  <si>
    <t>4418.0</t>
  </si>
  <si>
    <t>1.548</t>
  </si>
  <si>
    <t>0.1514</t>
  </si>
  <si>
    <t>2398207.0</t>
  </si>
  <si>
    <t>1175177.0</t>
  </si>
  <si>
    <t>1060267.0</t>
  </si>
  <si>
    <t>162763.0</t>
  </si>
  <si>
    <t>8418.0</t>
  </si>
  <si>
    <t>84.38</t>
  </si>
  <si>
    <t>41.35</t>
  </si>
  <si>
    <t>37.3</t>
  </si>
  <si>
    <t>5.73</t>
  </si>
  <si>
    <t>3658.0</t>
  </si>
  <si>
    <t>1462092.0</t>
  </si>
  <si>
    <t>4729.0</t>
  </si>
  <si>
    <t>512.168</t>
  </si>
  <si>
    <t>1.727</t>
  </si>
  <si>
    <t>0.2553</t>
  </si>
  <si>
    <t>8502.0</t>
  </si>
  <si>
    <t>3707.0</t>
  </si>
  <si>
    <t>1467088.0</t>
  </si>
  <si>
    <t>4996.0</t>
  </si>
  <si>
    <t>513.918</t>
  </si>
  <si>
    <t>5288.0</t>
  </si>
  <si>
    <t>1.852</t>
  </si>
  <si>
    <t>2410728.0</t>
  </si>
  <si>
    <t>1179912.0</t>
  </si>
  <si>
    <t>1064297.0</t>
  </si>
  <si>
    <t>166519.0</t>
  </si>
  <si>
    <t>8587.0</t>
  </si>
  <si>
    <t>84.82</t>
  </si>
  <si>
    <t>37.44</t>
  </si>
  <si>
    <t>5.86</t>
  </si>
  <si>
    <t>3757.0</t>
  </si>
  <si>
    <t>1475224.0</t>
  </si>
  <si>
    <t>516.768</t>
  </si>
  <si>
    <t>5712.0</t>
  </si>
  <si>
    <t>0.2662</t>
  </si>
  <si>
    <t>2419734.0</t>
  </si>
  <si>
    <t>1183130.0</t>
  </si>
  <si>
    <t>1067328.0</t>
  </si>
  <si>
    <t>169276.0</t>
  </si>
  <si>
    <t>9006.0</t>
  </si>
  <si>
    <t>9063.0</t>
  </si>
  <si>
    <t>85.13</t>
  </si>
  <si>
    <t>37.55</t>
  </si>
  <si>
    <t>3189.0</t>
  </si>
  <si>
    <t>1481981.0</t>
  </si>
  <si>
    <t>6757.0</t>
  </si>
  <si>
    <t>519.135</t>
  </si>
  <si>
    <t>2.367</t>
  </si>
  <si>
    <t>5864.0</t>
  </si>
  <si>
    <t>2.054</t>
  </si>
  <si>
    <t>0.3057</t>
  </si>
  <si>
    <t>8233.0</t>
  </si>
  <si>
    <t>2897.0</t>
  </si>
  <si>
    <t>1489359.0</t>
  </si>
  <si>
    <t>7378.0</t>
  </si>
  <si>
    <t>521.72</t>
  </si>
  <si>
    <t>2.585</t>
  </si>
  <si>
    <t>6339.0</t>
  </si>
  <si>
    <t>2.221</t>
  </si>
  <si>
    <t>0.3007</t>
  </si>
  <si>
    <t>7556.0</t>
  </si>
  <si>
    <t>2925.0</t>
  </si>
  <si>
    <t>1496985.0</t>
  </si>
  <si>
    <t>7626.0</t>
  </si>
  <si>
    <t>524.391</t>
  </si>
  <si>
    <t>2.671</t>
  </si>
  <si>
    <t>6850.0</t>
  </si>
  <si>
    <t>0.2893</t>
  </si>
  <si>
    <t>6879.0</t>
  </si>
  <si>
    <t>1504611.0</t>
  </si>
  <si>
    <t>527.063</t>
  </si>
  <si>
    <t>6750.0</t>
  </si>
  <si>
    <t>2.365</t>
  </si>
  <si>
    <t>0.3394</t>
  </si>
  <si>
    <t>6202.0</t>
  </si>
  <si>
    <t>2182.0</t>
  </si>
  <si>
    <t>1509891.0</t>
  </si>
  <si>
    <t>5280.0</t>
  </si>
  <si>
    <t>528.912</t>
  </si>
  <si>
    <t>2.392</t>
  </si>
  <si>
    <t>0.2708</t>
  </si>
  <si>
    <t>6089.0</t>
  </si>
  <si>
    <t>1810.0</t>
  </si>
  <si>
    <t>1513915.0</t>
  </si>
  <si>
    <t>530.322</t>
  </si>
  <si>
    <t>2.343</t>
  </si>
  <si>
    <t>0.2812</t>
  </si>
  <si>
    <t>5976.0</t>
  </si>
  <si>
    <t>1674.0</t>
  </si>
  <si>
    <t>1522661.0</t>
  </si>
  <si>
    <t>8746.0</t>
  </si>
  <si>
    <t>533.386</t>
  </si>
  <si>
    <t>2.374</t>
  </si>
  <si>
    <t>0.2914</t>
  </si>
  <si>
    <t>5471.0</t>
  </si>
  <si>
    <t>1925.0</t>
  </si>
  <si>
    <t>1530520.0</t>
  </si>
  <si>
    <t>7859.0</t>
  </si>
  <si>
    <t>536.139</t>
  </si>
  <si>
    <t>2.753</t>
  </si>
  <si>
    <t>2.429</t>
  </si>
  <si>
    <t>1538154.0</t>
  </si>
  <si>
    <t>7634.0</t>
  </si>
  <si>
    <t>538.813</t>
  </si>
  <si>
    <t>2.674</t>
  </si>
  <si>
    <t>6971.0</t>
  </si>
  <si>
    <t>2.442</t>
  </si>
  <si>
    <t>0.3056</t>
  </si>
  <si>
    <t>6137.0</t>
  </si>
  <si>
    <t>0.3586</t>
  </si>
  <si>
    <t>5303.0</t>
  </si>
  <si>
    <t>1.858</t>
  </si>
  <si>
    <t>0.4168</t>
  </si>
  <si>
    <t>1543521.0</t>
  </si>
  <si>
    <t>5367.0</t>
  </si>
  <si>
    <t>540.693</t>
  </si>
  <si>
    <t>4804.0</t>
  </si>
  <si>
    <t>1.683</t>
  </si>
  <si>
    <t>0.4589</t>
  </si>
  <si>
    <t>4734.0</t>
  </si>
  <si>
    <t>1.658</t>
  </si>
  <si>
    <t>0.435</t>
  </si>
  <si>
    <t>1550588.0</t>
  </si>
  <si>
    <t>7067.0</t>
  </si>
  <si>
    <t>543.168</t>
  </si>
  <si>
    <t>2.476</t>
  </si>
  <si>
    <t>3990.0</t>
  </si>
  <si>
    <t>1.398</t>
  </si>
  <si>
    <t>0.443</t>
  </si>
  <si>
    <t>3271.0</t>
  </si>
  <si>
    <t>1.146</t>
  </si>
  <si>
    <t>0.5191</t>
  </si>
  <si>
    <t>1556250.0</t>
  </si>
  <si>
    <t>545.152</t>
  </si>
  <si>
    <t>1.983</t>
  </si>
  <si>
    <t>2585.0</t>
  </si>
  <si>
    <t>0.6115</t>
  </si>
  <si>
    <t>0.5691</t>
  </si>
  <si>
    <t>1.8</t>
  </si>
  <si>
    <t>0.4578</t>
  </si>
  <si>
    <t>1559750.0</t>
  </si>
  <si>
    <t>546.378</t>
  </si>
  <si>
    <t>0.4728</t>
  </si>
  <si>
    <t>2523683.0</t>
  </si>
  <si>
    <t>1210040.0</t>
  </si>
  <si>
    <t>1111520.0</t>
  </si>
  <si>
    <t>202123.0</t>
  </si>
  <si>
    <t>88.79</t>
  </si>
  <si>
    <t>42.57</t>
  </si>
  <si>
    <t>7.11</t>
  </si>
  <si>
    <t>1562780.0</t>
  </si>
  <si>
    <t>3030.0</t>
  </si>
  <si>
    <t>547.439</t>
  </si>
  <si>
    <t>2246.0</t>
  </si>
  <si>
    <t>0.787</t>
  </si>
  <si>
    <t>0.6661</t>
  </si>
  <si>
    <t>11055.0</t>
  </si>
  <si>
    <t>4116.0</t>
  </si>
  <si>
    <t>15523.9</t>
  </si>
  <si>
    <t>35.83</t>
  </si>
  <si>
    <t>5461.7041442935</t>
  </si>
  <si>
    <t>2281.0</t>
  </si>
  <si>
    <t>0.799</t>
  </si>
  <si>
    <t>0.6065</t>
  </si>
  <si>
    <t>2612804.0</t>
  </si>
  <si>
    <t>1250672.0</t>
  </si>
  <si>
    <t>1156751.0</t>
  </si>
  <si>
    <t>205381.0</t>
  </si>
  <si>
    <t>16639.0</t>
  </si>
  <si>
    <t>91.93</t>
  </si>
  <si>
    <t>40.7</t>
  </si>
  <si>
    <t>7.23</t>
  </si>
  <si>
    <t>5854.0</t>
  </si>
  <si>
    <t>6816.0</t>
  </si>
  <si>
    <t>1570334.0</t>
  </si>
  <si>
    <t>7554.0</t>
  </si>
  <si>
    <t>550.085</t>
  </si>
  <si>
    <t>2.646</t>
  </si>
  <si>
    <t>2416.0</t>
  </si>
  <si>
    <t>0.846</t>
  </si>
  <si>
    <t>0.6046</t>
  </si>
  <si>
    <t>16474.0</t>
  </si>
  <si>
    <t>6748.0</t>
  </si>
  <si>
    <t>0.237</t>
  </si>
  <si>
    <t>0.5827</t>
  </si>
  <si>
    <t>16309.0</t>
  </si>
  <si>
    <t>5738.0</t>
  </si>
  <si>
    <t>6679.0</t>
  </si>
  <si>
    <t>0.235</t>
  </si>
  <si>
    <t>2069.0</t>
  </si>
  <si>
    <t>0.725</t>
  </si>
  <si>
    <t>0.6246</t>
  </si>
  <si>
    <t>16144.0</t>
  </si>
  <si>
    <t>5680.0</t>
  </si>
  <si>
    <t>6610.0</t>
  </si>
  <si>
    <t>0.6413</t>
  </si>
  <si>
    <t>15979.0</t>
  </si>
  <si>
    <t>5622.0</t>
  </si>
  <si>
    <t>6542.0</t>
  </si>
  <si>
    <t>1573470.0</t>
  </si>
  <si>
    <t>3136.0</t>
  </si>
  <si>
    <t>551.184</t>
  </si>
  <si>
    <t>0.6474</t>
  </si>
  <si>
    <t>2634377.0</t>
  </si>
  <si>
    <t>1255350.0</t>
  </si>
  <si>
    <t>1166963.0</t>
  </si>
  <si>
    <t>212064.0</t>
  </si>
  <si>
    <t>15813.0</t>
  </si>
  <si>
    <t>92.68</t>
  </si>
  <si>
    <t>44.17</t>
  </si>
  <si>
    <t>41.06</t>
  </si>
  <si>
    <t>7.46</t>
  </si>
  <si>
    <t>6473.0</t>
  </si>
  <si>
    <t>1633.0</t>
  </si>
  <si>
    <t>0.572</t>
  </si>
  <si>
    <t>0.5539</t>
  </si>
  <si>
    <t>2639523.0</t>
  </si>
  <si>
    <t>1256409.0</t>
  </si>
  <si>
    <t>1169470.0</t>
  </si>
  <si>
    <t>213644.0</t>
  </si>
  <si>
    <t>5146.0</t>
  </si>
  <si>
    <t>10183.0</t>
  </si>
  <si>
    <t>92.87</t>
  </si>
  <si>
    <t>44.2</t>
  </si>
  <si>
    <t>41.14</t>
  </si>
  <si>
    <t>7.52</t>
  </si>
  <si>
    <t>3722.0</t>
  </si>
  <si>
    <t>0.8546</t>
  </si>
  <si>
    <t>4348.0</t>
  </si>
  <si>
    <t>1530.0</t>
  </si>
  <si>
    <t>933.0</t>
  </si>
  <si>
    <t>0.268</t>
  </si>
  <si>
    <t>0.9666</t>
  </si>
  <si>
    <t>4263.0</t>
  </si>
  <si>
    <t>1500.0</t>
  </si>
  <si>
    <t>1576432.0</t>
  </si>
  <si>
    <t>552.221</t>
  </si>
  <si>
    <t>759.0</t>
  </si>
  <si>
    <t>0.266</t>
  </si>
  <si>
    <t>4178.0</t>
  </si>
  <si>
    <t>1470.0</t>
  </si>
  <si>
    <t>894.0</t>
  </si>
  <si>
    <t>736.0</t>
  </si>
  <si>
    <t>0.258</t>
  </si>
  <si>
    <t>0.7469</t>
  </si>
  <si>
    <t>4093.0</t>
  </si>
  <si>
    <t>874.0</t>
  </si>
  <si>
    <t>714.0</t>
  </si>
  <si>
    <t>0.8761</t>
  </si>
  <si>
    <t>4008.0</t>
  </si>
  <si>
    <t>1410.0</t>
  </si>
  <si>
    <t>854.0</t>
  </si>
  <si>
    <t>1578306.0</t>
  </si>
  <si>
    <t>552.878</t>
  </si>
  <si>
    <t>0.656</t>
  </si>
  <si>
    <t>0.242</t>
  </si>
  <si>
    <t>0.6996</t>
  </si>
  <si>
    <t>2661838.0</t>
  </si>
  <si>
    <t>1261189.0</t>
  </si>
  <si>
    <t>1179476.0</t>
  </si>
  <si>
    <t>221173.0</t>
  </si>
  <si>
    <t>3923.0</t>
  </si>
  <si>
    <t>93.65</t>
  </si>
  <si>
    <t>44.37</t>
  </si>
  <si>
    <t>41.5</t>
  </si>
  <si>
    <t>1380.0</t>
  </si>
  <si>
    <t>784.0</t>
  </si>
  <si>
    <t>0.6248</t>
  </si>
  <si>
    <t>2665804.0</t>
  </si>
  <si>
    <t>1262067.0</t>
  </si>
  <si>
    <t>1181246.0</t>
  </si>
  <si>
    <t>222491.0</t>
  </si>
  <si>
    <t>3966.0</t>
  </si>
  <si>
    <t>93.79</t>
  </si>
  <si>
    <t>44.4</t>
  </si>
  <si>
    <t>41.56</t>
  </si>
  <si>
    <t>7.83</t>
  </si>
  <si>
    <t>1321.0</t>
  </si>
  <si>
    <t>1581095.0</t>
  </si>
  <si>
    <t>553.855</t>
  </si>
  <si>
    <t>0.4515</t>
  </si>
  <si>
    <t>2669695.0</t>
  </si>
  <si>
    <t>1262935.0</t>
  </si>
  <si>
    <t>1182883.0</t>
  </si>
  <si>
    <t>223877.0</t>
  </si>
  <si>
    <t>3779.0</t>
  </si>
  <si>
    <t>93.93</t>
  </si>
  <si>
    <t>44.43</t>
  </si>
  <si>
    <t>41.62</t>
  </si>
  <si>
    <t>1330.0</t>
  </si>
  <si>
    <t>0.3816</t>
  </si>
  <si>
    <t>2673183.0</t>
  </si>
  <si>
    <t>1263745.0</t>
  </si>
  <si>
    <t>1184292.0</t>
  </si>
  <si>
    <t>225146.0</t>
  </si>
  <si>
    <t>3746.0</t>
  </si>
  <si>
    <t>94.05</t>
  </si>
  <si>
    <t>44.46</t>
  </si>
  <si>
    <t>41.67</t>
  </si>
  <si>
    <t>7.92</t>
  </si>
  <si>
    <t>1318.0</t>
  </si>
  <si>
    <t>1583514.0</t>
  </si>
  <si>
    <t>2419.0</t>
  </si>
  <si>
    <t>554.702</t>
  </si>
  <si>
    <t>0.847</t>
  </si>
  <si>
    <t>3591.0</t>
  </si>
  <si>
    <t>1263.0</t>
  </si>
  <si>
    <t>0.3691</t>
  </si>
  <si>
    <t>3436.0</t>
  </si>
  <si>
    <t>1209.0</t>
  </si>
  <si>
    <t>0.346</t>
  </si>
  <si>
    <t>0.3406</t>
  </si>
  <si>
    <t>3280.0</t>
  </si>
  <si>
    <t>1585124.0</t>
  </si>
  <si>
    <t>1610.0</t>
  </si>
  <si>
    <t>555.266</t>
  </si>
  <si>
    <t>0.564</t>
  </si>
  <si>
    <t>974.0</t>
  </si>
  <si>
    <t>0.341</t>
  </si>
  <si>
    <t>0.3162</t>
  </si>
  <si>
    <t>2683715.0</t>
  </si>
  <si>
    <t>1265923.0</t>
  </si>
  <si>
    <t>1188503.0</t>
  </si>
  <si>
    <t>229289.0</t>
  </si>
  <si>
    <t>3125.0</t>
  </si>
  <si>
    <t>94.42</t>
  </si>
  <si>
    <t>44.54</t>
  </si>
  <si>
    <t>41.81</t>
  </si>
  <si>
    <t>8.07</t>
  </si>
  <si>
    <t>676.0</t>
  </si>
  <si>
    <t>0.3123</t>
  </si>
  <si>
    <t>1587511.0</t>
  </si>
  <si>
    <t>2387.0</t>
  </si>
  <si>
    <t>556.102</t>
  </si>
  <si>
    <t>0.836</t>
  </si>
  <si>
    <t>0.321</t>
  </si>
  <si>
    <t>0.306</t>
  </si>
  <si>
    <t>2775.0</t>
  </si>
  <si>
    <t>583.0</t>
  </si>
  <si>
    <t>0.3294</t>
  </si>
  <si>
    <t>2663.0</t>
  </si>
  <si>
    <t>640.0</t>
  </si>
  <si>
    <t>0.3674</t>
  </si>
  <si>
    <t>2673.0</t>
  </si>
  <si>
    <t>598.0</t>
  </si>
  <si>
    <t>0.3679</t>
  </si>
  <si>
    <t>0.3178</t>
  </si>
  <si>
    <t>1588724.0</t>
  </si>
  <si>
    <t>556.527</t>
  </si>
  <si>
    <t>0.425</t>
  </si>
  <si>
    <t>0.3788</t>
  </si>
  <si>
    <t>2702638.0</t>
  </si>
  <si>
    <t>1269746.0</t>
  </si>
  <si>
    <t>1196277.0</t>
  </si>
  <si>
    <t>236615.0</t>
  </si>
  <si>
    <t>2703.0</t>
  </si>
  <si>
    <t>95.09</t>
  </si>
  <si>
    <t>44.67</t>
  </si>
  <si>
    <t>42.09</t>
  </si>
  <si>
    <t>8.32</t>
  </si>
  <si>
    <t>390.0</t>
  </si>
  <si>
    <t>0.437</t>
  </si>
  <si>
    <t>964.0</t>
  </si>
  <si>
    <t>539.0</t>
  </si>
  <si>
    <t>16323.4</t>
  </si>
  <si>
    <t>34.07</t>
  </si>
  <si>
    <t>40.95</t>
  </si>
  <si>
    <t>5742.98864518326</t>
  </si>
  <si>
    <t>265.0</t>
  </si>
  <si>
    <t>0.6722</t>
  </si>
  <si>
    <t>2708574.0</t>
  </si>
  <si>
    <t>1270745.0</t>
  </si>
  <si>
    <t>1198759.0</t>
  </si>
  <si>
    <t>239070.0</t>
  </si>
  <si>
    <t>95.29</t>
  </si>
  <si>
    <t>44.71</t>
  </si>
  <si>
    <t>8.41</t>
  </si>
  <si>
    <t>978.0</t>
  </si>
  <si>
    <t>533.0</t>
  </si>
  <si>
    <t>0.5627</t>
  </si>
  <si>
    <t>1590013.0</t>
  </si>
  <si>
    <t>556.979</t>
  </si>
  <si>
    <t>0.4355</t>
  </si>
  <si>
    <t>0.3944</t>
  </si>
  <si>
    <t>486.0</t>
  </si>
  <si>
    <t>0.3577</t>
  </si>
  <si>
    <t>471.0</t>
  </si>
  <si>
    <t>1591442.0</t>
  </si>
  <si>
    <t>1429.0</t>
  </si>
  <si>
    <t>557.479</t>
  </si>
  <si>
    <t>0.501</t>
  </si>
  <si>
    <t>0.2515</t>
  </si>
  <si>
    <t>909.0</t>
  </si>
  <si>
    <t>455.0</t>
  </si>
  <si>
    <t>1592470.0</t>
  </si>
  <si>
    <t>557.84</t>
  </si>
  <si>
    <t>489.0</t>
  </si>
  <si>
    <t>0.2007</t>
  </si>
  <si>
    <t>2723146.0</t>
  </si>
  <si>
    <t>1273369.0</t>
  </si>
  <si>
    <t>1204250.0</t>
  </si>
  <si>
    <t>245527.0</t>
  </si>
  <si>
    <t>95.81</t>
  </si>
  <si>
    <t>44.8</t>
  </si>
  <si>
    <t>42.37</t>
  </si>
  <si>
    <t>8.64</t>
  </si>
  <si>
    <t>446.0</t>
  </si>
  <si>
    <t>1594075.0</t>
  </si>
  <si>
    <t>1605.0</t>
  </si>
  <si>
    <t>558.402</t>
  </si>
  <si>
    <t>0.562</t>
  </si>
  <si>
    <t>715.0</t>
  </si>
  <si>
    <t>0.1173</t>
  </si>
  <si>
    <t>8.5</t>
  </si>
  <si>
    <t>1595314.0</t>
  </si>
  <si>
    <t>1239.0</t>
  </si>
  <si>
    <t>558.836</t>
  </si>
  <si>
    <t>0.434</t>
  </si>
  <si>
    <t>757.0</t>
  </si>
  <si>
    <t>0.1234</t>
  </si>
  <si>
    <t>2729969.0</t>
  </si>
  <si>
    <t>1274514.0</t>
  </si>
  <si>
    <t>1206964.0</t>
  </si>
  <si>
    <t>248491.0</t>
  </si>
  <si>
    <t>2363.0</t>
  </si>
  <si>
    <t>96.05</t>
  </si>
  <si>
    <t>44.84</t>
  </si>
  <si>
    <t>42.46</t>
  </si>
  <si>
    <t>0.1034</t>
  </si>
  <si>
    <t>2207.0</t>
  </si>
  <si>
    <t>776.0</t>
  </si>
  <si>
    <t>684.0</t>
  </si>
  <si>
    <t>722.0</t>
  </si>
  <si>
    <t>1595977.0</t>
  </si>
  <si>
    <t>559.068</t>
  </si>
  <si>
    <t>0.232</t>
  </si>
  <si>
    <t>0.227</t>
  </si>
  <si>
    <t>0.0999</t>
  </si>
  <si>
    <t>1895.0</t>
  </si>
  <si>
    <t>0.1132</t>
  </si>
  <si>
    <t>2735318.0</t>
  </si>
  <si>
    <t>1275463.0</t>
  </si>
  <si>
    <t>1208831.0</t>
  </si>
  <si>
    <t>251024.0</t>
  </si>
  <si>
    <t>96.24</t>
  </si>
  <si>
    <t>44.87</t>
  </si>
  <si>
    <t>42.53</t>
  </si>
  <si>
    <t>8.83</t>
  </si>
  <si>
    <t>2737859.0</t>
  </si>
  <si>
    <t>1275907.0</t>
  </si>
  <si>
    <t>1209791.0</t>
  </si>
  <si>
    <t>252161.0</t>
  </si>
  <si>
    <t>2541.0</t>
  </si>
  <si>
    <t>96.32</t>
  </si>
  <si>
    <t>44.89</t>
  </si>
  <si>
    <t>42.56</t>
  </si>
  <si>
    <t>8.87</t>
  </si>
  <si>
    <t>1597084.0</t>
  </si>
  <si>
    <t>1107.0</t>
  </si>
  <si>
    <t>559.456</t>
  </si>
  <si>
    <t>0.388</t>
  </si>
  <si>
    <t>0.1642</t>
  </si>
  <si>
    <t>1712.0</t>
  </si>
  <si>
    <t>602.0</t>
  </si>
  <si>
    <t>301.0</t>
  </si>
  <si>
    <t>0.2197</t>
  </si>
  <si>
    <t>1647.0</t>
  </si>
  <si>
    <t>0.2395</t>
  </si>
  <si>
    <t>1716.0</t>
  </si>
  <si>
    <t>0.2684</t>
  </si>
  <si>
    <t>1785.0</t>
  </si>
  <si>
    <t>321.0</t>
  </si>
  <si>
    <t>0.2991</t>
  </si>
  <si>
    <t>0.3519</t>
  </si>
  <si>
    <t>0.5179</t>
  </si>
  <si>
    <t>1821.0</t>
  </si>
  <si>
    <t>1597634.0</t>
  </si>
  <si>
    <t>559.648</t>
  </si>
  <si>
    <t>0.5905</t>
  </si>
  <si>
    <t>2754244.0</t>
  </si>
  <si>
    <t>1278902.0</t>
  </si>
  <si>
    <t>1215199.0</t>
  </si>
  <si>
    <t>260143.0</t>
  </si>
  <si>
    <t>96.9</t>
  </si>
  <si>
    <t>45.0</t>
  </si>
  <si>
    <t>42.75</t>
  </si>
  <si>
    <t>0.4348</t>
  </si>
  <si>
    <t>1784.0</t>
  </si>
  <si>
    <t>1598280.0</t>
  </si>
  <si>
    <t>646.0</t>
  </si>
  <si>
    <t>559.875</t>
  </si>
  <si>
    <t>1766.0</t>
  </si>
  <si>
    <t>0.3276</t>
  </si>
  <si>
    <t>1748.0</t>
  </si>
  <si>
    <t>0.3144</t>
  </si>
  <si>
    <t>2762715.0</t>
  </si>
  <si>
    <t>1280514.0</t>
  </si>
  <si>
    <t>1217699.0</t>
  </si>
  <si>
    <t>264502.0</t>
  </si>
  <si>
    <t>1730.0</t>
  </si>
  <si>
    <t>97.2</t>
  </si>
  <si>
    <t>45.05</t>
  </si>
  <si>
    <t>42.84</t>
  </si>
  <si>
    <t>9.31</t>
  </si>
  <si>
    <t>609.0</t>
  </si>
  <si>
    <t>1599266.0</t>
  </si>
  <si>
    <t>986.0</t>
  </si>
  <si>
    <t>560.22</t>
  </si>
  <si>
    <t>0.345</t>
  </si>
  <si>
    <t>0.2857</t>
  </si>
  <si>
    <t>2766890.0</t>
  </si>
  <si>
    <t>1281331.0</t>
  </si>
  <si>
    <t>1218665.0</t>
  </si>
  <si>
    <t>266894.0</t>
  </si>
  <si>
    <t>1807.0</t>
  </si>
  <si>
    <t>97.35</t>
  </si>
  <si>
    <t>45.08</t>
  </si>
  <si>
    <t>636.0</t>
  </si>
  <si>
    <t>16257.3</t>
  </si>
  <si>
    <t>-3.38</t>
  </si>
  <si>
    <t>5719.73297850557</t>
  </si>
  <si>
    <t>0.2291</t>
  </si>
  <si>
    <t>633.0</t>
  </si>
  <si>
    <t>1600493.0</t>
  </si>
  <si>
    <t>560.65</t>
  </si>
  <si>
    <t>0.1837</t>
  </si>
  <si>
    <t>1793.0</t>
  </si>
  <si>
    <t>631.0</t>
  </si>
  <si>
    <t>0.1803</t>
  </si>
  <si>
    <t>1786.0</t>
  </si>
  <si>
    <t>2773475.0</t>
  </si>
  <si>
    <t>1282785.0</t>
  </si>
  <si>
    <t>1220014.0</t>
  </si>
  <si>
    <t>270676.0</t>
  </si>
  <si>
    <t>97.58</t>
  </si>
  <si>
    <t>45.13</t>
  </si>
  <si>
    <t>42.92</t>
  </si>
  <si>
    <t>0.1991</t>
  </si>
  <si>
    <t>1880.0</t>
  </si>
  <si>
    <t>396.0</t>
  </si>
  <si>
    <t>1601568.0</t>
  </si>
  <si>
    <t>561.027</t>
  </si>
  <si>
    <t>0.377</t>
  </si>
  <si>
    <t>0.1871</t>
  </si>
  <si>
    <t>2780674.0</t>
  </si>
  <si>
    <t>1284295.0</t>
  </si>
  <si>
    <t>1221185.0</t>
  </si>
  <si>
    <t>275194.0</t>
  </si>
  <si>
    <t>1969.0</t>
  </si>
  <si>
    <t>97.83</t>
  </si>
  <si>
    <t>45.18</t>
  </si>
  <si>
    <t>42.96</t>
  </si>
  <si>
    <t>0.2056</t>
  </si>
  <si>
    <t>692.0</t>
  </si>
  <si>
    <t>0.2682</t>
  </si>
  <si>
    <t>1602010.0</t>
  </si>
  <si>
    <t>561.181</t>
  </si>
  <si>
    <t>1966.0</t>
  </si>
  <si>
    <t>0.2102</t>
  </si>
  <si>
    <t>2787225.0</t>
  </si>
  <si>
    <t>1285676.0</t>
  </si>
  <si>
    <t>1222698.0</t>
  </si>
  <si>
    <t>278851.0</t>
  </si>
  <si>
    <t>1964.0</t>
  </si>
  <si>
    <t>98.06</t>
  </si>
  <si>
    <t>45.23</t>
  </si>
  <si>
    <t>43.02</t>
  </si>
  <si>
    <t>9.81</t>
  </si>
  <si>
    <t>1911.0</t>
  </si>
  <si>
    <t>1603120.0</t>
  </si>
  <si>
    <t>1110.0</t>
  </si>
  <si>
    <t>561.57</t>
  </si>
  <si>
    <t>0.389</t>
  </si>
  <si>
    <t>0.1502</t>
  </si>
  <si>
    <t>654.0</t>
  </si>
  <si>
    <t>0.1563</t>
  </si>
  <si>
    <t>2793310.0</t>
  </si>
  <si>
    <t>1287062.0</t>
  </si>
  <si>
    <t>1223943.0</t>
  </si>
  <si>
    <t>282305.0</t>
  </si>
  <si>
    <t>1805.0</t>
  </si>
  <si>
    <t>98.28</t>
  </si>
  <si>
    <t>45.28</t>
  </si>
  <si>
    <t>43.06</t>
  </si>
  <si>
    <t>0.1542</t>
  </si>
  <si>
    <t>0.1609</t>
  </si>
  <si>
    <t>1677.0</t>
  </si>
  <si>
    <t>0.192</t>
  </si>
  <si>
    <t>1536.0</t>
  </si>
  <si>
    <t>540.0</t>
  </si>
  <si>
    <t>1604281.0</t>
  </si>
  <si>
    <t>561.977</t>
  </si>
  <si>
    <t>0.407</t>
  </si>
  <si>
    <t>0.2461</t>
  </si>
  <si>
    <t>2801345.0</t>
  </si>
  <si>
    <t>1288846.0</t>
  </si>
  <si>
    <t>1226046.0</t>
  </si>
  <si>
    <t>286453.0</t>
  </si>
  <si>
    <t>1438.0</t>
  </si>
  <si>
    <t>98.56</t>
  </si>
  <si>
    <t>45.34</t>
  </si>
  <si>
    <t>10.08</t>
  </si>
  <si>
    <t>0.1956</t>
  </si>
  <si>
    <t>1462.0</t>
  </si>
  <si>
    <t>391.0</t>
  </si>
  <si>
    <t>1584.0</t>
  </si>
  <si>
    <t>0.2675</t>
  </si>
  <si>
    <t>290925.0</t>
  </si>
  <si>
    <t>1951.0</t>
  </si>
  <si>
    <t>686.0</t>
  </si>
  <si>
    <t>0.2639</t>
  </si>
  <si>
    <t>2074.0</t>
  </si>
  <si>
    <t>1605530.0</t>
  </si>
  <si>
    <t>1249.0</t>
  </si>
  <si>
    <t>562.414</t>
  </si>
  <si>
    <t>0.438</t>
  </si>
  <si>
    <t>2196.0</t>
  </si>
  <si>
    <t>773.0</t>
  </si>
  <si>
    <t>0.3408</t>
  </si>
  <si>
    <t>0.3202</t>
  </si>
  <si>
    <t>16239.4</t>
  </si>
  <si>
    <t>31.48</t>
  </si>
  <si>
    <t>-1.04</t>
  </si>
  <si>
    <t>5713.43530175019</t>
  </si>
  <si>
    <t>0.3754</t>
  </si>
  <si>
    <t>2825500.0</t>
  </si>
  <si>
    <t>1299321.0</t>
  </si>
  <si>
    <t>1230636.0</t>
  </si>
  <si>
    <t>295543.0</t>
  </si>
  <si>
    <t>99.41</t>
  </si>
  <si>
    <t>45.71</t>
  </si>
  <si>
    <t>43.3</t>
  </si>
  <si>
    <t>0.4298</t>
  </si>
  <si>
    <t>718.0</t>
  </si>
  <si>
    <t>845.0</t>
  </si>
  <si>
    <t>104.0</t>
  </si>
  <si>
    <t>0.4519</t>
  </si>
  <si>
    <t>1884.0</t>
  </si>
  <si>
    <t>737.0</t>
  </si>
  <si>
    <t>1606172.0</t>
  </si>
  <si>
    <t>562.639</t>
  </si>
  <si>
    <t>92.0</t>
  </si>
  <si>
    <t>0.4379</t>
  </si>
  <si>
    <t>0.3771</t>
  </si>
  <si>
    <t>1572.0</t>
  </si>
  <si>
    <t>553.0</t>
  </si>
  <si>
    <t>521.0</t>
  </si>
  <si>
    <t>0.3373</t>
  </si>
  <si>
    <t>498.0</t>
  </si>
  <si>
    <t>0.2907</t>
  </si>
  <si>
    <t>1259.0</t>
  </si>
  <si>
    <t>443.0</t>
  </si>
  <si>
    <t>0.2311</t>
  </si>
  <si>
    <t>1606907.0</t>
  </si>
  <si>
    <t>735.0</t>
  </si>
  <si>
    <t>562.897</t>
  </si>
  <si>
    <t>0.257</t>
  </si>
  <si>
    <t>0.2126</t>
  </si>
  <si>
    <t>1607697.0</t>
  </si>
  <si>
    <t>790.0</t>
  </si>
  <si>
    <t>563.173</t>
  </si>
  <si>
    <t>0.277</t>
  </si>
  <si>
    <t>0.1497</t>
  </si>
  <si>
    <t>0.1743</t>
  </si>
  <si>
    <t>1608038.0</t>
  </si>
  <si>
    <t>563.293</t>
  </si>
  <si>
    <t>0.1944</t>
  </si>
  <si>
    <t>2840948.0</t>
  </si>
  <si>
    <t>1302093.0</t>
  </si>
  <si>
    <t>1235781.0</t>
  </si>
  <si>
    <t>302850.0</t>
  </si>
  <si>
    <t>99.95</t>
  </si>
  <si>
    <t>45.81</t>
  </si>
  <si>
    <t>43.48</t>
  </si>
  <si>
    <t>10.66</t>
  </si>
  <si>
    <t>1608491.0</t>
  </si>
  <si>
    <t>563.452</t>
  </si>
  <si>
    <t>226.0</t>
  </si>
  <si>
    <t>0.1574</t>
  </si>
  <si>
    <t>1465.0</t>
  </si>
  <si>
    <t>515.0</t>
  </si>
  <si>
    <t>0.2147</t>
  </si>
  <si>
    <t>1826.0</t>
  </si>
  <si>
    <t>2188.0</t>
  </si>
  <si>
    <t>770.0</t>
  </si>
  <si>
    <t>0.2633</t>
  </si>
  <si>
    <t>2550.0</t>
  </si>
  <si>
    <t>0.2127</t>
  </si>
  <si>
    <t>2911.0</t>
  </si>
  <si>
    <t>1024.0</t>
  </si>
  <si>
    <t>2107.0</t>
  </si>
  <si>
    <t>0.2736</t>
  </si>
  <si>
    <t>2866387.0</t>
  </si>
  <si>
    <t>1319066.0</t>
  </si>
  <si>
    <t>1239990.0</t>
  </si>
  <si>
    <t>306637.0</t>
  </si>
  <si>
    <t>100.85</t>
  </si>
  <si>
    <t>46.41</t>
  </si>
  <si>
    <t>43.63</t>
  </si>
  <si>
    <t>10.79</t>
  </si>
  <si>
    <t>1279.0</t>
  </si>
  <si>
    <t>2425.0</t>
  </si>
  <si>
    <t>0.4824</t>
  </si>
  <si>
    <t>3263.0</t>
  </si>
  <si>
    <t>1148.0</t>
  </si>
  <si>
    <t>2102.0</t>
  </si>
  <si>
    <t>0.4657</t>
  </si>
  <si>
    <t>1017.0</t>
  </si>
  <si>
    <t>1780.0</t>
  </si>
  <si>
    <t>1609181.0</t>
  </si>
  <si>
    <t>563.693</t>
  </si>
  <si>
    <t>0.4694</t>
  </si>
  <si>
    <t>1458.0</t>
  </si>
  <si>
    <t>0.5263</t>
  </si>
  <si>
    <t>2151.0</t>
  </si>
  <si>
    <t>0.594</t>
  </si>
  <si>
    <t>813.0</t>
  </si>
  <si>
    <t>0.4568</t>
  </si>
  <si>
    <t>1409.0</t>
  </si>
  <si>
    <t>491.0</t>
  </si>
  <si>
    <t>0.4514</t>
  </si>
  <si>
    <t>2873654.0</t>
  </si>
  <si>
    <t>1320244.0</t>
  </si>
  <si>
    <t>1241712.0</t>
  </si>
  <si>
    <t>310249.0</t>
  </si>
  <si>
    <t>1038.0</t>
  </si>
  <si>
    <t>101.1</t>
  </si>
  <si>
    <t>46.45</t>
  </si>
  <si>
    <t>43.69</t>
  </si>
  <si>
    <t>0.4191</t>
  </si>
  <si>
    <t>0.3086</t>
  </si>
  <si>
    <t>16238.5</t>
  </si>
  <si>
    <t>30.49</t>
  </si>
  <si>
    <t>-0.05</t>
  </si>
  <si>
    <t>5713.11865878484</t>
  </si>
  <si>
    <t>74.0</t>
  </si>
  <si>
    <t>0.4556</t>
  </si>
  <si>
    <t>1170.0</t>
  </si>
  <si>
    <t>1609775.0</t>
  </si>
  <si>
    <t>563.901</t>
  </si>
  <si>
    <t>0.4035</t>
  </si>
  <si>
    <t>1214.0</t>
  </si>
  <si>
    <t>0.4679</t>
  </si>
  <si>
    <t>1258.0</t>
  </si>
  <si>
    <t>0.4387</t>
  </si>
  <si>
    <t>1302.0</t>
  </si>
  <si>
    <t>458.0</t>
  </si>
  <si>
    <t>345.0</t>
  </si>
  <si>
    <t>0.4762</t>
  </si>
  <si>
    <t>2883079.0</t>
  </si>
  <si>
    <t>1322864.0</t>
  </si>
  <si>
    <t>1244383.0</t>
  </si>
  <si>
    <t>313660.0</t>
  </si>
  <si>
    <t>1346.0</t>
  </si>
  <si>
    <t>101.43</t>
  </si>
  <si>
    <t>46.54</t>
  </si>
  <si>
    <t>43.78</t>
  </si>
  <si>
    <t>11.04</t>
  </si>
  <si>
    <t>0.4722</t>
  </si>
  <si>
    <t>1610330.0</t>
  </si>
  <si>
    <t>564.096</t>
  </si>
  <si>
    <t>0.5243</t>
  </si>
  <si>
    <t>1284.0</t>
  </si>
  <si>
    <t>452.0</t>
  </si>
  <si>
    <t>0.416</t>
  </si>
  <si>
    <t>1253.0</t>
  </si>
  <si>
    <t>0.5021</t>
  </si>
  <si>
    <t>0.4781</t>
  </si>
  <si>
    <t>0.5289</t>
  </si>
  <si>
    <t>1610737.0</t>
  </si>
  <si>
    <t>564.238</t>
  </si>
  <si>
    <t>0.5238</t>
  </si>
  <si>
    <t>0.4606</t>
  </si>
  <si>
    <t>0.4713</t>
  </si>
  <si>
    <t>1611248.0</t>
  </si>
  <si>
    <t>564.417</t>
  </si>
  <si>
    <t>0.3607</t>
  </si>
  <si>
    <t>0.2636</t>
  </si>
  <si>
    <t>0.517</t>
  </si>
  <si>
    <t>0.4353</t>
  </si>
  <si>
    <t>1611843.0</t>
  </si>
  <si>
    <t>564.626</t>
  </si>
  <si>
    <t>0.613</t>
  </si>
  <si>
    <t>2898881.0</t>
  </si>
  <si>
    <t>1325464.0</t>
  </si>
  <si>
    <t>1247475.0</t>
  </si>
  <si>
    <t>320852.0</t>
  </si>
  <si>
    <t>101.99</t>
  </si>
  <si>
    <t>46.63</t>
  </si>
  <si>
    <t>43.89</t>
  </si>
  <si>
    <t>11.29</t>
  </si>
  <si>
    <t>1612008.0</t>
  </si>
  <si>
    <t>564.684</t>
  </si>
  <si>
    <t>0.6488</t>
  </si>
  <si>
    <t>1115.0</t>
  </si>
  <si>
    <t>1612913.0</t>
  </si>
  <si>
    <t>565.001</t>
  </si>
  <si>
    <t>0.4591</t>
  </si>
  <si>
    <t>1102.0</t>
  </si>
  <si>
    <t>1613870.0</t>
  </si>
  <si>
    <t>565.336</t>
  </si>
  <si>
    <t>0.335</t>
  </si>
  <si>
    <t>0.4263</t>
  </si>
  <si>
    <t>1089.0</t>
  </si>
  <si>
    <t>2906126.0</t>
  </si>
  <si>
    <t>1326545.0</t>
  </si>
  <si>
    <t>1248781.0</t>
  </si>
  <si>
    <t>324545.0</t>
  </si>
  <si>
    <t>102.24</t>
  </si>
  <si>
    <t>46.67</t>
  </si>
  <si>
    <t>43.94</t>
  </si>
  <si>
    <t>351.0</t>
  </si>
  <si>
    <t>16167.6</t>
  </si>
  <si>
    <t>29.46</t>
  </si>
  <si>
    <t>-4.42</t>
  </si>
  <si>
    <t>5688.17422962526</t>
  </si>
  <si>
    <t>2919443.0</t>
  </si>
  <si>
    <t>1328497.0</t>
  </si>
  <si>
    <t>1251391.0</t>
  </si>
  <si>
    <t>331114.0</t>
  </si>
  <si>
    <t>102.71</t>
  </si>
  <si>
    <t>46.74</t>
  </si>
  <si>
    <t>44.03</t>
  </si>
  <si>
    <t>979.0</t>
  </si>
  <si>
    <t>1007.0</t>
  </si>
  <si>
    <t>354.0</t>
  </si>
  <si>
    <t>1020.0</t>
  </si>
  <si>
    <t>1034.0</t>
  </si>
  <si>
    <t>2934116.0</t>
  </si>
  <si>
    <t>1330520.0</t>
  </si>
  <si>
    <t>1253962.0</t>
  </si>
  <si>
    <t>338290.0</t>
  </si>
  <si>
    <t>103.23</t>
  </si>
  <si>
    <t>46.81</t>
  </si>
  <si>
    <t>44.12</t>
  </si>
  <si>
    <t>1033.0</t>
  </si>
  <si>
    <t>136.0</t>
  </si>
  <si>
    <t>337.0</t>
  </si>
  <si>
    <t>2940709.0</t>
  </si>
  <si>
    <t>1331453.0</t>
  </si>
  <si>
    <t>1255342.0</t>
  </si>
  <si>
    <t>341320.0</t>
  </si>
  <si>
    <t>103.46</t>
  </si>
  <si>
    <t>46.84</t>
  </si>
  <si>
    <t>12.01</t>
  </si>
  <si>
    <t>767.0</t>
  </si>
  <si>
    <t>2956198.0</t>
  </si>
  <si>
    <t>1334091.0</t>
  </si>
  <si>
    <t>1258792.0</t>
  </si>
  <si>
    <t>348385.0</t>
  </si>
  <si>
    <t>104.01</t>
  </si>
  <si>
    <t>46.94</t>
  </si>
  <si>
    <t>44.29</t>
  </si>
  <si>
    <t>12.26</t>
  </si>
  <si>
    <t>729.0</t>
  </si>
  <si>
    <t>724.0</t>
  </si>
  <si>
    <t>2966256.0</t>
  </si>
  <si>
    <t>1335654.0</t>
  </si>
  <si>
    <t>1261243.0</t>
  </si>
  <si>
    <t>352685.0</t>
  </si>
  <si>
    <t>104.36</t>
  </si>
  <si>
    <t>46.99</t>
  </si>
  <si>
    <t>2974247.0</t>
  </si>
  <si>
    <t>1336938.0</t>
  </si>
  <si>
    <t>1262982.0</t>
  </si>
  <si>
    <t>356077.0</t>
  </si>
  <si>
    <t>104.64</t>
  </si>
  <si>
    <t>47.04</t>
  </si>
  <si>
    <t>2978248.0</t>
  </si>
  <si>
    <t>1337562.0</t>
  </si>
  <si>
    <t>1263870.0</t>
  </si>
  <si>
    <t>357344.0</t>
  </si>
  <si>
    <t>572.0</t>
  </si>
  <si>
    <t>104.78</t>
  </si>
  <si>
    <t>47.06</t>
  </si>
  <si>
    <t>44.47</t>
  </si>
  <si>
    <t>12.57</t>
  </si>
  <si>
    <t>581.0</t>
  </si>
  <si>
    <t>87.0</t>
  </si>
  <si>
    <t>2991576.0</t>
  </si>
  <si>
    <t>1339100.0</t>
  </si>
  <si>
    <t>1265900.0</t>
  </si>
  <si>
    <t>363122.0</t>
  </si>
  <si>
    <t>105.25</t>
  </si>
  <si>
    <t>47.11</t>
  </si>
  <si>
    <t>12.78</t>
  </si>
  <si>
    <t>657.0</t>
  </si>
  <si>
    <t>664.0</t>
  </si>
  <si>
    <t>67.0</t>
  </si>
  <si>
    <t>65.0</t>
  </si>
  <si>
    <t>2996383.0</t>
  </si>
  <si>
    <t>1339532.0</t>
  </si>
  <si>
    <t>1266511.0</t>
  </si>
  <si>
    <t>365389.0</t>
  </si>
  <si>
    <t>687.0</t>
  </si>
  <si>
    <t>105.42</t>
  </si>
  <si>
    <t>47.13</t>
  </si>
  <si>
    <t>44.56</t>
  </si>
  <si>
    <t>12.86</t>
  </si>
  <si>
    <t>701.0</t>
  </si>
  <si>
    <t>710.0</t>
  </si>
  <si>
    <t>720.0</t>
  </si>
  <si>
    <t>3011499.0</t>
  </si>
  <si>
    <t>1340678.0</t>
  </si>
  <si>
    <t>1268200.0</t>
  </si>
  <si>
    <t>371665.0</t>
  </si>
  <si>
    <t>105.95</t>
  </si>
  <si>
    <t>47.17</t>
  </si>
  <si>
    <t>44.62</t>
  </si>
  <si>
    <t>13.08</t>
  </si>
  <si>
    <t>593.0</t>
  </si>
  <si>
    <t>551.0</t>
  </si>
  <si>
    <t>509.0</t>
  </si>
  <si>
    <t>467.0</t>
  </si>
  <si>
    <t>52.0</t>
  </si>
  <si>
    <t>3017443.0</t>
  </si>
  <si>
    <t>1341413.0</t>
  </si>
  <si>
    <t>1269112.0</t>
  </si>
  <si>
    <t>373263.0</t>
  </si>
  <si>
    <t>106.16</t>
  </si>
  <si>
    <t>47.19</t>
  </si>
  <si>
    <t>44.65</t>
  </si>
  <si>
    <t>13.13</t>
  </si>
  <si>
    <t>448.0</t>
  </si>
  <si>
    <t>544.0</t>
  </si>
  <si>
    <t>568.0</t>
  </si>
  <si>
    <t>3025728.0</t>
  </si>
  <si>
    <t>1342243.0</t>
  </si>
  <si>
    <t>1270016.0</t>
  </si>
  <si>
    <t>377057.0</t>
  </si>
  <si>
    <t>106.45</t>
  </si>
  <si>
    <t>47.22</t>
  </si>
  <si>
    <t>44.68</t>
  </si>
  <si>
    <t>DZA</t>
  </si>
  <si>
    <t>Algeria</t>
  </si>
  <si>
    <t>-536.3</t>
  </si>
  <si>
    <t>-1.6</t>
  </si>
  <si>
    <t>-0.61</t>
  </si>
  <si>
    <t>-11.9434620602332</t>
  </si>
  <si>
    <t>-488.7</t>
  </si>
  <si>
    <t>-0.99</t>
  </si>
  <si>
    <t>-10.8834046407532</t>
  </si>
  <si>
    <t>-329.1</t>
  </si>
  <si>
    <t>-0.51</t>
  </si>
  <si>
    <t>-7.32909446955573</t>
  </si>
  <si>
    <t>-345.5</t>
  </si>
  <si>
    <t>-0.44</t>
  </si>
  <si>
    <t>-0.11</t>
  </si>
  <si>
    <t>-7.69432433677151</t>
  </si>
  <si>
    <t>3268.1</t>
  </si>
  <si>
    <t>3.49</t>
  </si>
  <si>
    <t>72.7809590882865</t>
  </si>
  <si>
    <t>1.381</t>
  </si>
  <si>
    <t>1.425</t>
  </si>
  <si>
    <t>1.403</t>
  </si>
  <si>
    <t>1.448</t>
  </si>
  <si>
    <t>20171.7</t>
  </si>
  <si>
    <t>110.72</t>
  </si>
  <si>
    <t>449.226055641256</t>
  </si>
  <si>
    <t>1.269</t>
  </si>
  <si>
    <t>1.047</t>
  </si>
  <si>
    <t>1.024</t>
  </si>
  <si>
    <t>0.824</t>
  </si>
  <si>
    <t>0.891</t>
  </si>
  <si>
    <t>0.913</t>
  </si>
  <si>
    <t>1.091</t>
  </si>
  <si>
    <t>0.646</t>
  </si>
  <si>
    <t>28323.8</t>
  </si>
  <si>
    <t>53.42</t>
  </si>
  <si>
    <t>630.774250795511</t>
  </si>
  <si>
    <t>0.935</t>
  </si>
  <si>
    <t>0.713</t>
  </si>
  <si>
    <t>0.802</t>
  </si>
  <si>
    <t>0.601</t>
  </si>
  <si>
    <t>0.557</t>
  </si>
  <si>
    <t>0.512</t>
  </si>
  <si>
    <t>31062.9</t>
  </si>
  <si>
    <t>22.44</t>
  </si>
  <si>
    <t>19.15</t>
  </si>
  <si>
    <t>691.774319654703</t>
  </si>
  <si>
    <t>0.468</t>
  </si>
  <si>
    <t>0.735</t>
  </si>
  <si>
    <t>34432.0</t>
  </si>
  <si>
    <t>22.4</t>
  </si>
  <si>
    <t>22.03</t>
  </si>
  <si>
    <t>766.804560242306</t>
  </si>
  <si>
    <t>1.314</t>
  </si>
  <si>
    <t>45018.6</t>
  </si>
  <si>
    <t>68.24</t>
  </si>
  <si>
    <t>1002.56934757564</t>
  </si>
  <si>
    <t>49888.7</t>
  </si>
  <si>
    <t>26.86</t>
  </si>
  <si>
    <t>1111.02702905902</t>
  </si>
  <si>
    <t>0.534</t>
  </si>
  <si>
    <t>2819.0</t>
  </si>
  <si>
    <t>3129.0</t>
  </si>
  <si>
    <t>3217.0</t>
  </si>
  <si>
    <t>3748.0</t>
  </si>
  <si>
    <t>83.0</t>
  </si>
  <si>
    <t>0.445</t>
  </si>
  <si>
    <t>0.423</t>
  </si>
  <si>
    <t>0.401</t>
  </si>
  <si>
    <t>75000.0</t>
  </si>
  <si>
    <t>0.356</t>
  </si>
  <si>
    <t>6409.0</t>
  </si>
  <si>
    <t>5840.0</t>
  </si>
  <si>
    <t>0.334</t>
  </si>
  <si>
    <t>9069.0</t>
  </si>
  <si>
    <t>11729.0</t>
  </si>
  <si>
    <t>14389.0</t>
  </si>
  <si>
    <t>12113.0</t>
  </si>
  <si>
    <t>17049.0</t>
  </si>
  <si>
    <t>14204.0</t>
  </si>
  <si>
    <t>19709.0</t>
  </si>
  <si>
    <t>16295.0</t>
  </si>
  <si>
    <t>22369.0</t>
  </si>
  <si>
    <t>18386.0</t>
  </si>
  <si>
    <t>0.379</t>
  </si>
  <si>
    <t>0.579</t>
  </si>
  <si>
    <t>4146091.0</t>
  </si>
  <si>
    <t>3421279.0</t>
  </si>
  <si>
    <t>724812.0</t>
  </si>
  <si>
    <t>9.23</t>
  </si>
  <si>
    <t>55877.0</t>
  </si>
  <si>
    <t>1244.0</t>
  </si>
  <si>
    <t>30795.0</t>
  </si>
  <si>
    <t>89385.0</t>
  </si>
  <si>
    <t>1991.0</t>
  </si>
  <si>
    <t>43204.0</t>
  </si>
  <si>
    <t>122894.0</t>
  </si>
  <si>
    <t>55613.0</t>
  </si>
  <si>
    <t>156402.0</t>
  </si>
  <si>
    <t>3483.0</t>
  </si>
  <si>
    <t>68022.0</t>
  </si>
  <si>
    <t>189911.0</t>
  </si>
  <si>
    <t>4229.0</t>
  </si>
  <si>
    <t>80430.0</t>
  </si>
  <si>
    <t>223419.0</t>
  </si>
  <si>
    <t>92839.0</t>
  </si>
  <si>
    <t>256927.0</t>
  </si>
  <si>
    <t>5722.0</t>
  </si>
  <si>
    <t>105248.0</t>
  </si>
  <si>
    <t>0.234</t>
  </si>
  <si>
    <t>8000000.0</t>
  </si>
  <si>
    <t>5000000.0</t>
  </si>
  <si>
    <t>3000000.0</t>
  </si>
  <si>
    <t>17.82</t>
  </si>
  <si>
    <t>11.14</t>
  </si>
  <si>
    <t>6.68</t>
  </si>
  <si>
    <t>255753.0</t>
  </si>
  <si>
    <t>104767.0</t>
  </si>
  <si>
    <t>254579.0</t>
  </si>
  <si>
    <t>5670.0</t>
  </si>
  <si>
    <t>104286.0</t>
  </si>
  <si>
    <t>253405.0</t>
  </si>
  <si>
    <t>5643.0</t>
  </si>
  <si>
    <t>103805.0</t>
  </si>
  <si>
    <t>252230.0</t>
  </si>
  <si>
    <t>5617.0</t>
  </si>
  <si>
    <t>103323.0</t>
  </si>
  <si>
    <t>251056.0</t>
  </si>
  <si>
    <t>102842.0</t>
  </si>
  <si>
    <t>0.229</t>
  </si>
  <si>
    <t>249882.0</t>
  </si>
  <si>
    <t>5565.0</t>
  </si>
  <si>
    <t>102361.0</t>
  </si>
  <si>
    <t>248708.0</t>
  </si>
  <si>
    <t>5539.0</t>
  </si>
  <si>
    <t>101880.0</t>
  </si>
  <si>
    <t>9989662.0</t>
  </si>
  <si>
    <t>5815039.0</t>
  </si>
  <si>
    <t>213841.0</t>
  </si>
  <si>
    <t>4762.0</t>
  </si>
  <si>
    <t>89545.0</t>
  </si>
  <si>
    <t>0.199</t>
  </si>
  <si>
    <t>178974.0</t>
  </si>
  <si>
    <t>3986.0</t>
  </si>
  <si>
    <t>77211.0</t>
  </si>
  <si>
    <t>144107.0</t>
  </si>
  <si>
    <t>64876.0</t>
  </si>
  <si>
    <t>0.144</t>
  </si>
  <si>
    <t>109240.0</t>
  </si>
  <si>
    <t>2433.0</t>
  </si>
  <si>
    <t>52542.0</t>
  </si>
  <si>
    <t>74373.0</t>
  </si>
  <si>
    <t>1656.0</t>
  </si>
  <si>
    <t>40207.0</t>
  </si>
  <si>
    <t>39507.0</t>
  </si>
  <si>
    <t>880.0</t>
  </si>
  <si>
    <t>27873.0</t>
  </si>
  <si>
    <t>15538.0</t>
  </si>
  <si>
    <t>10049978.0</t>
  </si>
  <si>
    <t>6017036.0</t>
  </si>
  <si>
    <t>4032942.0</t>
  </si>
  <si>
    <t>22.38</t>
  </si>
  <si>
    <t>13.4</t>
  </si>
  <si>
    <t>8.98</t>
  </si>
  <si>
    <t>9055.0</t>
  </si>
  <si>
    <t>14854.0</t>
  </si>
  <si>
    <t>13469.0</t>
  </si>
  <si>
    <t>14170.0</t>
  </si>
  <si>
    <t>17884.0</t>
  </si>
  <si>
    <t>13486.0</t>
  </si>
  <si>
    <t>22299.0</t>
  </si>
  <si>
    <t>497.0</t>
  </si>
  <si>
    <t>12802.0</t>
  </si>
  <si>
    <t>26714.0</t>
  </si>
  <si>
    <t>12119.0</t>
  </si>
  <si>
    <t>31129.0</t>
  </si>
  <si>
    <t>11435.0</t>
  </si>
  <si>
    <t>35543.0</t>
  </si>
  <si>
    <t>10751.0</t>
  </si>
  <si>
    <t>11080739.0</t>
  </si>
  <si>
    <t>6328806.0</t>
  </si>
  <si>
    <t>4751933.0</t>
  </si>
  <si>
    <t>24.68</t>
  </si>
  <si>
    <t>10.58</t>
  </si>
  <si>
    <t>33703.0</t>
  </si>
  <si>
    <t>0.223</t>
  </si>
  <si>
    <t>31863.0</t>
  </si>
  <si>
    <t>9888.0</t>
  </si>
  <si>
    <t>11148720.0</t>
  </si>
  <si>
    <t>6351998.0</t>
  </si>
  <si>
    <t>4796722.0</t>
  </si>
  <si>
    <t>30022.0</t>
  </si>
  <si>
    <t>24.83</t>
  </si>
  <si>
    <t>14.15</t>
  </si>
  <si>
    <t>10.68</t>
  </si>
  <si>
    <t>9456.0</t>
  </si>
  <si>
    <t>26403.0</t>
  </si>
  <si>
    <t>8508.0</t>
  </si>
  <si>
    <t>22784.0</t>
  </si>
  <si>
    <t>7559.0</t>
  </si>
  <si>
    <t>11179354.0</t>
  </si>
  <si>
    <t>6364327.0</t>
  </si>
  <si>
    <t>4815027.0</t>
  </si>
  <si>
    <t>19165.0</t>
  </si>
  <si>
    <t>24.9</t>
  </si>
  <si>
    <t>10.72</t>
  </si>
  <si>
    <t>18467.0</t>
  </si>
  <si>
    <t>411.0</t>
  </si>
  <si>
    <t>6735.0</t>
  </si>
  <si>
    <t>19609.0</t>
  </si>
  <si>
    <t>11271319.0</t>
  </si>
  <si>
    <t>6399209.0</t>
  </si>
  <si>
    <t>4872110.0</t>
  </si>
  <si>
    <t>20751.0</t>
  </si>
  <si>
    <t>14.25</t>
  </si>
  <si>
    <t>10.85</t>
  </si>
  <si>
    <t>7849.0</t>
  </si>
  <si>
    <t>18581.0</t>
  </si>
  <si>
    <t>18189.0</t>
  </si>
  <si>
    <t>7092.0</t>
  </si>
  <si>
    <t>17796.0</t>
  </si>
  <si>
    <t>17404.0</t>
  </si>
  <si>
    <t>6852.0</t>
  </si>
  <si>
    <t>14091.0</t>
  </si>
  <si>
    <t>314.0</t>
  </si>
  <si>
    <t>5658.0</t>
  </si>
  <si>
    <t>11316115.0</t>
  </si>
  <si>
    <t>6418827.0</t>
  </si>
  <si>
    <t>4897288.0</t>
  </si>
  <si>
    <t>10779.0</t>
  </si>
  <si>
    <t>25.2</t>
  </si>
  <si>
    <t>4464.0</t>
  </si>
  <si>
    <t>8801.0</t>
  </si>
  <si>
    <t>3910.0</t>
  </si>
  <si>
    <t>9469.0</t>
  </si>
  <si>
    <t>10137.0</t>
  </si>
  <si>
    <t>11376816.0</t>
  </si>
  <si>
    <t>6446373.0</t>
  </si>
  <si>
    <t>4930443.0</t>
  </si>
  <si>
    <t>10805.0</t>
  </si>
  <si>
    <t>4869.0</t>
  </si>
  <si>
    <t>21027.0</t>
  </si>
  <si>
    <t>8882.0</t>
  </si>
  <si>
    <t>31249.0</t>
  </si>
  <si>
    <t>40803.0</t>
  </si>
  <si>
    <t>16589.0</t>
  </si>
  <si>
    <t>50357.0</t>
  </si>
  <si>
    <t>20282.0</t>
  </si>
  <si>
    <t>59911.0</t>
  </si>
  <si>
    <t>1334.0</t>
  </si>
  <si>
    <t>23975.0</t>
  </si>
  <si>
    <t>69466.0</t>
  </si>
  <si>
    <t>1547.0</t>
  </si>
  <si>
    <t>27668.0</t>
  </si>
  <si>
    <t>79020.0</t>
  </si>
  <si>
    <t>31361.0</t>
  </si>
  <si>
    <t>12008974.0</t>
  </si>
  <si>
    <t>6697263.0</t>
  </si>
  <si>
    <t>5298544.0</t>
  </si>
  <si>
    <t>13167.0</t>
  </si>
  <si>
    <t>26.74</t>
  </si>
  <si>
    <t>14.91</t>
  </si>
  <si>
    <t>12032500.0</t>
  </si>
  <si>
    <t>6703364.0</t>
  </si>
  <si>
    <t>5314016.0</t>
  </si>
  <si>
    <t>23526.0</t>
  </si>
  <si>
    <t>71092.0</t>
  </si>
  <si>
    <t>26.8</t>
  </si>
  <si>
    <t>14.93</t>
  </si>
  <si>
    <t>11.83</t>
  </si>
  <si>
    <t>1583.0</t>
  </si>
  <si>
    <t>27753.0</t>
  </si>
  <si>
    <t>61916.0</t>
  </si>
  <si>
    <t>23888.0</t>
  </si>
  <si>
    <t>52741.0</t>
  </si>
  <si>
    <t>20024.0</t>
  </si>
  <si>
    <t>12076870.0</t>
  </si>
  <si>
    <t>6716299.0</t>
  </si>
  <si>
    <t>5340231.0</t>
  </si>
  <si>
    <t>20340.0</t>
  </si>
  <si>
    <t>43565.0</t>
  </si>
  <si>
    <t>26.9</t>
  </si>
  <si>
    <t>16160.0</t>
  </si>
  <si>
    <t>34739.0</t>
  </si>
  <si>
    <t>774.0</t>
  </si>
  <si>
    <t>12529.0</t>
  </si>
  <si>
    <t>25914.0</t>
  </si>
  <si>
    <t>577.0</t>
  </si>
  <si>
    <t>8897.0</t>
  </si>
  <si>
    <t>17088.0</t>
  </si>
  <si>
    <t>5266.0</t>
  </si>
  <si>
    <t>12145830.0</t>
  </si>
  <si>
    <t>6740064.0</t>
  </si>
  <si>
    <t>5380385.0</t>
  </si>
  <si>
    <t>25381.0</t>
  </si>
  <si>
    <t>16190.0</t>
  </si>
  <si>
    <t>27.05</t>
  </si>
  <si>
    <t>5243.0</t>
  </si>
  <si>
    <t>12293060.0</t>
  </si>
  <si>
    <t>6875003.0</t>
  </si>
  <si>
    <t>5391232.0</t>
  </si>
  <si>
    <t>147230.0</t>
  </si>
  <si>
    <t>35110.0</t>
  </si>
  <si>
    <t>27.38</t>
  </si>
  <si>
    <t>23904.0</t>
  </si>
  <si>
    <t>34469.0</t>
  </si>
  <si>
    <t>24766.0</t>
  </si>
  <si>
    <t>33828.0</t>
  </si>
  <si>
    <t>25629.0</t>
  </si>
  <si>
    <t>32838.0</t>
  </si>
  <si>
    <t>26258.0</t>
  </si>
  <si>
    <t>31847.0</t>
  </si>
  <si>
    <t>26888.0</t>
  </si>
  <si>
    <t>30856.0</t>
  </si>
  <si>
    <t>27517.0</t>
  </si>
  <si>
    <t>29865.0</t>
  </si>
  <si>
    <t>28147.0</t>
  </si>
  <si>
    <t>10305.0</t>
  </si>
  <si>
    <t>10348.0</t>
  </si>
  <si>
    <t>12437324.0</t>
  </si>
  <si>
    <t>7019879.0</t>
  </si>
  <si>
    <t>5554702.0</t>
  </si>
  <si>
    <t>11037.0</t>
  </si>
  <si>
    <t>9704.0</t>
  </si>
  <si>
    <t>11770.0</t>
  </si>
  <si>
    <t>9059.0</t>
  </si>
  <si>
    <t>12503.0</t>
  </si>
  <si>
    <t>8415.0</t>
  </si>
  <si>
    <t>13235.0</t>
  </si>
  <si>
    <t>7770.0</t>
  </si>
  <si>
    <t>13968.0</t>
  </si>
  <si>
    <t>14700.0</t>
  </si>
  <si>
    <t>12545356.0</t>
  </si>
  <si>
    <t>7060737.0</t>
  </si>
  <si>
    <t>5609040.0</t>
  </si>
  <si>
    <t>15433.0</t>
  </si>
  <si>
    <t>27.94</t>
  </si>
  <si>
    <t>15.72</t>
  </si>
  <si>
    <t>12.49</t>
  </si>
  <si>
    <t>5837.0</t>
  </si>
  <si>
    <t>16455.0</t>
  </si>
  <si>
    <t>17478.0</t>
  </si>
  <si>
    <t>389.0</t>
  </si>
  <si>
    <t>6982.0</t>
  </si>
  <si>
    <t>18500.0</t>
  </si>
  <si>
    <t>7555.0</t>
  </si>
  <si>
    <t>19522.0</t>
  </si>
  <si>
    <t>8127.0</t>
  </si>
  <si>
    <t>20544.0</t>
  </si>
  <si>
    <t>8700.0</t>
  </si>
  <si>
    <t>21567.0</t>
  </si>
  <si>
    <t>9272.0</t>
  </si>
  <si>
    <t>22589.0</t>
  </si>
  <si>
    <t>9845.0</t>
  </si>
  <si>
    <t>12974545.0</t>
  </si>
  <si>
    <t>7247787.0</t>
  </si>
  <si>
    <t>5796432.0</t>
  </si>
  <si>
    <t>16.14</t>
  </si>
  <si>
    <t>21679.0</t>
  </si>
  <si>
    <t>9182.0</t>
  </si>
  <si>
    <t>20770.0</t>
  </si>
  <si>
    <t>19860.0</t>
  </si>
  <si>
    <t>7856.0</t>
  </si>
  <si>
    <t>18951.0</t>
  </si>
  <si>
    <t>7193.0</t>
  </si>
  <si>
    <t>18041.0</t>
  </si>
  <si>
    <t>6530.0</t>
  </si>
  <si>
    <t>17131.0</t>
  </si>
  <si>
    <t>5867.0</t>
  </si>
  <si>
    <t>16222.0</t>
  </si>
  <si>
    <t>13461201.0</t>
  </si>
  <si>
    <t>7403900.0</t>
  </si>
  <si>
    <t>6003539.0</t>
  </si>
  <si>
    <t>16.49</t>
  </si>
  <si>
    <t>13.37</t>
  </si>
  <si>
    <t>15934.0</t>
  </si>
  <si>
    <t>5085.0</t>
  </si>
  <si>
    <t>15646.0</t>
  </si>
  <si>
    <t>4966.0</t>
  </si>
  <si>
    <t>15358.0</t>
  </si>
  <si>
    <t>4847.0</t>
  </si>
  <si>
    <t>15070.0</t>
  </si>
  <si>
    <t>4728.0</t>
  </si>
  <si>
    <t>14783.0</t>
  </si>
  <si>
    <t>4609.0</t>
  </si>
  <si>
    <t>14495.0</t>
  </si>
  <si>
    <t>4491.0</t>
  </si>
  <si>
    <t>14207.0</t>
  </si>
  <si>
    <t>4372.0</t>
  </si>
  <si>
    <t>373991.0</t>
  </si>
  <si>
    <t>13631683.0</t>
  </si>
  <si>
    <t>7456361.0</t>
  </si>
  <si>
    <t>6076272.0</t>
  </si>
  <si>
    <t>16.61</t>
  </si>
  <si>
    <t>13.53</t>
  </si>
  <si>
    <t>12793.0</t>
  </si>
  <si>
    <t>3794.0</t>
  </si>
  <si>
    <t>11378.0</t>
  </si>
  <si>
    <t>3216.0</t>
  </si>
  <si>
    <t>9964.0</t>
  </si>
  <si>
    <t>428324.0</t>
  </si>
  <si>
    <t>2061.0</t>
  </si>
  <si>
    <t>7135.0</t>
  </si>
  <si>
    <t>1483.0</t>
  </si>
  <si>
    <t>5721.0</t>
  </si>
  <si>
    <t>4307.0</t>
  </si>
  <si>
    <t>436274.0</t>
  </si>
  <si>
    <t>230553.0</t>
  </si>
  <si>
    <t>5.219</t>
  </si>
  <si>
    <t>13704895.0</t>
  </si>
  <si>
    <t>7461932.0</t>
  </si>
  <si>
    <t>6110712.0</t>
  </si>
  <si>
    <t>490676.0</t>
  </si>
  <si>
    <t>30.52</t>
  </si>
  <si>
    <t>16.62</t>
  </si>
  <si>
    <t>3900.0</t>
  </si>
  <si>
    <t>1455.0</t>
  </si>
  <si>
    <t>3493.0</t>
  </si>
  <si>
    <t>3711.0</t>
  </si>
  <si>
    <t>2273.0</t>
  </si>
  <si>
    <t>5966.0</t>
  </si>
  <si>
    <t>1460.0</t>
  </si>
  <si>
    <t>8222.0</t>
  </si>
  <si>
    <t>13772044.0</t>
  </si>
  <si>
    <t>7840131.0</t>
  </si>
  <si>
    <t>6481186.0</t>
  </si>
  <si>
    <t>514063.0</t>
  </si>
  <si>
    <t>30.67</t>
  </si>
  <si>
    <t>17.46</t>
  </si>
  <si>
    <t>14.43</t>
  </si>
  <si>
    <t>30513.0</t>
  </si>
  <si>
    <t>680.0</t>
  </si>
  <si>
    <t>7047.0</t>
  </si>
  <si>
    <t>59566.0</t>
  </si>
  <si>
    <t>1327.0</t>
  </si>
  <si>
    <t>88618.0</t>
  </si>
  <si>
    <t>1974.0</t>
  </si>
  <si>
    <t>117671.0</t>
  </si>
  <si>
    <t>3524.0</t>
  </si>
  <si>
    <t>146724.0</t>
  </si>
  <si>
    <t>2349.0</t>
  </si>
  <si>
    <t>175777.0</t>
  </si>
  <si>
    <t>3915.0</t>
  </si>
  <si>
    <t>15205854.0</t>
  </si>
  <si>
    <t>204830.0</t>
  </si>
  <si>
    <t>175569.0</t>
  </si>
  <si>
    <t>146307.0</t>
  </si>
  <si>
    <t>117046.0</t>
  </si>
  <si>
    <t>87784.0</t>
  </si>
  <si>
    <t>58523.0</t>
  </si>
  <si>
    <t>29261.0</t>
  </si>
  <si>
    <t>449.0</t>
  </si>
  <si>
    <t>15267442.0</t>
  </si>
  <si>
    <t>575651.0</t>
  </si>
  <si>
    <t>AND</t>
  </si>
  <si>
    <t>Andorra</t>
  </si>
  <si>
    <t>37.8</t>
  </si>
  <si>
    <t>16.84</t>
  </si>
  <si>
    <t>200.393271795899</t>
  </si>
  <si>
    <t>51.6</t>
  </si>
  <si>
    <t>43.22</t>
  </si>
  <si>
    <t>145.9</t>
  </si>
  <si>
    <t>646.268301541776</t>
  </si>
  <si>
    <t>66.67</t>
  </si>
  <si>
    <t>826.622246158085</t>
  </si>
  <si>
    <t>66.2</t>
  </si>
  <si>
    <t>39.69</t>
  </si>
  <si>
    <t>829.127162055534</t>
  </si>
  <si>
    <t>67.8</t>
  </si>
  <si>
    <t>849.166489235124</t>
  </si>
  <si>
    <t>61.6</t>
  </si>
  <si>
    <t>28.08</t>
  </si>
  <si>
    <t>-24.6</t>
  </si>
  <si>
    <t>771.514096414213</t>
  </si>
  <si>
    <t>45862.0</t>
  </si>
  <si>
    <t>580.282</t>
  </si>
  <si>
    <t>49002.0</t>
  </si>
  <si>
    <t>620.012</t>
  </si>
  <si>
    <t>5.681</t>
  </si>
  <si>
    <t>0.0773</t>
  </si>
  <si>
    <t>6.01</t>
  </si>
  <si>
    <t>0.0731</t>
  </si>
  <si>
    <t>6.352</t>
  </si>
  <si>
    <t>0.0768</t>
  </si>
  <si>
    <t>529.0</t>
  </si>
  <si>
    <t>6.693</t>
  </si>
  <si>
    <t>0.0729</t>
  </si>
  <si>
    <t>7.035</t>
  </si>
  <si>
    <t>0.0699</t>
  </si>
  <si>
    <t>7.377</t>
  </si>
  <si>
    <t>0.0667</t>
  </si>
  <si>
    <t>7.718</t>
  </si>
  <si>
    <t>0.0637</t>
  </si>
  <si>
    <t>15.7</t>
  </si>
  <si>
    <t>53459.0</t>
  </si>
  <si>
    <t>676.405</t>
  </si>
  <si>
    <t>0.0639</t>
  </si>
  <si>
    <t>645.0</t>
  </si>
  <si>
    <t>8.161</t>
  </si>
  <si>
    <t>8.262</t>
  </si>
  <si>
    <t>15.4</t>
  </si>
  <si>
    <t>63.4</t>
  </si>
  <si>
    <t>7.14</t>
  </si>
  <si>
    <t>794.058339491251</t>
  </si>
  <si>
    <t>8.351</t>
  </si>
  <si>
    <t>0.0643</t>
  </si>
  <si>
    <t>8.452</t>
  </si>
  <si>
    <t>0.0586</t>
  </si>
  <si>
    <t>8.553</t>
  </si>
  <si>
    <t>8.655</t>
  </si>
  <si>
    <t>58303.0</t>
  </si>
  <si>
    <t>737.695</t>
  </si>
  <si>
    <t>8.756</t>
  </si>
  <si>
    <t>0.0834</t>
  </si>
  <si>
    <t>719.0</t>
  </si>
  <si>
    <t>9.097</t>
  </si>
  <si>
    <t>0.0803</t>
  </si>
  <si>
    <t>12.5</t>
  </si>
  <si>
    <t>746.0</t>
  </si>
  <si>
    <t>9.439</t>
  </si>
  <si>
    <t>0.0992</t>
  </si>
  <si>
    <t>772.0</t>
  </si>
  <si>
    <t>9.768</t>
  </si>
  <si>
    <t>0.0959</t>
  </si>
  <si>
    <t>799.0</t>
  </si>
  <si>
    <t>10.11</t>
  </si>
  <si>
    <t>10.451</t>
  </si>
  <si>
    <t>10.793</t>
  </si>
  <si>
    <t>64461.0</t>
  </si>
  <si>
    <t>815.611</t>
  </si>
  <si>
    <t>11.134</t>
  </si>
  <si>
    <t>0.1015</t>
  </si>
  <si>
    <t>10.831</t>
  </si>
  <si>
    <t>0.1043</t>
  </si>
  <si>
    <t>9.6</t>
  </si>
  <si>
    <t>10.527</t>
  </si>
  <si>
    <t>0.1068</t>
  </si>
  <si>
    <t>10.236</t>
  </si>
  <si>
    <t>0.1098</t>
  </si>
  <si>
    <t>9.932</t>
  </si>
  <si>
    <t>0.1239</t>
  </si>
  <si>
    <t>9.629</t>
  </si>
  <si>
    <t>0.1278</t>
  </si>
  <si>
    <t>9.325</t>
  </si>
  <si>
    <t>69456.0</t>
  </si>
  <si>
    <t>878.812</t>
  </si>
  <si>
    <t>9.034</t>
  </si>
  <si>
    <t>0.1256</t>
  </si>
  <si>
    <t>0.1086</t>
  </si>
  <si>
    <t>938.0</t>
  </si>
  <si>
    <t>11.868</t>
  </si>
  <si>
    <t>13.285</t>
  </si>
  <si>
    <t>0.0845</t>
  </si>
  <si>
    <t>1162.0</t>
  </si>
  <si>
    <t>14.703</t>
  </si>
  <si>
    <t>0.0813</t>
  </si>
  <si>
    <t>12.3</t>
  </si>
  <si>
    <t>1274.0</t>
  </si>
  <si>
    <t>16.12</t>
  </si>
  <si>
    <t>0.0741</t>
  </si>
  <si>
    <t>1386.0</t>
  </si>
  <si>
    <t>17.537</t>
  </si>
  <si>
    <t>0.0681</t>
  </si>
  <si>
    <t>79945.0</t>
  </si>
  <si>
    <t>1011.527</t>
  </si>
  <si>
    <t>1498.0</t>
  </si>
  <si>
    <t>18.954</t>
  </si>
  <si>
    <t>0.0669</t>
  </si>
  <si>
    <t>1403.0</t>
  </si>
  <si>
    <t>17.752</t>
  </si>
  <si>
    <t>0.0801</t>
  </si>
  <si>
    <t>1308.0</t>
  </si>
  <si>
    <t>0.0771</t>
  </si>
  <si>
    <t>15.348</t>
  </si>
  <si>
    <t>14.146</t>
  </si>
  <si>
    <t>12.944</t>
  </si>
  <si>
    <t>0.1003</t>
  </si>
  <si>
    <t>31.99</t>
  </si>
  <si>
    <t>86.13</t>
  </si>
  <si>
    <t>1089.6384153902</t>
  </si>
  <si>
    <t>928.0</t>
  </si>
  <si>
    <t>11.742</t>
  </si>
  <si>
    <t>0.1212</t>
  </si>
  <si>
    <t>85772.0</t>
  </si>
  <si>
    <t>1085.254</t>
  </si>
  <si>
    <t>0.0967</t>
  </si>
  <si>
    <t>846.0</t>
  </si>
  <si>
    <t>10.704</t>
  </si>
  <si>
    <t>0.0844</t>
  </si>
  <si>
    <t>10.869</t>
  </si>
  <si>
    <t>0.0878</t>
  </si>
  <si>
    <t>11.033</t>
  </si>
  <si>
    <t>0.0931</t>
  </si>
  <si>
    <t>11.198</t>
  </si>
  <si>
    <t>0.0759</t>
  </si>
  <si>
    <t>13.2</t>
  </si>
  <si>
    <t>898.0</t>
  </si>
  <si>
    <t>11.362</t>
  </si>
  <si>
    <t>0.0896</t>
  </si>
  <si>
    <t>911.0</t>
  </si>
  <si>
    <t>11.527</t>
  </si>
  <si>
    <t>92242.0</t>
  </si>
  <si>
    <t>1167.118</t>
  </si>
  <si>
    <t>924.0</t>
  </si>
  <si>
    <t>11.691</t>
  </si>
  <si>
    <t>0.0849</t>
  </si>
  <si>
    <t>900.0</t>
  </si>
  <si>
    <t>11.388</t>
  </si>
  <si>
    <t>11.096</t>
  </si>
  <si>
    <t>0.0806</t>
  </si>
  <si>
    <t>10.489</t>
  </si>
  <si>
    <t>0.1017</t>
  </si>
  <si>
    <t>805.0</t>
  </si>
  <si>
    <t>10.185</t>
  </si>
  <si>
    <t>781.0</t>
  </si>
  <si>
    <t>9.882</t>
  </si>
  <si>
    <t>0.0894</t>
  </si>
  <si>
    <t>97543.0</t>
  </si>
  <si>
    <t>1234.19</t>
  </si>
  <si>
    <t>9.578</t>
  </si>
  <si>
    <t>9.667</t>
  </si>
  <si>
    <t>9.755</t>
  </si>
  <si>
    <t>0.0836</t>
  </si>
  <si>
    <t>9.831</t>
  </si>
  <si>
    <t>0.0827</t>
  </si>
  <si>
    <t>9.92</t>
  </si>
  <si>
    <t>791.0</t>
  </si>
  <si>
    <t>10.008</t>
  </si>
  <si>
    <t>0.0871</t>
  </si>
  <si>
    <t>10.084</t>
  </si>
  <si>
    <t>0.0688</t>
  </si>
  <si>
    <t>103171.0</t>
  </si>
  <si>
    <t>1305.4</t>
  </si>
  <si>
    <t>10.173</t>
  </si>
  <si>
    <t>0.0693</t>
  </si>
  <si>
    <t>10.135</t>
  </si>
  <si>
    <t>0.0713</t>
  </si>
  <si>
    <t>798.0</t>
  </si>
  <si>
    <t>10.097</t>
  </si>
  <si>
    <t>10.059</t>
  </si>
  <si>
    <t>0.0841</t>
  </si>
  <si>
    <t>793.0</t>
  </si>
  <si>
    <t>10.034</t>
  </si>
  <si>
    <t>0.0843</t>
  </si>
  <si>
    <t>9.996</t>
  </si>
  <si>
    <t>787.0</t>
  </si>
  <si>
    <t>9.958</t>
  </si>
  <si>
    <t>108660.0</t>
  </si>
  <si>
    <t>1374.851</t>
  </si>
  <si>
    <t>0.0804</t>
  </si>
  <si>
    <t>79.8</t>
  </si>
  <si>
    <t>26.76</t>
  </si>
  <si>
    <t>-27.48</t>
  </si>
  <si>
    <t>999.461443082049</t>
  </si>
  <si>
    <t>9.224</t>
  </si>
  <si>
    <t>0.0811</t>
  </si>
  <si>
    <t>702.0</t>
  </si>
  <si>
    <t>8.882</t>
  </si>
  <si>
    <t>674.0</t>
  </si>
  <si>
    <t>8.528</t>
  </si>
  <si>
    <t>8.186</t>
  </si>
  <si>
    <t>619.0</t>
  </si>
  <si>
    <t>7.832</t>
  </si>
  <si>
    <t>112802.0</t>
  </si>
  <si>
    <t>1427.259</t>
  </si>
  <si>
    <t>7.301</t>
  </si>
  <si>
    <t>7.111</t>
  </si>
  <si>
    <t>6.934</t>
  </si>
  <si>
    <t>0.0746</t>
  </si>
  <si>
    <t>6.744</t>
  </si>
  <si>
    <t>6.554</t>
  </si>
  <si>
    <t>6.377</t>
  </si>
  <si>
    <t>0.0816</t>
  </si>
  <si>
    <t>116224.0</t>
  </si>
  <si>
    <t>1470.557</t>
  </si>
  <si>
    <t>6.187</t>
  </si>
  <si>
    <t>6.339</t>
  </si>
  <si>
    <t>0.0727</t>
  </si>
  <si>
    <t>513.0</t>
  </si>
  <si>
    <t>6.491</t>
  </si>
  <si>
    <t>0.0791</t>
  </si>
  <si>
    <t>12.6</t>
  </si>
  <si>
    <t>6.643</t>
  </si>
  <si>
    <t>6.795</t>
  </si>
  <si>
    <t>6.946</t>
  </si>
  <si>
    <t>0.0708</t>
  </si>
  <si>
    <t>7.098</t>
  </si>
  <si>
    <t>0.0609</t>
  </si>
  <si>
    <t>120238.0</t>
  </si>
  <si>
    <t>1521.345</t>
  </si>
  <si>
    <t>7.25</t>
  </si>
  <si>
    <t>7.402</t>
  </si>
  <si>
    <t>0.0613</t>
  </si>
  <si>
    <t>7.541</t>
  </si>
  <si>
    <t>607.0</t>
  </si>
  <si>
    <t>7.68</t>
  </si>
  <si>
    <t>7.819</t>
  </si>
  <si>
    <t>7.971</t>
  </si>
  <si>
    <t>8.11</t>
  </si>
  <si>
    <t>0.0544</t>
  </si>
  <si>
    <t>18.4</t>
  </si>
  <si>
    <t>124804.0</t>
  </si>
  <si>
    <t>1579.118</t>
  </si>
  <si>
    <t>0.0598</t>
  </si>
  <si>
    <t>7.794</t>
  </si>
  <si>
    <t>0.0663</t>
  </si>
  <si>
    <t>7.351</t>
  </si>
  <si>
    <t>0.0772</t>
  </si>
  <si>
    <t>6.896</t>
  </si>
  <si>
    <t>89.6</t>
  </si>
  <si>
    <t>31.41</t>
  </si>
  <si>
    <t>1122.20232205704</t>
  </si>
  <si>
    <t>6.44</t>
  </si>
  <si>
    <t>5.985</t>
  </si>
  <si>
    <t>0.1087</t>
  </si>
  <si>
    <t>5.529</t>
  </si>
  <si>
    <t>0.1213</t>
  </si>
  <si>
    <t>8.2</t>
  </si>
  <si>
    <t>127615.0</t>
  </si>
  <si>
    <t>1614.685</t>
  </si>
  <si>
    <t>5.086</t>
  </si>
  <si>
    <t>406.0</t>
  </si>
  <si>
    <t>5.137</t>
  </si>
  <si>
    <t>0.1369</t>
  </si>
  <si>
    <t>0.1269</t>
  </si>
  <si>
    <t>5.264</t>
  </si>
  <si>
    <t>5.327</t>
  </si>
  <si>
    <t>0.1262</t>
  </si>
  <si>
    <t>5.39</t>
  </si>
  <si>
    <t>5.453</t>
  </si>
  <si>
    <t>0.1306</t>
  </si>
  <si>
    <t>130664.0</t>
  </si>
  <si>
    <t>1653.263</t>
  </si>
  <si>
    <t>5.517</t>
  </si>
  <si>
    <t>0.1104</t>
  </si>
  <si>
    <t>5.656</t>
  </si>
  <si>
    <t>5.795</t>
  </si>
  <si>
    <t>469.0</t>
  </si>
  <si>
    <t>5.934</t>
  </si>
  <si>
    <t>6.073</t>
  </si>
  <si>
    <t>6.213</t>
  </si>
  <si>
    <t>0.1315</t>
  </si>
  <si>
    <t>0.1414</t>
  </si>
  <si>
    <t>134259.0</t>
  </si>
  <si>
    <t>1698.75</t>
  </si>
  <si>
    <t>6.504</t>
  </si>
  <si>
    <t>7.237</t>
  </si>
  <si>
    <t>0.1279</t>
  </si>
  <si>
    <t>0.1111</t>
  </si>
  <si>
    <t>8.705</t>
  </si>
  <si>
    <t>0.1061</t>
  </si>
  <si>
    <t>747.0</t>
  </si>
  <si>
    <t>9.452</t>
  </si>
  <si>
    <t>0.0899</t>
  </si>
  <si>
    <t>10.919</t>
  </si>
  <si>
    <t>140711.0</t>
  </si>
  <si>
    <t>1780.386</t>
  </si>
  <si>
    <t>11.666</t>
  </si>
  <si>
    <t>0.0795</t>
  </si>
  <si>
    <t>576.0</t>
  </si>
  <si>
    <t>0.0723</t>
  </si>
  <si>
    <t>10.54</t>
  </si>
  <si>
    <t>9.97</t>
  </si>
  <si>
    <t>0.0725</t>
  </si>
  <si>
    <t>9.414</t>
  </si>
  <si>
    <t>0.0808</t>
  </si>
  <si>
    <t>700.0</t>
  </si>
  <si>
    <t>8.857</t>
  </si>
  <si>
    <t>0.0788</t>
  </si>
  <si>
    <t>8.288</t>
  </si>
  <si>
    <t>0.0846</t>
  </si>
  <si>
    <t>144987.0</t>
  </si>
  <si>
    <t>1834.489</t>
  </si>
  <si>
    <t>7.731</t>
  </si>
  <si>
    <t>0.0879</t>
  </si>
  <si>
    <t>7.554</t>
  </si>
  <si>
    <t>0.0907</t>
  </si>
  <si>
    <t>584.0</t>
  </si>
  <si>
    <t>7.389</t>
  </si>
  <si>
    <t>0.0866</t>
  </si>
  <si>
    <t>7.225</t>
  </si>
  <si>
    <t>7.048</t>
  </si>
  <si>
    <t>0.0859</t>
  </si>
  <si>
    <t>6.883</t>
  </si>
  <si>
    <t>530.0</t>
  </si>
  <si>
    <t>6.706</t>
  </si>
  <si>
    <t>148604.0</t>
  </si>
  <si>
    <t>1880.254</t>
  </si>
  <si>
    <t>6.541</t>
  </si>
  <si>
    <t>0.0837</t>
  </si>
  <si>
    <t>6.63</t>
  </si>
  <si>
    <t>6.719</t>
  </si>
  <si>
    <t>6.82</t>
  </si>
  <si>
    <t>0.0673</t>
  </si>
  <si>
    <t>6.908</t>
  </si>
  <si>
    <t>6.997</t>
  </si>
  <si>
    <t>7.086</t>
  </si>
  <si>
    <t>152578.0</t>
  </si>
  <si>
    <t>1930.536</t>
  </si>
  <si>
    <t>7.187</t>
  </si>
  <si>
    <t>0.0661</t>
  </si>
  <si>
    <t>6.769</t>
  </si>
  <si>
    <t>0.0649</t>
  </si>
  <si>
    <t>1177.0</t>
  </si>
  <si>
    <t>6.364</t>
  </si>
  <si>
    <t>0.0656</t>
  </si>
  <si>
    <t>15.2</t>
  </si>
  <si>
    <t>5.947</t>
  </si>
  <si>
    <t>0.0666</t>
  </si>
  <si>
    <t>5.542</t>
  </si>
  <si>
    <t>2141.0</t>
  </si>
  <si>
    <t>5.124</t>
  </si>
  <si>
    <t>0.0737</t>
  </si>
  <si>
    <t>4.719</t>
  </si>
  <si>
    <t>154962.0</t>
  </si>
  <si>
    <t>1960.7</t>
  </si>
  <si>
    <t>4.315</t>
  </si>
  <si>
    <t>0.0792</t>
  </si>
  <si>
    <t>0.0742</t>
  </si>
  <si>
    <t>2526.0</t>
  </si>
  <si>
    <t>3.16</t>
  </si>
  <si>
    <t>4.327</t>
  </si>
  <si>
    <t>0.0698</t>
  </si>
  <si>
    <t>902.0</t>
  </si>
  <si>
    <t>157356.0</t>
  </si>
  <si>
    <t>1990.991</t>
  </si>
  <si>
    <t>1002.0</t>
  </si>
  <si>
    <t>4.302</t>
  </si>
  <si>
    <t>0.0744</t>
  </si>
  <si>
    <t>1290.0</t>
  </si>
  <si>
    <t>4.289</t>
  </si>
  <si>
    <t>0.0716</t>
  </si>
  <si>
    <t>159725.0</t>
  </si>
  <si>
    <t>2020.966</t>
  </si>
  <si>
    <t>4.277</t>
  </si>
  <si>
    <t>0.0761</t>
  </si>
  <si>
    <t>3611.0</t>
  </si>
  <si>
    <t>2439.0</t>
  </si>
  <si>
    <t>4.52</t>
  </si>
  <si>
    <t>0.0765</t>
  </si>
  <si>
    <t>2330.0</t>
  </si>
  <si>
    <t>4.264</t>
  </si>
  <si>
    <t>3650.0</t>
  </si>
  <si>
    <t>3306.0</t>
  </si>
  <si>
    <t>0.0653</t>
  </si>
  <si>
    <t>4346.0</t>
  </si>
  <si>
    <t>0.343</t>
  </si>
  <si>
    <t>0.0852</t>
  </si>
  <si>
    <t>11.7</t>
  </si>
  <si>
    <t>5386.0</t>
  </si>
  <si>
    <t>4.251</t>
  </si>
  <si>
    <t>0.0889</t>
  </si>
  <si>
    <t>6425.0</t>
  </si>
  <si>
    <t>0.589</t>
  </si>
  <si>
    <t>7465.0</t>
  </si>
  <si>
    <t>162071.0</t>
  </si>
  <si>
    <t>2050.649</t>
  </si>
  <si>
    <t>4.239</t>
  </si>
  <si>
    <t>0.0938</t>
  </si>
  <si>
    <t>8363.0</t>
  </si>
  <si>
    <t>7098.0</t>
  </si>
  <si>
    <t>1265.0</t>
  </si>
  <si>
    <t>8.89</t>
  </si>
  <si>
    <t>8504.0</t>
  </si>
  <si>
    <t>0.0966</t>
  </si>
  <si>
    <t>7753.0</t>
  </si>
  <si>
    <t>0.748</t>
  </si>
  <si>
    <t>4.365</t>
  </si>
  <si>
    <t>7001.0</t>
  </si>
  <si>
    <t>350.0</t>
  </si>
  <si>
    <t>0.1073</t>
  </si>
  <si>
    <t>493.0</t>
  </si>
  <si>
    <t>4.492</t>
  </si>
  <si>
    <t>0.0934</t>
  </si>
  <si>
    <t>9288.0</t>
  </si>
  <si>
    <t>11.63</t>
  </si>
  <si>
    <t>0.462</t>
  </si>
  <si>
    <t>4.555</t>
  </si>
  <si>
    <t>0.1004</t>
  </si>
  <si>
    <t>0.361</t>
  </si>
  <si>
    <t>4.631</t>
  </si>
  <si>
    <t>3595.0</t>
  </si>
  <si>
    <t>0.261</t>
  </si>
  <si>
    <t>164665.0</t>
  </si>
  <si>
    <t>2083.47</t>
  </si>
  <si>
    <t>4.694</t>
  </si>
  <si>
    <t>0.0986</t>
  </si>
  <si>
    <t>4.947</t>
  </si>
  <si>
    <t>0.0994</t>
  </si>
  <si>
    <t>2655.0</t>
  </si>
  <si>
    <t>5.706</t>
  </si>
  <si>
    <t>0.0953</t>
  </si>
  <si>
    <t>2467.0</t>
  </si>
  <si>
    <t>5.959</t>
  </si>
  <si>
    <t>0.0995</t>
  </si>
  <si>
    <t>0.0969</t>
  </si>
  <si>
    <t>168244.0</t>
  </si>
  <si>
    <t>2128.755</t>
  </si>
  <si>
    <t>6.466</t>
  </si>
  <si>
    <t>0.1001</t>
  </si>
  <si>
    <t>6.288</t>
  </si>
  <si>
    <t>0.1069</t>
  </si>
  <si>
    <t>0.1065</t>
  </si>
  <si>
    <t>6.124</t>
  </si>
  <si>
    <t>6.035</t>
  </si>
  <si>
    <t>0.1093</t>
  </si>
  <si>
    <t>0.1158</t>
  </si>
  <si>
    <t>171485.0</t>
  </si>
  <si>
    <t>2169.762</t>
  </si>
  <si>
    <t>5.858</t>
  </si>
  <si>
    <t>0.1228</t>
  </si>
  <si>
    <t>15269.0</t>
  </si>
  <si>
    <t>9781.0</t>
  </si>
  <si>
    <t>4484.0</t>
  </si>
  <si>
    <t>2829.0</t>
  </si>
  <si>
    <t>19.12</t>
  </si>
  <si>
    <t>12.25</t>
  </si>
  <si>
    <t>5.62</t>
  </si>
  <si>
    <t>444.0</t>
  </si>
  <si>
    <t>5.618</t>
  </si>
  <si>
    <t>0.1236</t>
  </si>
  <si>
    <t>7364.0</t>
  </si>
  <si>
    <t>5.377</t>
  </si>
  <si>
    <t>0.1187</t>
  </si>
  <si>
    <t>7552.0</t>
  </si>
  <si>
    <t>0.1253</t>
  </si>
  <si>
    <t>4.897</t>
  </si>
  <si>
    <t>0.1259</t>
  </si>
  <si>
    <t>543.0</t>
  </si>
  <si>
    <t>4.644</t>
  </si>
  <si>
    <t>0.1257</t>
  </si>
  <si>
    <t>649.0</t>
  </si>
  <si>
    <t>8128.0</t>
  </si>
  <si>
    <t>4.403</t>
  </si>
  <si>
    <t>0.1289</t>
  </si>
  <si>
    <t>17091.0</t>
  </si>
  <si>
    <t>8316.0</t>
  </si>
  <si>
    <t>750.0</t>
  </si>
  <si>
    <t>173789.0</t>
  </si>
  <si>
    <t>2198.914</t>
  </si>
  <si>
    <t>4.163</t>
  </si>
  <si>
    <t>0.1281</t>
  </si>
  <si>
    <t>19064.0</t>
  </si>
  <si>
    <t>1973.0</t>
  </si>
  <si>
    <t>4.416</t>
  </si>
  <si>
    <t>0.1171</t>
  </si>
  <si>
    <t>4.669</t>
  </si>
  <si>
    <t>0.1076</t>
  </si>
  <si>
    <t>4.935</t>
  </si>
  <si>
    <t>10796.0</t>
  </si>
  <si>
    <t>5.188</t>
  </si>
  <si>
    <t>0.0892</t>
  </si>
  <si>
    <t>969.0</t>
  </si>
  <si>
    <t>12136.0</t>
  </si>
  <si>
    <t>5.441</t>
  </si>
  <si>
    <t>13464.0</t>
  </si>
  <si>
    <t>450.0</t>
  </si>
  <si>
    <t>5.694</t>
  </si>
  <si>
    <t>0.0825</t>
  </si>
  <si>
    <t>1182.0</t>
  </si>
  <si>
    <t>14804.0</t>
  </si>
  <si>
    <t>177079.0</t>
  </si>
  <si>
    <t>2240.542</t>
  </si>
  <si>
    <t>26414.0</t>
  </si>
  <si>
    <t>21733.0</t>
  </si>
  <si>
    <t>4681.0</t>
  </si>
  <si>
    <t>33.08</t>
  </si>
  <si>
    <t>13151.0</t>
  </si>
  <si>
    <t>0.0782</t>
  </si>
  <si>
    <t>11811.0</t>
  </si>
  <si>
    <t>6.086</t>
  </si>
  <si>
    <t>10458.0</t>
  </si>
  <si>
    <t>695.0</t>
  </si>
  <si>
    <t>6.149</t>
  </si>
  <si>
    <t>0.0885</t>
  </si>
  <si>
    <t>728.0</t>
  </si>
  <si>
    <t>9118.0</t>
  </si>
  <si>
    <t>0.772</t>
  </si>
  <si>
    <t>492.0</t>
  </si>
  <si>
    <t>6.225</t>
  </si>
  <si>
    <t>0.0857</t>
  </si>
  <si>
    <t>7778.0</t>
  </si>
  <si>
    <t>536.0</t>
  </si>
  <si>
    <t>180633.0</t>
  </si>
  <si>
    <t>2285.51</t>
  </si>
  <si>
    <t>508.0</t>
  </si>
  <si>
    <t>6.428</t>
  </si>
  <si>
    <t>28503.0</t>
  </si>
  <si>
    <t>23822.0</t>
  </si>
  <si>
    <t>35.7</t>
  </si>
  <si>
    <t>29.84</t>
  </si>
  <si>
    <t>0.373</t>
  </si>
  <si>
    <t>6.238</t>
  </si>
  <si>
    <t>263.0</t>
  </si>
  <si>
    <t>6.061</t>
  </si>
  <si>
    <t>0.0689</t>
  </si>
  <si>
    <t>2868.0</t>
  </si>
  <si>
    <t>5.871</t>
  </si>
  <si>
    <t>2430.0</t>
  </si>
  <si>
    <t>5.504</t>
  </si>
  <si>
    <t>0.0683</t>
  </si>
  <si>
    <t>1553.0</t>
  </si>
  <si>
    <t>183476.0</t>
  </si>
  <si>
    <t>2321.482</t>
  </si>
  <si>
    <t>28881.0</t>
  </si>
  <si>
    <t>24182.0</t>
  </si>
  <si>
    <t>4699.0</t>
  </si>
  <si>
    <t>36.17</t>
  </si>
  <si>
    <t>30.29</t>
  </si>
  <si>
    <t>5.112</t>
  </si>
  <si>
    <t>5.074</t>
  </si>
  <si>
    <t>0.0684</t>
  </si>
  <si>
    <t>5.036</t>
  </si>
  <si>
    <t>0.248</t>
  </si>
  <si>
    <t>5.011</t>
  </si>
  <si>
    <t>3106.0</t>
  </si>
  <si>
    <t>393.0</t>
  </si>
  <si>
    <t>4.973</t>
  </si>
  <si>
    <t>0.0632</t>
  </si>
  <si>
    <t>0.369</t>
  </si>
  <si>
    <t>0.0516</t>
  </si>
  <si>
    <t>19.4</t>
  </si>
  <si>
    <t>4321.0</t>
  </si>
  <si>
    <t>0.431</t>
  </si>
  <si>
    <t>186191.0</t>
  </si>
  <si>
    <t>2355.834</t>
  </si>
  <si>
    <t>4.909</t>
  </si>
  <si>
    <t>31633.0</t>
  </si>
  <si>
    <t>26931.0</t>
  </si>
  <si>
    <t>4702.0</t>
  </si>
  <si>
    <t>4922.0</t>
  </si>
  <si>
    <t>4.745</t>
  </si>
  <si>
    <t>0.0499</t>
  </si>
  <si>
    <t>4396.0</t>
  </si>
  <si>
    <t>4.58</t>
  </si>
  <si>
    <t>0.0513</t>
  </si>
  <si>
    <t>309.0</t>
  </si>
  <si>
    <t>3870.0</t>
  </si>
  <si>
    <t>0.386</t>
  </si>
  <si>
    <t>0.0437</t>
  </si>
  <si>
    <t>0.0509</t>
  </si>
  <si>
    <t>0.0459</t>
  </si>
  <si>
    <t>2279.0</t>
  </si>
  <si>
    <t>3.935</t>
  </si>
  <si>
    <t>1753.0</t>
  </si>
  <si>
    <t>188280.0</t>
  </si>
  <si>
    <t>2382.266</t>
  </si>
  <si>
    <t>3.771</t>
  </si>
  <si>
    <t>0.0604</t>
  </si>
  <si>
    <t>32317.0</t>
  </si>
  <si>
    <t>27613.0</t>
  </si>
  <si>
    <t>4704.0</t>
  </si>
  <si>
    <t>40.48</t>
  </si>
  <si>
    <t>34.58</t>
  </si>
  <si>
    <t>3.796</t>
  </si>
  <si>
    <t>0.0581</t>
  </si>
  <si>
    <t>1503.0</t>
  </si>
  <si>
    <t>84.0</t>
  </si>
  <si>
    <t>303.0</t>
  </si>
  <si>
    <t>3.834</t>
  </si>
  <si>
    <t>1791.0</t>
  </si>
  <si>
    <t>3.859</t>
  </si>
  <si>
    <t>3.884</t>
  </si>
  <si>
    <t>0.0275</t>
  </si>
  <si>
    <t>36.4</t>
  </si>
  <si>
    <t>3.91</t>
  </si>
  <si>
    <t>0.0273</t>
  </si>
  <si>
    <t>36.7</t>
  </si>
  <si>
    <t>0.0271</t>
  </si>
  <si>
    <t>36.9</t>
  </si>
  <si>
    <t>2409.963</t>
  </si>
  <si>
    <t>0.0064</t>
  </si>
  <si>
    <t>156.5</t>
  </si>
  <si>
    <t>3219.0</t>
  </si>
  <si>
    <t>3.745</t>
  </si>
  <si>
    <t>0.0458</t>
  </si>
  <si>
    <t>3.543</t>
  </si>
  <si>
    <t>3.34</t>
  </si>
  <si>
    <t>0.0611</t>
  </si>
  <si>
    <t>3.125</t>
  </si>
  <si>
    <t>0.0717</t>
  </si>
  <si>
    <t>2.923</t>
  </si>
  <si>
    <t>0.0767</t>
  </si>
  <si>
    <t>191856.0</t>
  </si>
  <si>
    <t>2427.512</t>
  </si>
  <si>
    <t>2.505</t>
  </si>
  <si>
    <t>8303.0</t>
  </si>
  <si>
    <t>44.98</t>
  </si>
  <si>
    <t>2.594</t>
  </si>
  <si>
    <t>334.0</t>
  </si>
  <si>
    <t>4183.0</t>
  </si>
  <si>
    <t>2.682</t>
  </si>
  <si>
    <t>0.0492</t>
  </si>
  <si>
    <t>2.784</t>
  </si>
  <si>
    <t>0.0455</t>
  </si>
  <si>
    <t>487.0</t>
  </si>
  <si>
    <t>6099.0</t>
  </si>
  <si>
    <t>2.872</t>
  </si>
  <si>
    <t>0.0409</t>
  </si>
  <si>
    <t>7064.0</t>
  </si>
  <si>
    <t>2.961</t>
  </si>
  <si>
    <t>0.0397</t>
  </si>
  <si>
    <t>3.049</t>
  </si>
  <si>
    <t>0.0385</t>
  </si>
  <si>
    <t>8980.0</t>
  </si>
  <si>
    <t>193594.0</t>
  </si>
  <si>
    <t>2449.503</t>
  </si>
  <si>
    <t>3.138</t>
  </si>
  <si>
    <t>0.0288</t>
  </si>
  <si>
    <t>34.7</t>
  </si>
  <si>
    <t>41473.0</t>
  </si>
  <si>
    <t>30535.0</t>
  </si>
  <si>
    <t>10938.0</t>
  </si>
  <si>
    <t>794.0</t>
  </si>
  <si>
    <t>51.94</t>
  </si>
  <si>
    <t>9945.0</t>
  </si>
  <si>
    <t>0.522</t>
  </si>
  <si>
    <t>2.999</t>
  </si>
  <si>
    <t>0.0313</t>
  </si>
  <si>
    <t>10984.0</t>
  </si>
  <si>
    <t>0.554</t>
  </si>
  <si>
    <t>0.0297</t>
  </si>
  <si>
    <t>12024.0</t>
  </si>
  <si>
    <t>0.584</t>
  </si>
  <si>
    <t>2.708</t>
  </si>
  <si>
    <t>13063.0</t>
  </si>
  <si>
    <t>2.569</t>
  </si>
  <si>
    <t>0.0387</t>
  </si>
  <si>
    <t>25.8</t>
  </si>
  <si>
    <t>0.644</t>
  </si>
  <si>
    <t>2.417</t>
  </si>
  <si>
    <t>15155.0</t>
  </si>
  <si>
    <t>194606.0</t>
  </si>
  <si>
    <t>2462.307</t>
  </si>
  <si>
    <t>2.278</t>
  </si>
  <si>
    <t>1293.0</t>
  </si>
  <si>
    <t>0.705</t>
  </si>
  <si>
    <t>2.075</t>
  </si>
  <si>
    <t>0.0427</t>
  </si>
  <si>
    <t>51107.0</t>
  </si>
  <si>
    <t>34646.0</t>
  </si>
  <si>
    <t>16416.0</t>
  </si>
  <si>
    <t>1376.0</t>
  </si>
  <si>
    <t>64.01</t>
  </si>
  <si>
    <t>43.39</t>
  </si>
  <si>
    <t>20.56</t>
  </si>
  <si>
    <t>17234.0</t>
  </si>
  <si>
    <t>2.024</t>
  </si>
  <si>
    <t>1428.0</t>
  </si>
  <si>
    <t>17885.0</t>
  </si>
  <si>
    <t>1.974</t>
  </si>
  <si>
    <t>0.0412</t>
  </si>
  <si>
    <t>18524.0</t>
  </si>
  <si>
    <t>1.911</t>
  </si>
  <si>
    <t>0.0322</t>
  </si>
  <si>
    <t>31.1</t>
  </si>
  <si>
    <t>19175.0</t>
  </si>
  <si>
    <t>0.0282</t>
  </si>
  <si>
    <t>1582.0</t>
  </si>
  <si>
    <t>19814.0</t>
  </si>
  <si>
    <t>580.0</t>
  </si>
  <si>
    <t>0.726</t>
  </si>
  <si>
    <t>1.809</t>
  </si>
  <si>
    <t>34.5</t>
  </si>
  <si>
    <t>1634.0</t>
  </si>
  <si>
    <t>20465.0</t>
  </si>
  <si>
    <t>0.724</t>
  </si>
  <si>
    <t>1.746</t>
  </si>
  <si>
    <t>1685.0</t>
  </si>
  <si>
    <t>21104.0</t>
  </si>
  <si>
    <t>195713.0</t>
  </si>
  <si>
    <t>2476.314</t>
  </si>
  <si>
    <t>0.0393</t>
  </si>
  <si>
    <t>25.4</t>
  </si>
  <si>
    <t>63265.0</t>
  </si>
  <si>
    <t>38667.0</t>
  </si>
  <si>
    <t>24598.0</t>
  </si>
  <si>
    <t>1737.0</t>
  </si>
  <si>
    <t>79.24</t>
  </si>
  <si>
    <t>48.43</t>
  </si>
  <si>
    <t>21755.0</t>
  </si>
  <si>
    <t>0.719</t>
  </si>
  <si>
    <t>1.771</t>
  </si>
  <si>
    <t>1592.0</t>
  </si>
  <si>
    <t>19939.0</t>
  </si>
  <si>
    <t>1.797</t>
  </si>
  <si>
    <t>0.0372</t>
  </si>
  <si>
    <t>1447.0</t>
  </si>
  <si>
    <t>18123.0</t>
  </si>
  <si>
    <t>1.835</t>
  </si>
  <si>
    <t>16320.0</t>
  </si>
  <si>
    <t>0.645</t>
  </si>
  <si>
    <t>0.0389</t>
  </si>
  <si>
    <t>25.7</t>
  </si>
  <si>
    <t>1158.0</t>
  </si>
  <si>
    <t>14503.0</t>
  </si>
  <si>
    <t>495.0</t>
  </si>
  <si>
    <t>1.885</t>
  </si>
  <si>
    <t>12687.0</t>
  </si>
  <si>
    <t>0.595</t>
  </si>
  <si>
    <t>26.4</t>
  </si>
  <si>
    <t>10871.0</t>
  </si>
  <si>
    <t>196782.0</t>
  </si>
  <si>
    <t>2489.84</t>
  </si>
  <si>
    <t>1.936</t>
  </si>
  <si>
    <t>0.0168</t>
  </si>
  <si>
    <t>59.5</t>
  </si>
  <si>
    <t>68329.0</t>
  </si>
  <si>
    <t>41716.0</t>
  </si>
  <si>
    <t>26613.0</t>
  </si>
  <si>
    <t>85.58</t>
  </si>
  <si>
    <t>33.33</t>
  </si>
  <si>
    <t>1.986</t>
  </si>
  <si>
    <t>0.0328</t>
  </si>
  <si>
    <t>7978.0</t>
  </si>
  <si>
    <t>0.485</t>
  </si>
  <si>
    <t>2.037</t>
  </si>
  <si>
    <t>0.0337</t>
  </si>
  <si>
    <t>6901.0</t>
  </si>
  <si>
    <t>2.088</t>
  </si>
  <si>
    <t>465.0</t>
  </si>
  <si>
    <t>5824.0</t>
  </si>
  <si>
    <t>2.138</t>
  </si>
  <si>
    <t>4747.0</t>
  </si>
  <si>
    <t>2.202</t>
  </si>
  <si>
    <t>0.0296</t>
  </si>
  <si>
    <t>3670.0</t>
  </si>
  <si>
    <t>0.238</t>
  </si>
  <si>
    <t>2.252</t>
  </si>
  <si>
    <t>0.0289</t>
  </si>
  <si>
    <t>34.6</t>
  </si>
  <si>
    <t>198055.0</t>
  </si>
  <si>
    <t>2505.947</t>
  </si>
  <si>
    <t>2.303</t>
  </si>
  <si>
    <t>0.0283</t>
  </si>
  <si>
    <t>35.4</t>
  </si>
  <si>
    <t>0.0677</t>
  </si>
  <si>
    <t>2.556</t>
  </si>
  <si>
    <t>0.0778</t>
  </si>
  <si>
    <t>2.695</t>
  </si>
  <si>
    <t>2.822</t>
  </si>
  <si>
    <t>0.1006</t>
  </si>
  <si>
    <t>2.948</t>
  </si>
  <si>
    <t>0.0963</t>
  </si>
  <si>
    <t>199577.0</t>
  </si>
  <si>
    <t>2525.204</t>
  </si>
  <si>
    <t>3.075</t>
  </si>
  <si>
    <t>0.0923</t>
  </si>
  <si>
    <t>0.1382</t>
  </si>
  <si>
    <t>70018.0</t>
  </si>
  <si>
    <t>43008.0</t>
  </si>
  <si>
    <t>27010.0</t>
  </si>
  <si>
    <t>87.69</t>
  </si>
  <si>
    <t>53.87</t>
  </si>
  <si>
    <t>33.83</t>
  </si>
  <si>
    <t>2.986</t>
  </si>
  <si>
    <t>4446.0</t>
  </si>
  <si>
    <t>2.885</t>
  </si>
  <si>
    <t>0.0915</t>
  </si>
  <si>
    <t>589.0</t>
  </si>
  <si>
    <t>7377.0</t>
  </si>
  <si>
    <t>10320.0</t>
  </si>
  <si>
    <t>386.0</t>
  </si>
  <si>
    <t>2.657</t>
  </si>
  <si>
    <t>13251.0</t>
  </si>
  <si>
    <t>1527.0</t>
  </si>
  <si>
    <t>19125.0</t>
  </si>
  <si>
    <t>201122.0</t>
  </si>
  <si>
    <t>2544.753</t>
  </si>
  <si>
    <t>82349.0</t>
  </si>
  <si>
    <t>48445.0</t>
  </si>
  <si>
    <t>33904.0</t>
  </si>
  <si>
    <t>103.14</t>
  </si>
  <si>
    <t>60.68</t>
  </si>
  <si>
    <t>22068.0</t>
  </si>
  <si>
    <t>0.1545</t>
  </si>
  <si>
    <t>1554.0</t>
  </si>
  <si>
    <t>19463.0</t>
  </si>
  <si>
    <t>0.865</t>
  </si>
  <si>
    <t>16858.0</t>
  </si>
  <si>
    <t>2.543</t>
  </si>
  <si>
    <t>0.1599</t>
  </si>
  <si>
    <t>14253.0</t>
  </si>
  <si>
    <t>0.1583</t>
  </si>
  <si>
    <t>11648.0</t>
  </si>
  <si>
    <t>434.0</t>
  </si>
  <si>
    <t>2.606</t>
  </si>
  <si>
    <t>9030.0</t>
  </si>
  <si>
    <t>2.632</t>
  </si>
  <si>
    <t>2.67</t>
  </si>
  <si>
    <t>0.1476</t>
  </si>
  <si>
    <t>3820.0</t>
  </si>
  <si>
    <t>202809.0</t>
  </si>
  <si>
    <t>2566.098</t>
  </si>
  <si>
    <t>0.1303</t>
  </si>
  <si>
    <t>0.1123</t>
  </si>
  <si>
    <t>3.264</t>
  </si>
  <si>
    <t>0.0997</t>
  </si>
  <si>
    <t>3.467</t>
  </si>
  <si>
    <t>3.669</t>
  </si>
  <si>
    <t>0.0887</t>
  </si>
  <si>
    <t>86320.0</t>
  </si>
  <si>
    <t>50747.0</t>
  </si>
  <si>
    <t>35573.0</t>
  </si>
  <si>
    <t>108.11</t>
  </si>
  <si>
    <t>63.56</t>
  </si>
  <si>
    <t>44.55</t>
  </si>
  <si>
    <t>204740.0</t>
  </si>
  <si>
    <t>2590.531</t>
  </si>
  <si>
    <t>3.872</t>
  </si>
  <si>
    <t>0.0794</t>
  </si>
  <si>
    <t>3958.0</t>
  </si>
  <si>
    <t>4096.0</t>
  </si>
  <si>
    <t>0.1039</t>
  </si>
  <si>
    <t>4233.0</t>
  </si>
  <si>
    <t>4371.0</t>
  </si>
  <si>
    <t>3.062</t>
  </si>
  <si>
    <t>0.0933</t>
  </si>
  <si>
    <t>4647.0</t>
  </si>
  <si>
    <t>4772.0</t>
  </si>
  <si>
    <t>206208.0</t>
  </si>
  <si>
    <t>2609.105</t>
  </si>
  <si>
    <t>0.0605</t>
  </si>
  <si>
    <t>2.531</t>
  </si>
  <si>
    <t>0.0671</t>
  </si>
  <si>
    <t>0.0722</t>
  </si>
  <si>
    <t>0.0658</t>
  </si>
  <si>
    <t>2.353</t>
  </si>
  <si>
    <t>0.0676</t>
  </si>
  <si>
    <t>0.0691</t>
  </si>
  <si>
    <t>91660.0</t>
  </si>
  <si>
    <t>51044.0</t>
  </si>
  <si>
    <t>40616.0</t>
  </si>
  <si>
    <t>114.8</t>
  </si>
  <si>
    <t>63.93</t>
  </si>
  <si>
    <t>50.87</t>
  </si>
  <si>
    <t>207446.0</t>
  </si>
  <si>
    <t>2624.769</t>
  </si>
  <si>
    <t>2.227</t>
  </si>
  <si>
    <t>0.0706</t>
  </si>
  <si>
    <t>4496.0</t>
  </si>
  <si>
    <t>4359.0</t>
  </si>
  <si>
    <t>2.189</t>
  </si>
  <si>
    <t>0.0603</t>
  </si>
  <si>
    <t>4221.0</t>
  </si>
  <si>
    <t>2.176</t>
  </si>
  <si>
    <t>0.0532</t>
  </si>
  <si>
    <t>18.8</t>
  </si>
  <si>
    <t>101.0</t>
  </si>
  <si>
    <t>2.151</t>
  </si>
  <si>
    <t>0.0538</t>
  </si>
  <si>
    <t>3945.0</t>
  </si>
  <si>
    <t>0.0541</t>
  </si>
  <si>
    <t>3807.0</t>
  </si>
  <si>
    <t>208619.0</t>
  </si>
  <si>
    <t>2639.611</t>
  </si>
  <si>
    <t>2.126</t>
  </si>
  <si>
    <t>0.0366</t>
  </si>
  <si>
    <t>27.3</t>
  </si>
  <si>
    <t>0.0323</t>
  </si>
  <si>
    <t>2.113</t>
  </si>
  <si>
    <t>0.0299</t>
  </si>
  <si>
    <t>33.4</t>
  </si>
  <si>
    <t>209623.0</t>
  </si>
  <si>
    <t>2652.314</t>
  </si>
  <si>
    <t>95918.0</t>
  </si>
  <si>
    <t>52910.0</t>
  </si>
  <si>
    <t>120.13</t>
  </si>
  <si>
    <t>66.27</t>
  </si>
  <si>
    <t>38.5</t>
  </si>
  <si>
    <t>3657.0</t>
  </si>
  <si>
    <t>38.3</t>
  </si>
  <si>
    <t>0.0321</t>
  </si>
  <si>
    <t>3194.0</t>
  </si>
  <si>
    <t>1.999</t>
  </si>
  <si>
    <t>3043.0</t>
  </si>
  <si>
    <t>2893.0</t>
  </si>
  <si>
    <t>1.949</t>
  </si>
  <si>
    <t>0.0278</t>
  </si>
  <si>
    <t>35.9</t>
  </si>
  <si>
    <t>210856.0</t>
  </si>
  <si>
    <t>2667.915</t>
  </si>
  <si>
    <t>0.0345</t>
  </si>
  <si>
    <t>1.923</t>
  </si>
  <si>
    <t>0.0226</t>
  </si>
  <si>
    <t>44.3</t>
  </si>
  <si>
    <t>0.0246</t>
  </si>
  <si>
    <t>1.898</t>
  </si>
  <si>
    <t>0.0267</t>
  </si>
  <si>
    <t>0.0268</t>
  </si>
  <si>
    <t>37.2</t>
  </si>
  <si>
    <t>1.873</t>
  </si>
  <si>
    <t>211883.0</t>
  </si>
  <si>
    <t>2680.909</t>
  </si>
  <si>
    <t>0.0262</t>
  </si>
  <si>
    <t>38.1</t>
  </si>
  <si>
    <t>27.6</t>
  </si>
  <si>
    <t>0.0331</t>
  </si>
  <si>
    <t>1.961</t>
  </si>
  <si>
    <t>0.0375</t>
  </si>
  <si>
    <t>212987.0</t>
  </si>
  <si>
    <t>2694.878</t>
  </si>
  <si>
    <t>0.0398</t>
  </si>
  <si>
    <t>2708.885</t>
  </si>
  <si>
    <t>2.29</t>
  </si>
  <si>
    <t>0.0339</t>
  </si>
  <si>
    <t>29.5</t>
  </si>
  <si>
    <t>102032.0</t>
  </si>
  <si>
    <t>54312.0</t>
  </si>
  <si>
    <t>47720.0</t>
  </si>
  <si>
    <t>127.79</t>
  </si>
  <si>
    <t>68.02</t>
  </si>
  <si>
    <t>59.77</t>
  </si>
  <si>
    <t>2.366</t>
  </si>
  <si>
    <t>2.404</t>
  </si>
  <si>
    <t>0.0391</t>
  </si>
  <si>
    <t>2292.0</t>
  </si>
  <si>
    <t>2067.0</t>
  </si>
  <si>
    <t>0.0481</t>
  </si>
  <si>
    <t>20.8</t>
  </si>
  <si>
    <t>2.518</t>
  </si>
  <si>
    <t>1628.0</t>
  </si>
  <si>
    <t>102692.0</t>
  </si>
  <si>
    <t>54383.0</t>
  </si>
  <si>
    <t>48309.0</t>
  </si>
  <si>
    <t>128.62</t>
  </si>
  <si>
    <t>68.11</t>
  </si>
  <si>
    <t>60.5</t>
  </si>
  <si>
    <t>215733.0</t>
  </si>
  <si>
    <t>2729.623</t>
  </si>
  <si>
    <t>2.619</t>
  </si>
  <si>
    <t>0.0545</t>
  </si>
  <si>
    <t>1077.0</t>
  </si>
  <si>
    <t>19.6</t>
  </si>
  <si>
    <t>0.0445</t>
  </si>
  <si>
    <t>2.746</t>
  </si>
  <si>
    <t>0.0454</t>
  </si>
  <si>
    <t>22.2</t>
  </si>
  <si>
    <t>217286.0</t>
  </si>
  <si>
    <t>2749.272</t>
  </si>
  <si>
    <t>2.809</t>
  </si>
  <si>
    <t>2.758</t>
  </si>
  <si>
    <t>0.0236</t>
  </si>
  <si>
    <t>42.4</t>
  </si>
  <si>
    <t>2.644</t>
  </si>
  <si>
    <t>2.581</t>
  </si>
  <si>
    <t>0.0329</t>
  </si>
  <si>
    <t>0.0336</t>
  </si>
  <si>
    <t>29.8</t>
  </si>
  <si>
    <t>29.2</t>
  </si>
  <si>
    <t>218626.0</t>
  </si>
  <si>
    <t>2766.227</t>
  </si>
  <si>
    <t>0.0449</t>
  </si>
  <si>
    <t>0.0438</t>
  </si>
  <si>
    <t>0.0359</t>
  </si>
  <si>
    <t>27.9</t>
  </si>
  <si>
    <t>0.0405</t>
  </si>
  <si>
    <t>24.7</t>
  </si>
  <si>
    <t>3.087</t>
  </si>
  <si>
    <t>3.214</t>
  </si>
  <si>
    <t>0.0371</t>
  </si>
  <si>
    <t>220478.0</t>
  </si>
  <si>
    <t>2789.66</t>
  </si>
  <si>
    <t>3.353</t>
  </si>
  <si>
    <t>3.239</t>
  </si>
  <si>
    <t>0.0312</t>
  </si>
  <si>
    <t>0.0463</t>
  </si>
  <si>
    <t>3.011</t>
  </si>
  <si>
    <t>0.0738</t>
  </si>
  <si>
    <t>2.897</t>
  </si>
  <si>
    <t>0.0758</t>
  </si>
  <si>
    <t>104534.0</t>
  </si>
  <si>
    <t>54999.0</t>
  </si>
  <si>
    <t>49535.0</t>
  </si>
  <si>
    <t>130.92</t>
  </si>
  <si>
    <t>68.88</t>
  </si>
  <si>
    <t>62.04</t>
  </si>
  <si>
    <t>0.0644</t>
  </si>
  <si>
    <t>222097.0</t>
  </si>
  <si>
    <t>2810.145</t>
  </si>
  <si>
    <t>2.733</t>
  </si>
  <si>
    <t>3.226</t>
  </si>
  <si>
    <t>3.391</t>
  </si>
  <si>
    <t>223865.0</t>
  </si>
  <si>
    <t>2832.515</t>
  </si>
  <si>
    <t>0.0961</t>
  </si>
  <si>
    <t>3.631</t>
  </si>
  <si>
    <t>3.454</t>
  </si>
  <si>
    <t>0.0659</t>
  </si>
  <si>
    <t>0.1084</t>
  </si>
  <si>
    <t>0.1113</t>
  </si>
  <si>
    <t>3.176</t>
  </si>
  <si>
    <t>0.1144</t>
  </si>
  <si>
    <t>225568.0</t>
  </si>
  <si>
    <t>2854.063</t>
  </si>
  <si>
    <t>0.1188</t>
  </si>
  <si>
    <t>3.328</t>
  </si>
  <si>
    <t>0.1152</t>
  </si>
  <si>
    <t>3.568</t>
  </si>
  <si>
    <t>0.1155</t>
  </si>
  <si>
    <t>3.821</t>
  </si>
  <si>
    <t>0.1377</t>
  </si>
  <si>
    <t>4.074</t>
  </si>
  <si>
    <t>0.1185</t>
  </si>
  <si>
    <t>0.1119</t>
  </si>
  <si>
    <t>4.568</t>
  </si>
  <si>
    <t>0.1057</t>
  </si>
  <si>
    <t>228231.0</t>
  </si>
  <si>
    <t>2887.757</t>
  </si>
  <si>
    <t>4.808</t>
  </si>
  <si>
    <t>0.1474</t>
  </si>
  <si>
    <t>415.0</t>
  </si>
  <si>
    <t>5.251</t>
  </si>
  <si>
    <t>0.1422</t>
  </si>
  <si>
    <t>6.567</t>
  </si>
  <si>
    <t>0.1723</t>
  </si>
  <si>
    <t>7.01</t>
  </si>
  <si>
    <t>0.1614</t>
  </si>
  <si>
    <t>7.44</t>
  </si>
  <si>
    <t>0.1521</t>
  </si>
  <si>
    <t>232591.0</t>
  </si>
  <si>
    <t>2942.923</t>
  </si>
  <si>
    <t>623.0</t>
  </si>
  <si>
    <t>7.883</t>
  </si>
  <si>
    <t>0.0947</t>
  </si>
  <si>
    <t>8.503</t>
  </si>
  <si>
    <t>0.1643</t>
  </si>
  <si>
    <t>9.123</t>
  </si>
  <si>
    <t>0.1981</t>
  </si>
  <si>
    <t>0.2023</t>
  </si>
  <si>
    <t>10.375</t>
  </si>
  <si>
    <t>0.2261</t>
  </si>
  <si>
    <t>869.0</t>
  </si>
  <si>
    <t>10.995</t>
  </si>
  <si>
    <t>0.2134</t>
  </si>
  <si>
    <t>11.615</t>
  </si>
  <si>
    <t>0.202</t>
  </si>
  <si>
    <t>106428.0</t>
  </si>
  <si>
    <t>56095.0</t>
  </si>
  <si>
    <t>50333.0</t>
  </si>
  <si>
    <t>133.3</t>
  </si>
  <si>
    <t>70.26</t>
  </si>
  <si>
    <t>63.04</t>
  </si>
  <si>
    <t>239363.0</t>
  </si>
  <si>
    <t>3028.608</t>
  </si>
  <si>
    <t>12.235</t>
  </si>
  <si>
    <t>0.2835</t>
  </si>
  <si>
    <t>12.627</t>
  </si>
  <si>
    <t>0.2433</t>
  </si>
  <si>
    <t>5223.0</t>
  </si>
  <si>
    <t>1029.0</t>
  </si>
  <si>
    <t>0.1928</t>
  </si>
  <si>
    <t>7502.0</t>
  </si>
  <si>
    <t>13.412</t>
  </si>
  <si>
    <t>9782.0</t>
  </si>
  <si>
    <t>13.817</t>
  </si>
  <si>
    <t>12061.0</t>
  </si>
  <si>
    <t>14.209</t>
  </si>
  <si>
    <t>0.1819</t>
  </si>
  <si>
    <t>14328.0</t>
  </si>
  <si>
    <t>14.601</t>
  </si>
  <si>
    <t>115709.0</t>
  </si>
  <si>
    <t>56628.0</t>
  </si>
  <si>
    <t>50551.0</t>
  </si>
  <si>
    <t>8530.0</t>
  </si>
  <si>
    <t>1326.0</t>
  </si>
  <si>
    <t>144.92</t>
  </si>
  <si>
    <t>70.92</t>
  </si>
  <si>
    <t>63.31</t>
  </si>
  <si>
    <t>16608.0</t>
  </si>
  <si>
    <t>247655.0</t>
  </si>
  <si>
    <t>3133.525</t>
  </si>
  <si>
    <t>1185.0</t>
  </si>
  <si>
    <t>14.994</t>
  </si>
  <si>
    <t>0.0975</t>
  </si>
  <si>
    <t>14428.0</t>
  </si>
  <si>
    <t>15.917</t>
  </si>
  <si>
    <t>12249.0</t>
  </si>
  <si>
    <t>1332.0</t>
  </si>
  <si>
    <t>16.854</t>
  </si>
  <si>
    <t>10082.0</t>
  </si>
  <si>
    <t>17.79</t>
  </si>
  <si>
    <t>0.1298</t>
  </si>
  <si>
    <t>1480.0</t>
  </si>
  <si>
    <t>18.726</t>
  </si>
  <si>
    <t>19.65</t>
  </si>
  <si>
    <t>3557.0</t>
  </si>
  <si>
    <t>20.586</t>
  </si>
  <si>
    <t>1378.0</t>
  </si>
  <si>
    <t>259560.0</t>
  </si>
  <si>
    <t>3284.156</t>
  </si>
  <si>
    <t>21.522</t>
  </si>
  <si>
    <t>0.1362</t>
  </si>
  <si>
    <t>1606.0</t>
  </si>
  <si>
    <t>20.32</t>
  </si>
  <si>
    <t>1511.0</t>
  </si>
  <si>
    <t>19.118</t>
  </si>
  <si>
    <t>0.1169</t>
  </si>
  <si>
    <t>17.916</t>
  </si>
  <si>
    <t>0.1031</t>
  </si>
  <si>
    <t>16.714</t>
  </si>
  <si>
    <t>0.1277</t>
  </si>
  <si>
    <t>1226.0</t>
  </si>
  <si>
    <t>15.512</t>
  </si>
  <si>
    <t>0.1376</t>
  </si>
  <si>
    <t>1131.0</t>
  </si>
  <si>
    <t>14.31</t>
  </si>
  <si>
    <t>0.1492</t>
  </si>
  <si>
    <t>117246.0</t>
  </si>
  <si>
    <t>57085.0</t>
  </si>
  <si>
    <t>51392.0</t>
  </si>
  <si>
    <t>8769.0</t>
  </si>
  <si>
    <t>146.85</t>
  </si>
  <si>
    <t>71.5</t>
  </si>
  <si>
    <t>64.37</t>
  </si>
  <si>
    <t>266810.0</t>
  </si>
  <si>
    <t>3375.889</t>
  </si>
  <si>
    <t>13.108</t>
  </si>
  <si>
    <t>0.1751</t>
  </si>
  <si>
    <t>13.374</t>
  </si>
  <si>
    <t>0.1998</t>
  </si>
  <si>
    <t>1079.0</t>
  </si>
  <si>
    <t>13.652</t>
  </si>
  <si>
    <t>0.1921</t>
  </si>
  <si>
    <t>5436.0</t>
  </si>
  <si>
    <t>1101.0</t>
  </si>
  <si>
    <t>13.931</t>
  </si>
  <si>
    <t>0.2012</t>
  </si>
  <si>
    <t>0.2557</t>
  </si>
  <si>
    <t>8141.0</t>
  </si>
  <si>
    <t>1145.0</t>
  </si>
  <si>
    <t>14.487</t>
  </si>
  <si>
    <t>0.2508</t>
  </si>
  <si>
    <t>9494.0</t>
  </si>
  <si>
    <t>1166.0</t>
  </si>
  <si>
    <t>14.753</t>
  </si>
  <si>
    <t>0.2463</t>
  </si>
  <si>
    <t>10834.0</t>
  </si>
  <si>
    <t>275127.0</t>
  </si>
  <si>
    <t>3481.122</t>
  </si>
  <si>
    <t>1188.0</t>
  </si>
  <si>
    <t>15.032</t>
  </si>
  <si>
    <t>0.2609</t>
  </si>
  <si>
    <t>14.424</t>
  </si>
  <si>
    <t>0.3226</t>
  </si>
  <si>
    <t>13.222</t>
  </si>
  <si>
    <t>0.2962</t>
  </si>
  <si>
    <t>12.615</t>
  </si>
  <si>
    <t>0.3823</t>
  </si>
  <si>
    <t>12.007</t>
  </si>
  <si>
    <t>0.4016</t>
  </si>
  <si>
    <t>901.0</t>
  </si>
  <si>
    <t>281100.0</t>
  </si>
  <si>
    <t>3556.697</t>
  </si>
  <si>
    <t>11.021</t>
  </si>
  <si>
    <t>0.6134</t>
  </si>
  <si>
    <t>11.236</t>
  </si>
  <si>
    <t>0.5808</t>
  </si>
  <si>
    <t>11.463</t>
  </si>
  <si>
    <t>0.5692</t>
  </si>
  <si>
    <t>923.0</t>
  </si>
  <si>
    <t>11.679</t>
  </si>
  <si>
    <t>0.5386</t>
  </si>
  <si>
    <t>11.894</t>
  </si>
  <si>
    <t>12.121</t>
  </si>
  <si>
    <t>0.5189</t>
  </si>
  <si>
    <t>135421.0</t>
  </si>
  <si>
    <t>57643.0</t>
  </si>
  <si>
    <t>53046.0</t>
  </si>
  <si>
    <t>24732.0</t>
  </si>
  <si>
    <t>169.61</t>
  </si>
  <si>
    <t>72.2</t>
  </si>
  <si>
    <t>66.44</t>
  </si>
  <si>
    <t>30.98</t>
  </si>
  <si>
    <t>287926.0</t>
  </si>
  <si>
    <t>3643.065</t>
  </si>
  <si>
    <t>12.336</t>
  </si>
  <si>
    <t>0.2791</t>
  </si>
  <si>
    <t>10508.0</t>
  </si>
  <si>
    <t>984.0</t>
  </si>
  <si>
    <t>12.45</t>
  </si>
  <si>
    <t>0.1954</t>
  </si>
  <si>
    <t>10182.0</t>
  </si>
  <si>
    <t>12.577</t>
  </si>
  <si>
    <t>9857.0</t>
  </si>
  <si>
    <t>12.691</t>
  </si>
  <si>
    <t>0.4703</t>
  </si>
  <si>
    <t>760.0</t>
  </si>
  <si>
    <t>9519.0</t>
  </si>
  <si>
    <t>12.805</t>
  </si>
  <si>
    <t>0.4428</t>
  </si>
  <si>
    <t>734.0</t>
  </si>
  <si>
    <t>9193.0</t>
  </si>
  <si>
    <t>1022.0</t>
  </si>
  <si>
    <t>12.931</t>
  </si>
  <si>
    <t>0.4385</t>
  </si>
  <si>
    <t>8867.0</t>
  </si>
  <si>
    <t>13.045</t>
  </si>
  <si>
    <t>0.4347</t>
  </si>
  <si>
    <t>140193.0</t>
  </si>
  <si>
    <t>57709.0</t>
  </si>
  <si>
    <t>53104.0</t>
  </si>
  <si>
    <t>175.59</t>
  </si>
  <si>
    <t>72.28</t>
  </si>
  <si>
    <t>66.51</t>
  </si>
  <si>
    <t>8542.0</t>
  </si>
  <si>
    <t>295208.0</t>
  </si>
  <si>
    <t>3735.203</t>
  </si>
  <si>
    <t>13.159</t>
  </si>
  <si>
    <t>0.4309</t>
  </si>
  <si>
    <t>7540.0</t>
  </si>
  <si>
    <t>11.767</t>
  </si>
  <si>
    <t>0.7393</t>
  </si>
  <si>
    <t>523.0</t>
  </si>
  <si>
    <t>6550.0</t>
  </si>
  <si>
    <t>0.8955</t>
  </si>
  <si>
    <t>5561.0</t>
  </si>
  <si>
    <t>8.983</t>
  </si>
  <si>
    <t>0.5688</t>
  </si>
  <si>
    <t>4559.0</t>
  </si>
  <si>
    <t>7.592</t>
  </si>
  <si>
    <t>0.6026</t>
  </si>
  <si>
    <t>0.7379</t>
  </si>
  <si>
    <t>0.9515</t>
  </si>
  <si>
    <t>1578.0</t>
  </si>
  <si>
    <t>297098.0</t>
  </si>
  <si>
    <t>3759.116</t>
  </si>
  <si>
    <t>3.416</t>
  </si>
  <si>
    <t>0.696</t>
  </si>
  <si>
    <t>0.7504</t>
  </si>
  <si>
    <t>0.8841</t>
  </si>
  <si>
    <t>0.6773</t>
  </si>
  <si>
    <t>0.7163</t>
  </si>
  <si>
    <t>2.467</t>
  </si>
  <si>
    <t>0.7641</t>
  </si>
  <si>
    <t>141962.0</t>
  </si>
  <si>
    <t>57791.0</t>
  </si>
  <si>
    <t>53208.0</t>
  </si>
  <si>
    <t>177.8</t>
  </si>
  <si>
    <t>72.38</t>
  </si>
  <si>
    <t>66.64</t>
  </si>
  <si>
    <t>2.315</t>
  </si>
  <si>
    <t>0.6635</t>
  </si>
  <si>
    <t>1478.0</t>
  </si>
  <si>
    <t>1365.0</t>
  </si>
  <si>
    <t>0.5262</t>
  </si>
  <si>
    <t>298927.0</t>
  </si>
  <si>
    <t>3782.258</t>
  </si>
  <si>
    <t>0.4715</t>
  </si>
  <si>
    <t>0.4442</t>
  </si>
  <si>
    <t>0.4656</t>
  </si>
  <si>
    <t>0.4892</t>
  </si>
  <si>
    <t>142420.0</t>
  </si>
  <si>
    <t>57797.0</t>
  </si>
  <si>
    <t>53250.0</t>
  </si>
  <si>
    <t>178.38</t>
  </si>
  <si>
    <t>72.39</t>
  </si>
  <si>
    <t>66.69</t>
  </si>
  <si>
    <t>814.0</t>
  </si>
  <si>
    <t>0.4497</t>
  </si>
  <si>
    <t>1.784</t>
  </si>
  <si>
    <t>0.5603</t>
  </si>
  <si>
    <t>5123.0</t>
  </si>
  <si>
    <t>0.5011</t>
  </si>
  <si>
    <t>7264.0</t>
  </si>
  <si>
    <t>299794.0</t>
  </si>
  <si>
    <t>3793.228</t>
  </si>
  <si>
    <t>1.569</t>
  </si>
  <si>
    <t>0.5161</t>
  </si>
  <si>
    <t>9418.0</t>
  </si>
  <si>
    <t>0.5436</t>
  </si>
  <si>
    <t>11560.0</t>
  </si>
  <si>
    <t>0.5676</t>
  </si>
  <si>
    <t>13714.0</t>
  </si>
  <si>
    <t>0.5995</t>
  </si>
  <si>
    <t>151284.0</t>
  </si>
  <si>
    <t>57805.0</t>
  </si>
  <si>
    <t>53301.0</t>
  </si>
  <si>
    <t>1266.0</t>
  </si>
  <si>
    <t>189.48</t>
  </si>
  <si>
    <t>72.4</t>
  </si>
  <si>
    <t>66.76</t>
  </si>
  <si>
    <t>15856.0</t>
  </si>
  <si>
    <t>1.291</t>
  </si>
  <si>
    <t>13652.0</t>
  </si>
  <si>
    <t>0.683</t>
  </si>
  <si>
    <t>11447.0</t>
  </si>
  <si>
    <t>300307.0</t>
  </si>
  <si>
    <t>3799.719</t>
  </si>
  <si>
    <t>0.7049</t>
  </si>
  <si>
    <t>9243.0</t>
  </si>
  <si>
    <t>7039.0</t>
  </si>
  <si>
    <t>4834.0</t>
  </si>
  <si>
    <t>151997.0</t>
  </si>
  <si>
    <t>57817.0</t>
  </si>
  <si>
    <t>53367.0</t>
  </si>
  <si>
    <t>40813.0</t>
  </si>
  <si>
    <t>190.37</t>
  </si>
  <si>
    <t>72.41</t>
  </si>
  <si>
    <t>66.84</t>
  </si>
  <si>
    <t>51.12</t>
  </si>
  <si>
    <t>152187.0</t>
  </si>
  <si>
    <t>57835.0</t>
  </si>
  <si>
    <t>53389.0</t>
  </si>
  <si>
    <t>40963.0</t>
  </si>
  <si>
    <t>190.61</t>
  </si>
  <si>
    <t>72.44</t>
  </si>
  <si>
    <t>66.87</t>
  </si>
  <si>
    <t>152301.0</t>
  </si>
  <si>
    <t>57850.0</t>
  </si>
  <si>
    <t>53406.0</t>
  </si>
  <si>
    <t>41045.0</t>
  </si>
  <si>
    <t>190.75</t>
  </si>
  <si>
    <t>72.45</t>
  </si>
  <si>
    <t>66.89</t>
  </si>
  <si>
    <t>51.41</t>
  </si>
  <si>
    <t>152463.0</t>
  </si>
  <si>
    <t>57866.0</t>
  </si>
  <si>
    <t>53414.0</t>
  </si>
  <si>
    <t>41183.0</t>
  </si>
  <si>
    <t>190.95</t>
  </si>
  <si>
    <t>72.47</t>
  </si>
  <si>
    <t>66.9</t>
  </si>
  <si>
    <t>51.58</t>
  </si>
  <si>
    <t>152694.0</t>
  </si>
  <si>
    <t>57874.0</t>
  </si>
  <si>
    <t>53427.0</t>
  </si>
  <si>
    <t>41393.0</t>
  </si>
  <si>
    <t>191.24</t>
  </si>
  <si>
    <t>72.48</t>
  </si>
  <si>
    <t>66.92</t>
  </si>
  <si>
    <t>51.84</t>
  </si>
  <si>
    <t>152991.0</t>
  </si>
  <si>
    <t>57878.0</t>
  </si>
  <si>
    <t>53442.0</t>
  </si>
  <si>
    <t>41671.0</t>
  </si>
  <si>
    <t>191.61</t>
  </si>
  <si>
    <t>72.49</t>
  </si>
  <si>
    <t>66.93</t>
  </si>
  <si>
    <t>52.19</t>
  </si>
  <si>
    <t>153072.0</t>
  </si>
  <si>
    <t>57880.0</t>
  </si>
  <si>
    <t>53450.0</t>
  </si>
  <si>
    <t>41742.0</t>
  </si>
  <si>
    <t>191.72</t>
  </si>
  <si>
    <t>66.94</t>
  </si>
  <si>
    <t>52.28</t>
  </si>
  <si>
    <t>153177.0</t>
  </si>
  <si>
    <t>57883.0</t>
  </si>
  <si>
    <t>53453.0</t>
  </si>
  <si>
    <t>41841.0</t>
  </si>
  <si>
    <t>191.85</t>
  </si>
  <si>
    <t>72.5</t>
  </si>
  <si>
    <t>66.95</t>
  </si>
  <si>
    <t>52.4</t>
  </si>
  <si>
    <t>153383.0</t>
  </si>
  <si>
    <t>57886.0</t>
  </si>
  <si>
    <t>53456.0</t>
  </si>
  <si>
    <t>42041.0</t>
  </si>
  <si>
    <t>192.11</t>
  </si>
  <si>
    <t>52.65</t>
  </si>
  <si>
    <t>153447.0</t>
  </si>
  <si>
    <t>57888.0</t>
  </si>
  <si>
    <t>42100.0</t>
  </si>
  <si>
    <t>192.19</t>
  </si>
  <si>
    <t>66.96</t>
  </si>
  <si>
    <t>52.73</t>
  </si>
  <si>
    <t>153531.0</t>
  </si>
  <si>
    <t>53460.0</t>
  </si>
  <si>
    <t>42183.0</t>
  </si>
  <si>
    <t>192.29</t>
  </si>
  <si>
    <t>52.83</t>
  </si>
  <si>
    <t>154077.0</t>
  </si>
  <si>
    <t>57892.0</t>
  </si>
  <si>
    <t>53474.0</t>
  </si>
  <si>
    <t>42711.0</t>
  </si>
  <si>
    <t>192.97</t>
  </si>
  <si>
    <t>72.51</t>
  </si>
  <si>
    <t>66.97</t>
  </si>
  <si>
    <t>53.49</t>
  </si>
  <si>
    <t>154195.0</t>
  </si>
  <si>
    <t>57893.0</t>
  </si>
  <si>
    <t>53478.0</t>
  </si>
  <si>
    <t>42824.0</t>
  </si>
  <si>
    <t>193.12</t>
  </si>
  <si>
    <t>66.98</t>
  </si>
  <si>
    <t>53.64</t>
  </si>
  <si>
    <t>154216.0</t>
  </si>
  <si>
    <t>42844.0</t>
  </si>
  <si>
    <t>193.15</t>
  </si>
  <si>
    <t>53.66</t>
  </si>
  <si>
    <t>154320.0</t>
  </si>
  <si>
    <t>57898.0</t>
  </si>
  <si>
    <t>53482.0</t>
  </si>
  <si>
    <t>42940.0</t>
  </si>
  <si>
    <t>193.28</t>
  </si>
  <si>
    <t>53.78</t>
  </si>
  <si>
    <t>154367.0</t>
  </si>
  <si>
    <t>57901.0</t>
  </si>
  <si>
    <t>53485.0</t>
  </si>
  <si>
    <t>42981.0</t>
  </si>
  <si>
    <t>193.34</t>
  </si>
  <si>
    <t>72.52</t>
  </si>
  <si>
    <t>66.99</t>
  </si>
  <si>
    <t>53.83</t>
  </si>
  <si>
    <t>AGO</t>
  </si>
  <si>
    <t>Angola</t>
  </si>
  <si>
    <t>6169.0</t>
  </si>
  <si>
    <t>2825.0</t>
  </si>
  <si>
    <t>3311.0</t>
  </si>
  <si>
    <t>3797.0</t>
  </si>
  <si>
    <t>4283.0</t>
  </si>
  <si>
    <t>49000.0</t>
  </si>
  <si>
    <t>4577.0</t>
  </si>
  <si>
    <t>4870.0</t>
  </si>
  <si>
    <t>87022.0</t>
  </si>
  <si>
    <t>6044.0</t>
  </si>
  <si>
    <t>6681.0</t>
  </si>
  <si>
    <t>7025.0</t>
  </si>
  <si>
    <t>7369.0</t>
  </si>
  <si>
    <t>7713.0</t>
  </si>
  <si>
    <t>130750.0</t>
  </si>
  <si>
    <t>8057.0</t>
  </si>
  <si>
    <t>8060.0</t>
  </si>
  <si>
    <t>8062.0</t>
  </si>
  <si>
    <t>7720.0</t>
  </si>
  <si>
    <t>7379.0</t>
  </si>
  <si>
    <t>7037.0</t>
  </si>
  <si>
    <t>6354.0</t>
  </si>
  <si>
    <t>181578.0</t>
  </si>
  <si>
    <t>7271.0</t>
  </si>
  <si>
    <t>8188.0</t>
  </si>
  <si>
    <t>9105.0</t>
  </si>
  <si>
    <t>245442.0</t>
  </si>
  <si>
    <t>10939.0</t>
  </si>
  <si>
    <t>12710.0</t>
  </si>
  <si>
    <t>14481.0</t>
  </si>
  <si>
    <t>15335.0</t>
  </si>
  <si>
    <t>16189.0</t>
  </si>
  <si>
    <t>17043.0</t>
  </si>
  <si>
    <t>17897.0</t>
  </si>
  <si>
    <t>18751.0</t>
  </si>
  <si>
    <t>527.0</t>
  </si>
  <si>
    <t>395447.0</t>
  </si>
  <si>
    <t>18247.0</t>
  </si>
  <si>
    <t>17743.0</t>
  </si>
  <si>
    <t>499.0</t>
  </si>
  <si>
    <t>17240.0</t>
  </si>
  <si>
    <t>456349.0</t>
  </si>
  <si>
    <t>16736.0</t>
  </si>
  <si>
    <t>15337.0</t>
  </si>
  <si>
    <t>15035.0</t>
  </si>
  <si>
    <t>13939.0</t>
  </si>
  <si>
    <t>13334.0</t>
  </si>
  <si>
    <t>12540.0</t>
  </si>
  <si>
    <t>11633.0</t>
  </si>
  <si>
    <t>10436.0</t>
  </si>
  <si>
    <t>9238.0</t>
  </si>
  <si>
    <t>9854.0</t>
  </si>
  <si>
    <t>8041.0</t>
  </si>
  <si>
    <t>8959.0</t>
  </si>
  <si>
    <t>6844.0</t>
  </si>
  <si>
    <t>626572.0</t>
  </si>
  <si>
    <t>586377.0</t>
  </si>
  <si>
    <t>40195.0</t>
  </si>
  <si>
    <t>8987.0</t>
  </si>
  <si>
    <t>6340.0</t>
  </si>
  <si>
    <t>9015.0</t>
  </si>
  <si>
    <t>9043.0</t>
  </si>
  <si>
    <t>5333.0</t>
  </si>
  <si>
    <t>9071.0</t>
  </si>
  <si>
    <t>4829.0</t>
  </si>
  <si>
    <t>9099.0</t>
  </si>
  <si>
    <t>4326.0</t>
  </si>
  <si>
    <t>681502.0</t>
  </si>
  <si>
    <t>606287.0</t>
  </si>
  <si>
    <t>75215.0</t>
  </si>
  <si>
    <t>9127.0</t>
  </si>
  <si>
    <t>3822.0</t>
  </si>
  <si>
    <t>11468.0</t>
  </si>
  <si>
    <t>4020.0</t>
  </si>
  <si>
    <t>4722.0</t>
  </si>
  <si>
    <t>757535.0</t>
  </si>
  <si>
    <t>630984.0</t>
  </si>
  <si>
    <t>126551.0</t>
  </si>
  <si>
    <t>16093.0</t>
  </si>
  <si>
    <t>5424.0</t>
  </si>
  <si>
    <t>17712.0</t>
  </si>
  <si>
    <t>5866.0</t>
  </si>
  <si>
    <t>19332.0</t>
  </si>
  <si>
    <t>6309.0</t>
  </si>
  <si>
    <t>20951.0</t>
  </si>
  <si>
    <t>6751.0</t>
  </si>
  <si>
    <t>22570.0</t>
  </si>
  <si>
    <t>859979.0</t>
  </si>
  <si>
    <t>663049.0</t>
  </si>
  <si>
    <t>196930.0</t>
  </si>
  <si>
    <t>21876.0</t>
  </si>
  <si>
    <t>2.42</t>
  </si>
  <si>
    <t>6933.0</t>
  </si>
  <si>
    <t>19662.0</t>
  </si>
  <si>
    <t>17448.0</t>
  </si>
  <si>
    <t>5494.0</t>
  </si>
  <si>
    <t>15928.0</t>
  </si>
  <si>
    <t>5035.0</t>
  </si>
  <si>
    <t>14408.0</t>
  </si>
  <si>
    <t>909215.0</t>
  </si>
  <si>
    <t>679034.0</t>
  </si>
  <si>
    <t>230181.0</t>
  </si>
  <si>
    <t>12888.0</t>
  </si>
  <si>
    <t>4294.0</t>
  </si>
  <si>
    <t>14416.0</t>
  </si>
  <si>
    <t>16700.0</t>
  </si>
  <si>
    <t>5108.0</t>
  </si>
  <si>
    <t>18985.0</t>
  </si>
  <si>
    <t>5746.0</t>
  </si>
  <si>
    <t>21269.0</t>
  </si>
  <si>
    <t>6383.0</t>
  </si>
  <si>
    <t>23554.0</t>
  </si>
  <si>
    <t>7020.0</t>
  </si>
  <si>
    <t>25838.0</t>
  </si>
  <si>
    <t>1115919.0</t>
  </si>
  <si>
    <t>740289.0</t>
  </si>
  <si>
    <t>375630.0</t>
  </si>
  <si>
    <t>29769.0</t>
  </si>
  <si>
    <t>9037.0</t>
  </si>
  <si>
    <t>1222630.0</t>
  </si>
  <si>
    <t>774926.0</t>
  </si>
  <si>
    <t>447704.0</t>
  </si>
  <si>
    <t>33700.0</t>
  </si>
  <si>
    <t>2.18</t>
  </si>
  <si>
    <t>10417.0</t>
  </si>
  <si>
    <t>32630.0</t>
  </si>
  <si>
    <t>10672.0</t>
  </si>
  <si>
    <t>31560.0</t>
  </si>
  <si>
    <t>10926.0</t>
  </si>
  <si>
    <t>30491.0</t>
  </si>
  <si>
    <t>11180.0</t>
  </si>
  <si>
    <t>29421.0</t>
  </si>
  <si>
    <t>11434.0</t>
  </si>
  <si>
    <t>1314375.0</t>
  </si>
  <si>
    <t>822109.0</t>
  </si>
  <si>
    <t>492266.0</t>
  </si>
  <si>
    <t>28351.0</t>
  </si>
  <si>
    <t>11689.0</t>
  </si>
  <si>
    <t>22609.0</t>
  </si>
  <si>
    <t>10479.0</t>
  </si>
  <si>
    <t>16866.0</t>
  </si>
  <si>
    <t>9270.0</t>
  </si>
  <si>
    <t>16125.0</t>
  </si>
  <si>
    <t>9187.0</t>
  </si>
  <si>
    <t>15384.0</t>
  </si>
  <si>
    <t>9104.0</t>
  </si>
  <si>
    <t>1380174.0</t>
  </si>
  <si>
    <t>866381.0</t>
  </si>
  <si>
    <t>513793.0</t>
  </si>
  <si>
    <t>14642.0</t>
  </si>
  <si>
    <t>9021.0</t>
  </si>
  <si>
    <t>13897.0</t>
  </si>
  <si>
    <t>9199.0</t>
  </si>
  <si>
    <t>13152.0</t>
  </si>
  <si>
    <t>9377.0</t>
  </si>
  <si>
    <t>13148.0</t>
  </si>
  <si>
    <t>9639.0</t>
  </si>
  <si>
    <t>1432699.0</t>
  </si>
  <si>
    <t>909119.0</t>
  </si>
  <si>
    <t>523580.0</t>
  </si>
  <si>
    <t>13143.0</t>
  </si>
  <si>
    <t>4.03</t>
  </si>
  <si>
    <t>9900.0</t>
  </si>
  <si>
    <t>13249.0</t>
  </si>
  <si>
    <t>9856.0</t>
  </si>
  <si>
    <t>13354.0</t>
  </si>
  <si>
    <t>9812.0</t>
  </si>
  <si>
    <t>13460.0</t>
  </si>
  <si>
    <t>1488292.0</t>
  </si>
  <si>
    <t>943301.0</t>
  </si>
  <si>
    <t>544991.0</t>
  </si>
  <si>
    <t>13570.0</t>
  </si>
  <si>
    <t>9462.0</t>
  </si>
  <si>
    <t>12207.0</t>
  </si>
  <si>
    <t>8109.0</t>
  </si>
  <si>
    <t>10845.0</t>
  </si>
  <si>
    <t>6755.0</t>
  </si>
  <si>
    <t>9483.0</t>
  </si>
  <si>
    <t>5402.0</t>
  </si>
  <si>
    <t>8011.0</t>
  </si>
  <si>
    <t>4354.0</t>
  </si>
  <si>
    <t>6539.0</t>
  </si>
  <si>
    <t>5067.0</t>
  </si>
  <si>
    <t>1513460.0</t>
  </si>
  <si>
    <t>951772.0</t>
  </si>
  <si>
    <t>561688.0</t>
  </si>
  <si>
    <t>4.25</t>
  </si>
  <si>
    <t>3995.0</t>
  </si>
  <si>
    <t>4394.0</t>
  </si>
  <si>
    <t>1134.0</t>
  </si>
  <si>
    <t>4794.0</t>
  </si>
  <si>
    <t>1096.0</t>
  </si>
  <si>
    <t>5193.0</t>
  </si>
  <si>
    <t>5593.0</t>
  </si>
  <si>
    <t>5992.0</t>
  </si>
  <si>
    <t>1558201.0</t>
  </si>
  <si>
    <t>958373.0</t>
  </si>
  <si>
    <t>599828.0</t>
  </si>
  <si>
    <t>4.38</t>
  </si>
  <si>
    <t>2.69</t>
  </si>
  <si>
    <t>6179.0</t>
  </si>
  <si>
    <t>5967.0</t>
  </si>
  <si>
    <t>5755.0</t>
  </si>
  <si>
    <t>5117.0</t>
  </si>
  <si>
    <t>1592537.0</t>
  </si>
  <si>
    <t>634164.0</t>
  </si>
  <si>
    <t>4905.0</t>
  </si>
  <si>
    <t>1.78</t>
  </si>
  <si>
    <t>5038.0</t>
  </si>
  <si>
    <t>5171.0</t>
  </si>
  <si>
    <t>5569.0</t>
  </si>
  <si>
    <t>5702.0</t>
  </si>
  <si>
    <t>5835.0</t>
  </si>
  <si>
    <t>1680059.0</t>
  </si>
  <si>
    <t>969946.0</t>
  </si>
  <si>
    <t>710113.0</t>
  </si>
  <si>
    <t>4.72</t>
  </si>
  <si>
    <t>5371.0</t>
  </si>
  <si>
    <t>4907.0</t>
  </si>
  <si>
    <t>4443.0</t>
  </si>
  <si>
    <t>3516.0</t>
  </si>
  <si>
    <t>1695588.0</t>
  </si>
  <si>
    <t>972978.0</t>
  </si>
  <si>
    <t>722610.0</t>
  </si>
  <si>
    <t>3052.0</t>
  </si>
  <si>
    <t>2869.0</t>
  </si>
  <si>
    <t>989.0</t>
  </si>
  <si>
    <t>4276.0</t>
  </si>
  <si>
    <t>3404.0</t>
  </si>
  <si>
    <t>1727488.0</t>
  </si>
  <si>
    <t>1000191.0</t>
  </si>
  <si>
    <t>727297.0</t>
  </si>
  <si>
    <t>4557.0</t>
  </si>
  <si>
    <t>4.85</t>
  </si>
  <si>
    <t>3888.0</t>
  </si>
  <si>
    <t>4856.0</t>
  </si>
  <si>
    <t>4245.0</t>
  </si>
  <si>
    <t>5154.0</t>
  </si>
  <si>
    <t>4603.0</t>
  </si>
  <si>
    <t>5452.0</t>
  </si>
  <si>
    <t>1754073.0</t>
  </si>
  <si>
    <t>1025762.0</t>
  </si>
  <si>
    <t>728311.0</t>
  </si>
  <si>
    <t>5751.0</t>
  </si>
  <si>
    <t>4.93</t>
  </si>
  <si>
    <t>5319.0</t>
  </si>
  <si>
    <t>7600.0</t>
  </si>
  <si>
    <t>7186.0</t>
  </si>
  <si>
    <t>9449.0</t>
  </si>
  <si>
    <t>9054.0</t>
  </si>
  <si>
    <t>11297.0</t>
  </si>
  <si>
    <t>10921.0</t>
  </si>
  <si>
    <t>12848.0</t>
  </si>
  <si>
    <t>12431.0</t>
  </si>
  <si>
    <t>1841568.0</t>
  </si>
  <si>
    <t>1110558.0</t>
  </si>
  <si>
    <t>731010.0</t>
  </si>
  <si>
    <t>14398.0</t>
  </si>
  <si>
    <t>13940.0</t>
  </si>
  <si>
    <t>18444.0</t>
  </si>
  <si>
    <t>14153.0</t>
  </si>
  <si>
    <t>22489.0</t>
  </si>
  <si>
    <t>14367.0</t>
  </si>
  <si>
    <t>24985.0</t>
  </si>
  <si>
    <t>13070.0</t>
  </si>
  <si>
    <t>27480.0</t>
  </si>
  <si>
    <t>11774.0</t>
  </si>
  <si>
    <t>29975.0</t>
  </si>
  <si>
    <t>10478.0</t>
  </si>
  <si>
    <t>32470.0</t>
  </si>
  <si>
    <t>2086325.0</t>
  </si>
  <si>
    <t>1165755.0</t>
  </si>
  <si>
    <t>920570.0</t>
  </si>
  <si>
    <t>34965.0</t>
  </si>
  <si>
    <t>2.59</t>
  </si>
  <si>
    <t>7885.0</t>
  </si>
  <si>
    <t>35442.0</t>
  </si>
  <si>
    <t>996.0</t>
  </si>
  <si>
    <t>35918.0</t>
  </si>
  <si>
    <t>15493.0</t>
  </si>
  <si>
    <t>36395.0</t>
  </si>
  <si>
    <t>19297.0</t>
  </si>
  <si>
    <t>36871.0</t>
  </si>
  <si>
    <t>23101.0</t>
  </si>
  <si>
    <t>37348.0</t>
  </si>
  <si>
    <t>1049.0</t>
  </si>
  <si>
    <t>26905.0</t>
  </si>
  <si>
    <t>37824.0</t>
  </si>
  <si>
    <t>30709.0</t>
  </si>
  <si>
    <t>38301.0</t>
  </si>
  <si>
    <t>1076.0</t>
  </si>
  <si>
    <t>34512.0</t>
  </si>
  <si>
    <t>2469333.0</t>
  </si>
  <si>
    <t>1510880.0</t>
  </si>
  <si>
    <t>958453.0</t>
  </si>
  <si>
    <t>6.94</t>
  </si>
  <si>
    <t>39094.0</t>
  </si>
  <si>
    <t>35398.0</t>
  </si>
  <si>
    <t>39886.0</t>
  </si>
  <si>
    <t>36283.0</t>
  </si>
  <si>
    <t>40679.0</t>
  </si>
  <si>
    <t>1143.0</t>
  </si>
  <si>
    <t>37168.0</t>
  </si>
  <si>
    <t>41472.0</t>
  </si>
  <si>
    <t>38053.0</t>
  </si>
  <si>
    <t>42265.0</t>
  </si>
  <si>
    <t>38938.0</t>
  </si>
  <si>
    <t>43057.0</t>
  </si>
  <si>
    <t>39823.0</t>
  </si>
  <si>
    <t>43850.0</t>
  </si>
  <si>
    <t>1232.0</t>
  </si>
  <si>
    <t>40708.0</t>
  </si>
  <si>
    <t>2820134.0</t>
  </si>
  <si>
    <t>1836547.0</t>
  </si>
  <si>
    <t>983587.0</t>
  </si>
  <si>
    <t>5.16</t>
  </si>
  <si>
    <t>43994.0</t>
  </si>
  <si>
    <t>40829.0</t>
  </si>
  <si>
    <t>44138.0</t>
  </si>
  <si>
    <t>40949.0</t>
  </si>
  <si>
    <t>44282.0</t>
  </si>
  <si>
    <t>41070.0</t>
  </si>
  <si>
    <t>44426.0</t>
  </si>
  <si>
    <t>1248.0</t>
  </si>
  <si>
    <t>41190.0</t>
  </si>
  <si>
    <t>44570.0</t>
  </si>
  <si>
    <t>41310.0</t>
  </si>
  <si>
    <t>44714.0</t>
  </si>
  <si>
    <t>1256.0</t>
  </si>
  <si>
    <t>41431.0</t>
  </si>
  <si>
    <t>3134137.0</t>
  </si>
  <si>
    <t>2127405.0</t>
  </si>
  <si>
    <t>1006732.0</t>
  </si>
  <si>
    <t>44858.0</t>
  </si>
  <si>
    <t>5.98</t>
  </si>
  <si>
    <t>41551.0</t>
  </si>
  <si>
    <t>49646.0</t>
  </si>
  <si>
    <t>44381.0</t>
  </si>
  <si>
    <t>54435.0</t>
  </si>
  <si>
    <t>47210.0</t>
  </si>
  <si>
    <t>0.133</t>
  </si>
  <si>
    <t>59224.0</t>
  </si>
  <si>
    <t>50040.0</t>
  </si>
  <si>
    <t>64012.0</t>
  </si>
  <si>
    <t>1799.0</t>
  </si>
  <si>
    <t>52870.0</t>
  </si>
  <si>
    <t>68801.0</t>
  </si>
  <si>
    <t>55699.0</t>
  </si>
  <si>
    <t>73590.0</t>
  </si>
  <si>
    <t>2068.0</t>
  </si>
  <si>
    <t>58529.0</t>
  </si>
  <si>
    <t>78378.0</t>
  </si>
  <si>
    <t>2202.0</t>
  </si>
  <si>
    <t>61359.0</t>
  </si>
  <si>
    <t>4074677.0</t>
  </si>
  <si>
    <t>2863708.0</t>
  </si>
  <si>
    <t>1210969.0</t>
  </si>
  <si>
    <t>76086.0</t>
  </si>
  <si>
    <t>2138.0</t>
  </si>
  <si>
    <t>59612.0</t>
  </si>
  <si>
    <t>73793.0</t>
  </si>
  <si>
    <t>2073.0</t>
  </si>
  <si>
    <t>57865.0</t>
  </si>
  <si>
    <t>71500.0</t>
  </si>
  <si>
    <t>56119.0</t>
  </si>
  <si>
    <t>69207.0</t>
  </si>
  <si>
    <t>54372.0</t>
  </si>
  <si>
    <t>66915.0</t>
  </si>
  <si>
    <t>52625.0</t>
  </si>
  <si>
    <t>0.148</t>
  </si>
  <si>
    <t>4448653.0</t>
  </si>
  <si>
    <t>3158501.0</t>
  </si>
  <si>
    <t>1290152.0</t>
  </si>
  <si>
    <t>64622.0</t>
  </si>
  <si>
    <t>1816.0</t>
  </si>
  <si>
    <t>50879.0</t>
  </si>
  <si>
    <t>81141.0</t>
  </si>
  <si>
    <t>64570.0</t>
  </si>
  <si>
    <t>99953.0</t>
  </si>
  <si>
    <t>2809.0</t>
  </si>
  <si>
    <t>80009.0</t>
  </si>
  <si>
    <t>118764.0</t>
  </si>
  <si>
    <t>3337.0</t>
  </si>
  <si>
    <t>95447.0</t>
  </si>
  <si>
    <t>5224697.0</t>
  </si>
  <si>
    <t>3787300.0</t>
  </si>
  <si>
    <t>1437397.0</t>
  </si>
  <si>
    <t>137576.0</t>
  </si>
  <si>
    <t>14.68</t>
  </si>
  <si>
    <t>3866.0</t>
  </si>
  <si>
    <t>110885.0</t>
  </si>
  <si>
    <t>159842.0</t>
  </si>
  <si>
    <t>128082.0</t>
  </si>
  <si>
    <t>5661085.0</t>
  </si>
  <si>
    <t>4126328.0</t>
  </si>
  <si>
    <t>1534757.0</t>
  </si>
  <si>
    <t>182109.0</t>
  </si>
  <si>
    <t>15.91</t>
  </si>
  <si>
    <t>4.31</t>
  </si>
  <si>
    <t>145280.0</t>
  </si>
  <si>
    <t>0.408</t>
  </si>
  <si>
    <t>183173.0</t>
  </si>
  <si>
    <t>5147.0</t>
  </si>
  <si>
    <t>147117.0</t>
  </si>
  <si>
    <t>165426.0</t>
  </si>
  <si>
    <t>4648.0</t>
  </si>
  <si>
    <t>133516.0</t>
  </si>
  <si>
    <t>0.375</t>
  </si>
  <si>
    <t>147679.0</t>
  </si>
  <si>
    <t>4150.0</t>
  </si>
  <si>
    <t>119914.0</t>
  </si>
  <si>
    <t>5940208.0</t>
  </si>
  <si>
    <t>129932.0</t>
  </si>
  <si>
    <t>16.69</t>
  </si>
  <si>
    <t>3651.0</t>
  </si>
  <si>
    <t>106313.0</t>
  </si>
  <si>
    <t>118217.0</t>
  </si>
  <si>
    <t>3322.0</t>
  </si>
  <si>
    <t>92712.0</t>
  </si>
  <si>
    <t>6164219.0</t>
  </si>
  <si>
    <t>4498272.0</t>
  </si>
  <si>
    <t>1665947.0</t>
  </si>
  <si>
    <t>103047.0</t>
  </si>
  <si>
    <t>17.32</t>
  </si>
  <si>
    <t>12.64</t>
  </si>
  <si>
    <t>77351.0</t>
  </si>
  <si>
    <t>81748.0</t>
  </si>
  <si>
    <t>60233.0</t>
  </si>
  <si>
    <t>81651.0</t>
  </si>
  <si>
    <t>2294.0</t>
  </si>
  <si>
    <t>58476.0</t>
  </si>
  <si>
    <t>81554.0</t>
  </si>
  <si>
    <t>56718.0</t>
  </si>
  <si>
    <t>81456.0</t>
  </si>
  <si>
    <t>54961.0</t>
  </si>
  <si>
    <t>81359.0</t>
  </si>
  <si>
    <t>2286.0</t>
  </si>
  <si>
    <t>53204.0</t>
  </si>
  <si>
    <t>75230.0</t>
  </si>
  <si>
    <t>2114.0</t>
  </si>
  <si>
    <t>51446.0</t>
  </si>
  <si>
    <t>6647925.0</t>
  </si>
  <si>
    <t>4846094.0</t>
  </si>
  <si>
    <t>1801831.0</t>
  </si>
  <si>
    <t>69101.0</t>
  </si>
  <si>
    <t>5.06</t>
  </si>
  <si>
    <t>49689.0</t>
  </si>
  <si>
    <t>76345.0</t>
  </si>
  <si>
    <t>2145.0</t>
  </si>
  <si>
    <t>54691.0</t>
  </si>
  <si>
    <t>83589.0</t>
  </si>
  <si>
    <t>59694.0</t>
  </si>
  <si>
    <t>90833.0</t>
  </si>
  <si>
    <t>2552.0</t>
  </si>
  <si>
    <t>64696.0</t>
  </si>
  <si>
    <t>98076.0</t>
  </si>
  <si>
    <t>2756.0</t>
  </si>
  <si>
    <t>69699.0</t>
  </si>
  <si>
    <t>7246966.0</t>
  </si>
  <si>
    <t>5269623.0</t>
  </si>
  <si>
    <t>1977343.0</t>
  </si>
  <si>
    <t>105320.0</t>
  </si>
  <si>
    <t>14.81</t>
  </si>
  <si>
    <t>5.56</t>
  </si>
  <si>
    <t>74701.0</t>
  </si>
  <si>
    <t>115432.0</t>
  </si>
  <si>
    <t>3243.0</t>
  </si>
  <si>
    <t>86637.0</t>
  </si>
  <si>
    <t>125543.0</t>
  </si>
  <si>
    <t>3528.0</t>
  </si>
  <si>
    <t>98572.0</t>
  </si>
  <si>
    <t>128410.0</t>
  </si>
  <si>
    <t>3608.0</t>
  </si>
  <si>
    <t>105505.0</t>
  </si>
  <si>
    <t>7806481.0</t>
  </si>
  <si>
    <t>5802574.0</t>
  </si>
  <si>
    <t>2003907.0</t>
  </si>
  <si>
    <t>131277.0</t>
  </si>
  <si>
    <t>5.63</t>
  </si>
  <si>
    <t>112438.0</t>
  </si>
  <si>
    <t>0.316</t>
  </si>
  <si>
    <t>122845.0</t>
  </si>
  <si>
    <t>3452.0</t>
  </si>
  <si>
    <t>103351.0</t>
  </si>
  <si>
    <t>114414.0</t>
  </si>
  <si>
    <t>3215.0</t>
  </si>
  <si>
    <t>94263.0</t>
  </si>
  <si>
    <t>105982.0</t>
  </si>
  <si>
    <t>85175.0</t>
  </si>
  <si>
    <t>0.239</t>
  </si>
  <si>
    <t>94683.0</t>
  </si>
  <si>
    <t>69154.0</t>
  </si>
  <si>
    <t>83384.0</t>
  </si>
  <si>
    <t>53133.0</t>
  </si>
  <si>
    <t>72085.0</t>
  </si>
  <si>
    <t>2025.0</t>
  </si>
  <si>
    <t>37112.0</t>
  </si>
  <si>
    <t>8231981.0</t>
  </si>
  <si>
    <t>5950213.0</t>
  </si>
  <si>
    <t>2281768.0</t>
  </si>
  <si>
    <t>60786.0</t>
  </si>
  <si>
    <t>23.13</t>
  </si>
  <si>
    <t>6.41</t>
  </si>
  <si>
    <t>1708.0</t>
  </si>
  <si>
    <t>21091.0</t>
  </si>
  <si>
    <t>79068.0</t>
  </si>
  <si>
    <t>27375.0</t>
  </si>
  <si>
    <t>97350.0</t>
  </si>
  <si>
    <t>33659.0</t>
  </si>
  <si>
    <t>8798259.0</t>
  </si>
  <si>
    <t>6145451.0</t>
  </si>
  <si>
    <t>2652808.0</t>
  </si>
  <si>
    <t>115632.0</t>
  </si>
  <si>
    <t>24.72</t>
  </si>
  <si>
    <t>17.27</t>
  </si>
  <si>
    <t>39943.0</t>
  </si>
  <si>
    <t>117807.0</t>
  </si>
  <si>
    <t>3310.0</t>
  </si>
  <si>
    <t>42673.0</t>
  </si>
  <si>
    <t>119983.0</t>
  </si>
  <si>
    <t>3371.0</t>
  </si>
  <si>
    <t>45402.0</t>
  </si>
  <si>
    <t>9026310.0</t>
  </si>
  <si>
    <t>6266044.0</t>
  </si>
  <si>
    <t>2760266.0</t>
  </si>
  <si>
    <t>122159.0</t>
  </si>
  <si>
    <t>25.36</t>
  </si>
  <si>
    <t>17.61</t>
  </si>
  <si>
    <t>48132.0</t>
  </si>
  <si>
    <t>128139.0</t>
  </si>
  <si>
    <t>50734.0</t>
  </si>
  <si>
    <t>115837.0</t>
  </si>
  <si>
    <t>47052.0</t>
  </si>
  <si>
    <t>103534.0</t>
  </si>
  <si>
    <t>43370.0</t>
  </si>
  <si>
    <t>91232.0</t>
  </si>
  <si>
    <t>2563.0</t>
  </si>
  <si>
    <t>39688.0</t>
  </si>
  <si>
    <t>95036.0</t>
  </si>
  <si>
    <t>2670.0</t>
  </si>
  <si>
    <t>39561.0</t>
  </si>
  <si>
    <t>98840.0</t>
  </si>
  <si>
    <t>39434.0</t>
  </si>
  <si>
    <t>102644.0</t>
  </si>
  <si>
    <t>39306.0</t>
  </si>
  <si>
    <t>9847459.0</t>
  </si>
  <si>
    <t>3072475.0</t>
  </si>
  <si>
    <t>27.67</t>
  </si>
  <si>
    <t>94073.0</t>
  </si>
  <si>
    <t>85503.0</t>
  </si>
  <si>
    <t>2403.0</t>
  </si>
  <si>
    <t>76932.0</t>
  </si>
  <si>
    <t>10018061.0</t>
  </si>
  <si>
    <t>6737721.0</t>
  </si>
  <si>
    <t>3280340.0</t>
  </si>
  <si>
    <t>68362.0</t>
  </si>
  <si>
    <t>28.15</t>
  </si>
  <si>
    <t>68055.0</t>
  </si>
  <si>
    <t>46361.0</t>
  </si>
  <si>
    <t>67749.0</t>
  </si>
  <si>
    <t>1904.0</t>
  </si>
  <si>
    <t>53416.0</t>
  </si>
  <si>
    <t>10319552.0</t>
  </si>
  <si>
    <t>7003795.0</t>
  </si>
  <si>
    <t>3315757.0</t>
  </si>
  <si>
    <t>67442.0</t>
  </si>
  <si>
    <t>19.68</t>
  </si>
  <si>
    <t>60471.0</t>
  </si>
  <si>
    <t>72914.0</t>
  </si>
  <si>
    <t>2049.0</t>
  </si>
  <si>
    <t>60629.0</t>
  </si>
  <si>
    <t>78386.0</t>
  </si>
  <si>
    <t>2203.0</t>
  </si>
  <si>
    <t>83858.0</t>
  </si>
  <si>
    <t>2356.0</t>
  </si>
  <si>
    <t>60943.0</t>
  </si>
  <si>
    <t>89330.0</t>
  </si>
  <si>
    <t>61101.0</t>
  </si>
  <si>
    <t>86538.0</t>
  </si>
  <si>
    <t>2432.0</t>
  </si>
  <si>
    <t>54203.0</t>
  </si>
  <si>
    <t>10805281.0</t>
  </si>
  <si>
    <t>7246240.0</t>
  </si>
  <si>
    <t>3559041.0</t>
  </si>
  <si>
    <t>83747.0</t>
  </si>
  <si>
    <t>2353.0</t>
  </si>
  <si>
    <t>47305.0</t>
  </si>
  <si>
    <t>75812.0</t>
  </si>
  <si>
    <t>37803.0</t>
  </si>
  <si>
    <t>70669.0</t>
  </si>
  <si>
    <t>1986.0</t>
  </si>
  <si>
    <t>35199.0</t>
  </si>
  <si>
    <t>65526.0</t>
  </si>
  <si>
    <t>32595.0</t>
  </si>
  <si>
    <t>60383.0</t>
  </si>
  <si>
    <t>1697.0</t>
  </si>
  <si>
    <t>29991.0</t>
  </si>
  <si>
    <t>55240.0</t>
  </si>
  <si>
    <t>27387.0</t>
  </si>
  <si>
    <t>50098.0</t>
  </si>
  <si>
    <t>1408.0</t>
  </si>
  <si>
    <t>24783.0</t>
  </si>
  <si>
    <t>44955.0</t>
  </si>
  <si>
    <t>22178.0</t>
  </si>
  <si>
    <t>11164918.0</t>
  </si>
  <si>
    <t>7423668.0</t>
  </si>
  <si>
    <t>3741250.0</t>
  </si>
  <si>
    <t>20.86</t>
  </si>
  <si>
    <t>10.51</t>
  </si>
  <si>
    <t>47721.0</t>
  </si>
  <si>
    <t>1341.0</t>
  </si>
  <si>
    <t>24352.0</t>
  </si>
  <si>
    <t>50487.0</t>
  </si>
  <si>
    <t>1419.0</t>
  </si>
  <si>
    <t>26525.0</t>
  </si>
  <si>
    <t>53253.0</t>
  </si>
  <si>
    <t>1496.0</t>
  </si>
  <si>
    <t>28699.0</t>
  </si>
  <si>
    <t>56019.0</t>
  </si>
  <si>
    <t>1574.0</t>
  </si>
  <si>
    <t>30872.0</t>
  </si>
  <si>
    <t>58786.0</t>
  </si>
  <si>
    <t>1652.0</t>
  </si>
  <si>
    <t>33046.0</t>
  </si>
  <si>
    <t>61552.0</t>
  </si>
  <si>
    <t>35219.0</t>
  </si>
  <si>
    <t>11615144.0</t>
  </si>
  <si>
    <t>7685417.0</t>
  </si>
  <si>
    <t>3929727.0</t>
  </si>
  <si>
    <t>64318.0</t>
  </si>
  <si>
    <t>32.64</t>
  </si>
  <si>
    <t>21.59</t>
  </si>
  <si>
    <t>37393.0</t>
  </si>
  <si>
    <t>58842.0</t>
  </si>
  <si>
    <t>1653.0</t>
  </si>
  <si>
    <t>34466.0</t>
  </si>
  <si>
    <t>53366.0</t>
  </si>
  <si>
    <t>31539.0</t>
  </si>
  <si>
    <t>47890.0</t>
  </si>
  <si>
    <t>28611.0</t>
  </si>
  <si>
    <t>42414.0</t>
  </si>
  <si>
    <t>1192.0</t>
  </si>
  <si>
    <t>25684.0</t>
  </si>
  <si>
    <t>36937.0</t>
  </si>
  <si>
    <t>22757.0</t>
  </si>
  <si>
    <t>31461.0</t>
  </si>
  <si>
    <t>19830.0</t>
  </si>
  <si>
    <t>11797041.0</t>
  </si>
  <si>
    <t>7803739.0</t>
  </si>
  <si>
    <t>3993302.0</t>
  </si>
  <si>
    <t>25985.0</t>
  </si>
  <si>
    <t>16903.0</t>
  </si>
  <si>
    <t>43905.0</t>
  </si>
  <si>
    <t>1234.0</t>
  </si>
  <si>
    <t>41087.0</t>
  </si>
  <si>
    <t>12099891.0</t>
  </si>
  <si>
    <t>8176125.0</t>
  </si>
  <si>
    <t>4174988.0</t>
  </si>
  <si>
    <t>61825.0</t>
  </si>
  <si>
    <t>22.97</t>
  </si>
  <si>
    <t>11.73</t>
  </si>
  <si>
    <t>65272.0</t>
  </si>
  <si>
    <t>68018.0</t>
  </si>
  <si>
    <t>62934.0</t>
  </si>
  <si>
    <t>74210.0</t>
  </si>
  <si>
    <t>2085.0</t>
  </si>
  <si>
    <t>60597.0</t>
  </si>
  <si>
    <t>80403.0</t>
  </si>
  <si>
    <t>58259.0</t>
  </si>
  <si>
    <t>12377226.0</t>
  </si>
  <si>
    <t>8178286.0</t>
  </si>
  <si>
    <t>4198940.0</t>
  </si>
  <si>
    <t>86596.0</t>
  </si>
  <si>
    <t>22.98</t>
  </si>
  <si>
    <t>55921.0</t>
  </si>
  <si>
    <t>105234.0</t>
  </si>
  <si>
    <t>2957.0</t>
  </si>
  <si>
    <t>62074.0</t>
  </si>
  <si>
    <t>1317776.0</t>
  </si>
  <si>
    <t>38.192</t>
  </si>
  <si>
    <t>12690132.0</t>
  </si>
  <si>
    <t>8298224.0</t>
  </si>
  <si>
    <t>4308880.0</t>
  </si>
  <si>
    <t>105952.0</t>
  </si>
  <si>
    <t>35.66</t>
  </si>
  <si>
    <t>23.32</t>
  </si>
  <si>
    <t>2977.0</t>
  </si>
  <si>
    <t>44042.0</t>
  </si>
  <si>
    <t>104233.0</t>
  </si>
  <si>
    <t>33144.0</t>
  </si>
  <si>
    <t>114241.0</t>
  </si>
  <si>
    <t>3210.0</t>
  </si>
  <si>
    <t>48768.0</t>
  </si>
  <si>
    <t>124250.0</t>
  </si>
  <si>
    <t>64392.0</t>
  </si>
  <si>
    <t>134258.0</t>
  </si>
  <si>
    <t>3772.0</t>
  </si>
  <si>
    <t>80016.0</t>
  </si>
  <si>
    <t>144266.0</t>
  </si>
  <si>
    <t>4054.0</t>
  </si>
  <si>
    <t>95640.0</t>
  </si>
  <si>
    <t>0.269</t>
  </si>
  <si>
    <t>1337747.0</t>
  </si>
  <si>
    <t>38.771</t>
  </si>
  <si>
    <t>141829.0</t>
  </si>
  <si>
    <t>3985.0</t>
  </si>
  <si>
    <t>102774.0</t>
  </si>
  <si>
    <t>1344455.0</t>
  </si>
  <si>
    <t>6708.0</t>
  </si>
  <si>
    <t>38.965</t>
  </si>
  <si>
    <t>139392.0</t>
  </si>
  <si>
    <t>3917.0</t>
  </si>
  <si>
    <t>109908.0</t>
  </si>
  <si>
    <t>0.1295</t>
  </si>
  <si>
    <t>13944656.0</t>
  </si>
  <si>
    <t>9287396.0</t>
  </si>
  <si>
    <t>4540048.0</t>
  </si>
  <si>
    <t>39.18</t>
  </si>
  <si>
    <t>1347882.0</t>
  </si>
  <si>
    <t>39.065</t>
  </si>
  <si>
    <t>2874.0</t>
  </si>
  <si>
    <t>137872.0</t>
  </si>
  <si>
    <t>3874.0</t>
  </si>
  <si>
    <t>106383.0</t>
  </si>
  <si>
    <t>1360920.0</t>
  </si>
  <si>
    <t>13038.0</t>
  </si>
  <si>
    <t>39.443</t>
  </si>
  <si>
    <t>0.378</t>
  </si>
  <si>
    <t>4261.0</t>
  </si>
  <si>
    <t>136353.0</t>
  </si>
  <si>
    <t>3831.0</t>
  </si>
  <si>
    <t>102857.0</t>
  </si>
  <si>
    <t>4062.0</t>
  </si>
  <si>
    <t>0.1067</t>
  </si>
  <si>
    <t>134833.0</t>
  </si>
  <si>
    <t>99332.0</t>
  </si>
  <si>
    <t>1364783.0</t>
  </si>
  <si>
    <t>39.555</t>
  </si>
  <si>
    <t>133314.0</t>
  </si>
  <si>
    <t>95806.0</t>
  </si>
  <si>
    <t>0.1095</t>
  </si>
  <si>
    <t>14588435.0</t>
  </si>
  <si>
    <t>9713546.0</t>
  </si>
  <si>
    <t>4731866.0</t>
  </si>
  <si>
    <t>131795.0</t>
  </si>
  <si>
    <t>40.99</t>
  </si>
  <si>
    <t>3703.0</t>
  </si>
  <si>
    <t>92281.0</t>
  </si>
  <si>
    <t>0.259</t>
  </si>
  <si>
    <t>3071.0</t>
  </si>
  <si>
    <t>0.1002</t>
  </si>
  <si>
    <t>124771.0</t>
  </si>
  <si>
    <t>3506.0</t>
  </si>
  <si>
    <t>84754.0</t>
  </si>
  <si>
    <t>1368254.0</t>
  </si>
  <si>
    <t>39.655</t>
  </si>
  <si>
    <t>3073.0</t>
  </si>
  <si>
    <t>0.0695</t>
  </si>
  <si>
    <t>117747.0</t>
  </si>
  <si>
    <t>3309.0</t>
  </si>
  <si>
    <t>77226.0</t>
  </si>
  <si>
    <t>3476.0</t>
  </si>
  <si>
    <t>0.0351</t>
  </si>
  <si>
    <t>112242.0</t>
  </si>
  <si>
    <t>3154.0</t>
  </si>
  <si>
    <t>73225.0</t>
  </si>
  <si>
    <t>2178.0</t>
  </si>
  <si>
    <t>106738.0</t>
  </si>
  <si>
    <t>69223.0</t>
  </si>
  <si>
    <t>0.0263</t>
  </si>
  <si>
    <t>15039557.0</t>
  </si>
  <si>
    <t>9999633.0</t>
  </si>
  <si>
    <t>4880035.0</t>
  </si>
  <si>
    <t>101233.0</t>
  </si>
  <si>
    <t>42.26</t>
  </si>
  <si>
    <t>13.71</t>
  </si>
  <si>
    <t>2845.0</t>
  </si>
  <si>
    <t>65221.0</t>
  </si>
  <si>
    <t>1384080.0</t>
  </si>
  <si>
    <t>40.114</t>
  </si>
  <si>
    <t>0.0217</t>
  </si>
  <si>
    <t>46.2</t>
  </si>
  <si>
    <t>92346.0</t>
  </si>
  <si>
    <t>2595.0</t>
  </si>
  <si>
    <t>57987.0</t>
  </si>
  <si>
    <t>0.0161</t>
  </si>
  <si>
    <t>62.3</t>
  </si>
  <si>
    <t>83460.0</t>
  </si>
  <si>
    <t>50754.0</t>
  </si>
  <si>
    <t>0.0151</t>
  </si>
  <si>
    <t>80077.0</t>
  </si>
  <si>
    <t>2250.0</t>
  </si>
  <si>
    <t>47522.0</t>
  </si>
  <si>
    <t>0.0147</t>
  </si>
  <si>
    <t>76695.0</t>
  </si>
  <si>
    <t>2155.0</t>
  </si>
  <si>
    <t>44290.0</t>
  </si>
  <si>
    <t>2402.0</t>
  </si>
  <si>
    <t>0.0174</t>
  </si>
  <si>
    <t>57.4</t>
  </si>
  <si>
    <t>73312.0</t>
  </si>
  <si>
    <t>41058.0</t>
  </si>
  <si>
    <t>1390263.0</t>
  </si>
  <si>
    <t>40.293</t>
  </si>
  <si>
    <t>2014.0</t>
  </si>
  <si>
    <t>71.2</t>
  </si>
  <si>
    <t>69930.0</t>
  </si>
  <si>
    <t>37826.0</t>
  </si>
  <si>
    <t>1832.0</t>
  </si>
  <si>
    <t>0.0145</t>
  </si>
  <si>
    <t>68.9</t>
  </si>
  <si>
    <t>15505389.0</t>
  </si>
  <si>
    <t>10241793.0</t>
  </si>
  <si>
    <t>5088239.0</t>
  </si>
  <si>
    <t>66547.0</t>
  </si>
  <si>
    <t>43.57</t>
  </si>
  <si>
    <t>1870.0</t>
  </si>
  <si>
    <t>34594.0</t>
  </si>
  <si>
    <t>1395635.0</t>
  </si>
  <si>
    <t>40.449</t>
  </si>
  <si>
    <t>1651.0</t>
  </si>
  <si>
    <t>0.0134</t>
  </si>
  <si>
    <t>74.6</t>
  </si>
  <si>
    <t>66485.0</t>
  </si>
  <si>
    <t>1868.0</t>
  </si>
  <si>
    <t>34071.0</t>
  </si>
  <si>
    <t>1579.0</t>
  </si>
  <si>
    <t>68.7</t>
  </si>
  <si>
    <t>66423.0</t>
  </si>
  <si>
    <t>33549.0</t>
  </si>
  <si>
    <t>0.0154</t>
  </si>
  <si>
    <t>64.8</t>
  </si>
  <si>
    <t>66361.0</t>
  </si>
  <si>
    <t>33026.0</t>
  </si>
  <si>
    <t>1397845.0</t>
  </si>
  <si>
    <t>40.513</t>
  </si>
  <si>
    <t>1436.0</t>
  </si>
  <si>
    <t>0.0149</t>
  </si>
  <si>
    <t>66299.0</t>
  </si>
  <si>
    <t>1863.0</t>
  </si>
  <si>
    <t>32503.0</t>
  </si>
  <si>
    <t>1681.0</t>
  </si>
  <si>
    <t>112.1</t>
  </si>
  <si>
    <t>66237.0</t>
  </si>
  <si>
    <t>1861.0</t>
  </si>
  <si>
    <t>31980.0</t>
  </si>
  <si>
    <t>1403739.0</t>
  </si>
  <si>
    <t>40.684</t>
  </si>
  <si>
    <t>0.0097</t>
  </si>
  <si>
    <t>102.9</t>
  </si>
  <si>
    <t>15902065.0</t>
  </si>
  <si>
    <t>10427400.0</t>
  </si>
  <si>
    <t>5278086.0</t>
  </si>
  <si>
    <t>66175.0</t>
  </si>
  <si>
    <t>29.3</t>
  </si>
  <si>
    <t>14.83</t>
  </si>
  <si>
    <t>31457.0</t>
  </si>
  <si>
    <t>0.0094</t>
  </si>
  <si>
    <t>106.6</t>
  </si>
  <si>
    <t>63965.0</t>
  </si>
  <si>
    <t>1797.0</t>
  </si>
  <si>
    <t>29859.0</t>
  </si>
  <si>
    <t>99.5</t>
  </si>
  <si>
    <t>138204.0</t>
  </si>
  <si>
    <t>61817.0</t>
  </si>
  <si>
    <t>28784.0</t>
  </si>
  <si>
    <t>1408150.0</t>
  </si>
  <si>
    <t>40.811</t>
  </si>
  <si>
    <t>1683.0</t>
  </si>
  <si>
    <t>113.3</t>
  </si>
  <si>
    <t>59669.0</t>
  </si>
  <si>
    <t>27709.0</t>
  </si>
  <si>
    <t>0.0081</t>
  </si>
  <si>
    <t>124.2</t>
  </si>
  <si>
    <t>57521.0</t>
  </si>
  <si>
    <t>1616.0</t>
  </si>
  <si>
    <t>26634.0</t>
  </si>
  <si>
    <t>111.3</t>
  </si>
  <si>
    <t>55373.0</t>
  </si>
  <si>
    <t>25559.0</t>
  </si>
  <si>
    <t>1413392.0</t>
  </si>
  <si>
    <t>40.963</t>
  </si>
  <si>
    <t>87.5</t>
  </si>
  <si>
    <t>53225.0</t>
  </si>
  <si>
    <t>24484.0</t>
  </si>
  <si>
    <t>1621.0</t>
  </si>
  <si>
    <t>0.0102</t>
  </si>
  <si>
    <t>97.8</t>
  </si>
  <si>
    <t>16259606.0</t>
  </si>
  <si>
    <t>10591264.0</t>
  </si>
  <si>
    <t>5448403.0</t>
  </si>
  <si>
    <t>51077.0</t>
  </si>
  <si>
    <t>45.69</t>
  </si>
  <si>
    <t>1435.0</t>
  </si>
  <si>
    <t>23409.0</t>
  </si>
  <si>
    <t>1416784.0</t>
  </si>
  <si>
    <t>41.062</t>
  </si>
  <si>
    <t>1654.0</t>
  </si>
  <si>
    <t>0.0112</t>
  </si>
  <si>
    <t>89.1</t>
  </si>
  <si>
    <t>50451.0</t>
  </si>
  <si>
    <t>1418.0</t>
  </si>
  <si>
    <t>23452.0</t>
  </si>
  <si>
    <t>1788.0</t>
  </si>
  <si>
    <t>0.0093</t>
  </si>
  <si>
    <t>107.9</t>
  </si>
  <si>
    <t>49825.0</t>
  </si>
  <si>
    <t>23494.0</t>
  </si>
  <si>
    <t>1922.0</t>
  </si>
  <si>
    <t>0.0071</t>
  </si>
  <si>
    <t>140.1</t>
  </si>
  <si>
    <t>49199.0</t>
  </si>
  <si>
    <t>1382.0</t>
  </si>
  <si>
    <t>23537.0</t>
  </si>
  <si>
    <t>1424011.0</t>
  </si>
  <si>
    <t>41.271</t>
  </si>
  <si>
    <t>48573.0</t>
  </si>
  <si>
    <t>23580.0</t>
  </si>
  <si>
    <t>0.0046</t>
  </si>
  <si>
    <t>217.9</t>
  </si>
  <si>
    <t>47947.0</t>
  </si>
  <si>
    <t>1347.0</t>
  </si>
  <si>
    <t>23623.0</t>
  </si>
  <si>
    <t>160.7</t>
  </si>
  <si>
    <t>47321.0</t>
  </si>
  <si>
    <t>23665.0</t>
  </si>
  <si>
    <t>173.4</t>
  </si>
  <si>
    <t>46695.0</t>
  </si>
  <si>
    <t>23708.0</t>
  </si>
  <si>
    <t>1429452.0</t>
  </si>
  <si>
    <t>41.429</t>
  </si>
  <si>
    <t>16633167.0</t>
  </si>
  <si>
    <t>10780927.0</t>
  </si>
  <si>
    <t>5609044.0</t>
  </si>
  <si>
    <t>15.76</t>
  </si>
  <si>
    <t>250.4</t>
  </si>
  <si>
    <t>45192.0</t>
  </si>
  <si>
    <t>1270.0</t>
  </si>
  <si>
    <t>23049.0</t>
  </si>
  <si>
    <t>1431471.0</t>
  </si>
  <si>
    <t>41.487</t>
  </si>
  <si>
    <t>0.0096</t>
  </si>
  <si>
    <t>103.9</t>
  </si>
  <si>
    <t>227810.0</t>
  </si>
  <si>
    <t>43688.0</t>
  </si>
  <si>
    <t>22389.0</t>
  </si>
  <si>
    <t>1436142.0</t>
  </si>
  <si>
    <t>4671.0</t>
  </si>
  <si>
    <t>41.623</t>
  </si>
  <si>
    <t>0.0078</t>
  </si>
  <si>
    <t>127.7</t>
  </si>
  <si>
    <t>42185.0</t>
  </si>
  <si>
    <t>21730.0</t>
  </si>
  <si>
    <t>1438402.0</t>
  </si>
  <si>
    <t>41.688</t>
  </si>
  <si>
    <t>124.1</t>
  </si>
  <si>
    <t>40682.0</t>
  </si>
  <si>
    <t>21070.0</t>
  </si>
  <si>
    <t>1439861.0</t>
  </si>
  <si>
    <t>41.731</t>
  </si>
  <si>
    <t>1876.0</t>
  </si>
  <si>
    <t>0.0049</t>
  </si>
  <si>
    <t>39178.0</t>
  </si>
  <si>
    <t>20411.0</t>
  </si>
  <si>
    <t>194.7</t>
  </si>
  <si>
    <t>16850195.0</t>
  </si>
  <si>
    <t>10895481.0</t>
  </si>
  <si>
    <t>5699666.0</t>
  </si>
  <si>
    <t>37675.0</t>
  </si>
  <si>
    <t>47.35</t>
  </si>
  <si>
    <t>30.61</t>
  </si>
  <si>
    <t>1059.0</t>
  </si>
  <si>
    <t>0.0057</t>
  </si>
  <si>
    <t>37541.0</t>
  </si>
  <si>
    <t>19381.0</t>
  </si>
  <si>
    <t>1453019.0</t>
  </si>
  <si>
    <t>42.112</t>
  </si>
  <si>
    <t>3222.0</t>
  </si>
  <si>
    <t>0.0048</t>
  </si>
  <si>
    <t>206.9</t>
  </si>
  <si>
    <t>258168.0</t>
  </si>
  <si>
    <t>38911.0</t>
  </si>
  <si>
    <t>1093.0</t>
  </si>
  <si>
    <t>19669.0</t>
  </si>
  <si>
    <t>0.0023</t>
  </si>
  <si>
    <t>429.6</t>
  </si>
  <si>
    <t>40281.0</t>
  </si>
  <si>
    <t>19957.0</t>
  </si>
  <si>
    <t>1460619.0</t>
  </si>
  <si>
    <t>42.332</t>
  </si>
  <si>
    <t>216.6</t>
  </si>
  <si>
    <t>41651.0</t>
  </si>
  <si>
    <t>20245.0</t>
  </si>
  <si>
    <t>3449.0</t>
  </si>
  <si>
    <t>199.5</t>
  </si>
  <si>
    <t>43021.0</t>
  </si>
  <si>
    <t>20533.0</t>
  </si>
  <si>
    <t>3515.0</t>
  </si>
  <si>
    <t>196.8</t>
  </si>
  <si>
    <t>44391.0</t>
  </si>
  <si>
    <t>1247.0</t>
  </si>
  <si>
    <t>20821.0</t>
  </si>
  <si>
    <t>174.4</t>
  </si>
  <si>
    <t>45761.0</t>
  </si>
  <si>
    <t>21110.0</t>
  </si>
  <si>
    <t>0.0066</t>
  </si>
  <si>
    <t>151.4</t>
  </si>
  <si>
    <t>0.0086</t>
  </si>
  <si>
    <t>116.4</t>
  </si>
  <si>
    <t>17262044.0</t>
  </si>
  <si>
    <t>11085468.0</t>
  </si>
  <si>
    <t>5888639.0</t>
  </si>
  <si>
    <t>48.5</t>
  </si>
  <si>
    <t>31.15</t>
  </si>
  <si>
    <t>2193.0</t>
  </si>
  <si>
    <t>103.7</t>
  </si>
  <si>
    <t>44105.0</t>
  </si>
  <si>
    <t>20765.0</t>
  </si>
  <si>
    <t>143.3</t>
  </si>
  <si>
    <t>42450.0</t>
  </si>
  <si>
    <t>20421.0</t>
  </si>
  <si>
    <t>1476020.0</t>
  </si>
  <si>
    <t>42.779</t>
  </si>
  <si>
    <t>0.0056</t>
  </si>
  <si>
    <t>177.3</t>
  </si>
  <si>
    <t>40794.0</t>
  </si>
  <si>
    <t>1146.0</t>
  </si>
  <si>
    <t>20076.0</t>
  </si>
  <si>
    <t>178.6</t>
  </si>
  <si>
    <t>39138.0</t>
  </si>
  <si>
    <t>1100.0</t>
  </si>
  <si>
    <t>19732.0</t>
  </si>
  <si>
    <t>0.0069</t>
  </si>
  <si>
    <t>144.5</t>
  </si>
  <si>
    <t>37482.0</t>
  </si>
  <si>
    <t>19388.0</t>
  </si>
  <si>
    <t>2197.0</t>
  </si>
  <si>
    <t>210.7</t>
  </si>
  <si>
    <t>35827.0</t>
  </si>
  <si>
    <t>19043.0</t>
  </si>
  <si>
    <t>1486258.0</t>
  </si>
  <si>
    <t>43.075</t>
  </si>
  <si>
    <t>205.3</t>
  </si>
  <si>
    <t>296060.0</t>
  </si>
  <si>
    <t>34171.0</t>
  </si>
  <si>
    <t>18699.0</t>
  </si>
  <si>
    <t>154.7</t>
  </si>
  <si>
    <t>17535411.0</t>
  </si>
  <si>
    <t>11235059.0</t>
  </si>
  <si>
    <t>5993792.0</t>
  </si>
  <si>
    <t>306560.0</t>
  </si>
  <si>
    <t>49.27</t>
  </si>
  <si>
    <t>31.57</t>
  </si>
  <si>
    <t>2089.0</t>
  </si>
  <si>
    <t>30902.0</t>
  </si>
  <si>
    <t>27554.0</t>
  </si>
  <si>
    <t>1990.0</t>
  </si>
  <si>
    <t>124.4</t>
  </si>
  <si>
    <t>27633.0</t>
  </si>
  <si>
    <t>36409.0</t>
  </si>
  <si>
    <t>1491179.0</t>
  </si>
  <si>
    <t>43.218</t>
  </si>
  <si>
    <t>0.0083</t>
  </si>
  <si>
    <t>24364.0</t>
  </si>
  <si>
    <t>45263.0</t>
  </si>
  <si>
    <t>1591.0</t>
  </si>
  <si>
    <t>139.2</t>
  </si>
  <si>
    <t>21095.0</t>
  </si>
  <si>
    <t>54118.0</t>
  </si>
  <si>
    <t>120.9</t>
  </si>
  <si>
    <t>17826.0</t>
  </si>
  <si>
    <t>62973.0</t>
  </si>
  <si>
    <t>1174.0</t>
  </si>
  <si>
    <t>93.4</t>
  </si>
  <si>
    <t>14557.0</t>
  </si>
  <si>
    <t>71828.0</t>
  </si>
  <si>
    <t>1495572.0</t>
  </si>
  <si>
    <t>43.345</t>
  </si>
  <si>
    <t>11799837.0</t>
  </si>
  <si>
    <t>6127137.0</t>
  </si>
  <si>
    <t>333230.0</t>
  </si>
  <si>
    <t>11288.0</t>
  </si>
  <si>
    <t>17.22</t>
  </si>
  <si>
    <t>80683.0</t>
  </si>
  <si>
    <t>1080.0</t>
  </si>
  <si>
    <t>0.0116</t>
  </si>
  <si>
    <t>85.9</t>
  </si>
  <si>
    <t>70643.0</t>
  </si>
  <si>
    <t>1004.0</t>
  </si>
  <si>
    <t>60603.0</t>
  </si>
  <si>
    <t>929.0</t>
  </si>
  <si>
    <t>0.0121</t>
  </si>
  <si>
    <t>82.3</t>
  </si>
  <si>
    <t>50563.0</t>
  </si>
  <si>
    <t>0.142</t>
  </si>
  <si>
    <t>0.0092</t>
  </si>
  <si>
    <t>109.1</t>
  </si>
  <si>
    <t>40523.0</t>
  </si>
  <si>
    <t>0.0098</t>
  </si>
  <si>
    <t>102.1</t>
  </si>
  <si>
    <t>30483.0</t>
  </si>
  <si>
    <t>1499795.0</t>
  </si>
  <si>
    <t>43.468</t>
  </si>
  <si>
    <t>212.8</t>
  </si>
  <si>
    <t>20443.0</t>
  </si>
  <si>
    <t>10403.0</t>
  </si>
  <si>
    <t>1604.0</t>
  </si>
  <si>
    <t>2054.0</t>
  </si>
  <si>
    <t>171.5</t>
  </si>
  <si>
    <t>17896626.0</t>
  </si>
  <si>
    <t>12059919.0</t>
  </si>
  <si>
    <t>6327907.0</t>
  </si>
  <si>
    <t>369899.0</t>
  </si>
  <si>
    <t>50.29</t>
  </si>
  <si>
    <t>33.89</t>
  </si>
  <si>
    <t>17.78</t>
  </si>
  <si>
    <t>12616.0</t>
  </si>
  <si>
    <t>10442.0</t>
  </si>
  <si>
    <t>13944.0</t>
  </si>
  <si>
    <t>10481.0</t>
  </si>
  <si>
    <t>15272.0</t>
  </si>
  <si>
    <t>10520.0</t>
  </si>
  <si>
    <t>16600.0</t>
  </si>
  <si>
    <t>10559.0</t>
  </si>
  <si>
    <t>17928.0</t>
  </si>
  <si>
    <t>10597.0</t>
  </si>
  <si>
    <t>19256.0</t>
  </si>
  <si>
    <t>10636.0</t>
  </si>
  <si>
    <t>20584.0</t>
  </si>
  <si>
    <t>10675.0</t>
  </si>
  <si>
    <t>18431807.0</t>
  </si>
  <si>
    <t>12337467.0</t>
  </si>
  <si>
    <t>6555241.0</t>
  </si>
  <si>
    <t>431381.0</t>
  </si>
  <si>
    <t>51.79</t>
  </si>
  <si>
    <t>28348.0</t>
  </si>
  <si>
    <t>12859.0</t>
  </si>
  <si>
    <t>109.3</t>
  </si>
  <si>
    <t>36112.0</t>
  </si>
  <si>
    <t>15042.0</t>
  </si>
  <si>
    <t>66.5</t>
  </si>
  <si>
    <t>43876.0</t>
  </si>
  <si>
    <t>1233.0</t>
  </si>
  <si>
    <t>17226.0</t>
  </si>
  <si>
    <t>51640.0</t>
  </si>
  <si>
    <t>1451.0</t>
  </si>
  <si>
    <t>19410.0</t>
  </si>
  <si>
    <t>59404.0</t>
  </si>
  <si>
    <t>1669.0</t>
  </si>
  <si>
    <t>21594.0</t>
  </si>
  <si>
    <t>67168.0</t>
  </si>
  <si>
    <t>1887.0</t>
  </si>
  <si>
    <t>23778.0</t>
  </si>
  <si>
    <t>1618311.0</t>
  </si>
  <si>
    <t>46.902</t>
  </si>
  <si>
    <t>18956333.0</t>
  </si>
  <si>
    <t>444914.0</t>
  </si>
  <si>
    <t>74932.0</t>
  </si>
  <si>
    <t>53.26</t>
  </si>
  <si>
    <t>25961.0</t>
  </si>
  <si>
    <t>75056.0</t>
  </si>
  <si>
    <t>0.0285</t>
  </si>
  <si>
    <t>35.1</t>
  </si>
  <si>
    <t>75180.0</t>
  </si>
  <si>
    <t>2112.0</t>
  </si>
  <si>
    <t>0.0251</t>
  </si>
  <si>
    <t>39.8</t>
  </si>
  <si>
    <t>75304.0</t>
  </si>
  <si>
    <t>2116.0</t>
  </si>
  <si>
    <t>1618566.0</t>
  </si>
  <si>
    <t>46.91</t>
  </si>
  <si>
    <t>30.3</t>
  </si>
  <si>
    <t>75428.0</t>
  </si>
  <si>
    <t>75551.0</t>
  </si>
  <si>
    <t>2123.0</t>
  </si>
  <si>
    <t>75675.0</t>
  </si>
  <si>
    <t>2126.0</t>
  </si>
  <si>
    <t>19486927.0</t>
  </si>
  <si>
    <t>12700926.0</t>
  </si>
  <si>
    <t>6811268.0</t>
  </si>
  <si>
    <t>512820.0</t>
  </si>
  <si>
    <t>75799.0</t>
  </si>
  <si>
    <t>54.76</t>
  </si>
  <si>
    <t>35.69</t>
  </si>
  <si>
    <t>19.14</t>
  </si>
  <si>
    <t>71162.0</t>
  </si>
  <si>
    <t>25333.0</t>
  </si>
  <si>
    <t>66526.0</t>
  </si>
  <si>
    <t>1869.0</t>
  </si>
  <si>
    <t>24704.0</t>
  </si>
  <si>
    <t>61889.0</t>
  </si>
  <si>
    <t>24075.0</t>
  </si>
  <si>
    <t>57252.0</t>
  </si>
  <si>
    <t>1609.0</t>
  </si>
  <si>
    <t>23447.0</t>
  </si>
  <si>
    <t>52616.0</t>
  </si>
  <si>
    <t>22818.0</t>
  </si>
  <si>
    <t>47979.0</t>
  </si>
  <si>
    <t>22189.0</t>
  </si>
  <si>
    <t>43342.0</t>
  </si>
  <si>
    <t>1218.0</t>
  </si>
  <si>
    <t>21560.0</t>
  </si>
  <si>
    <t>20397115.0</t>
  </si>
  <si>
    <t>13153694.0</t>
  </si>
  <si>
    <t>7127231.0</t>
  </si>
  <si>
    <t>737233.0</t>
  </si>
  <si>
    <t>57.31</t>
  </si>
  <si>
    <t>36.96</t>
  </si>
  <si>
    <t>43371.0</t>
  </si>
  <si>
    <t>1219.0</t>
  </si>
  <si>
    <t>20956.0</t>
  </si>
  <si>
    <t>20353.0</t>
  </si>
  <si>
    <t>43428.0</t>
  </si>
  <si>
    <t>19749.0</t>
  </si>
  <si>
    <t>43457.0</t>
  </si>
  <si>
    <t>1221.0</t>
  </si>
  <si>
    <t>19145.0</t>
  </si>
  <si>
    <t>43486.0</t>
  </si>
  <si>
    <t>18541.0</t>
  </si>
  <si>
    <t>43514.0</t>
  </si>
  <si>
    <t>1223.0</t>
  </si>
  <si>
    <t>17937.0</t>
  </si>
  <si>
    <t>20701915.0</t>
  </si>
  <si>
    <t>13275026.0</t>
  </si>
  <si>
    <t>7226565.0</t>
  </si>
  <si>
    <t>808939.0</t>
  </si>
  <si>
    <t>43543.0</t>
  </si>
  <si>
    <t>58.17</t>
  </si>
  <si>
    <t>20.31</t>
  </si>
  <si>
    <t>17333.0</t>
  </si>
  <si>
    <t>41383.0</t>
  </si>
  <si>
    <t>1163.0</t>
  </si>
  <si>
    <t>39223.0</t>
  </si>
  <si>
    <t>17134.0</t>
  </si>
  <si>
    <t>37064.0</t>
  </si>
  <si>
    <t>1041.0</t>
  </si>
  <si>
    <t>17034.0</t>
  </si>
  <si>
    <t>34904.0</t>
  </si>
  <si>
    <t>32744.0</t>
  </si>
  <si>
    <t>16835.0</t>
  </si>
  <si>
    <t>30585.0</t>
  </si>
  <si>
    <t>28425.0</t>
  </si>
  <si>
    <t>16636.0</t>
  </si>
  <si>
    <t>21099865.0</t>
  </si>
  <si>
    <t>13507932.0</t>
  </si>
  <si>
    <t>7393934.0</t>
  </si>
  <si>
    <t>906537.0</t>
  </si>
  <si>
    <t>59.29</t>
  </si>
  <si>
    <t>37.96</t>
  </si>
  <si>
    <t>20.78</t>
  </si>
  <si>
    <t>28919.0</t>
  </si>
  <si>
    <t>16951.0</t>
  </si>
  <si>
    <t>29413.0</t>
  </si>
  <si>
    <t>17265.0</t>
  </si>
  <si>
    <t>29906.0</t>
  </si>
  <si>
    <t>17580.0</t>
  </si>
  <si>
    <t>30400.0</t>
  </si>
  <si>
    <t>17895.0</t>
  </si>
  <si>
    <t>30894.0</t>
  </si>
  <si>
    <t>18209.0</t>
  </si>
  <si>
    <t>31388.0</t>
  </si>
  <si>
    <t>21323036.0</t>
  </si>
  <si>
    <t>13639803.0</t>
  </si>
  <si>
    <t>7478983.0</t>
  </si>
  <si>
    <t>944797.0</t>
  </si>
  <si>
    <t>31882.0</t>
  </si>
  <si>
    <t>59.91</t>
  </si>
  <si>
    <t>38.33</t>
  </si>
  <si>
    <t>896.0</t>
  </si>
  <si>
    <t>18839.0</t>
  </si>
  <si>
    <t>30392.0</t>
  </si>
  <si>
    <t>18891.0</t>
  </si>
  <si>
    <t>28902.0</t>
  </si>
  <si>
    <t>18943.0</t>
  </si>
  <si>
    <t>27412.0</t>
  </si>
  <si>
    <t>18995.0</t>
  </si>
  <si>
    <t>25922.0</t>
  </si>
  <si>
    <t>19047.0</t>
  </si>
  <si>
    <t>24432.0</t>
  </si>
  <si>
    <t>19099.0</t>
  </si>
  <si>
    <t>22942.0</t>
  </si>
  <si>
    <t>19152.0</t>
  </si>
  <si>
    <t>21452.0</t>
  </si>
  <si>
    <t>19204.0</t>
  </si>
  <si>
    <t>21623361.0</t>
  </si>
  <si>
    <t>13908654.0</t>
  </si>
  <si>
    <t>7638251.0</t>
  </si>
  <si>
    <t>1027838.0</t>
  </si>
  <si>
    <t>60.76</t>
  </si>
  <si>
    <t>39.08</t>
  </si>
  <si>
    <t>21.46</t>
  </si>
  <si>
    <t>25904.0</t>
  </si>
  <si>
    <t>19096.0</t>
  </si>
  <si>
    <t>30357.0</t>
  </si>
  <si>
    <t>18988.0</t>
  </si>
  <si>
    <t>34809.0</t>
  </si>
  <si>
    <t>18879.0</t>
  </si>
  <si>
    <t>39262.0</t>
  </si>
  <si>
    <t>18771.0</t>
  </si>
  <si>
    <t>43714.0</t>
  </si>
  <si>
    <t>18663.0</t>
  </si>
  <si>
    <t>48167.0</t>
  </si>
  <si>
    <t>18555.0</t>
  </si>
  <si>
    <t>21991698.0</t>
  </si>
  <si>
    <t>14037784.0</t>
  </si>
  <si>
    <t>7713554.0</t>
  </si>
  <si>
    <t>1066507.0</t>
  </si>
  <si>
    <t>52620.0</t>
  </si>
  <si>
    <t>61.79</t>
  </si>
  <si>
    <t>39.44</t>
  </si>
  <si>
    <t>21.67</t>
  </si>
  <si>
    <t>18447.0</t>
  </si>
  <si>
    <t>47732.0</t>
  </si>
  <si>
    <t>17424.0</t>
  </si>
  <si>
    <t>1204.0</t>
  </si>
  <si>
    <t>16401.0</t>
  </si>
  <si>
    <t>37957.0</t>
  </si>
  <si>
    <t>15378.0</t>
  </si>
  <si>
    <t>33069.0</t>
  </si>
  <si>
    <t>28182.0</t>
  </si>
  <si>
    <t>13332.0</t>
  </si>
  <si>
    <t>23294.0</t>
  </si>
  <si>
    <t>12309.0</t>
  </si>
  <si>
    <t>22120543.0</t>
  </si>
  <si>
    <t>18406.0</t>
  </si>
  <si>
    <t>62.16</t>
  </si>
  <si>
    <t>11286.0</t>
  </si>
  <si>
    <t>17940.0</t>
  </si>
  <si>
    <t>17474.0</t>
  </si>
  <si>
    <t>17007.0</t>
  </si>
  <si>
    <t>478.0</t>
  </si>
  <si>
    <t>16541.0</t>
  </si>
  <si>
    <t>16074.0</t>
  </si>
  <si>
    <t>15608.0</t>
  </si>
  <si>
    <t>22226535.0</t>
  </si>
  <si>
    <t>14195788.0</t>
  </si>
  <si>
    <t>7795780.0</t>
  </si>
  <si>
    <t>1115824.0</t>
  </si>
  <si>
    <t>15142.0</t>
  </si>
  <si>
    <t>62.45</t>
  </si>
  <si>
    <t>39.89</t>
  </si>
  <si>
    <t>14419.0</t>
  </si>
  <si>
    <t>10185.0</t>
  </si>
  <si>
    <t>13696.0</t>
  </si>
  <si>
    <t>9084.0</t>
  </si>
  <si>
    <t>12973.0</t>
  </si>
  <si>
    <t>7982.0</t>
  </si>
  <si>
    <t>11527.0</t>
  </si>
  <si>
    <t>5780.0</t>
  </si>
  <si>
    <t>10804.0</t>
  </si>
  <si>
    <t>4679.0</t>
  </si>
  <si>
    <t>22297104.0</t>
  </si>
  <si>
    <t>14220830.0</t>
  </si>
  <si>
    <t>7814121.0</t>
  </si>
  <si>
    <t>10081.0</t>
  </si>
  <si>
    <t>62.65</t>
  </si>
  <si>
    <t>39.96</t>
  </si>
  <si>
    <t>10310.0</t>
  </si>
  <si>
    <t>3066.0</t>
  </si>
  <si>
    <t>2555.0</t>
  </si>
  <si>
    <t>10767.0</t>
  </si>
  <si>
    <t>2044.0</t>
  </si>
  <si>
    <t>10996.0</t>
  </si>
  <si>
    <t>1533.0</t>
  </si>
  <si>
    <t>11224.0</t>
  </si>
  <si>
    <t>11453.0</t>
  </si>
  <si>
    <t>11681.0</t>
  </si>
  <si>
    <t>22624179.0</t>
  </si>
  <si>
    <t>1127156.0</t>
  </si>
  <si>
    <t>63.57</t>
  </si>
  <si>
    <t>3.17</t>
  </si>
  <si>
    <t>11483.0</t>
  </si>
  <si>
    <t>11285.0</t>
  </si>
  <si>
    <t>11086.0</t>
  </si>
  <si>
    <t>10888.0</t>
  </si>
  <si>
    <t>10690.0</t>
  </si>
  <si>
    <t>10491.0</t>
  </si>
  <si>
    <t>22696229.0</t>
  </si>
  <si>
    <t>10293.0</t>
  </si>
  <si>
    <t>63.77</t>
  </si>
  <si>
    <t>11234.0</t>
  </si>
  <si>
    <t>12176.0</t>
  </si>
  <si>
    <t>13117.0</t>
  </si>
  <si>
    <t>14059.0</t>
  </si>
  <si>
    <t>15000.0</t>
  </si>
  <si>
    <t>15942.0</t>
  </si>
  <si>
    <t>22814412.0</t>
  </si>
  <si>
    <t>16883.0</t>
  </si>
  <si>
    <t>64.11</t>
  </si>
  <si>
    <t>16552.0</t>
  </si>
  <si>
    <t>16221.0</t>
  </si>
  <si>
    <t>15890.0</t>
  </si>
  <si>
    <t>15559.0</t>
  </si>
  <si>
    <t>15227.0</t>
  </si>
  <si>
    <t>14896.0</t>
  </si>
  <si>
    <t>22916368.0</t>
  </si>
  <si>
    <t>14565.0</t>
  </si>
  <si>
    <t>64.39</t>
  </si>
  <si>
    <t>14003.0</t>
  </si>
  <si>
    <t>13441.0</t>
  </si>
  <si>
    <t>12879.0</t>
  </si>
  <si>
    <t>12317.0</t>
  </si>
  <si>
    <t>346.0</t>
  </si>
  <si>
    <t>11755.0</t>
  </si>
  <si>
    <t>11194.0</t>
  </si>
  <si>
    <t>22990789.0</t>
  </si>
  <si>
    <t>10632.0</t>
  </si>
  <si>
    <t>64.6</t>
  </si>
  <si>
    <t>10974.0</t>
  </si>
  <si>
    <t>11317.0</t>
  </si>
  <si>
    <t>11660.0</t>
  </si>
  <si>
    <t>12003.0</t>
  </si>
  <si>
    <t>12346.0</t>
  </si>
  <si>
    <t>12689.0</t>
  </si>
  <si>
    <t>13032.0</t>
  </si>
  <si>
    <t>23173235.0</t>
  </si>
  <si>
    <t>65.11</t>
  </si>
  <si>
    <t>12319.0</t>
  </si>
  <si>
    <t>11606.0</t>
  </si>
  <si>
    <t>10893.0</t>
  </si>
  <si>
    <t>10180.0</t>
  </si>
  <si>
    <t>9467.0</t>
  </si>
  <si>
    <t>8754.0</t>
  </si>
  <si>
    <t>23229526.0</t>
  </si>
  <si>
    <t>8042.0</t>
  </si>
  <si>
    <t>65.27</t>
  </si>
  <si>
    <t>9058.0</t>
  </si>
  <si>
    <t>10075.0</t>
  </si>
  <si>
    <t>11091.0</t>
  </si>
  <si>
    <t>12107.0</t>
  </si>
  <si>
    <t>13124.0</t>
  </si>
  <si>
    <t>14140.0</t>
  </si>
  <si>
    <t>23335624.0</t>
  </si>
  <si>
    <t>15157.0</t>
  </si>
  <si>
    <t>15696.0</t>
  </si>
  <si>
    <t>13613.0</t>
  </si>
  <si>
    <t>16235.0</t>
  </si>
  <si>
    <t>27225.0</t>
  </si>
  <si>
    <t>16774.0</t>
  </si>
  <si>
    <t>40838.0</t>
  </si>
  <si>
    <t>17313.0</t>
  </si>
  <si>
    <t>54450.0</t>
  </si>
  <si>
    <t>17852.0</t>
  </si>
  <si>
    <t>68063.0</t>
  </si>
  <si>
    <t>18391.0</t>
  </si>
  <si>
    <t>81676.0</t>
  </si>
  <si>
    <t>23468138.0</t>
  </si>
  <si>
    <t>14887847.0</t>
  </si>
  <si>
    <t>8193976.0</t>
  </si>
  <si>
    <t>1368465.0</t>
  </si>
  <si>
    <t>18931.0</t>
  </si>
  <si>
    <t>65.94</t>
  </si>
  <si>
    <t>41.83</t>
  </si>
  <si>
    <t>23.02</t>
  </si>
  <si>
    <t>95288.0</t>
  </si>
  <si>
    <t>18603.0</t>
  </si>
  <si>
    <t>82719.0</t>
  </si>
  <si>
    <t>18275.0</t>
  </si>
  <si>
    <t>70150.0</t>
  </si>
  <si>
    <t>17947.0</t>
  </si>
  <si>
    <t>57582.0</t>
  </si>
  <si>
    <t>17620.0</t>
  </si>
  <si>
    <t>45013.0</t>
  </si>
  <si>
    <t>17292.0</t>
  </si>
  <si>
    <t>32444.0</t>
  </si>
  <si>
    <t>16964.0</t>
  </si>
  <si>
    <t>19875.0</t>
  </si>
  <si>
    <t>7306.0</t>
  </si>
  <si>
    <t>23701049.0</t>
  </si>
  <si>
    <t>14990131.0</t>
  </si>
  <si>
    <t>8253873.0</t>
  </si>
  <si>
    <t>1457126.0</t>
  </si>
  <si>
    <t>66.6</t>
  </si>
  <si>
    <t>42.12</t>
  </si>
  <si>
    <t>23.19</t>
  </si>
  <si>
    <t>AIA</t>
  </si>
  <si>
    <t>North America</t>
  </si>
  <si>
    <t>Anguilla</t>
  </si>
  <si>
    <t>9385.0</t>
  </si>
  <si>
    <t>20848.0</t>
  </si>
  <si>
    <t>2.085</t>
  </si>
  <si>
    <t>20344.0</t>
  </si>
  <si>
    <t>2.034</t>
  </si>
  <si>
    <t>19903.0</t>
  </si>
  <si>
    <t>19462.0</t>
  </si>
  <si>
    <t>1.946</t>
  </si>
  <si>
    <t>18958.0</t>
  </si>
  <si>
    <t>1.896</t>
  </si>
  <si>
    <t>18517.0</t>
  </si>
  <si>
    <t>18013.0</t>
  </si>
  <si>
    <t>1.801</t>
  </si>
  <si>
    <t>6109.0</t>
  </si>
  <si>
    <t>3929.0</t>
  </si>
  <si>
    <t>24.75</t>
  </si>
  <si>
    <t>5858.0</t>
  </si>
  <si>
    <t>0.586</t>
  </si>
  <si>
    <t>5606.0</t>
  </si>
  <si>
    <t>0.561</t>
  </si>
  <si>
    <t>5417.0</t>
  </si>
  <si>
    <t>0.542</t>
  </si>
  <si>
    <t>5165.0</t>
  </si>
  <si>
    <t>4913.0</t>
  </si>
  <si>
    <t>4661.0</t>
  </si>
  <si>
    <t>4409.0</t>
  </si>
  <si>
    <t>4700.0</t>
  </si>
  <si>
    <t>4472.0</t>
  </si>
  <si>
    <t>4535.0</t>
  </si>
  <si>
    <t>0.453</t>
  </si>
  <si>
    <t>5000.0</t>
  </si>
  <si>
    <t>31.49</t>
  </si>
  <si>
    <t>0.428</t>
  </si>
  <si>
    <t>4094.0</t>
  </si>
  <si>
    <t>3968.0</t>
  </si>
  <si>
    <t>0.397</t>
  </si>
  <si>
    <t>5348.0</t>
  </si>
  <si>
    <t>33.68</t>
  </si>
  <si>
    <t>3338.0</t>
  </si>
  <si>
    <t>2645.0</t>
  </si>
  <si>
    <t>1638.0</t>
  </si>
  <si>
    <t>36.75</t>
  </si>
  <si>
    <t>2078.0</t>
  </si>
  <si>
    <t>2834.0</t>
  </si>
  <si>
    <t>5921.0</t>
  </si>
  <si>
    <t>6898.0</t>
  </si>
  <si>
    <t>6115.0</t>
  </si>
  <si>
    <t>43.45</t>
  </si>
  <si>
    <t>38.51</t>
  </si>
  <si>
    <t>7999.0</t>
  </si>
  <si>
    <t>0.246</t>
  </si>
  <si>
    <t>9322.0</t>
  </si>
  <si>
    <t>10644.0</t>
  </si>
  <si>
    <t>0.391</t>
  </si>
  <si>
    <t>11967.0</t>
  </si>
  <si>
    <t>13290.0</t>
  </si>
  <si>
    <t>0.535</t>
  </si>
  <si>
    <t>14612.0</t>
  </si>
  <si>
    <t>15935.0</t>
  </si>
  <si>
    <t>8811.0</t>
  </si>
  <si>
    <t>4424.0</t>
  </si>
  <si>
    <t>83.36</t>
  </si>
  <si>
    <t>55.5</t>
  </si>
  <si>
    <t>14675.0</t>
  </si>
  <si>
    <t>13353.0</t>
  </si>
  <si>
    <t>12093.0</t>
  </si>
  <si>
    <t>10770.0</t>
  </si>
  <si>
    <t>9511.0</t>
  </si>
  <si>
    <t>0.271</t>
  </si>
  <si>
    <t>6928.0</t>
  </si>
  <si>
    <t>14443.0</t>
  </si>
  <si>
    <t>9004.0</t>
  </si>
  <si>
    <t>90.97</t>
  </si>
  <si>
    <t>56.71</t>
  </si>
  <si>
    <t>34.26</t>
  </si>
  <si>
    <t>6046.0</t>
  </si>
  <si>
    <t>5228.0</t>
  </si>
  <si>
    <t>3527.0</t>
  </si>
  <si>
    <t>1890.0</t>
  </si>
  <si>
    <t>9044.0</t>
  </si>
  <si>
    <t>5513.0</t>
  </si>
  <si>
    <t>91.69</t>
  </si>
  <si>
    <t>56.96</t>
  </si>
  <si>
    <t>34.72</t>
  </si>
  <si>
    <t>3086.0</t>
  </si>
  <si>
    <t>14937.0</t>
  </si>
  <si>
    <t>9119.0</t>
  </si>
  <si>
    <t>94.08</t>
  </si>
  <si>
    <t>57.44</t>
  </si>
  <si>
    <t>36.64</t>
  </si>
  <si>
    <t>3401.0</t>
  </si>
  <si>
    <t>2519.0</t>
  </si>
  <si>
    <t>15198.0</t>
  </si>
  <si>
    <t>9183.0</t>
  </si>
  <si>
    <t>95.72</t>
  </si>
  <si>
    <t>57.84</t>
  </si>
  <si>
    <t>37.88</t>
  </si>
  <si>
    <t>3212.0</t>
  </si>
  <si>
    <t>4031.0</t>
  </si>
  <si>
    <t>15789.0</t>
  </si>
  <si>
    <t>9264.0</t>
  </si>
  <si>
    <t>6525.0</t>
  </si>
  <si>
    <t>99.45</t>
  </si>
  <si>
    <t>58.35</t>
  </si>
  <si>
    <t>41.1</t>
  </si>
  <si>
    <t>5291.0</t>
  </si>
  <si>
    <t>5543.0</t>
  </si>
  <si>
    <t>5732.0</t>
  </si>
  <si>
    <t>16460.0</t>
  </si>
  <si>
    <t>9300.0</t>
  </si>
  <si>
    <t>103.67</t>
  </si>
  <si>
    <t>58.58</t>
  </si>
  <si>
    <t>45.1</t>
  </si>
  <si>
    <t>4850.0</t>
  </si>
  <si>
    <t>9321.0</t>
  </si>
  <si>
    <t>7630.0</t>
  </si>
  <si>
    <t>106.76</t>
  </si>
  <si>
    <t>58.71</t>
  </si>
  <si>
    <t>48.06</t>
  </si>
  <si>
    <t>31656.0</t>
  </si>
  <si>
    <t>2009.522</t>
  </si>
  <si>
    <t>6739.0</t>
  </si>
  <si>
    <t>7243.0</t>
  </si>
  <si>
    <t>17807.0</t>
  </si>
  <si>
    <t>9362.0</t>
  </si>
  <si>
    <t>8445.0</t>
  </si>
  <si>
    <t>112.16</t>
  </si>
  <si>
    <t>58.97</t>
  </si>
  <si>
    <t>53.19</t>
  </si>
  <si>
    <t>7684.0</t>
  </si>
  <si>
    <t>6865.0</t>
  </si>
  <si>
    <t>10.728</t>
  </si>
  <si>
    <t>0.0017</t>
  </si>
  <si>
    <t>590.9</t>
  </si>
  <si>
    <t>3464.0</t>
  </si>
  <si>
    <t>0.0008</t>
  </si>
  <si>
    <t>1181.8</t>
  </si>
  <si>
    <t>18001.0</t>
  </si>
  <si>
    <t>9398.0</t>
  </si>
  <si>
    <t>8603.0</t>
  </si>
  <si>
    <t>113.38</t>
  </si>
  <si>
    <t>59.19</t>
  </si>
  <si>
    <t>54.19</t>
  </si>
  <si>
    <t>18193.0</t>
  </si>
  <si>
    <t>9428.0</t>
  </si>
  <si>
    <t>8765.0</t>
  </si>
  <si>
    <t>114.59</t>
  </si>
  <si>
    <t>59.38</t>
  </si>
  <si>
    <t>55.21</t>
  </si>
  <si>
    <t>18457.0</t>
  </si>
  <si>
    <t>9492.0</t>
  </si>
  <si>
    <t>8965.0</t>
  </si>
  <si>
    <t>116.25</t>
  </si>
  <si>
    <t>59.78</t>
  </si>
  <si>
    <t>56.47</t>
  </si>
  <si>
    <t>0.0118</t>
  </si>
  <si>
    <t>84.5</t>
  </si>
  <si>
    <t>0.0203</t>
  </si>
  <si>
    <t>49.3</t>
  </si>
  <si>
    <t>0.0228</t>
  </si>
  <si>
    <t>43.8</t>
  </si>
  <si>
    <t>18458.0</t>
  </si>
  <si>
    <t>9493.0</t>
  </si>
  <si>
    <t>116.26</t>
  </si>
  <si>
    <t>59.79</t>
  </si>
  <si>
    <t>0.0245</t>
  </si>
  <si>
    <t>40.8</t>
  </si>
  <si>
    <t>0.0338</t>
  </si>
  <si>
    <t>0.0237</t>
  </si>
  <si>
    <t>42.2</t>
  </si>
  <si>
    <t>0.0431</t>
  </si>
  <si>
    <t>18471.0</t>
  </si>
  <si>
    <t>8978.0</t>
  </si>
  <si>
    <t>116.34</t>
  </si>
  <si>
    <t>56.55</t>
  </si>
  <si>
    <t>0.0719</t>
  </si>
  <si>
    <t>0.0668</t>
  </si>
  <si>
    <t>0.0414</t>
  </si>
  <si>
    <t>18481.0</t>
  </si>
  <si>
    <t>8988.0</t>
  </si>
  <si>
    <t>56.61</t>
  </si>
  <si>
    <t>0.0279</t>
  </si>
  <si>
    <t>0.0186</t>
  </si>
  <si>
    <t>53.8</t>
  </si>
  <si>
    <t>59.2</t>
  </si>
  <si>
    <t>18565.0</t>
  </si>
  <si>
    <t>9498.0</t>
  </si>
  <si>
    <t>9067.0</t>
  </si>
  <si>
    <t>116.93</t>
  </si>
  <si>
    <t>59.82</t>
  </si>
  <si>
    <t>57.11</t>
  </si>
  <si>
    <t>756.0</t>
  </si>
  <si>
    <t>0.0211</t>
  </si>
  <si>
    <t>47.3</t>
  </si>
  <si>
    <t>18584.0</t>
  </si>
  <si>
    <t>9086.0</t>
  </si>
  <si>
    <t>117.05</t>
  </si>
  <si>
    <t>57.23</t>
  </si>
  <si>
    <t>18704.0</t>
  </si>
  <si>
    <t>117.81</t>
  </si>
  <si>
    <t>60.14</t>
  </si>
  <si>
    <t>57.67</t>
  </si>
  <si>
    <t>1071.0</t>
  </si>
  <si>
    <t>0.1192</t>
  </si>
  <si>
    <t>0.1226</t>
  </si>
  <si>
    <t>18705.0</t>
  </si>
  <si>
    <t>0.1361</t>
  </si>
  <si>
    <t>0.1276</t>
  </si>
  <si>
    <t>0.1074</t>
  </si>
  <si>
    <t>18706.0</t>
  </si>
  <si>
    <t>117.82</t>
  </si>
  <si>
    <t>51382.0</t>
  </si>
  <si>
    <t>3261.728</t>
  </si>
  <si>
    <t>18782.0</t>
  </si>
  <si>
    <t>9624.0</t>
  </si>
  <si>
    <t>118.3</t>
  </si>
  <si>
    <t>60.62</t>
  </si>
  <si>
    <t>1197.0</t>
  </si>
  <si>
    <t>1512.0</t>
  </si>
  <si>
    <t>19066.0</t>
  </si>
  <si>
    <t>9906.0</t>
  </si>
  <si>
    <t>120.09</t>
  </si>
  <si>
    <t>62.39</t>
  </si>
  <si>
    <t>0.252</t>
  </si>
  <si>
    <t>3023.0</t>
  </si>
  <si>
    <t>3716.0</t>
  </si>
  <si>
    <t>4157.0</t>
  </si>
  <si>
    <t>19730.0</t>
  </si>
  <si>
    <t>124.27</t>
  </si>
  <si>
    <t>62.42</t>
  </si>
  <si>
    <t>19914.0</t>
  </si>
  <si>
    <t>10038.0</t>
  </si>
  <si>
    <t>9213.0</t>
  </si>
  <si>
    <t>125.43</t>
  </si>
  <si>
    <t>63.22</t>
  </si>
  <si>
    <t>58.03</t>
  </si>
  <si>
    <t>20284.0</t>
  </si>
  <si>
    <t>10079.0</t>
  </si>
  <si>
    <t>9223.0</t>
  </si>
  <si>
    <t>127.76</t>
  </si>
  <si>
    <t>63.48</t>
  </si>
  <si>
    <t>58.09</t>
  </si>
  <si>
    <t>6.19</t>
  </si>
  <si>
    <t>2456.0</t>
  </si>
  <si>
    <t>21046.0</t>
  </si>
  <si>
    <t>10157.0</t>
  </si>
  <si>
    <t>9282.0</t>
  </si>
  <si>
    <t>1607.0</t>
  </si>
  <si>
    <t>132.56</t>
  </si>
  <si>
    <t>63.97</t>
  </si>
  <si>
    <t>58.46</t>
  </si>
  <si>
    <t>10.12</t>
  </si>
  <si>
    <t>21256.0</t>
  </si>
  <si>
    <t>9318.0</t>
  </si>
  <si>
    <t>1756.0</t>
  </si>
  <si>
    <t>133.88</t>
  </si>
  <si>
    <t>64.13</t>
  </si>
  <si>
    <t>58.69</t>
  </si>
  <si>
    <t>11.06</t>
  </si>
  <si>
    <t>21449.0</t>
  </si>
  <si>
    <t>10193.0</t>
  </si>
  <si>
    <t>9336.0</t>
  </si>
  <si>
    <t>135.09</t>
  </si>
  <si>
    <t>64.2</t>
  </si>
  <si>
    <t>58.8</t>
  </si>
  <si>
    <t>12.09</t>
  </si>
  <si>
    <t>21612.0</t>
  </si>
  <si>
    <t>10211.0</t>
  </si>
  <si>
    <t>9351.0</t>
  </si>
  <si>
    <t>2050.0</t>
  </si>
  <si>
    <t>136.12</t>
  </si>
  <si>
    <t>64.31</t>
  </si>
  <si>
    <t>21783.0</t>
  </si>
  <si>
    <t>2147.0</t>
  </si>
  <si>
    <t>137.2</t>
  </si>
  <si>
    <t>64.36</t>
  </si>
  <si>
    <t>59.32</t>
  </si>
  <si>
    <t>13.52</t>
  </si>
  <si>
    <t>21994.0</t>
  </si>
  <si>
    <t>10230.0</t>
  </si>
  <si>
    <t>9500.0</t>
  </si>
  <si>
    <t>138.53</t>
  </si>
  <si>
    <t>64.43</t>
  </si>
  <si>
    <t>59.83</t>
  </si>
  <si>
    <t>14.26</t>
  </si>
  <si>
    <t>22165.0</t>
  </si>
  <si>
    <t>10370.0</t>
  </si>
  <si>
    <t>9531.0</t>
  </si>
  <si>
    <t>139.6</t>
  </si>
  <si>
    <t>65.31</t>
  </si>
  <si>
    <t>60.03</t>
  </si>
  <si>
    <t>22377.0</t>
  </si>
  <si>
    <t>10439.0</t>
  </si>
  <si>
    <t>9549.0</t>
  </si>
  <si>
    <t>140.94</t>
  </si>
  <si>
    <t>65.75</t>
  </si>
  <si>
    <t>15.05</t>
  </si>
  <si>
    <t>22420.0</t>
  </si>
  <si>
    <t>9562.0</t>
  </si>
  <si>
    <t>141.21</t>
  </si>
  <si>
    <t>60.23</t>
  </si>
  <si>
    <t>15.24</t>
  </si>
  <si>
    <t>22639.0</t>
  </si>
  <si>
    <t>10547.0</t>
  </si>
  <si>
    <t>9603.0</t>
  </si>
  <si>
    <t>2489.0</t>
  </si>
  <si>
    <t>142.59</t>
  </si>
  <si>
    <t>66.43</t>
  </si>
  <si>
    <t>60.48</t>
  </si>
  <si>
    <t>15.68</t>
  </si>
  <si>
    <t>22714.0</t>
  </si>
  <si>
    <t>10572.0</t>
  </si>
  <si>
    <t>143.06</t>
  </si>
  <si>
    <t>66.59</t>
  </si>
  <si>
    <t>23126.0</t>
  </si>
  <si>
    <t>10622.0</t>
  </si>
  <si>
    <t>9874.0</t>
  </si>
  <si>
    <t>145.66</t>
  </si>
  <si>
    <t>62.19</t>
  </si>
  <si>
    <t>16.56</t>
  </si>
  <si>
    <t>23378.0</t>
  </si>
  <si>
    <t>10676.0</t>
  </si>
  <si>
    <t>9955.0</t>
  </si>
  <si>
    <t>2747.0</t>
  </si>
  <si>
    <t>147.24</t>
  </si>
  <si>
    <t>67.24</t>
  </si>
  <si>
    <t>62.7</t>
  </si>
  <si>
    <t>23482.0</t>
  </si>
  <si>
    <t>10707.0</t>
  </si>
  <si>
    <t>10005.0</t>
  </si>
  <si>
    <t>2770.0</t>
  </si>
  <si>
    <t>147.9</t>
  </si>
  <si>
    <t>67.44</t>
  </si>
  <si>
    <t>63.02</t>
  </si>
  <si>
    <t>23601.0</t>
  </si>
  <si>
    <t>10054.0</t>
  </si>
  <si>
    <t>2801.0</t>
  </si>
  <si>
    <t>148.65</t>
  </si>
  <si>
    <t>67.68</t>
  </si>
  <si>
    <t>63.32</t>
  </si>
  <si>
    <t>17.64</t>
  </si>
  <si>
    <t>23685.0</t>
  </si>
  <si>
    <t>10764.0</t>
  </si>
  <si>
    <t>10094.0</t>
  </si>
  <si>
    <t>149.18</t>
  </si>
  <si>
    <t>63.58</t>
  </si>
  <si>
    <t>17.81</t>
  </si>
  <si>
    <t>23752.0</t>
  </si>
  <si>
    <t>10787.0</t>
  </si>
  <si>
    <t>10113.0</t>
  </si>
  <si>
    <t>149.6</t>
  </si>
  <si>
    <t>67.94</t>
  </si>
  <si>
    <t>17.96</t>
  </si>
  <si>
    <t>23926.0</t>
  </si>
  <si>
    <t>10813.0</t>
  </si>
  <si>
    <t>150.7</t>
  </si>
  <si>
    <t>68.1</t>
  </si>
  <si>
    <t>64.14</t>
  </si>
  <si>
    <t>18.45</t>
  </si>
  <si>
    <t>24060.0</t>
  </si>
  <si>
    <t>10837.0</t>
  </si>
  <si>
    <t>151.54</t>
  </si>
  <si>
    <t>68.26</t>
  </si>
  <si>
    <t>64.7</t>
  </si>
  <si>
    <t>24102.0</t>
  </si>
  <si>
    <t>10846.0</t>
  </si>
  <si>
    <t>10314.0</t>
  </si>
  <si>
    <t>151.8</t>
  </si>
  <si>
    <t>68.31</t>
  </si>
  <si>
    <t>64.96</t>
  </si>
  <si>
    <t>2942.0</t>
  </si>
  <si>
    <t>10850.0</t>
  </si>
  <si>
    <t>10338.0</t>
  </si>
  <si>
    <t>152.05</t>
  </si>
  <si>
    <t>68.34</t>
  </si>
  <si>
    <t>24408.0</t>
  </si>
  <si>
    <t>10342.0</t>
  </si>
  <si>
    <t>153.73</t>
  </si>
  <si>
    <t>65.14</t>
  </si>
  <si>
    <t>24412.0</t>
  </si>
  <si>
    <t>10852.0</t>
  </si>
  <si>
    <t>10344.0</t>
  </si>
  <si>
    <t>2998.0</t>
  </si>
  <si>
    <t>153.76</t>
  </si>
  <si>
    <t>68.35</t>
  </si>
  <si>
    <t>65.15</t>
  </si>
  <si>
    <t>18.88</t>
  </si>
  <si>
    <t>24434.0</t>
  </si>
  <si>
    <t>10366.0</t>
  </si>
  <si>
    <t>153.9</t>
  </si>
  <si>
    <t>65.29</t>
  </si>
  <si>
    <t>24441.0</t>
  </si>
  <si>
    <t>10373.0</t>
  </si>
  <si>
    <t>153.94</t>
  </si>
  <si>
    <t>65.33</t>
  </si>
  <si>
    <t>20.26</t>
  </si>
  <si>
    <t>24474.0</t>
  </si>
  <si>
    <t>10853.0</t>
  </si>
  <si>
    <t>10377.0</t>
  </si>
  <si>
    <t>154.15</t>
  </si>
  <si>
    <t>68.36</t>
  </si>
  <si>
    <t>65.36</t>
  </si>
  <si>
    <t>20.43</t>
  </si>
  <si>
    <t>ATG</t>
  </si>
  <si>
    <t>Antigua and Barbuda</t>
  </si>
  <si>
    <t>-5.3</t>
  </si>
  <si>
    <t>-3.27</t>
  </si>
  <si>
    <t>-56.5200699569168</t>
  </si>
  <si>
    <t>-5.6</t>
  </si>
  <si>
    <t>-2.65</t>
  </si>
  <si>
    <t>-59.7193191997611</t>
  </si>
  <si>
    <t>-4.7</t>
  </si>
  <si>
    <t>-1.79</t>
  </si>
  <si>
    <t>-50.1215714712281</t>
  </si>
  <si>
    <t>-13.8</t>
  </si>
  <si>
    <t>-4.4</t>
  </si>
  <si>
    <t>-17.81</t>
  </si>
  <si>
    <t>-147.16546517084</t>
  </si>
  <si>
    <t>-14.9</t>
  </si>
  <si>
    <t>-4.13</t>
  </si>
  <si>
    <t>-2.34</t>
  </si>
  <si>
    <t>-158.896045727936</t>
  </si>
  <si>
    <t>-30.0</t>
  </si>
  <si>
    <t>-7.14</t>
  </si>
  <si>
    <t>-25.55</t>
  </si>
  <si>
    <t>-319.924924284435</t>
  </si>
  <si>
    <t>2701.0</t>
  </si>
  <si>
    <t>28.974</t>
  </si>
  <si>
    <t>-37.5</t>
  </si>
  <si>
    <t>-7.94</t>
  </si>
  <si>
    <t>-14.29</t>
  </si>
  <si>
    <t>-399.906155355543</t>
  </si>
  <si>
    <t>2878.0</t>
  </si>
  <si>
    <t>30.873</t>
  </si>
  <si>
    <t>0.0255</t>
  </si>
  <si>
    <t>39.2</t>
  </si>
  <si>
    <t>0.0204</t>
  </si>
  <si>
    <t>0.0053</t>
  </si>
  <si>
    <t>188.8</t>
  </si>
  <si>
    <t>3450.0</t>
  </si>
  <si>
    <t>37.009</t>
  </si>
  <si>
    <t>40.6</t>
  </si>
  <si>
    <t>0.0099</t>
  </si>
  <si>
    <t>101.4</t>
  </si>
  <si>
    <t>104.9</t>
  </si>
  <si>
    <t>43.4</t>
  </si>
  <si>
    <t>0.0178</t>
  </si>
  <si>
    <t>-44.0</t>
  </si>
  <si>
    <t>-8.32</t>
  </si>
  <si>
    <t>-11.5</t>
  </si>
  <si>
    <t>-469.223222283837</t>
  </si>
  <si>
    <t>3905.0</t>
  </si>
  <si>
    <t>41.89</t>
  </si>
  <si>
    <t>0.0045</t>
  </si>
  <si>
    <t>223.8</t>
  </si>
  <si>
    <t>4230.0</t>
  </si>
  <si>
    <t>45.377</t>
  </si>
  <si>
    <t>0.0357</t>
  </si>
  <si>
    <t>0.0232</t>
  </si>
  <si>
    <t>43.2</t>
  </si>
  <si>
    <t>0.0183</t>
  </si>
  <si>
    <t>0.451</t>
  </si>
  <si>
    <t>0.472</t>
  </si>
  <si>
    <t>0.0162</t>
  </si>
  <si>
    <t>64.4</t>
  </si>
  <si>
    <t>0.526</t>
  </si>
  <si>
    <t>342.7</t>
  </si>
  <si>
    <t>171.3</t>
  </si>
  <si>
    <t>-47.7</t>
  </si>
  <si>
    <t>-8.2</t>
  </si>
  <si>
    <t>-7.02</t>
  </si>
  <si>
    <t>-508.680629612251</t>
  </si>
  <si>
    <t>114.2</t>
  </si>
  <si>
    <t>0.0117</t>
  </si>
  <si>
    <t>85.8</t>
  </si>
  <si>
    <t>68.6</t>
  </si>
  <si>
    <t>62.047</t>
  </si>
  <si>
    <t>0.536</t>
  </si>
  <si>
    <t>116.6</t>
  </si>
  <si>
    <t>0.547</t>
  </si>
  <si>
    <t>0.0084</t>
  </si>
  <si>
    <t>118.9</t>
  </si>
  <si>
    <t>181.8</t>
  </si>
  <si>
    <t>0.0137</t>
  </si>
  <si>
    <t>72.8</t>
  </si>
  <si>
    <t>91.1</t>
  </si>
  <si>
    <t>-57.8</t>
  </si>
  <si>
    <t>-9.15</t>
  </si>
  <si>
    <t>-20.16</t>
  </si>
  <si>
    <t>-616.388687454677</t>
  </si>
  <si>
    <t>45.5</t>
  </si>
  <si>
    <t>0.0577</t>
  </si>
  <si>
    <t>0.0494</t>
  </si>
  <si>
    <t>0.0302</t>
  </si>
  <si>
    <t>33.1</t>
  </si>
  <si>
    <t>40.4</t>
  </si>
  <si>
    <t>7744.0</t>
  </si>
  <si>
    <t>83.072</t>
  </si>
  <si>
    <t>0.0687</t>
  </si>
  <si>
    <t>0.826</t>
  </si>
  <si>
    <t>1.105</t>
  </si>
  <si>
    <t>31.3</t>
  </si>
  <si>
    <t>1.373</t>
  </si>
  <si>
    <t>1.652</t>
  </si>
  <si>
    <t>0.0334</t>
  </si>
  <si>
    <t>29.9</t>
  </si>
  <si>
    <t>-50.4</t>
  </si>
  <si>
    <t>-7.41</t>
  </si>
  <si>
    <t>15.23</t>
  </si>
  <si>
    <t>-537.47387279785</t>
  </si>
  <si>
    <t>2.199</t>
  </si>
  <si>
    <t>2.478</t>
  </si>
  <si>
    <t>47.6</t>
  </si>
  <si>
    <t>0.0365</t>
  </si>
  <si>
    <t>27.4</t>
  </si>
  <si>
    <t>0.0433</t>
  </si>
  <si>
    <t>23.1</t>
  </si>
  <si>
    <t>10281.0</t>
  </si>
  <si>
    <t>110.287</t>
  </si>
  <si>
    <t>0.0402</t>
  </si>
  <si>
    <t>2.253</t>
  </si>
  <si>
    <t>0.0504</t>
  </si>
  <si>
    <t>0.0854</t>
  </si>
  <si>
    <t>0.1091</t>
  </si>
  <si>
    <t>10715.0</t>
  </si>
  <si>
    <t>114.943</t>
  </si>
  <si>
    <t>0.1789</t>
  </si>
  <si>
    <t>0.998</t>
  </si>
  <si>
    <t>0.1966</t>
  </si>
  <si>
    <t>1.073</t>
  </si>
  <si>
    <t>0.2427</t>
  </si>
  <si>
    <t>895.0</t>
  </si>
  <si>
    <t>9544.0</t>
  </si>
  <si>
    <t>1.137</t>
  </si>
  <si>
    <t>0.2251</t>
  </si>
  <si>
    <t>1.169</t>
  </si>
  <si>
    <t>0.2241</t>
  </si>
  <si>
    <t>11918.0</t>
  </si>
  <si>
    <t>127.848</t>
  </si>
  <si>
    <t>0.2529</t>
  </si>
  <si>
    <t>0.2164</t>
  </si>
  <si>
    <t>1.019</t>
  </si>
  <si>
    <t>-39.6</t>
  </si>
  <si>
    <t>-5.37</t>
  </si>
  <si>
    <t>-422.300900055454</t>
  </si>
  <si>
    <t>0.2407</t>
  </si>
  <si>
    <t>0.955</t>
  </si>
  <si>
    <t>0.2135</t>
  </si>
  <si>
    <t>0.1397</t>
  </si>
  <si>
    <t>0.1894</t>
  </si>
  <si>
    <t>0.1268</t>
  </si>
  <si>
    <t>0.1108</t>
  </si>
  <si>
    <t>146.031</t>
  </si>
  <si>
    <t>0.1846</t>
  </si>
  <si>
    <t>0.858</t>
  </si>
  <si>
    <t>0.2054</t>
  </si>
  <si>
    <t>24164.0</t>
  </si>
  <si>
    <t>25.77</t>
  </si>
  <si>
    <t>0.2616</t>
  </si>
  <si>
    <t>821.0</t>
  </si>
  <si>
    <t>8755.0</t>
  </si>
  <si>
    <t>0.2535</t>
  </si>
  <si>
    <t>7966.0</t>
  </si>
  <si>
    <t>0.569</t>
  </si>
  <si>
    <t>0.3396</t>
  </si>
  <si>
    <t>7188.0</t>
  </si>
  <si>
    <t>25677.0</t>
  </si>
  <si>
    <t>6398.0</t>
  </si>
  <si>
    <t>0.2898</t>
  </si>
  <si>
    <t>5225.0</t>
  </si>
  <si>
    <t>0.523</t>
  </si>
  <si>
    <t>0.3846</t>
  </si>
  <si>
    <t>4052.0</t>
  </si>
  <si>
    <t>0.5989</t>
  </si>
  <si>
    <t>2879.0</t>
  </si>
  <si>
    <t>0.4835</t>
  </si>
  <si>
    <t>2485.0</t>
  </si>
  <si>
    <t>26424.0</t>
  </si>
  <si>
    <t>1717.0</t>
  </si>
  <si>
    <t>0.6099</t>
  </si>
  <si>
    <t>0.3517</t>
  </si>
  <si>
    <t>992.0</t>
  </si>
  <si>
    <t>26836.0</t>
  </si>
  <si>
    <t>28.62</t>
  </si>
  <si>
    <t>-46.2</t>
  </si>
  <si>
    <t>-5.78</t>
  </si>
  <si>
    <t>-10.71</t>
  </si>
  <si>
    <t>-492.684383398029</t>
  </si>
  <si>
    <t>0.2637</t>
  </si>
  <si>
    <t>27032.0</t>
  </si>
  <si>
    <t>28.83</t>
  </si>
  <si>
    <t>0.2308</t>
  </si>
  <si>
    <t>0.2253</t>
  </si>
  <si>
    <t>0.1813</t>
  </si>
  <si>
    <t>565.0</t>
  </si>
  <si>
    <t>0.1483</t>
  </si>
  <si>
    <t>0.1538</t>
  </si>
  <si>
    <t>0.1373</t>
  </si>
  <si>
    <t>0.1319</t>
  </si>
  <si>
    <t>27592.0</t>
  </si>
  <si>
    <t>29.42</t>
  </si>
  <si>
    <t>1088.0</t>
  </si>
  <si>
    <t>28414.0</t>
  </si>
  <si>
    <t>0.1044</t>
  </si>
  <si>
    <t>28639.0</t>
  </si>
  <si>
    <t>30.54</t>
  </si>
  <si>
    <t>1909.0</t>
  </si>
  <si>
    <t>0.0989</t>
  </si>
  <si>
    <t>2687.0</t>
  </si>
  <si>
    <t>29754.0</t>
  </si>
  <si>
    <t>31.73</t>
  </si>
  <si>
    <t>1557.0</t>
  </si>
  <si>
    <t>-47.2</t>
  </si>
  <si>
    <t>-5.55</t>
  </si>
  <si>
    <t>-1.96</t>
  </si>
  <si>
    <t>-503.348547540844</t>
  </si>
  <si>
    <t>31085.0</t>
  </si>
  <si>
    <t>31262.0</t>
  </si>
  <si>
    <t>33.34</t>
  </si>
  <si>
    <t>4170.0</t>
  </si>
  <si>
    <t>0.0769</t>
  </si>
  <si>
    <t>34441.0</t>
  </si>
  <si>
    <t>31860.0</t>
  </si>
  <si>
    <t>2581.0</t>
  </si>
  <si>
    <t>36.73</t>
  </si>
  <si>
    <t>33.98</t>
  </si>
  <si>
    <t>4906.0</t>
  </si>
  <si>
    <t>741.0</t>
  </si>
  <si>
    <t>7902.0</t>
  </si>
  <si>
    <t>9033.0</t>
  </si>
  <si>
    <t>39519.0</t>
  </si>
  <si>
    <t>32469.0</t>
  </si>
  <si>
    <t>7050.0</t>
  </si>
  <si>
    <t>42.14</t>
  </si>
  <si>
    <t>10152.0</t>
  </si>
  <si>
    <t>966.0</t>
  </si>
  <si>
    <t>10302.0</t>
  </si>
  <si>
    <t>10579.0</t>
  </si>
  <si>
    <t>42009.0</t>
  </si>
  <si>
    <t>32759.0</t>
  </si>
  <si>
    <t>9250.0</t>
  </si>
  <si>
    <t>34.93</t>
  </si>
  <si>
    <t>9.86</t>
  </si>
  <si>
    <t>9598.0</t>
  </si>
  <si>
    <t>44230.0</t>
  </si>
  <si>
    <t>32876.0</t>
  </si>
  <si>
    <t>11354.0</t>
  </si>
  <si>
    <t>11048.0</t>
  </si>
  <si>
    <t>0.0165</t>
  </si>
  <si>
    <t>60.6</t>
  </si>
  <si>
    <t>45939.0</t>
  </si>
  <si>
    <t>33024.0</t>
  </si>
  <si>
    <t>12915.0</t>
  </si>
  <si>
    <t>1709.0</t>
  </si>
  <si>
    <t>48.99</t>
  </si>
  <si>
    <t>11709.0</t>
  </si>
  <si>
    <t>11613.0</t>
  </si>
  <si>
    <t>90.9</t>
  </si>
  <si>
    <t>48347.0</t>
  </si>
  <si>
    <t>33214.0</t>
  </si>
  <si>
    <t>15133.0</t>
  </si>
  <si>
    <t>51.56</t>
  </si>
  <si>
    <t>35.42</t>
  </si>
  <si>
    <t>12498.0</t>
  </si>
  <si>
    <t>13064.0</t>
  </si>
  <si>
    <t>50329.0</t>
  </si>
  <si>
    <t>33463.0</t>
  </si>
  <si>
    <t>53.67</t>
  </si>
  <si>
    <t>17.99</t>
  </si>
  <si>
    <t>13629.0</t>
  </si>
  <si>
    <t>-54.0</t>
  </si>
  <si>
    <t>-5.98</t>
  </si>
  <si>
    <t>-12.88</t>
  </si>
  <si>
    <t>-575.864863711982</t>
  </si>
  <si>
    <t>13426.0</t>
  </si>
  <si>
    <t>10792.0</t>
  </si>
  <si>
    <t>51811.0</t>
  </si>
  <si>
    <t>33632.0</t>
  </si>
  <si>
    <t>18179.0</t>
  </si>
  <si>
    <t>55.25</t>
  </si>
  <si>
    <t>35.87</t>
  </si>
  <si>
    <t>19.39</t>
  </si>
  <si>
    <t>8947.0</t>
  </si>
  <si>
    <t>9022.0</t>
  </si>
  <si>
    <t>9107.0</t>
  </si>
  <si>
    <t>55578.0</t>
  </si>
  <si>
    <t>34084.0</t>
  </si>
  <si>
    <t>21494.0</t>
  </si>
  <si>
    <t>59.27</t>
  </si>
  <si>
    <t>36.35</t>
  </si>
  <si>
    <t>22.92</t>
  </si>
  <si>
    <t>9502.0</t>
  </si>
  <si>
    <t>57264.0</t>
  </si>
  <si>
    <t>34368.0</t>
  </si>
  <si>
    <t>22896.0</t>
  </si>
  <si>
    <t>1686.0</t>
  </si>
  <si>
    <t>61.07</t>
  </si>
  <si>
    <t>36.65</t>
  </si>
  <si>
    <t>24.42</t>
  </si>
  <si>
    <t>10568.0</t>
  </si>
  <si>
    <t>10430.0</t>
  </si>
  <si>
    <t>58074.0</t>
  </si>
  <si>
    <t>34644.0</t>
  </si>
  <si>
    <t>23430.0</t>
  </si>
  <si>
    <t>61.93</t>
  </si>
  <si>
    <t>36.94</t>
  </si>
  <si>
    <t>10291.0</t>
  </si>
  <si>
    <t>926.0</t>
  </si>
  <si>
    <t>9875.0</t>
  </si>
  <si>
    <t>8297.0</t>
  </si>
  <si>
    <t>58727.0</t>
  </si>
  <si>
    <t>34883.0</t>
  </si>
  <si>
    <t>23844.0</t>
  </si>
  <si>
    <t>62.63</t>
  </si>
  <si>
    <t>5236.0</t>
  </si>
  <si>
    <t>59582.0</t>
  </si>
  <si>
    <t>35257.0</t>
  </si>
  <si>
    <t>24325.0</t>
  </si>
  <si>
    <t>63.54</t>
  </si>
  <si>
    <t>37.6</t>
  </si>
  <si>
    <t>4298.0</t>
  </si>
  <si>
    <t>62204.0</t>
  </si>
  <si>
    <t>35611.0</t>
  </si>
  <si>
    <t>26593.0</t>
  </si>
  <si>
    <t>66.34</t>
  </si>
  <si>
    <t>37.98</t>
  </si>
  <si>
    <t>5961.0</t>
  </si>
  <si>
    <t>5940.0</t>
  </si>
  <si>
    <t>5908.0</t>
  </si>
  <si>
    <t>62809.0</t>
  </si>
  <si>
    <t>35768.0</t>
  </si>
  <si>
    <t>27041.0</t>
  </si>
  <si>
    <t>28.84</t>
  </si>
  <si>
    <t>5321.0</t>
  </si>
  <si>
    <t>3519.0</t>
  </si>
  <si>
    <t>1514.0</t>
  </si>
  <si>
    <t>63995.0</t>
  </si>
  <si>
    <t>36432.0</t>
  </si>
  <si>
    <t>27563.0</t>
  </si>
  <si>
    <t>68.25</t>
  </si>
  <si>
    <t>38.85</t>
  </si>
  <si>
    <t>29.39</t>
  </si>
  <si>
    <t>-67.8</t>
  </si>
  <si>
    <t>-7.09</t>
  </si>
  <si>
    <t>-26.14</t>
  </si>
  <si>
    <t>-723.030328882822</t>
  </si>
  <si>
    <t>64455.0</t>
  </si>
  <si>
    <t>36583.0</t>
  </si>
  <si>
    <t>27872.0</t>
  </si>
  <si>
    <t>68.74</t>
  </si>
  <si>
    <t>39.01</t>
  </si>
  <si>
    <t>29.72</t>
  </si>
  <si>
    <t>1546.0</t>
  </si>
  <si>
    <t>36692.0</t>
  </si>
  <si>
    <t>28004.0</t>
  </si>
  <si>
    <t>68.99</t>
  </si>
  <si>
    <t>39.13</t>
  </si>
  <si>
    <t>29.86</t>
  </si>
  <si>
    <t>64823.0</t>
  </si>
  <si>
    <t>36749.0</t>
  </si>
  <si>
    <t>28074.0</t>
  </si>
  <si>
    <t>69.13</t>
  </si>
  <si>
    <t>39.19</t>
  </si>
  <si>
    <t>29.94</t>
  </si>
  <si>
    <t>1109.0</t>
  </si>
  <si>
    <t>65077.0</t>
  </si>
  <si>
    <t>36826.0</t>
  </si>
  <si>
    <t>28251.0</t>
  </si>
  <si>
    <t>69.4</t>
  </si>
  <si>
    <t>39.27</t>
  </si>
  <si>
    <t>30.13</t>
  </si>
  <si>
    <t>65337.0</t>
  </si>
  <si>
    <t>36908.0</t>
  </si>
  <si>
    <t>28429.0</t>
  </si>
  <si>
    <t>69.68</t>
  </si>
  <si>
    <t>39.36</t>
  </si>
  <si>
    <t>30.32</t>
  </si>
  <si>
    <t>1216.0</t>
  </si>
  <si>
    <t>179.146</t>
  </si>
  <si>
    <t>65656.0</t>
  </si>
  <si>
    <t>37045.0</t>
  </si>
  <si>
    <t>70.02</t>
  </si>
  <si>
    <t>30.51</t>
  </si>
  <si>
    <t>1269.0</t>
  </si>
  <si>
    <t>65757.0</t>
  </si>
  <si>
    <t>37092.0</t>
  </si>
  <si>
    <t>28665.0</t>
  </si>
  <si>
    <t>70.12</t>
  </si>
  <si>
    <t>39.56</t>
  </si>
  <si>
    <t>66124.0</t>
  </si>
  <si>
    <t>37316.0</t>
  </si>
  <si>
    <t>28808.0</t>
  </si>
  <si>
    <t>70.52</t>
  </si>
  <si>
    <t>39.79</t>
  </si>
  <si>
    <t>1056.0</t>
  </si>
  <si>
    <t>66408.0</t>
  </si>
  <si>
    <t>37448.0</t>
  </si>
  <si>
    <t>28960.0</t>
  </si>
  <si>
    <t>70.82</t>
  </si>
  <si>
    <t>39.94</t>
  </si>
  <si>
    <t>30.88</t>
  </si>
  <si>
    <t>1141.0</t>
  </si>
  <si>
    <t>66522.0</t>
  </si>
  <si>
    <t>37498.0</t>
  </si>
  <si>
    <t>29024.0</t>
  </si>
  <si>
    <t>70.94</t>
  </si>
  <si>
    <t>39.99</t>
  </si>
  <si>
    <t>30.95</t>
  </si>
  <si>
    <t>67847.0</t>
  </si>
  <si>
    <t>37555.0</t>
  </si>
  <si>
    <t>30292.0</t>
  </si>
  <si>
    <t>72.35</t>
  </si>
  <si>
    <t>40.05</t>
  </si>
  <si>
    <t>68271.0</t>
  </si>
  <si>
    <t>37841.0</t>
  </si>
  <si>
    <t>30430.0</t>
  </si>
  <si>
    <t>72.81</t>
  </si>
  <si>
    <t>40.35</t>
  </si>
  <si>
    <t>32.45</t>
  </si>
  <si>
    <t>68715.0</t>
  </si>
  <si>
    <t>38067.0</t>
  </si>
  <si>
    <t>30648.0</t>
  </si>
  <si>
    <t>73.28</t>
  </si>
  <si>
    <t>32.68</t>
  </si>
  <si>
    <t>68850.0</t>
  </si>
  <si>
    <t>38146.0</t>
  </si>
  <si>
    <t>30704.0</t>
  </si>
  <si>
    <t>73.42</t>
  </si>
  <si>
    <t>40.68</t>
  </si>
  <si>
    <t>1525.0</t>
  </si>
  <si>
    <t>1482.0</t>
  </si>
  <si>
    <t>-61.6</t>
  </si>
  <si>
    <t>-6.13</t>
  </si>
  <si>
    <t>-656.912511197373</t>
  </si>
  <si>
    <t>69290.0</t>
  </si>
  <si>
    <t>38362.0</t>
  </si>
  <si>
    <t>30928.0</t>
  </si>
  <si>
    <t>73.89</t>
  </si>
  <si>
    <t>32.98</t>
  </si>
  <si>
    <t>1280.0</t>
  </si>
  <si>
    <t>69518.0</t>
  </si>
  <si>
    <t>38462.0</t>
  </si>
  <si>
    <t>31056.0</t>
  </si>
  <si>
    <t>74.14</t>
  </si>
  <si>
    <t>41.02</t>
  </si>
  <si>
    <t>69903.0</t>
  </si>
  <si>
    <t>38605.0</t>
  </si>
  <si>
    <t>31298.0</t>
  </si>
  <si>
    <t>74.55</t>
  </si>
  <si>
    <t>41.17</t>
  </si>
  <si>
    <t>33.38</t>
  </si>
  <si>
    <t>70019.0</t>
  </si>
  <si>
    <t>31414.0</t>
  </si>
  <si>
    <t>74.67</t>
  </si>
  <si>
    <t>1568.0</t>
  </si>
  <si>
    <t>71065.0</t>
  </si>
  <si>
    <t>39039.0</t>
  </si>
  <si>
    <t>32026.0</t>
  </si>
  <si>
    <t>75.78</t>
  </si>
  <si>
    <t>1770.0</t>
  </si>
  <si>
    <t>71434.0</t>
  </si>
  <si>
    <t>39186.0</t>
  </si>
  <si>
    <t>32248.0</t>
  </si>
  <si>
    <t>76.18</t>
  </si>
  <si>
    <t>41.79</t>
  </si>
  <si>
    <t>34.39</t>
  </si>
  <si>
    <t>2239.0</t>
  </si>
  <si>
    <t>71600.0</t>
  </si>
  <si>
    <t>39230.0</t>
  </si>
  <si>
    <t>32370.0</t>
  </si>
  <si>
    <t>76.36</t>
  </si>
  <si>
    <t>41.84</t>
  </si>
  <si>
    <t>1504.0</t>
  </si>
  <si>
    <t>72282.0</t>
  </si>
  <si>
    <t>39466.0</t>
  </si>
  <si>
    <t>32816.0</t>
  </si>
  <si>
    <t>77.08</t>
  </si>
  <si>
    <t>72902.0</t>
  </si>
  <si>
    <t>39808.0</t>
  </si>
  <si>
    <t>33094.0</t>
  </si>
  <si>
    <t>77.74</t>
  </si>
  <si>
    <t>42.45</t>
  </si>
  <si>
    <t>35.29</t>
  </si>
  <si>
    <t>2154.0</t>
  </si>
  <si>
    <t>2591.0</t>
  </si>
  <si>
    <t>73700.0</t>
  </si>
  <si>
    <t>40309.0</t>
  </si>
  <si>
    <t>33391.0</t>
  </si>
  <si>
    <t>78.59</t>
  </si>
  <si>
    <t>42.99</t>
  </si>
  <si>
    <t>35.61</t>
  </si>
  <si>
    <t>0.165</t>
  </si>
  <si>
    <t>74637.0</t>
  </si>
  <si>
    <t>40795.0</t>
  </si>
  <si>
    <t>33842.0</t>
  </si>
  <si>
    <t>79.59</t>
  </si>
  <si>
    <t>43.5</t>
  </si>
  <si>
    <t>36.09</t>
  </si>
  <si>
    <t>3114.0</t>
  </si>
  <si>
    <t>75069.0</t>
  </si>
  <si>
    <t>41061.0</t>
  </si>
  <si>
    <t>34008.0</t>
  </si>
  <si>
    <t>80.05</t>
  </si>
  <si>
    <t>43.79</t>
  </si>
  <si>
    <t>36.27</t>
  </si>
  <si>
    <t>-75.4</t>
  </si>
  <si>
    <t>-7.08</t>
  </si>
  <si>
    <t>-22.7</t>
  </si>
  <si>
    <t>-804.077976368212</t>
  </si>
  <si>
    <t>3636.0</t>
  </si>
  <si>
    <t>3967.0</t>
  </si>
  <si>
    <t>4554.0</t>
  </si>
  <si>
    <t>4479.0</t>
  </si>
  <si>
    <t>77997.0</t>
  </si>
  <si>
    <t>42938.0</t>
  </si>
  <si>
    <t>35059.0</t>
  </si>
  <si>
    <t>83.18</t>
  </si>
  <si>
    <t>45.79</t>
  </si>
  <si>
    <t>37.39</t>
  </si>
  <si>
    <t>4458.0</t>
  </si>
  <si>
    <t>4596.0</t>
  </si>
  <si>
    <t>79390.0</t>
  </si>
  <si>
    <t>43681.0</t>
  </si>
  <si>
    <t>35709.0</t>
  </si>
  <si>
    <t>84.66</t>
  </si>
  <si>
    <t>46.58</t>
  </si>
  <si>
    <t>4308.0</t>
  </si>
  <si>
    <t>79922.0</t>
  </si>
  <si>
    <t>43949.0</t>
  </si>
  <si>
    <t>35973.0</t>
  </si>
  <si>
    <t>85.23</t>
  </si>
  <si>
    <t>46.87</t>
  </si>
  <si>
    <t>38.36</t>
  </si>
  <si>
    <t>3690.0</t>
  </si>
  <si>
    <t>3743.0</t>
  </si>
  <si>
    <t>81915.0</t>
  </si>
  <si>
    <t>45099.0</t>
  </si>
  <si>
    <t>36816.0</t>
  </si>
  <si>
    <t>87.36</t>
  </si>
  <si>
    <t>48.09</t>
  </si>
  <si>
    <t>39.26</t>
  </si>
  <si>
    <t>3850.0</t>
  </si>
  <si>
    <t>485.0</t>
  </si>
  <si>
    <t>6505.0</t>
  </si>
  <si>
    <t>0.402</t>
  </si>
  <si>
    <t>8659.0</t>
  </si>
  <si>
    <t>89252.0</t>
  </si>
  <si>
    <t>48580.0</t>
  </si>
  <si>
    <t>40672.0</t>
  </si>
  <si>
    <t>95.18</t>
  </si>
  <si>
    <t>51.81</t>
  </si>
  <si>
    <t>43.37</t>
  </si>
  <si>
    <t>11176.0</t>
  </si>
  <si>
    <t>11133.0</t>
  </si>
  <si>
    <t>11080.0</t>
  </si>
  <si>
    <t>0.575</t>
  </si>
  <si>
    <t>93318.0</t>
  </si>
  <si>
    <t>51148.0</t>
  </si>
  <si>
    <t>42170.0</t>
  </si>
  <si>
    <t>1030.0</t>
  </si>
  <si>
    <t>99.52</t>
  </si>
  <si>
    <t>54.55</t>
  </si>
  <si>
    <t>44.97</t>
  </si>
  <si>
    <t>0.619</t>
  </si>
  <si>
    <t>10472.0</t>
  </si>
  <si>
    <t>9960.0</t>
  </si>
  <si>
    <t>0.621</t>
  </si>
  <si>
    <t>-25.6</t>
  </si>
  <si>
    <t>-2.29</t>
  </si>
  <si>
    <t>91.88</t>
  </si>
  <si>
    <t>-273.002602056051</t>
  </si>
  <si>
    <t>96160.0</t>
  </si>
  <si>
    <t>53171.0</t>
  </si>
  <si>
    <t>42989.0</t>
  </si>
  <si>
    <t>102.55</t>
  </si>
  <si>
    <t>56.7</t>
  </si>
  <si>
    <t>45.84</t>
  </si>
  <si>
    <t>8979.0</t>
  </si>
  <si>
    <t>8361.0</t>
  </si>
  <si>
    <t>97384.0</t>
  </si>
  <si>
    <t>53736.0</t>
  </si>
  <si>
    <t>43648.0</t>
  </si>
  <si>
    <t>103.85</t>
  </si>
  <si>
    <t>57.3</t>
  </si>
  <si>
    <t>46.55</t>
  </si>
  <si>
    <t>7742.0</t>
  </si>
  <si>
    <t>6537.0</t>
  </si>
  <si>
    <t>0.412</t>
  </si>
  <si>
    <t>97831.0</t>
  </si>
  <si>
    <t>53958.0</t>
  </si>
  <si>
    <t>43873.0</t>
  </si>
  <si>
    <t>104.33</t>
  </si>
  <si>
    <t>57.54</t>
  </si>
  <si>
    <t>46.79</t>
  </si>
  <si>
    <t>5791.0</t>
  </si>
  <si>
    <t>0.351</t>
  </si>
  <si>
    <t>4650.0</t>
  </si>
  <si>
    <t>44405.0</t>
  </si>
  <si>
    <t>105.4</t>
  </si>
  <si>
    <t>4084.0</t>
  </si>
  <si>
    <t>99846.0</t>
  </si>
  <si>
    <t>54758.0</t>
  </si>
  <si>
    <t>45088.0</t>
  </si>
  <si>
    <t>106.48</t>
  </si>
  <si>
    <t>58.39</t>
  </si>
  <si>
    <t>48.08</t>
  </si>
  <si>
    <t>101390.0</t>
  </si>
  <si>
    <t>55103.0</t>
  </si>
  <si>
    <t>46287.0</t>
  </si>
  <si>
    <t>108.12</t>
  </si>
  <si>
    <t>58.76</t>
  </si>
  <si>
    <t>49.36</t>
  </si>
  <si>
    <t>3882.0</t>
  </si>
  <si>
    <t>4234.0</t>
  </si>
  <si>
    <t>4586.0</t>
  </si>
  <si>
    <t>102834.0</t>
  </si>
  <si>
    <t>55536.0</t>
  </si>
  <si>
    <t>47298.0</t>
  </si>
  <si>
    <t>109.66</t>
  </si>
  <si>
    <t>59.22</t>
  </si>
  <si>
    <t>50.44</t>
  </si>
  <si>
    <t>4938.0</t>
  </si>
  <si>
    <t>5183.0</t>
  </si>
  <si>
    <t>5033.0</t>
  </si>
  <si>
    <t>4884.0</t>
  </si>
  <si>
    <t>104500.0</t>
  </si>
  <si>
    <t>55703.0</t>
  </si>
  <si>
    <t>48797.0</t>
  </si>
  <si>
    <t>111.44</t>
  </si>
  <si>
    <t>59.4</t>
  </si>
  <si>
    <t>52.04</t>
  </si>
  <si>
    <t>4735.0</t>
  </si>
  <si>
    <t>4511.0</t>
  </si>
  <si>
    <t>4287.0</t>
  </si>
  <si>
    <t>105502.0</t>
  </si>
  <si>
    <t>55942.0</t>
  </si>
  <si>
    <t>49560.0</t>
  </si>
  <si>
    <t>112.51</t>
  </si>
  <si>
    <t>59.66</t>
  </si>
  <si>
    <t>52.85</t>
  </si>
  <si>
    <t>3764.0</t>
  </si>
  <si>
    <t>3466.0</t>
  </si>
  <si>
    <t>106387.0</t>
  </si>
  <si>
    <t>56269.0</t>
  </si>
  <si>
    <t>50118.0</t>
  </si>
  <si>
    <t>113.45</t>
  </si>
  <si>
    <t>60.01</t>
  </si>
  <si>
    <t>53.45</t>
  </si>
  <si>
    <t>2773.0</t>
  </si>
  <si>
    <t>-4.91</t>
  </si>
  <si>
    <t>-55.33</t>
  </si>
  <si>
    <t>2719.0</t>
  </si>
  <si>
    <t>108001.0</t>
  </si>
  <si>
    <t>57058.0</t>
  </si>
  <si>
    <t>50943.0</t>
  </si>
  <si>
    <t>115.17</t>
  </si>
  <si>
    <t>60.85</t>
  </si>
  <si>
    <t>54.33</t>
  </si>
  <si>
    <t>4074.0</t>
  </si>
  <si>
    <t>5279.0</t>
  </si>
  <si>
    <t>111186.0</t>
  </si>
  <si>
    <t>58497.0</t>
  </si>
  <si>
    <t>52689.0</t>
  </si>
  <si>
    <t>118.57</t>
  </si>
  <si>
    <t>62.38</t>
  </si>
  <si>
    <t>56.19</t>
  </si>
  <si>
    <t>6494.0</t>
  </si>
  <si>
    <t>6900.0</t>
  </si>
  <si>
    <t>7305.0</t>
  </si>
  <si>
    <t>0.347</t>
  </si>
  <si>
    <t>7721.0</t>
  </si>
  <si>
    <t>762.0</t>
  </si>
  <si>
    <t>8126.0</t>
  </si>
  <si>
    <t>0.394</t>
  </si>
  <si>
    <t>7326.0</t>
  </si>
  <si>
    <t>0.365</t>
  </si>
  <si>
    <t>6526.0</t>
  </si>
  <si>
    <t>538.0</t>
  </si>
  <si>
    <t>115487.0</t>
  </si>
  <si>
    <t>60789.0</t>
  </si>
  <si>
    <t>54698.0</t>
  </si>
  <si>
    <t>123.16</t>
  </si>
  <si>
    <t>58.33</t>
  </si>
  <si>
    <t>4724.0</t>
  </si>
  <si>
    <t>4223.0</t>
  </si>
  <si>
    <t>116527.0</t>
  </si>
  <si>
    <t>61097.0</t>
  </si>
  <si>
    <t>55430.0</t>
  </si>
  <si>
    <t>59.11</t>
  </si>
  <si>
    <t>3221.0</t>
  </si>
  <si>
    <t>2815.0</t>
  </si>
  <si>
    <t>117072.0</t>
  </si>
  <si>
    <t>61271.0</t>
  </si>
  <si>
    <t>55801.0</t>
  </si>
  <si>
    <t>124.85</t>
  </si>
  <si>
    <t>65.34</t>
  </si>
  <si>
    <t>59.51</t>
  </si>
  <si>
    <t>2357.0</t>
  </si>
  <si>
    <t>117637.0</t>
  </si>
  <si>
    <t>61418.0</t>
  </si>
  <si>
    <t>56219.0</t>
  </si>
  <si>
    <t>125.45</t>
  </si>
  <si>
    <t>65.5</t>
  </si>
  <si>
    <t>59.95</t>
  </si>
  <si>
    <t>2048.0</t>
  </si>
  <si>
    <t>1888.0</t>
  </si>
  <si>
    <t>-48.2</t>
  </si>
  <si>
    <t>-3.91</t>
  </si>
  <si>
    <t>-514.012711683658</t>
  </si>
  <si>
    <t>118651.0</t>
  </si>
  <si>
    <t>56989.0</t>
  </si>
  <si>
    <t>126.53</t>
  </si>
  <si>
    <t>60.77</t>
  </si>
  <si>
    <t>1834.0</t>
  </si>
  <si>
    <t>1600.0</t>
  </si>
  <si>
    <t>118765.0</t>
  </si>
  <si>
    <t>61420.0</t>
  </si>
  <si>
    <t>57345.0</t>
  </si>
  <si>
    <t>126.65</t>
  </si>
  <si>
    <t>61.15</t>
  </si>
  <si>
    <t>1205.0</t>
  </si>
  <si>
    <t>1450.0</t>
  </si>
  <si>
    <t>119809.0</t>
  </si>
  <si>
    <t>61921.0</t>
  </si>
  <si>
    <t>127.77</t>
  </si>
  <si>
    <t>66.03</t>
  </si>
  <si>
    <t>61.73</t>
  </si>
  <si>
    <t>1792.0</t>
  </si>
  <si>
    <t>120657.0</t>
  </si>
  <si>
    <t>62154.0</t>
  </si>
  <si>
    <t>58503.0</t>
  </si>
  <si>
    <t>128.67</t>
  </si>
  <si>
    <t>66.28</t>
  </si>
  <si>
    <t>120786.0</t>
  </si>
  <si>
    <t>62283.0</t>
  </si>
  <si>
    <t>128.81</t>
  </si>
  <si>
    <t>66.42</t>
  </si>
  <si>
    <t>121146.0</t>
  </si>
  <si>
    <t>58863.0</t>
  </si>
  <si>
    <t>129.19</t>
  </si>
  <si>
    <t>-61.0</t>
  </si>
  <si>
    <t>-4.75</t>
  </si>
  <si>
    <t>-24.71</t>
  </si>
  <si>
    <t>-650.514012711684</t>
  </si>
  <si>
    <t>121415.0</t>
  </si>
  <si>
    <t>62361.0</t>
  </si>
  <si>
    <t>59054.0</t>
  </si>
  <si>
    <t>129.48</t>
  </si>
  <si>
    <t>62.98</t>
  </si>
  <si>
    <t>122215.0</t>
  </si>
  <si>
    <t>62743.0</t>
  </si>
  <si>
    <t>59472.0</t>
  </si>
  <si>
    <t>130.33</t>
  </si>
  <si>
    <t>63.42</t>
  </si>
  <si>
    <t>1130.0</t>
  </si>
  <si>
    <t>1120.0</t>
  </si>
  <si>
    <t>123555.0</t>
  </si>
  <si>
    <t>63197.0</t>
  </si>
  <si>
    <t>60358.0</t>
  </si>
  <si>
    <t>131.76</t>
  </si>
  <si>
    <t>67.39</t>
  </si>
  <si>
    <t>123736.0</t>
  </si>
  <si>
    <t>63244.0</t>
  </si>
  <si>
    <t>60492.0</t>
  </si>
  <si>
    <t>131.95</t>
  </si>
  <si>
    <t>64.51</t>
  </si>
  <si>
    <t>512.0</t>
  </si>
  <si>
    <t>124455.0</t>
  </si>
  <si>
    <t>63492.0</t>
  </si>
  <si>
    <t>60963.0</t>
  </si>
  <si>
    <t>132.72</t>
  </si>
  <si>
    <t>67.71</t>
  </si>
  <si>
    <t>65.01</t>
  </si>
  <si>
    <t>124726.0</t>
  </si>
  <si>
    <t>63582.0</t>
  </si>
  <si>
    <t>61144.0</t>
  </si>
  <si>
    <t>133.01</t>
  </si>
  <si>
    <t>65.2</t>
  </si>
  <si>
    <t>125031.0</t>
  </si>
  <si>
    <t>63704.0</t>
  </si>
  <si>
    <t>61327.0</t>
  </si>
  <si>
    <t>133.34</t>
  </si>
  <si>
    <t>67.93</t>
  </si>
  <si>
    <t>65.4</t>
  </si>
  <si>
    <t>125386.0</t>
  </si>
  <si>
    <t>63836.0</t>
  </si>
  <si>
    <t>61550.0</t>
  </si>
  <si>
    <t>133.71</t>
  </si>
  <si>
    <t>68.08</t>
  </si>
  <si>
    <t>65.64</t>
  </si>
  <si>
    <t>125605.0</t>
  </si>
  <si>
    <t>63918.0</t>
  </si>
  <si>
    <t>61687.0</t>
  </si>
  <si>
    <t>133.95</t>
  </si>
  <si>
    <t>68.16</t>
  </si>
  <si>
    <t>65.78</t>
  </si>
  <si>
    <t>125877.0</t>
  </si>
  <si>
    <t>61882.0</t>
  </si>
  <si>
    <t>134.24</t>
  </si>
  <si>
    <t>65.99</t>
  </si>
  <si>
    <t>126122.0</t>
  </si>
  <si>
    <t>64091.0</t>
  </si>
  <si>
    <t>62031.0</t>
  </si>
  <si>
    <t>134.5</t>
  </si>
  <si>
    <t>66.15</t>
  </si>
  <si>
    <t>128267.0</t>
  </si>
  <si>
    <t>136.79</t>
  </si>
  <si>
    <t>1898.0</t>
  </si>
  <si>
    <t>2143.0</t>
  </si>
  <si>
    <t>136512.0</t>
  </si>
  <si>
    <t>64290.0</t>
  </si>
  <si>
    <t>62384.0</t>
  </si>
  <si>
    <t>145.58</t>
  </si>
  <si>
    <t>68.56</t>
  </si>
  <si>
    <t>10.49</t>
  </si>
  <si>
    <t>ARG</t>
  </si>
  <si>
    <t>South America</t>
  </si>
  <si>
    <t>Argentina</t>
  </si>
  <si>
    <t>0.241</t>
  </si>
  <si>
    <t>-755.5</t>
  </si>
  <si>
    <t>-2.85</t>
  </si>
  <si>
    <t>-16.600628903455</t>
  </si>
  <si>
    <t>0.364</t>
  </si>
  <si>
    <t>0.263</t>
  </si>
  <si>
    <t>41.7</t>
  </si>
  <si>
    <t>-262.4</t>
  </si>
  <si>
    <t>-0.52</t>
  </si>
  <si>
    <t>-5.76572471775855</t>
  </si>
  <si>
    <t>52.6</t>
  </si>
  <si>
    <t>988.0</t>
  </si>
  <si>
    <t>1037.0</t>
  </si>
  <si>
    <t>1941.0</t>
  </si>
  <si>
    <t>2511.0</t>
  </si>
  <si>
    <t>4837.0</t>
  </si>
  <si>
    <t>0.262</t>
  </si>
  <si>
    <t>6037.0</t>
  </si>
  <si>
    <t>0.236</t>
  </si>
  <si>
    <t>6697.0</t>
  </si>
  <si>
    <t>7367.0</t>
  </si>
  <si>
    <t>670.0</t>
  </si>
  <si>
    <t>-277.5</t>
  </si>
  <si>
    <t>-0.36</t>
  </si>
  <si>
    <t>-0.06</t>
  </si>
  <si>
    <t>-6.09751756546493</t>
  </si>
  <si>
    <t>8438.0</t>
  </si>
  <si>
    <t>10110.0</t>
  </si>
  <si>
    <t>1672.0</t>
  </si>
  <si>
    <t>11714.0</t>
  </si>
  <si>
    <t>13118.0</t>
  </si>
  <si>
    <t>1404.0</t>
  </si>
  <si>
    <t>1114.0</t>
  </si>
  <si>
    <t>1086.0</t>
  </si>
  <si>
    <t>0.314</t>
  </si>
  <si>
    <t>1167.0</t>
  </si>
  <si>
    <t>15572.0</t>
  </si>
  <si>
    <t>0.344</t>
  </si>
  <si>
    <t>17258.0</t>
  </si>
  <si>
    <t>0.381</t>
  </si>
  <si>
    <t>19266.0</t>
  </si>
  <si>
    <t>0.426</t>
  </si>
  <si>
    <t>21121.0</t>
  </si>
  <si>
    <t>1855.0</t>
  </si>
  <si>
    <t>22840.0</t>
  </si>
  <si>
    <t>1589.0</t>
  </si>
  <si>
    <t>24662.0</t>
  </si>
  <si>
    <t>1822.0</t>
  </si>
  <si>
    <t>0.545</t>
  </si>
  <si>
    <t>1649.0</t>
  </si>
  <si>
    <t>26253.0</t>
  </si>
  <si>
    <t>28118.0</t>
  </si>
  <si>
    <t>30233.0</t>
  </si>
  <si>
    <t>32535.0</t>
  </si>
  <si>
    <t>1896.0</t>
  </si>
  <si>
    <t>34895.0</t>
  </si>
  <si>
    <t>2360.0</t>
  </si>
  <si>
    <t>37089.0</t>
  </si>
  <si>
    <t>2194.0</t>
  </si>
  <si>
    <t>39370.0</t>
  </si>
  <si>
    <t>41001.0</t>
  </si>
  <si>
    <t>43387.0</t>
  </si>
  <si>
    <t>2181.0</t>
  </si>
  <si>
    <t>46283.0</t>
  </si>
  <si>
    <t>2896.0</t>
  </si>
  <si>
    <t>1.022</t>
  </si>
  <si>
    <t>2293.0</t>
  </si>
  <si>
    <t>48947.0</t>
  </si>
  <si>
    <t>51664.0</t>
  </si>
  <si>
    <t>54971.0</t>
  </si>
  <si>
    <t>1.214</t>
  </si>
  <si>
    <t>57615.0</t>
  </si>
  <si>
    <t>2606.0</t>
  </si>
  <si>
    <t>59349.0</t>
  </si>
  <si>
    <t>1734.0</t>
  </si>
  <si>
    <t>1.311</t>
  </si>
  <si>
    <t>61587.0</t>
  </si>
  <si>
    <t>2238.0</t>
  </si>
  <si>
    <t>64532.0</t>
  </si>
  <si>
    <t>67633.0</t>
  </si>
  <si>
    <t>3101.0</t>
  </si>
  <si>
    <t>1.494</t>
  </si>
  <si>
    <t>2669.0</t>
  </si>
  <si>
    <t>70494.0</t>
  </si>
  <si>
    <t>2861.0</t>
  </si>
  <si>
    <t>1.557</t>
  </si>
  <si>
    <t>-1375.0</t>
  </si>
  <si>
    <t>-1.34</t>
  </si>
  <si>
    <t>-4.22</t>
  </si>
  <si>
    <t>-30.2129248739253</t>
  </si>
  <si>
    <t>73547.0</t>
  </si>
  <si>
    <t>1.624</t>
  </si>
  <si>
    <t>2654.0</t>
  </si>
  <si>
    <t>75842.0</t>
  </si>
  <si>
    <t>2295.0</t>
  </si>
  <si>
    <t>1.675</t>
  </si>
  <si>
    <t>77974.0</t>
  </si>
  <si>
    <t>2132.0</t>
  </si>
  <si>
    <t>80840.0</t>
  </si>
  <si>
    <t>2866.0</t>
  </si>
  <si>
    <t>1.785</t>
  </si>
  <si>
    <t>84904.0</t>
  </si>
  <si>
    <t>1.875</t>
  </si>
  <si>
    <t>2910.0</t>
  </si>
  <si>
    <t>88991.0</t>
  </si>
  <si>
    <t>1.965</t>
  </si>
  <si>
    <t>92921.0</t>
  </si>
  <si>
    <t>2.052</t>
  </si>
  <si>
    <t>96600.0</t>
  </si>
  <si>
    <t>2.134</t>
  </si>
  <si>
    <t>3293.0</t>
  </si>
  <si>
    <t>100197.0</t>
  </si>
  <si>
    <t>3597.0</t>
  </si>
  <si>
    <t>2.213</t>
  </si>
  <si>
    <t>3479.0</t>
  </si>
  <si>
    <t>102481.0</t>
  </si>
  <si>
    <t>2.263</t>
  </si>
  <si>
    <t>3501.0</t>
  </si>
  <si>
    <t>106161.0</t>
  </si>
  <si>
    <t>3680.0</t>
  </si>
  <si>
    <t>2.345</t>
  </si>
  <si>
    <t>3617.0</t>
  </si>
  <si>
    <t>109937.0</t>
  </si>
  <si>
    <t>3776.0</t>
  </si>
  <si>
    <t>2.428</t>
  </si>
  <si>
    <t>114303.0</t>
  </si>
  <si>
    <t>2.525</t>
  </si>
  <si>
    <t>3616.0</t>
  </si>
  <si>
    <t>118520.0</t>
  </si>
  <si>
    <t>4217.0</t>
  </si>
  <si>
    <t>2.618</t>
  </si>
  <si>
    <t>122940.0</t>
  </si>
  <si>
    <t>4420.0</t>
  </si>
  <si>
    <t>2.715</t>
  </si>
  <si>
    <t>126702.0</t>
  </si>
  <si>
    <t>2.798</t>
  </si>
  <si>
    <t>129515.0</t>
  </si>
  <si>
    <t>2813.0</t>
  </si>
  <si>
    <t>2.861</t>
  </si>
  <si>
    <t>133661.0</t>
  </si>
  <si>
    <t>4146.0</t>
  </si>
  <si>
    <t>2.952</t>
  </si>
  <si>
    <t>139277.0</t>
  </si>
  <si>
    <t>3.076</t>
  </si>
  <si>
    <t>4191.0</t>
  </si>
  <si>
    <t>145156.0</t>
  </si>
  <si>
    <t>3.206</t>
  </si>
  <si>
    <t>4408.0</t>
  </si>
  <si>
    <t>151079.0</t>
  </si>
  <si>
    <t>5923.0</t>
  </si>
  <si>
    <t>3.337</t>
  </si>
  <si>
    <t>4651.0</t>
  </si>
  <si>
    <t>156782.0</t>
  </si>
  <si>
    <t>5703.0</t>
  </si>
  <si>
    <t>3.463</t>
  </si>
  <si>
    <t>161598.0</t>
  </si>
  <si>
    <t>4816.0</t>
  </si>
  <si>
    <t>3.569</t>
  </si>
  <si>
    <t>4985.0</t>
  </si>
  <si>
    <t>165328.0</t>
  </si>
  <si>
    <t>3730.0</t>
  </si>
  <si>
    <t>3.651</t>
  </si>
  <si>
    <t>5116.0</t>
  </si>
  <si>
    <t>169502.0</t>
  </si>
  <si>
    <t>4174.0</t>
  </si>
  <si>
    <t>3.744</t>
  </si>
  <si>
    <t>5120.0</t>
  </si>
  <si>
    <t>174456.0</t>
  </si>
  <si>
    <t>4954.0</t>
  </si>
  <si>
    <t>3.853</t>
  </si>
  <si>
    <t>5026.0</t>
  </si>
  <si>
    <t>180439.0</t>
  </si>
  <si>
    <t>3.985</t>
  </si>
  <si>
    <t>186459.0</t>
  </si>
  <si>
    <t>6020.0</t>
  </si>
  <si>
    <t>4.118</t>
  </si>
  <si>
    <t>193298.0</t>
  </si>
  <si>
    <t>6839.0</t>
  </si>
  <si>
    <t>4.269</t>
  </si>
  <si>
    <t>5217.0</t>
  </si>
  <si>
    <t>198892.0</t>
  </si>
  <si>
    <t>5594.0</t>
  </si>
  <si>
    <t>4.393</t>
  </si>
  <si>
    <t>5328.0</t>
  </si>
  <si>
    <t>202729.0</t>
  </si>
  <si>
    <t>3837.0</t>
  </si>
  <si>
    <t>4.478</t>
  </si>
  <si>
    <t>5343.0</t>
  </si>
  <si>
    <t>-3903.5</t>
  </si>
  <si>
    <t>-2.96</t>
  </si>
  <si>
    <t>-8.59</t>
  </si>
  <si>
    <t>-85.77174708754</t>
  </si>
  <si>
    <t>207985.0</t>
  </si>
  <si>
    <t>5256.0</t>
  </si>
  <si>
    <t>4.594</t>
  </si>
  <si>
    <t>213771.0</t>
  </si>
  <si>
    <t>5786.0</t>
  </si>
  <si>
    <t>4.721</t>
  </si>
  <si>
    <t>220742.0</t>
  </si>
  <si>
    <t>4.875</t>
  </si>
  <si>
    <t>5758.0</t>
  </si>
  <si>
    <t>227313.0</t>
  </si>
  <si>
    <t>5.021</t>
  </si>
  <si>
    <t>234148.0</t>
  </si>
  <si>
    <t>5.171</t>
  </si>
  <si>
    <t>240548.0</t>
  </si>
  <si>
    <t>6400.0</t>
  </si>
  <si>
    <t>5.313</t>
  </si>
  <si>
    <t>5951.0</t>
  </si>
  <si>
    <t>243959.0</t>
  </si>
  <si>
    <t>5.388</t>
  </si>
  <si>
    <t>5890.0</t>
  </si>
  <si>
    <t>250268.0</t>
  </si>
  <si>
    <t>5.528</t>
  </si>
  <si>
    <t>6040.0</t>
  </si>
  <si>
    <t>257683.0</t>
  </si>
  <si>
    <t>7415.0</t>
  </si>
  <si>
    <t>5.691</t>
  </si>
  <si>
    <t>6273.0</t>
  </si>
  <si>
    <t>265732.0</t>
  </si>
  <si>
    <t>8049.0</t>
  </si>
  <si>
    <t>5.869</t>
  </si>
  <si>
    <t>6427.0</t>
  </si>
  <si>
    <t>274168.0</t>
  </si>
  <si>
    <t>8436.0</t>
  </si>
  <si>
    <t>6.055</t>
  </si>
  <si>
    <t>6694.0</t>
  </si>
  <si>
    <t>283488.0</t>
  </si>
  <si>
    <t>9320.0</t>
  </si>
  <si>
    <t>6.261</t>
  </si>
  <si>
    <t>7049.0</t>
  </si>
  <si>
    <t>291654.0</t>
  </si>
  <si>
    <t>8166.0</t>
  </si>
  <si>
    <t>6.442</t>
  </si>
  <si>
    <t>7301.0</t>
  </si>
  <si>
    <t>296883.0</t>
  </si>
  <si>
    <t>5229.0</t>
  </si>
  <si>
    <t>6.557</t>
  </si>
  <si>
    <t>7561.0</t>
  </si>
  <si>
    <t>302745.0</t>
  </si>
  <si>
    <t>5862.0</t>
  </si>
  <si>
    <t>6.687</t>
  </si>
  <si>
    <t>7497.0</t>
  </si>
  <si>
    <t>310590.0</t>
  </si>
  <si>
    <t>7845.0</t>
  </si>
  <si>
    <t>320368.0</t>
  </si>
  <si>
    <t>9778.0</t>
  </si>
  <si>
    <t>7.076</t>
  </si>
  <si>
    <t>7805.0</t>
  </si>
  <si>
    <t>330859.0</t>
  </si>
  <si>
    <t>7.307</t>
  </si>
  <si>
    <t>8099.0</t>
  </si>
  <si>
    <t>341240.0</t>
  </si>
  <si>
    <t>10381.0</t>
  </si>
  <si>
    <t>7.537</t>
  </si>
  <si>
    <t>351231.0</t>
  </si>
  <si>
    <t>9991.0</t>
  </si>
  <si>
    <t>7.757</t>
  </si>
  <si>
    <t>0.221</t>
  </si>
  <si>
    <t>8511.0</t>
  </si>
  <si>
    <t>357832.0</t>
  </si>
  <si>
    <t>6601.0</t>
  </si>
  <si>
    <t>7.903</t>
  </si>
  <si>
    <t>8707.0</t>
  </si>
  <si>
    <t>367352.0</t>
  </si>
  <si>
    <t>9520.0</t>
  </si>
  <si>
    <t>8.113</t>
  </si>
  <si>
    <t>9230.0</t>
  </si>
  <si>
    <t>0.249</t>
  </si>
  <si>
    <t>378876.0</t>
  </si>
  <si>
    <t>11524.0</t>
  </si>
  <si>
    <t>8.368</t>
  </si>
  <si>
    <t>0.255</t>
  </si>
  <si>
    <t>9755.0</t>
  </si>
  <si>
    <t>390220.0</t>
  </si>
  <si>
    <t>11344.0</t>
  </si>
  <si>
    <t>8.619</t>
  </si>
  <si>
    <t>0.251</t>
  </si>
  <si>
    <t>9979.0</t>
  </si>
  <si>
    <t>402072.0</t>
  </si>
  <si>
    <t>11852.0</t>
  </si>
  <si>
    <t>8.88</t>
  </si>
  <si>
    <t>414424.0</t>
  </si>
  <si>
    <t>12352.0</t>
  </si>
  <si>
    <t>9.153</t>
  </si>
  <si>
    <t>10455.0</t>
  </si>
  <si>
    <t>424624.0</t>
  </si>
  <si>
    <t>9.378</t>
  </si>
  <si>
    <t>10485.0</t>
  </si>
  <si>
    <t>431196.0</t>
  </si>
  <si>
    <t>6572.0</t>
  </si>
  <si>
    <t>9.524</t>
  </si>
  <si>
    <t>440989.0</t>
  </si>
  <si>
    <t>9793.0</t>
  </si>
  <si>
    <t>9.74</t>
  </si>
  <si>
    <t>452111.0</t>
  </si>
  <si>
    <t>11122.0</t>
  </si>
  <si>
    <t>9.985</t>
  </si>
  <si>
    <t>10462.0</t>
  </si>
  <si>
    <t>-8805.4</t>
  </si>
  <si>
    <t>-5.33</t>
  </si>
  <si>
    <t>-14.75</t>
  </si>
  <si>
    <t>-193.48137358899</t>
  </si>
  <si>
    <t>12.656</t>
  </si>
  <si>
    <t>463496.0</t>
  </si>
  <si>
    <t>11385.0</t>
  </si>
  <si>
    <t>10.237</t>
  </si>
  <si>
    <t>10468.0</t>
  </si>
  <si>
    <t>13.052</t>
  </si>
  <si>
    <t>475103.0</t>
  </si>
  <si>
    <t>11607.0</t>
  </si>
  <si>
    <t>10.493</t>
  </si>
  <si>
    <t>10433.0</t>
  </si>
  <si>
    <t>13.623</t>
  </si>
  <si>
    <t>487937.0</t>
  </si>
  <si>
    <t>12834.0</t>
  </si>
  <si>
    <t>10.777</t>
  </si>
  <si>
    <t>10502.0</t>
  </si>
  <si>
    <t>13.997</t>
  </si>
  <si>
    <t>499701.0</t>
  </si>
  <si>
    <t>11764.0</t>
  </si>
  <si>
    <t>11.037</t>
  </si>
  <si>
    <t>10725.0</t>
  </si>
  <si>
    <t>506835.0</t>
  </si>
  <si>
    <t>7134.0</t>
  </si>
  <si>
    <t>11.194</t>
  </si>
  <si>
    <t>10806.0</t>
  </si>
  <si>
    <t>14.854</t>
  </si>
  <si>
    <t>517456.0</t>
  </si>
  <si>
    <t>10621.0</t>
  </si>
  <si>
    <t>11.429</t>
  </si>
  <si>
    <t>10924.0</t>
  </si>
  <si>
    <t>530371.0</t>
  </si>
  <si>
    <t>11.714</t>
  </si>
  <si>
    <t>0.285</t>
  </si>
  <si>
    <t>671.0</t>
  </si>
  <si>
    <t>545105.0</t>
  </si>
  <si>
    <t>14734.0</t>
  </si>
  <si>
    <t>12.039</t>
  </si>
  <si>
    <t>0.325</t>
  </si>
  <si>
    <t>11658.0</t>
  </si>
  <si>
    <t>14.546</t>
  </si>
  <si>
    <t>558157.0</t>
  </si>
  <si>
    <t>13052.0</t>
  </si>
  <si>
    <t>12.328</t>
  </si>
  <si>
    <t>11865.0</t>
  </si>
  <si>
    <t>570188.0</t>
  </si>
  <si>
    <t>12031.0</t>
  </si>
  <si>
    <t>12.593</t>
  </si>
  <si>
    <t>11750.0</t>
  </si>
  <si>
    <t>581630.0</t>
  </si>
  <si>
    <t>11442.0</t>
  </si>
  <si>
    <t>12.846</t>
  </si>
  <si>
    <t>11704.0</t>
  </si>
  <si>
    <t>16.15</t>
  </si>
  <si>
    <t>589487.0</t>
  </si>
  <si>
    <t>7857.0</t>
  </si>
  <si>
    <t>11807.0</t>
  </si>
  <si>
    <t>16.524</t>
  </si>
  <si>
    <t>601799.0</t>
  </si>
  <si>
    <t>12312.0</t>
  </si>
  <si>
    <t>13.292</t>
  </si>
  <si>
    <t>0.272</t>
  </si>
  <si>
    <t>12049.0</t>
  </si>
  <si>
    <t>616727.0</t>
  </si>
  <si>
    <t>14928.0</t>
  </si>
  <si>
    <t>13.621</t>
  </si>
  <si>
    <t>12337.0</t>
  </si>
  <si>
    <t>631905.0</t>
  </si>
  <si>
    <t>15178.0</t>
  </si>
  <si>
    <t>13.956</t>
  </si>
  <si>
    <t>12400.0</t>
  </si>
  <si>
    <t>17.425</t>
  </si>
  <si>
    <t>646936.0</t>
  </si>
  <si>
    <t>15031.0</t>
  </si>
  <si>
    <t>14.288</t>
  </si>
  <si>
    <t>12683.0</t>
  </si>
  <si>
    <t>0.313</t>
  </si>
  <si>
    <t>823.0</t>
  </si>
  <si>
    <t>18.084</t>
  </si>
  <si>
    <t>663715.0</t>
  </si>
  <si>
    <t>16779.0</t>
  </si>
  <si>
    <t>14.659</t>
  </si>
  <si>
    <t>0.371</t>
  </si>
  <si>
    <t>13361.0</t>
  </si>
  <si>
    <t>678057.0</t>
  </si>
  <si>
    <t>14342.0</t>
  </si>
  <si>
    <t>14.976</t>
  </si>
  <si>
    <t>13775.0</t>
  </si>
  <si>
    <t>0.318</t>
  </si>
  <si>
    <t>688234.0</t>
  </si>
  <si>
    <t>10177.0</t>
  </si>
  <si>
    <t>15.201</t>
  </si>
  <si>
    <t>14107.0</t>
  </si>
  <si>
    <t>702939.0</t>
  </si>
  <si>
    <t>14705.0</t>
  </si>
  <si>
    <t>15.525</t>
  </si>
  <si>
    <t>14449.0</t>
  </si>
  <si>
    <t>0.324</t>
  </si>
  <si>
    <t>720383.0</t>
  </si>
  <si>
    <t>17444.0</t>
  </si>
  <si>
    <t>15.911</t>
  </si>
  <si>
    <t>0.385</t>
  </si>
  <si>
    <t>14808.0</t>
  </si>
  <si>
    <t>19.82</t>
  </si>
  <si>
    <t>738632.0</t>
  </si>
  <si>
    <t>18249.0</t>
  </si>
  <si>
    <t>16.314</t>
  </si>
  <si>
    <t>15247.0</t>
  </si>
  <si>
    <t>20.061</t>
  </si>
  <si>
    <t>756742.0</t>
  </si>
  <si>
    <t>18110.0</t>
  </si>
  <si>
    <t>15687.0</t>
  </si>
  <si>
    <t>775879.0</t>
  </si>
  <si>
    <t>19137.0</t>
  </si>
  <si>
    <t>17.136</t>
  </si>
  <si>
    <t>16023.0</t>
  </si>
  <si>
    <t>0.354</t>
  </si>
  <si>
    <t>791328.0</t>
  </si>
  <si>
    <t>15449.0</t>
  </si>
  <si>
    <t>17.478</t>
  </si>
  <si>
    <t>16182.0</t>
  </si>
  <si>
    <t>0.357</t>
  </si>
  <si>
    <t>802526.0</t>
  </si>
  <si>
    <t>11198.0</t>
  </si>
  <si>
    <t>17.725</t>
  </si>
  <si>
    <t>16327.0</t>
  </si>
  <si>
    <t>818608.0</t>
  </si>
  <si>
    <t>16082.0</t>
  </si>
  <si>
    <t>18.08</t>
  </si>
  <si>
    <t>16524.0</t>
  </si>
  <si>
    <t>837958.0</t>
  </si>
  <si>
    <t>19350.0</t>
  </si>
  <si>
    <t>18.507</t>
  </si>
  <si>
    <t>0.427</t>
  </si>
  <si>
    <t>16796.0</t>
  </si>
  <si>
    <t>858087.0</t>
  </si>
  <si>
    <t>20129.0</t>
  </si>
  <si>
    <t>18.952</t>
  </si>
  <si>
    <t>17065.0</t>
  </si>
  <si>
    <t>23.643</t>
  </si>
  <si>
    <t>877731.0</t>
  </si>
  <si>
    <t>19644.0</t>
  </si>
  <si>
    <t>19.386</t>
  </si>
  <si>
    <t>17284.0</t>
  </si>
  <si>
    <t>1104.0</t>
  </si>
  <si>
    <t>899309.0</t>
  </si>
  <si>
    <t>21578.0</t>
  </si>
  <si>
    <t>19.862</t>
  </si>
  <si>
    <t>17633.0</t>
  </si>
  <si>
    <t>-8008.5</t>
  </si>
  <si>
    <t>-4.01</t>
  </si>
  <si>
    <t>-175.971060983877</t>
  </si>
  <si>
    <t>915180.0</t>
  </si>
  <si>
    <t>15871.0</t>
  </si>
  <si>
    <t>20.213</t>
  </si>
  <si>
    <t>17693.0</t>
  </si>
  <si>
    <t>928541.0</t>
  </si>
  <si>
    <t>20.508</t>
  </si>
  <si>
    <t>18002.0</t>
  </si>
  <si>
    <t>0.398</t>
  </si>
  <si>
    <t>946864.0</t>
  </si>
  <si>
    <t>18323.0</t>
  </si>
  <si>
    <t>20.913</t>
  </si>
  <si>
    <t>18322.0</t>
  </si>
  <si>
    <t>26.521</t>
  </si>
  <si>
    <t>968917.0</t>
  </si>
  <si>
    <t>22053.0</t>
  </si>
  <si>
    <t>0.487</t>
  </si>
  <si>
    <t>18708.0</t>
  </si>
  <si>
    <t>26.785</t>
  </si>
  <si>
    <t>991752.0</t>
  </si>
  <si>
    <t>22835.0</t>
  </si>
  <si>
    <t>21.904</t>
  </si>
  <si>
    <t>19095.0</t>
  </si>
  <si>
    <t>1245.0</t>
  </si>
  <si>
    <t>1014772.0</t>
  </si>
  <si>
    <t>23020.0</t>
  </si>
  <si>
    <t>22.413</t>
  </si>
  <si>
    <t>0.508</t>
  </si>
  <si>
    <t>19577.0</t>
  </si>
  <si>
    <t>0.432</t>
  </si>
  <si>
    <t>28.411</t>
  </si>
  <si>
    <t>1038082.0</t>
  </si>
  <si>
    <t>23310.0</t>
  </si>
  <si>
    <t>22.927</t>
  </si>
  <si>
    <t>0.515</t>
  </si>
  <si>
    <t>19825.0</t>
  </si>
  <si>
    <t>1502.0</t>
  </si>
  <si>
    <t>1058026.0</t>
  </si>
  <si>
    <t>19944.0</t>
  </si>
  <si>
    <t>23.368</t>
  </si>
  <si>
    <t>20407.0</t>
  </si>
  <si>
    <t>0.362</t>
  </si>
  <si>
    <t>1565.0</t>
  </si>
  <si>
    <t>1071065.0</t>
  </si>
  <si>
    <t>13039.0</t>
  </si>
  <si>
    <t>23.656</t>
  </si>
  <si>
    <t>20361.0</t>
  </si>
  <si>
    <t>1569.0</t>
  </si>
  <si>
    <t>1092486.0</t>
  </si>
  <si>
    <t>21421.0</t>
  </si>
  <si>
    <t>24.129</t>
  </si>
  <si>
    <t>20803.0</t>
  </si>
  <si>
    <t>0.459</t>
  </si>
  <si>
    <t>1585.0</t>
  </si>
  <si>
    <t>34.827</t>
  </si>
  <si>
    <t>1117916.0</t>
  </si>
  <si>
    <t>25430.0</t>
  </si>
  <si>
    <t>24.691</t>
  </si>
  <si>
    <t>21286.0</t>
  </si>
  <si>
    <t>0.349</t>
  </si>
  <si>
    <t>1662.0</t>
  </si>
  <si>
    <t>1142823.0</t>
  </si>
  <si>
    <t>24907.0</t>
  </si>
  <si>
    <t>25.241</t>
  </si>
  <si>
    <t>21582.0</t>
  </si>
  <si>
    <t>1166831.0</t>
  </si>
  <si>
    <t>24008.0</t>
  </si>
  <si>
    <t>25.771</t>
  </si>
  <si>
    <t>21723.0</t>
  </si>
  <si>
    <t>37.75</t>
  </si>
  <si>
    <t>1191964.0</t>
  </si>
  <si>
    <t>25133.0</t>
  </si>
  <si>
    <t>26.326</t>
  </si>
  <si>
    <t>0.555</t>
  </si>
  <si>
    <t>21983.0</t>
  </si>
  <si>
    <t>0.486</t>
  </si>
  <si>
    <t>37.706</t>
  </si>
  <si>
    <t>1212860.0</t>
  </si>
  <si>
    <t>20896.0</t>
  </si>
  <si>
    <t>26.788</t>
  </si>
  <si>
    <t>22119.0</t>
  </si>
  <si>
    <t>37.53</t>
  </si>
  <si>
    <t>1225801.0</t>
  </si>
  <si>
    <t>12941.0</t>
  </si>
  <si>
    <t>27.074</t>
  </si>
  <si>
    <t>22105.0</t>
  </si>
  <si>
    <t>0.488</t>
  </si>
  <si>
    <t>0.315</t>
  </si>
  <si>
    <t>1749.0</t>
  </si>
  <si>
    <t>1242295.0</t>
  </si>
  <si>
    <t>16494.0</t>
  </si>
  <si>
    <t>27.438</t>
  </si>
  <si>
    <t>21401.0</t>
  </si>
  <si>
    <t>1263249.0</t>
  </si>
  <si>
    <t>20954.0</t>
  </si>
  <si>
    <t>27.901</t>
  </si>
  <si>
    <t>0.463</t>
  </si>
  <si>
    <t>20762.0</t>
  </si>
  <si>
    <t>1795.0</t>
  </si>
  <si>
    <t>1287021.0</t>
  </si>
  <si>
    <t>23772.0</t>
  </si>
  <si>
    <t>28.426</t>
  </si>
  <si>
    <t>0.525</t>
  </si>
  <si>
    <t>20600.0</t>
  </si>
  <si>
    <t>0.455</t>
  </si>
  <si>
    <t>1311371.0</t>
  </si>
  <si>
    <t>24350.0</t>
  </si>
  <si>
    <t>28.963</t>
  </si>
  <si>
    <t>20649.0</t>
  </si>
  <si>
    <t>40.716</t>
  </si>
  <si>
    <t>1335830.0</t>
  </si>
  <si>
    <t>24459.0</t>
  </si>
  <si>
    <t>29.504</t>
  </si>
  <si>
    <t>20552.0</t>
  </si>
  <si>
    <t>0.454</t>
  </si>
  <si>
    <t>1907.0</t>
  </si>
  <si>
    <t>41.903</t>
  </si>
  <si>
    <t>1356232.0</t>
  </si>
  <si>
    <t>20402.0</t>
  </si>
  <si>
    <t>29.954</t>
  </si>
  <si>
    <t>20482.0</t>
  </si>
  <si>
    <t>0.352</t>
  </si>
  <si>
    <t>1369802.0</t>
  </si>
  <si>
    <t>30.254</t>
  </si>
  <si>
    <t>20572.0</t>
  </si>
  <si>
    <t>43.067</t>
  </si>
  <si>
    <t>1392692.0</t>
  </si>
  <si>
    <t>22890.0</t>
  </si>
  <si>
    <t>30.76</t>
  </si>
  <si>
    <t>21485.0</t>
  </si>
  <si>
    <t>0.475</t>
  </si>
  <si>
    <t>1418173.0</t>
  </si>
  <si>
    <t>25481.0</t>
  </si>
  <si>
    <t>31.322</t>
  </si>
  <si>
    <t>0.563</t>
  </si>
  <si>
    <t>22132.0</t>
  </si>
  <si>
    <t>1445213.0</t>
  </si>
  <si>
    <t>27040.0</t>
  </si>
  <si>
    <t>31.92</t>
  </si>
  <si>
    <t>22599.0</t>
  </si>
  <si>
    <t>0.499</t>
  </si>
  <si>
    <t>0.376</t>
  </si>
  <si>
    <t>45.594</t>
  </si>
  <si>
    <t>1473242.0</t>
  </si>
  <si>
    <t>28029.0</t>
  </si>
  <si>
    <t>32.539</t>
  </si>
  <si>
    <t>23124.0</t>
  </si>
  <si>
    <t>1500998.0</t>
  </si>
  <si>
    <t>27756.0</t>
  </si>
  <si>
    <t>33.152</t>
  </si>
  <si>
    <t>23595.0</t>
  </si>
  <si>
    <t>0.521</t>
  </si>
  <si>
    <t>2192.0</t>
  </si>
  <si>
    <t>1523440.0</t>
  </si>
  <si>
    <t>22442.0</t>
  </si>
  <si>
    <t>33.647</t>
  </si>
  <si>
    <t>23887.0</t>
  </si>
  <si>
    <t>2232.0</t>
  </si>
  <si>
    <t>1540883.0</t>
  </si>
  <si>
    <t>17443.0</t>
  </si>
  <si>
    <t>34.033</t>
  </si>
  <si>
    <t>24440.0</t>
  </si>
  <si>
    <t>49.945</t>
  </si>
  <si>
    <t>1565229.0</t>
  </si>
  <si>
    <t>24346.0</t>
  </si>
  <si>
    <t>24648.0</t>
  </si>
  <si>
    <t>-2783.0</t>
  </si>
  <si>
    <t>-1.2</t>
  </si>
  <si>
    <t>16.37</t>
  </si>
  <si>
    <t>-61.1509599448248</t>
  </si>
  <si>
    <t>2314.0</t>
  </si>
  <si>
    <t>50.846</t>
  </si>
  <si>
    <t>1595419.0</t>
  </si>
  <si>
    <t>30190.0</t>
  </si>
  <si>
    <t>35.237</t>
  </si>
  <si>
    <t>0.667</t>
  </si>
  <si>
    <t>25321.0</t>
  </si>
  <si>
    <t>2539.0</t>
  </si>
  <si>
    <t>55.79</t>
  </si>
  <si>
    <t>1623586.0</t>
  </si>
  <si>
    <t>28167.0</t>
  </si>
  <si>
    <t>35.859</t>
  </si>
  <si>
    <t>25482.0</t>
  </si>
  <si>
    <t>1651534.0</t>
  </si>
  <si>
    <t>27948.0</t>
  </si>
  <si>
    <t>36.476</t>
  </si>
  <si>
    <t>25470.0</t>
  </si>
  <si>
    <t>53.285</t>
  </si>
  <si>
    <t>1679318.0</t>
  </si>
  <si>
    <t>27784.0</t>
  </si>
  <si>
    <t>37.09</t>
  </si>
  <si>
    <t>25474.0</t>
  </si>
  <si>
    <t>1703655.0</t>
  </si>
  <si>
    <t>24337.0</t>
  </si>
  <si>
    <t>37.628</t>
  </si>
  <si>
    <t>25745.0</t>
  </si>
  <si>
    <t>55.196</t>
  </si>
  <si>
    <t>1719151.0</t>
  </si>
  <si>
    <t>15496.0</t>
  </si>
  <si>
    <t>37.97</t>
  </si>
  <si>
    <t>25467.0</t>
  </si>
  <si>
    <t>1745267.0</t>
  </si>
  <si>
    <t>26116.0</t>
  </si>
  <si>
    <t>38.547</t>
  </si>
  <si>
    <t>0.577</t>
  </si>
  <si>
    <t>25720.0</t>
  </si>
  <si>
    <t>0.568</t>
  </si>
  <si>
    <t>59.745</t>
  </si>
  <si>
    <t>1774299.0</t>
  </si>
  <si>
    <t>29032.0</t>
  </si>
  <si>
    <t>39.188</t>
  </si>
  <si>
    <t>25554.0</t>
  </si>
  <si>
    <t>62.162</t>
  </si>
  <si>
    <t>1805529.0</t>
  </si>
  <si>
    <t>31230.0</t>
  </si>
  <si>
    <t>39.878</t>
  </si>
  <si>
    <t>25992.0</t>
  </si>
  <si>
    <t>0.574</t>
  </si>
  <si>
    <t>1835440.0</t>
  </si>
  <si>
    <t>29911.0</t>
  </si>
  <si>
    <t>40.538</t>
  </si>
  <si>
    <t>0.661</t>
  </si>
  <si>
    <t>26272.0</t>
  </si>
  <si>
    <t>67.963</t>
  </si>
  <si>
    <t>1867812.0</t>
  </si>
  <si>
    <t>32372.0</t>
  </si>
  <si>
    <t>41.253</t>
  </si>
  <si>
    <t>26928.0</t>
  </si>
  <si>
    <t>65.084</t>
  </si>
  <si>
    <t>1892744.0</t>
  </si>
  <si>
    <t>24932.0</t>
  </si>
  <si>
    <t>41.804</t>
  </si>
  <si>
    <t>0.551</t>
  </si>
  <si>
    <t>27013.0</t>
  </si>
  <si>
    <t>0.406</t>
  </si>
  <si>
    <t>2984.0</t>
  </si>
  <si>
    <t>1909824.0</t>
  </si>
  <si>
    <t>17080.0</t>
  </si>
  <si>
    <t>42.181</t>
  </si>
  <si>
    <t>27239.0</t>
  </si>
  <si>
    <t>0.602</t>
  </si>
  <si>
    <t>2992.0</t>
  </si>
  <si>
    <t>1937637.0</t>
  </si>
  <si>
    <t>27813.0</t>
  </si>
  <si>
    <t>42.795</t>
  </si>
  <si>
    <t>27481.0</t>
  </si>
  <si>
    <t>1966539.0</t>
  </si>
  <si>
    <t>43.434</t>
  </si>
  <si>
    <t>0.638</t>
  </si>
  <si>
    <t>27463.0</t>
  </si>
  <si>
    <t>1996700.0</t>
  </si>
  <si>
    <t>30161.0</t>
  </si>
  <si>
    <t>44.1</t>
  </si>
  <si>
    <t>0.666</t>
  </si>
  <si>
    <t>27310.0</t>
  </si>
  <si>
    <t>0.603</t>
  </si>
  <si>
    <t>3108.0</t>
  </si>
  <si>
    <t>2027731.0</t>
  </si>
  <si>
    <t>31031.0</t>
  </si>
  <si>
    <t>44.785</t>
  </si>
  <si>
    <t>0.685</t>
  </si>
  <si>
    <t>27470.0</t>
  </si>
  <si>
    <t>3225.0</t>
  </si>
  <si>
    <t>2059221.0</t>
  </si>
  <si>
    <t>31490.0</t>
  </si>
  <si>
    <t>45.481</t>
  </si>
  <si>
    <t>27344.0</t>
  </si>
  <si>
    <t>3213.0</t>
  </si>
  <si>
    <t>2084840.0</t>
  </si>
  <si>
    <t>25619.0</t>
  </si>
  <si>
    <t>46.047</t>
  </si>
  <si>
    <t>0.566</t>
  </si>
  <si>
    <t>27442.0</t>
  </si>
  <si>
    <t>0.606</t>
  </si>
  <si>
    <t>2100616.0</t>
  </si>
  <si>
    <t>15776.0</t>
  </si>
  <si>
    <t>46.395</t>
  </si>
  <si>
    <t>27256.0</t>
  </si>
  <si>
    <t>2125051.0</t>
  </si>
  <si>
    <t>24435.0</t>
  </si>
  <si>
    <t>46.935</t>
  </si>
  <si>
    <t>26773.0</t>
  </si>
  <si>
    <t>0.591</t>
  </si>
  <si>
    <t>3362.0</t>
  </si>
  <si>
    <t>2154335.0</t>
  </si>
  <si>
    <t>29284.0</t>
  </si>
  <si>
    <t>47.581</t>
  </si>
  <si>
    <t>26828.0</t>
  </si>
  <si>
    <t>2185374.0</t>
  </si>
  <si>
    <t>31039.0</t>
  </si>
  <si>
    <t>48.267</t>
  </si>
  <si>
    <t>0.686</t>
  </si>
  <si>
    <t>26953.0</t>
  </si>
  <si>
    <t>2216156.0</t>
  </si>
  <si>
    <t>30782.0</t>
  </si>
  <si>
    <t>48.947</t>
  </si>
  <si>
    <t>26918.0</t>
  </si>
  <si>
    <t>2247765.0</t>
  </si>
  <si>
    <t>31609.0</t>
  </si>
  <si>
    <t>49.645</t>
  </si>
  <si>
    <t>26935.0</t>
  </si>
  <si>
    <t>3633.0</t>
  </si>
  <si>
    <t>2272163.0</t>
  </si>
  <si>
    <t>24398.0</t>
  </si>
  <si>
    <t>50.184</t>
  </si>
  <si>
    <t>26760.0</t>
  </si>
  <si>
    <t>3604.0</t>
  </si>
  <si>
    <t>2289766.0</t>
  </si>
  <si>
    <t>17603.0</t>
  </si>
  <si>
    <t>50.573</t>
  </si>
  <si>
    <t>27021.0</t>
  </si>
  <si>
    <t>3678.0</t>
  </si>
  <si>
    <t>2316898.0</t>
  </si>
  <si>
    <t>27132.0</t>
  </si>
  <si>
    <t>51.172</t>
  </si>
  <si>
    <t>0.599</t>
  </si>
  <si>
    <t>27407.0</t>
  </si>
  <si>
    <t>3768.0</t>
  </si>
  <si>
    <t>2349361.0</t>
  </si>
  <si>
    <t>32463.0</t>
  </si>
  <si>
    <t>51.889</t>
  </si>
  <si>
    <t>0.717</t>
  </si>
  <si>
    <t>27861.0</t>
  </si>
  <si>
    <t>0.615</t>
  </si>
  <si>
    <t>3792.0</t>
  </si>
  <si>
    <t>83.322</t>
  </si>
  <si>
    <t>2383153.0</t>
  </si>
  <si>
    <t>33792.0</t>
  </si>
  <si>
    <t>52.635</t>
  </si>
  <si>
    <t>0.746</t>
  </si>
  <si>
    <t>28254.0</t>
  </si>
  <si>
    <t>8363.5</t>
  </si>
  <si>
    <t>38.02</t>
  </si>
  <si>
    <t>183.771488860418</t>
  </si>
  <si>
    <t>2416925.0</t>
  </si>
  <si>
    <t>33772.0</t>
  </si>
  <si>
    <t>53.381</t>
  </si>
  <si>
    <t>28681.0</t>
  </si>
  <si>
    <t>0.633</t>
  </si>
  <si>
    <t>3828.0</t>
  </si>
  <si>
    <t>84.113</t>
  </si>
  <si>
    <t>2452045.0</t>
  </si>
  <si>
    <t>35120.0</t>
  </si>
  <si>
    <t>54.157</t>
  </si>
  <si>
    <t>0.776</t>
  </si>
  <si>
    <t>29183.0</t>
  </si>
  <si>
    <t>2479203.0</t>
  </si>
  <si>
    <t>27158.0</t>
  </si>
  <si>
    <t>54.757</t>
  </si>
  <si>
    <t>29577.0</t>
  </si>
  <si>
    <t>86.793</t>
  </si>
  <si>
    <t>2495095.0</t>
  </si>
  <si>
    <t>15892.0</t>
  </si>
  <si>
    <t>55.108</t>
  </si>
  <si>
    <t>29333.0</t>
  </si>
  <si>
    <t>87.409</t>
  </si>
  <si>
    <t>2524761.0</t>
  </si>
  <si>
    <t>29666.0</t>
  </si>
  <si>
    <t>55.763</t>
  </si>
  <si>
    <t>0.655</t>
  </si>
  <si>
    <t>29695.0</t>
  </si>
  <si>
    <t>4007.0</t>
  </si>
  <si>
    <t>2561262.0</t>
  </si>
  <si>
    <t>36501.0</t>
  </si>
  <si>
    <t>56.569</t>
  </si>
  <si>
    <t>30272.0</t>
  </si>
  <si>
    <t>0.669</t>
  </si>
  <si>
    <t>2596466.0</t>
  </si>
  <si>
    <t>35204.0</t>
  </si>
  <si>
    <t>57.347</t>
  </si>
  <si>
    <t>30473.0</t>
  </si>
  <si>
    <t>4043.0</t>
  </si>
  <si>
    <t>2633067.0</t>
  </si>
  <si>
    <t>36601.0</t>
  </si>
  <si>
    <t>58.155</t>
  </si>
  <si>
    <t>30877.0</t>
  </si>
  <si>
    <t>2671816.0</t>
  </si>
  <si>
    <t>38749.0</t>
  </si>
  <si>
    <t>59.011</t>
  </si>
  <si>
    <t>31396.0</t>
  </si>
  <si>
    <t>0.693</t>
  </si>
  <si>
    <t>0.387</t>
  </si>
  <si>
    <t>4200.0</t>
  </si>
  <si>
    <t>2699839.0</t>
  </si>
  <si>
    <t>28023.0</t>
  </si>
  <si>
    <t>59.63</t>
  </si>
  <si>
    <t>31519.0</t>
  </si>
  <si>
    <t>4237.0</t>
  </si>
  <si>
    <t>93.1</t>
  </si>
  <si>
    <t>2718153.0</t>
  </si>
  <si>
    <t>18314.0</t>
  </si>
  <si>
    <t>60.034</t>
  </si>
  <si>
    <t>31865.0</t>
  </si>
  <si>
    <t>0.704</t>
  </si>
  <si>
    <t>2738426.0</t>
  </si>
  <si>
    <t>20273.0</t>
  </si>
  <si>
    <t>60.482</t>
  </si>
  <si>
    <t>30524.0</t>
  </si>
  <si>
    <t>2771093.0</t>
  </si>
  <si>
    <t>32667.0</t>
  </si>
  <si>
    <t>61.203</t>
  </si>
  <si>
    <t>29976.0</t>
  </si>
  <si>
    <t>4316.0</t>
  </si>
  <si>
    <t>2810732.0</t>
  </si>
  <si>
    <t>39639.0</t>
  </si>
  <si>
    <t>62.079</t>
  </si>
  <si>
    <t>30609.0</t>
  </si>
  <si>
    <t>2850281.0</t>
  </si>
  <si>
    <t>39549.0</t>
  </si>
  <si>
    <t>62.952</t>
  </si>
  <si>
    <t>0.873</t>
  </si>
  <si>
    <t>2890464.0</t>
  </si>
  <si>
    <t>40183.0</t>
  </si>
  <si>
    <t>63.84</t>
  </si>
  <si>
    <t>31235.0</t>
  </si>
  <si>
    <t>4386.0</t>
  </si>
  <si>
    <t>2924419.0</t>
  </si>
  <si>
    <t>33955.0</t>
  </si>
  <si>
    <t>64.59</t>
  </si>
  <si>
    <t>32083.0</t>
  </si>
  <si>
    <t>0.393</t>
  </si>
  <si>
    <t>4387.0</t>
  </si>
  <si>
    <t>2942097.0</t>
  </si>
  <si>
    <t>17678.0</t>
  </si>
  <si>
    <t>64.98</t>
  </si>
  <si>
    <t>31992.0</t>
  </si>
  <si>
    <t>0.707</t>
  </si>
  <si>
    <t>4392.0</t>
  </si>
  <si>
    <t>2980117.0</t>
  </si>
  <si>
    <t>38020.0</t>
  </si>
  <si>
    <t>65.82</t>
  </si>
  <si>
    <t>34527.0</t>
  </si>
  <si>
    <t>0.763</t>
  </si>
  <si>
    <t>0.383</t>
  </si>
  <si>
    <t>4451.0</t>
  </si>
  <si>
    <t>97.802</t>
  </si>
  <si>
    <t>3019929.0</t>
  </si>
  <si>
    <t>39812.0</t>
  </si>
  <si>
    <t>66.699</t>
  </si>
  <si>
    <t>35548.0</t>
  </si>
  <si>
    <t>4573.0</t>
  </si>
  <si>
    <t>3062366.0</t>
  </si>
  <si>
    <t>42437.0</t>
  </si>
  <si>
    <t>67.637</t>
  </si>
  <si>
    <t>0.937</t>
  </si>
  <si>
    <t>35948.0</t>
  </si>
  <si>
    <t>0.794</t>
  </si>
  <si>
    <t>0.367</t>
  </si>
  <si>
    <t>4611.0</t>
  </si>
  <si>
    <t>3103255.0</t>
  </si>
  <si>
    <t>40889.0</t>
  </si>
  <si>
    <t>68.54</t>
  </si>
  <si>
    <t>0.903</t>
  </si>
  <si>
    <t>36139.0</t>
  </si>
  <si>
    <t>4696.0</t>
  </si>
  <si>
    <t>3142191.0</t>
  </si>
  <si>
    <t>38936.0</t>
  </si>
  <si>
    <t>35961.0</t>
  </si>
  <si>
    <t>3170100.0</t>
  </si>
  <si>
    <t>27909.0</t>
  </si>
  <si>
    <t>70.016</t>
  </si>
  <si>
    <t>0.616</t>
  </si>
  <si>
    <t>35097.0</t>
  </si>
  <si>
    <t>4863.0</t>
  </si>
  <si>
    <t>3186883.0</t>
  </si>
  <si>
    <t>16783.0</t>
  </si>
  <si>
    <t>70.387</t>
  </si>
  <si>
    <t>34969.0</t>
  </si>
  <si>
    <t>110.7</t>
  </si>
  <si>
    <t>3220642.0</t>
  </si>
  <si>
    <t>33759.0</t>
  </si>
  <si>
    <t>71.132</t>
  </si>
  <si>
    <t>34361.0</t>
  </si>
  <si>
    <t>0.759</t>
  </si>
  <si>
    <t>4952.0</t>
  </si>
  <si>
    <t>108.81</t>
  </si>
  <si>
    <t>3255957.0</t>
  </si>
  <si>
    <t>35315.0</t>
  </si>
  <si>
    <t>71.912</t>
  </si>
  <si>
    <t>33718.0</t>
  </si>
  <si>
    <t>5037.0</t>
  </si>
  <si>
    <t>3292901.0</t>
  </si>
  <si>
    <t>36944.0</t>
  </si>
  <si>
    <t>72.728</t>
  </si>
  <si>
    <t>0.816</t>
  </si>
  <si>
    <t>32934.0</t>
  </si>
  <si>
    <t>0.727</t>
  </si>
  <si>
    <t>4981.0</t>
  </si>
  <si>
    <t>3327479.0</t>
  </si>
  <si>
    <t>34578.0</t>
  </si>
  <si>
    <t>73.492</t>
  </si>
  <si>
    <t>0.764</t>
  </si>
  <si>
    <t>32032.0</t>
  </si>
  <si>
    <t>3364250.0</t>
  </si>
  <si>
    <t>36771.0</t>
  </si>
  <si>
    <t>74.304</t>
  </si>
  <si>
    <t>31723.0</t>
  </si>
  <si>
    <t>0.701</t>
  </si>
  <si>
    <t>4969.0</t>
  </si>
  <si>
    <t>3388938.0</t>
  </si>
  <si>
    <t>24688.0</t>
  </si>
  <si>
    <t>74.849</t>
  </si>
  <si>
    <t>31263.0</t>
  </si>
  <si>
    <t>20995.4</t>
  </si>
  <si>
    <t>461.332685744008</t>
  </si>
  <si>
    <t>112.48</t>
  </si>
  <si>
    <t>3404690.0</t>
  </si>
  <si>
    <t>15752.0</t>
  </si>
  <si>
    <t>75.197</t>
  </si>
  <si>
    <t>31115.0</t>
  </si>
  <si>
    <t>3433682.0</t>
  </si>
  <si>
    <t>28992.0</t>
  </si>
  <si>
    <t>75.838</t>
  </si>
  <si>
    <t>30434.0</t>
  </si>
  <si>
    <t>3467929.0</t>
  </si>
  <si>
    <t>34247.0</t>
  </si>
  <si>
    <t>76.594</t>
  </si>
  <si>
    <t>0.756</t>
  </si>
  <si>
    <t>30282.0</t>
  </si>
  <si>
    <t>3499193.0</t>
  </si>
  <si>
    <t>31264.0</t>
  </si>
  <si>
    <t>77.284</t>
  </si>
  <si>
    <t>0.691</t>
  </si>
  <si>
    <t>29470.0</t>
  </si>
  <si>
    <t>4713.0</t>
  </si>
  <si>
    <t>3536176.0</t>
  </si>
  <si>
    <t>36983.0</t>
  </si>
  <si>
    <t>78.101</t>
  </si>
  <si>
    <t>29814.0</t>
  </si>
  <si>
    <t>4666.0</t>
  </si>
  <si>
    <t>3569514.0</t>
  </si>
  <si>
    <t>33338.0</t>
  </si>
  <si>
    <t>78.838</t>
  </si>
  <si>
    <t>29323.0</t>
  </si>
  <si>
    <t>3594298.0</t>
  </si>
  <si>
    <t>24784.0</t>
  </si>
  <si>
    <t>79.385</t>
  </si>
  <si>
    <t>29337.0</t>
  </si>
  <si>
    <t>3609595.0</t>
  </si>
  <si>
    <t>15297.0</t>
  </si>
  <si>
    <t>79.723</t>
  </si>
  <si>
    <t>29272.0</t>
  </si>
  <si>
    <t>3638020.0</t>
  </si>
  <si>
    <t>80.351</t>
  </si>
  <si>
    <t>29191.0</t>
  </si>
  <si>
    <t>4494.0</t>
  </si>
  <si>
    <t>3671092.0</t>
  </si>
  <si>
    <t>33072.0</t>
  </si>
  <si>
    <t>81.081</t>
  </si>
  <si>
    <t>29023.0</t>
  </si>
  <si>
    <t>3704266.0</t>
  </si>
  <si>
    <t>33174.0</t>
  </si>
  <si>
    <t>81.814</t>
  </si>
  <si>
    <t>29296.0</t>
  </si>
  <si>
    <t>4397.0</t>
  </si>
  <si>
    <t>3736042.0</t>
  </si>
  <si>
    <t>31776.0</t>
  </si>
  <si>
    <t>82.516</t>
  </si>
  <si>
    <t>0.702</t>
  </si>
  <si>
    <t>28552.0</t>
  </si>
  <si>
    <t>4381.0</t>
  </si>
  <si>
    <t>3769727.0</t>
  </si>
  <si>
    <t>33685.0</t>
  </si>
  <si>
    <t>83.26</t>
  </si>
  <si>
    <t>28602.0</t>
  </si>
  <si>
    <t>0.632</t>
  </si>
  <si>
    <t>3793610.0</t>
  </si>
  <si>
    <t>23883.0</t>
  </si>
  <si>
    <t>83.787</t>
  </si>
  <si>
    <t>0.527</t>
  </si>
  <si>
    <t>28473.0</t>
  </si>
  <si>
    <t>4365.0</t>
  </si>
  <si>
    <t>3807663.0</t>
  </si>
  <si>
    <t>14053.0</t>
  </si>
  <si>
    <t>84.097</t>
  </si>
  <si>
    <t>28295.0</t>
  </si>
  <si>
    <t>0.625</t>
  </si>
  <si>
    <t>4322.0</t>
  </si>
  <si>
    <t>3836332.0</t>
  </si>
  <si>
    <t>28669.0</t>
  </si>
  <si>
    <t>84.731</t>
  </si>
  <si>
    <t>28330.0</t>
  </si>
  <si>
    <t>0.626</t>
  </si>
  <si>
    <t>4379.0</t>
  </si>
  <si>
    <t>96.22</t>
  </si>
  <si>
    <t>3867719.0</t>
  </si>
  <si>
    <t>31387.0</t>
  </si>
  <si>
    <t>85.424</t>
  </si>
  <si>
    <t>28090.0</t>
  </si>
  <si>
    <t>4267.0</t>
  </si>
  <si>
    <t>93.759</t>
  </si>
  <si>
    <t>3902668.0</t>
  </si>
  <si>
    <t>34949.0</t>
  </si>
  <si>
    <t>86.196</t>
  </si>
  <si>
    <t>28343.0</t>
  </si>
  <si>
    <t>4292.0</t>
  </si>
  <si>
    <t>3936589.0</t>
  </si>
  <si>
    <t>33921.0</t>
  </si>
  <si>
    <t>86.945</t>
  </si>
  <si>
    <t>28650.0</t>
  </si>
  <si>
    <t>92.001</t>
  </si>
  <si>
    <t>3970478.0</t>
  </si>
  <si>
    <t>33889.0</t>
  </si>
  <si>
    <t>87.693</t>
  </si>
  <si>
    <t>28679.0</t>
  </si>
  <si>
    <t>3992705.0</t>
  </si>
  <si>
    <t>22227.0</t>
  </si>
  <si>
    <t>88.184</t>
  </si>
  <si>
    <t>28442.0</t>
  </si>
  <si>
    <t>4006213.0</t>
  </si>
  <si>
    <t>13508.0</t>
  </si>
  <si>
    <t>88.483</t>
  </si>
  <si>
    <t>28364.0</t>
  </si>
  <si>
    <t>4166.0</t>
  </si>
  <si>
    <t>91.54</t>
  </si>
  <si>
    <t>4021114.0</t>
  </si>
  <si>
    <t>88.812</t>
  </si>
  <si>
    <t>26397.0</t>
  </si>
  <si>
    <t>4148.0</t>
  </si>
  <si>
    <t>4051330.0</t>
  </si>
  <si>
    <t>30216.0</t>
  </si>
  <si>
    <t>89.479</t>
  </si>
  <si>
    <t>26230.0</t>
  </si>
  <si>
    <t>4039.0</t>
  </si>
  <si>
    <t>4082911.0</t>
  </si>
  <si>
    <t>31581.0</t>
  </si>
  <si>
    <t>90.177</t>
  </si>
  <si>
    <t>25749.0</t>
  </si>
  <si>
    <t>4115146.0</t>
  </si>
  <si>
    <t>32235.0</t>
  </si>
  <si>
    <t>90.889</t>
  </si>
  <si>
    <t>25508.0</t>
  </si>
  <si>
    <t>4145917.0</t>
  </si>
  <si>
    <t>30771.0</t>
  </si>
  <si>
    <t>91.568</t>
  </si>
  <si>
    <t>25063.0</t>
  </si>
  <si>
    <t>4021.0</t>
  </si>
  <si>
    <t>4168084.0</t>
  </si>
  <si>
    <t>22167.0</t>
  </si>
  <si>
    <t>92.058</t>
  </si>
  <si>
    <t>25054.0</t>
  </si>
  <si>
    <t>0.553</t>
  </si>
  <si>
    <t>4180495.0</t>
  </si>
  <si>
    <t>12411.0</t>
  </si>
  <si>
    <t>92.332</t>
  </si>
  <si>
    <t>24897.0</t>
  </si>
  <si>
    <t>89.254</t>
  </si>
  <si>
    <t>4208202.0</t>
  </si>
  <si>
    <t>27707.0</t>
  </si>
  <si>
    <t>92.944</t>
  </si>
  <si>
    <t>0.612</t>
  </si>
  <si>
    <t>26727.0</t>
  </si>
  <si>
    <t>29917.5</t>
  </si>
  <si>
    <t>34.84</t>
  </si>
  <si>
    <t>657.378312665935</t>
  </si>
  <si>
    <t>86.706</t>
  </si>
  <si>
    <t>4239749.0</t>
  </si>
  <si>
    <t>31547.0</t>
  </si>
  <si>
    <t>93.641</t>
  </si>
  <si>
    <t>0.697</t>
  </si>
  <si>
    <t>26917.0</t>
  </si>
  <si>
    <t>3983.0</t>
  </si>
  <si>
    <t>4270674.0</t>
  </si>
  <si>
    <t>30925.0</t>
  </si>
  <si>
    <t>94.324</t>
  </si>
  <si>
    <t>26823.0</t>
  </si>
  <si>
    <t>0.592</t>
  </si>
  <si>
    <t>3916.0</t>
  </si>
  <si>
    <t>4301100.0</t>
  </si>
  <si>
    <t>30426.0</t>
  </si>
  <si>
    <t>94.996</t>
  </si>
  <si>
    <t>26565.0</t>
  </si>
  <si>
    <t>0.587</t>
  </si>
  <si>
    <t>4328689.0</t>
  </si>
  <si>
    <t>27589.0</t>
  </si>
  <si>
    <t>95.605</t>
  </si>
  <si>
    <t>26110.0</t>
  </si>
  <si>
    <t>82.553</t>
  </si>
  <si>
    <t>4350380.0</t>
  </si>
  <si>
    <t>21691.0</t>
  </si>
  <si>
    <t>96.084</t>
  </si>
  <si>
    <t>26042.0</t>
  </si>
  <si>
    <t>3735.0</t>
  </si>
  <si>
    <t>4361302.0</t>
  </si>
  <si>
    <t>10922.0</t>
  </si>
  <si>
    <t>96.325</t>
  </si>
  <si>
    <t>25830.0</t>
  </si>
  <si>
    <t>4377103.0</t>
  </si>
  <si>
    <t>15801.0</t>
  </si>
  <si>
    <t>96.674</t>
  </si>
  <si>
    <t>24129.0</t>
  </si>
  <si>
    <t>0.533</t>
  </si>
  <si>
    <t>3715.0</t>
  </si>
  <si>
    <t>81.63</t>
  </si>
  <si>
    <t>4390223.0</t>
  </si>
  <si>
    <t>13120.0</t>
  </si>
  <si>
    <t>96.964</t>
  </si>
  <si>
    <t>21496.0</t>
  </si>
  <si>
    <t>3688.0</t>
  </si>
  <si>
    <t>4420500.0</t>
  </si>
  <si>
    <t>30277.0</t>
  </si>
  <si>
    <t>97.633</t>
  </si>
  <si>
    <t>21404.0</t>
  </si>
  <si>
    <t>3655.0</t>
  </si>
  <si>
    <t>80.311</t>
  </si>
  <si>
    <t>4453040.0</t>
  </si>
  <si>
    <t>32540.0</t>
  </si>
  <si>
    <t>98.352</t>
  </si>
  <si>
    <t>21706.0</t>
  </si>
  <si>
    <t>3620.0</t>
  </si>
  <si>
    <t>4484203.0</t>
  </si>
  <si>
    <t>31163.0</t>
  </si>
  <si>
    <t>99.04</t>
  </si>
  <si>
    <t>22216.0</t>
  </si>
  <si>
    <t>3594.0</t>
  </si>
  <si>
    <t>4508066.0</t>
  </si>
  <si>
    <t>23863.0</t>
  </si>
  <si>
    <t>99.567</t>
  </si>
  <si>
    <t>22527.0</t>
  </si>
  <si>
    <t>4522839.0</t>
  </si>
  <si>
    <t>14773.0</t>
  </si>
  <si>
    <t>99.893</t>
  </si>
  <si>
    <t>23077.0</t>
  </si>
  <si>
    <t>3478.0</t>
  </si>
  <si>
    <t>4551789.0</t>
  </si>
  <si>
    <t>28950.0</t>
  </si>
  <si>
    <t>100.533</t>
  </si>
  <si>
    <t>0.639</t>
  </si>
  <si>
    <t>24955.0</t>
  </si>
  <si>
    <t>3475.0</t>
  </si>
  <si>
    <t>4584964.0</t>
  </si>
  <si>
    <t>33175.0</t>
  </si>
  <si>
    <t>101.265</t>
  </si>
  <si>
    <t>27820.0</t>
  </si>
  <si>
    <t>3443.0</t>
  </si>
  <si>
    <t>4617760.0</t>
  </si>
  <si>
    <t>32796.0</t>
  </si>
  <si>
    <t>28180.0</t>
  </si>
  <si>
    <t>4653670.0</t>
  </si>
  <si>
    <t>35910.0</t>
  </si>
  <si>
    <t>102.783</t>
  </si>
  <si>
    <t>0.793</t>
  </si>
  <si>
    <t>28661.0</t>
  </si>
  <si>
    <t>4690971.0</t>
  </si>
  <si>
    <t>37301.0</t>
  </si>
  <si>
    <t>103.607</t>
  </si>
  <si>
    <t>29538.0</t>
  </si>
  <si>
    <t>4720612.0</t>
  </si>
  <si>
    <t>29641.0</t>
  </si>
  <si>
    <t>104.261</t>
  </si>
  <si>
    <t>30364.0</t>
  </si>
  <si>
    <t>3462.0</t>
  </si>
  <si>
    <t>4739442.0</t>
  </si>
  <si>
    <t>18830.0</t>
  </si>
  <si>
    <t>104.677</t>
  </si>
  <si>
    <t>30943.0</t>
  </si>
  <si>
    <t>3367.0</t>
  </si>
  <si>
    <t>4775552.0</t>
  </si>
  <si>
    <t>36110.0</t>
  </si>
  <si>
    <t>105.475</t>
  </si>
  <si>
    <t>31966.0</t>
  </si>
  <si>
    <t>4817055.0</t>
  </si>
  <si>
    <t>41503.0</t>
  </si>
  <si>
    <t>106.391</t>
  </si>
  <si>
    <t>33156.0</t>
  </si>
  <si>
    <t>0.732</t>
  </si>
  <si>
    <t>4859905.0</t>
  </si>
  <si>
    <t>42850.0</t>
  </si>
  <si>
    <t>107.338</t>
  </si>
  <si>
    <t>34592.0</t>
  </si>
  <si>
    <t>4886465.0</t>
  </si>
  <si>
    <t>26560.0</t>
  </si>
  <si>
    <t>107.924</t>
  </si>
  <si>
    <t>33256.0</t>
  </si>
  <si>
    <t>4894729.0</t>
  </si>
  <si>
    <t>8264.0</t>
  </si>
  <si>
    <t>108.107</t>
  </si>
  <si>
    <t>29108.0</t>
  </si>
  <si>
    <t>3262.0</t>
  </si>
  <si>
    <t>4923422.0</t>
  </si>
  <si>
    <t>28693.0</t>
  </si>
  <si>
    <t>108.741</t>
  </si>
  <si>
    <t>0.634</t>
  </si>
  <si>
    <t>28973.0</t>
  </si>
  <si>
    <t>3313.0</t>
  </si>
  <si>
    <t>4945299.0</t>
  </si>
  <si>
    <t>21877.0</t>
  </si>
  <si>
    <t>109.224</t>
  </si>
  <si>
    <t>29408.0</t>
  </si>
  <si>
    <t>3319.0</t>
  </si>
  <si>
    <t>4991646.0</t>
  </si>
  <si>
    <t>46347.0</t>
  </si>
  <si>
    <t>110.247</t>
  </si>
  <si>
    <t>30871.0</t>
  </si>
  <si>
    <t>3345.0</t>
  </si>
  <si>
    <t>73.5</t>
  </si>
  <si>
    <t>5039498.0</t>
  </si>
  <si>
    <t>47852.0</t>
  </si>
  <si>
    <t>111.304</t>
  </si>
  <si>
    <t>1.057</t>
  </si>
  <si>
    <t>31778.0</t>
  </si>
  <si>
    <t>20491.0</t>
  </si>
  <si>
    <t>20488.0</t>
  </si>
  <si>
    <t>3440.0</t>
  </si>
  <si>
    <t>75.587</t>
  </si>
  <si>
    <t>5091521.0</t>
  </si>
  <si>
    <t>52023.0</t>
  </si>
  <si>
    <t>112.453</t>
  </si>
  <si>
    <t>33088.0</t>
  </si>
  <si>
    <t>40593.0</t>
  </si>
  <si>
    <t>40585.0</t>
  </si>
  <si>
    <t>20102.0</t>
  </si>
  <si>
    <t>20097.0</t>
  </si>
  <si>
    <t>5126379.0</t>
  </si>
  <si>
    <t>34858.0</t>
  </si>
  <si>
    <t>113.223</t>
  </si>
  <si>
    <t>34273.0</t>
  </si>
  <si>
    <t>43399.0</t>
  </si>
  <si>
    <t>43391.0</t>
  </si>
  <si>
    <t>11454.0</t>
  </si>
  <si>
    <t>11452.0</t>
  </si>
  <si>
    <t>34735.2</t>
  </si>
  <si>
    <t>763.237809513288</t>
  </si>
  <si>
    <t>5136305.0</t>
  </si>
  <si>
    <t>9926.0</t>
  </si>
  <si>
    <t>113.442</t>
  </si>
  <si>
    <t>34511.0</t>
  </si>
  <si>
    <t>43528.0</t>
  </si>
  <si>
    <t>43520.0</t>
  </si>
  <si>
    <t>7679.0</t>
  </si>
  <si>
    <t>7677.0</t>
  </si>
  <si>
    <t>3438.0</t>
  </si>
  <si>
    <t>5166330.0</t>
  </si>
  <si>
    <t>30025.0</t>
  </si>
  <si>
    <t>114.106</t>
  </si>
  <si>
    <t>34701.0</t>
  </si>
  <si>
    <t>46840.0</t>
  </si>
  <si>
    <t>46829.0</t>
  </si>
  <si>
    <t>3312.0</t>
  </si>
  <si>
    <t>6587.0</t>
  </si>
  <si>
    <t>6585.0</t>
  </si>
  <si>
    <t>3433.0</t>
  </si>
  <si>
    <t>5192065.0</t>
  </si>
  <si>
    <t>25735.0</t>
  </si>
  <si>
    <t>114.674</t>
  </si>
  <si>
    <t>35252.0</t>
  </si>
  <si>
    <t>47286.0</t>
  </si>
  <si>
    <t>47270.0</t>
  </si>
  <si>
    <t>5359.0</t>
  </si>
  <si>
    <t>3502.0</t>
  </si>
  <si>
    <t>76.95</t>
  </si>
  <si>
    <t>5242548.0</t>
  </si>
  <si>
    <t>50483.0</t>
  </si>
  <si>
    <t>115.789</t>
  </si>
  <si>
    <t>35843.0</t>
  </si>
  <si>
    <t>0.792</t>
  </si>
  <si>
    <t>57747.0</t>
  </si>
  <si>
    <t>57725.0</t>
  </si>
  <si>
    <t>10461.0</t>
  </si>
  <si>
    <t>6209.0</t>
  </si>
  <si>
    <t>6206.0</t>
  </si>
  <si>
    <t>3460.0</t>
  </si>
  <si>
    <t>5296867.0</t>
  </si>
  <si>
    <t>54319.0</t>
  </si>
  <si>
    <t>116.989</t>
  </si>
  <si>
    <t>36767.0</t>
  </si>
  <si>
    <t>68477.0</t>
  </si>
  <si>
    <t>68452.0</t>
  </si>
  <si>
    <t>10730.0</t>
  </si>
  <si>
    <t>6855.0</t>
  </si>
  <si>
    <t>5353028.0</t>
  </si>
  <si>
    <t>56161.0</t>
  </si>
  <si>
    <t>118.229</t>
  </si>
  <si>
    <t>37358.0</t>
  </si>
  <si>
    <t>0.825</t>
  </si>
  <si>
    <t>78592.0</t>
  </si>
  <si>
    <t>78563.0</t>
  </si>
  <si>
    <t>5428.0</t>
  </si>
  <si>
    <t>5425.0</t>
  </si>
  <si>
    <t>5407069.0</t>
  </si>
  <si>
    <t>54041.0</t>
  </si>
  <si>
    <t>119.423</t>
  </si>
  <si>
    <t>1.194</t>
  </si>
  <si>
    <t>40099.0</t>
  </si>
  <si>
    <t>0.886</t>
  </si>
  <si>
    <t>96820.0</t>
  </si>
  <si>
    <t>96787.0</t>
  </si>
  <si>
    <t>18228.0</t>
  </si>
  <si>
    <t>7632.0</t>
  </si>
  <si>
    <t>5461798.0</t>
  </si>
  <si>
    <t>54729.0</t>
  </si>
  <si>
    <t>120.631</t>
  </si>
  <si>
    <t>1.209</t>
  </si>
  <si>
    <t>46499.0</t>
  </si>
  <si>
    <t>1.027</t>
  </si>
  <si>
    <t>124713.0</t>
  </si>
  <si>
    <t>124673.0</t>
  </si>
  <si>
    <t>27893.0</t>
  </si>
  <si>
    <t>11593.0</t>
  </si>
  <si>
    <t>5506122.0</t>
  </si>
  <si>
    <t>44324.0</t>
  </si>
  <si>
    <t>121.61</t>
  </si>
  <si>
    <t>48542.0</t>
  </si>
  <si>
    <t>1.072</t>
  </si>
  <si>
    <t>134922.0</t>
  </si>
  <si>
    <t>134880.0</t>
  </si>
  <si>
    <t>10209.0</t>
  </si>
  <si>
    <t>12583.0</t>
  </si>
  <si>
    <t>12579.0</t>
  </si>
  <si>
    <t>3612.0</t>
  </si>
  <si>
    <t>5532906.0</t>
  </si>
  <si>
    <t>26784.0</t>
  </si>
  <si>
    <t>122.202</t>
  </si>
  <si>
    <t>48692.0</t>
  </si>
  <si>
    <t>136101.0</t>
  </si>
  <si>
    <t>136054.0</t>
  </si>
  <si>
    <t>1179.0</t>
  </si>
  <si>
    <t>12688.0</t>
  </si>
  <si>
    <t>3606.0</t>
  </si>
  <si>
    <t>5584102.0</t>
  </si>
  <si>
    <t>51196.0</t>
  </si>
  <si>
    <t>123.333</t>
  </si>
  <si>
    <t>48793.0</t>
  </si>
  <si>
    <t>155930.0</t>
  </si>
  <si>
    <t>155877.0</t>
  </si>
  <si>
    <t>19829.0</t>
  </si>
  <si>
    <t>14026.0</t>
  </si>
  <si>
    <t>14022.0</t>
  </si>
  <si>
    <t>3619.0</t>
  </si>
  <si>
    <t>79.52</t>
  </si>
  <si>
    <t>5636913.0</t>
  </si>
  <si>
    <t>52811.0</t>
  </si>
  <si>
    <t>124.499</t>
  </si>
  <si>
    <t>1.166</t>
  </si>
  <si>
    <t>48578.0</t>
  </si>
  <si>
    <t>175323.0</t>
  </si>
  <si>
    <t>175251.0</t>
  </si>
  <si>
    <t>19393.0</t>
  </si>
  <si>
    <t>15264.0</t>
  </si>
  <si>
    <t>15257.0</t>
  </si>
  <si>
    <t>5691871.0</t>
  </si>
  <si>
    <t>54958.0</t>
  </si>
  <si>
    <t>125.713</t>
  </si>
  <si>
    <t>48406.0</t>
  </si>
  <si>
    <t>192099.0</t>
  </si>
  <si>
    <t>192023.0</t>
  </si>
  <si>
    <t>16776.0</t>
  </si>
  <si>
    <t>16215.0</t>
  </si>
  <si>
    <t>16209.0</t>
  </si>
  <si>
    <t>79.85</t>
  </si>
  <si>
    <t>5743995.0</t>
  </si>
  <si>
    <t>52124.0</t>
  </si>
  <si>
    <t>126.864</t>
  </si>
  <si>
    <t>208751.0</t>
  </si>
  <si>
    <t>208670.0</t>
  </si>
  <si>
    <t>16652.0</t>
  </si>
  <si>
    <t>15990.0</t>
  </si>
  <si>
    <t>15983.0</t>
  </si>
  <si>
    <t>3578.0</t>
  </si>
  <si>
    <t>78.62</t>
  </si>
  <si>
    <t>5800741.0</t>
  </si>
  <si>
    <t>56746.0</t>
  </si>
  <si>
    <t>128.117</t>
  </si>
  <si>
    <t>48420.0</t>
  </si>
  <si>
    <t>226197.0</t>
  </si>
  <si>
    <t>226110.0</t>
  </si>
  <si>
    <t>17446.0</t>
  </si>
  <si>
    <t>14498.0</t>
  </si>
  <si>
    <t>14491.0</t>
  </si>
  <si>
    <t>5846549.0</t>
  </si>
  <si>
    <t>45808.0</t>
  </si>
  <si>
    <t>129.129</t>
  </si>
  <si>
    <t>1.012</t>
  </si>
  <si>
    <t>48632.0</t>
  </si>
  <si>
    <t>232081.0</t>
  </si>
  <si>
    <t>231993.0</t>
  </si>
  <si>
    <t>5884.0</t>
  </si>
  <si>
    <t>13880.0</t>
  </si>
  <si>
    <t>13873.0</t>
  </si>
  <si>
    <t>3547.0</t>
  </si>
  <si>
    <t>77.938</t>
  </si>
  <si>
    <t>5878551.0</t>
  </si>
  <si>
    <t>32002.0</t>
  </si>
  <si>
    <t>129.836</t>
  </si>
  <si>
    <t>49378.0</t>
  </si>
  <si>
    <t>233144.0</t>
  </si>
  <si>
    <t>233051.0</t>
  </si>
  <si>
    <t>13863.0</t>
  </si>
  <si>
    <t>13857.0</t>
  </si>
  <si>
    <t>3564.0</t>
  </si>
  <si>
    <t>5934137.0</t>
  </si>
  <si>
    <t>55586.0</t>
  </si>
  <si>
    <t>131.064</t>
  </si>
  <si>
    <t>50005.0</t>
  </si>
  <si>
    <t>242976.0</t>
  </si>
  <si>
    <t>242871.0</t>
  </si>
  <si>
    <t>9832.0</t>
  </si>
  <si>
    <t>12435.0</t>
  </si>
  <si>
    <t>12428.0</t>
  </si>
  <si>
    <t>5991867.0</t>
  </si>
  <si>
    <t>57730.0</t>
  </si>
  <si>
    <t>132.339</t>
  </si>
  <si>
    <t>1.275</t>
  </si>
  <si>
    <t>50708.0</t>
  </si>
  <si>
    <t>256230.0</t>
  </si>
  <si>
    <t>250686.0</t>
  </si>
  <si>
    <t>5493.0</t>
  </si>
  <si>
    <t>13254.0</t>
  </si>
  <si>
    <t>11558.0</t>
  </si>
  <si>
    <t>10776.0</t>
  </si>
  <si>
    <t>6044785.0</t>
  </si>
  <si>
    <t>52918.0</t>
  </si>
  <si>
    <t>133.507</t>
  </si>
  <si>
    <t>50416.0</t>
  </si>
  <si>
    <t>275661.0</t>
  </si>
  <si>
    <t>256597.0</t>
  </si>
  <si>
    <t>19013.0</t>
  </si>
  <si>
    <t>19431.0</t>
  </si>
  <si>
    <t>11937.0</t>
  </si>
  <si>
    <t>9225.0</t>
  </si>
  <si>
    <t>6095941.0</t>
  </si>
  <si>
    <t>51156.0</t>
  </si>
  <si>
    <t>134.637</t>
  </si>
  <si>
    <t>50278.0</t>
  </si>
  <si>
    <t>289782.0</t>
  </si>
  <si>
    <t>261397.0</t>
  </si>
  <si>
    <t>28334.0</t>
  </si>
  <si>
    <t>14121.0</t>
  </si>
  <si>
    <t>11576.0</t>
  </si>
  <si>
    <t>7532.0</t>
  </si>
  <si>
    <t>6146740.0</t>
  </si>
  <si>
    <t>50799.0</t>
  </si>
  <si>
    <t>135.759</t>
  </si>
  <si>
    <t>1.122</t>
  </si>
  <si>
    <t>49428.0</t>
  </si>
  <si>
    <t>1.092</t>
  </si>
  <si>
    <t>299004.0</t>
  </si>
  <si>
    <t>266421.0</t>
  </si>
  <si>
    <t>32531.0</t>
  </si>
  <si>
    <t>10401.0</t>
  </si>
  <si>
    <t>6183435.0</t>
  </si>
  <si>
    <t>36695.0</t>
  </si>
  <si>
    <t>136.57</t>
  </si>
  <si>
    <t>48127.0</t>
  </si>
  <si>
    <t>302953.0</t>
  </si>
  <si>
    <t>267534.0</t>
  </si>
  <si>
    <t>35366.0</t>
  </si>
  <si>
    <t>3949.0</t>
  </si>
  <si>
    <t>10125.0</t>
  </si>
  <si>
    <t>5077.0</t>
  </si>
  <si>
    <t>6209542.0</t>
  </si>
  <si>
    <t>26107.0</t>
  </si>
  <si>
    <t>137.146</t>
  </si>
  <si>
    <t>47284.0</t>
  </si>
  <si>
    <t>303256.0</t>
  </si>
  <si>
    <t>267625.0</t>
  </si>
  <si>
    <t>35578.0</t>
  </si>
  <si>
    <t>10016.0</t>
  </si>
  <si>
    <t>4939.0</t>
  </si>
  <si>
    <t>6258899.0</t>
  </si>
  <si>
    <t>49357.0</t>
  </si>
  <si>
    <t>138.236</t>
  </si>
  <si>
    <t>46395.0</t>
  </si>
  <si>
    <t>1.025</t>
  </si>
  <si>
    <t>317474.0</t>
  </si>
  <si>
    <t>274750.0</t>
  </si>
  <si>
    <t>42671.0</t>
  </si>
  <si>
    <t>14218.0</t>
  </si>
  <si>
    <t>10643.0</t>
  </si>
  <si>
    <t>3614.0</t>
  </si>
  <si>
    <t>79.411</t>
  </si>
  <si>
    <t>6308387.0</t>
  </si>
  <si>
    <t>49488.0</t>
  </si>
  <si>
    <t>139.329</t>
  </si>
  <si>
    <t>45217.0</t>
  </si>
  <si>
    <t>330289.0</t>
  </si>
  <si>
    <t>280071.0</t>
  </si>
  <si>
    <t>50165.0</t>
  </si>
  <si>
    <t>10580.0</t>
  </si>
  <si>
    <t>4198.0</t>
  </si>
  <si>
    <t>6360039.0</t>
  </si>
  <si>
    <t>51652.0</t>
  </si>
  <si>
    <t>140.47</t>
  </si>
  <si>
    <t>45036.0</t>
  </si>
  <si>
    <t>340403.0</t>
  </si>
  <si>
    <t>284164.0</t>
  </si>
  <si>
    <t>56186.0</t>
  </si>
  <si>
    <t>10114.0</t>
  </si>
  <si>
    <t>9249.0</t>
  </si>
  <si>
    <t>3938.0</t>
  </si>
  <si>
    <t>3607.0</t>
  </si>
  <si>
    <t>6409982.0</t>
  </si>
  <si>
    <t>49943.0</t>
  </si>
  <si>
    <t>141.573</t>
  </si>
  <si>
    <t>44863.0</t>
  </si>
  <si>
    <t>0.991</t>
  </si>
  <si>
    <t>356452.0</t>
  </si>
  <si>
    <t>285608.0</t>
  </si>
  <si>
    <t>70790.0</t>
  </si>
  <si>
    <t>16049.0</t>
  </si>
  <si>
    <t>9524.0</t>
  </si>
  <si>
    <t>3459.0</t>
  </si>
  <si>
    <t>6459861.0</t>
  </si>
  <si>
    <t>49879.0</t>
  </si>
  <si>
    <t>142.675</t>
  </si>
  <si>
    <t>44732.0</t>
  </si>
  <si>
    <t>379957.0</t>
  </si>
  <si>
    <t>287070.0</t>
  </si>
  <si>
    <t>92833.0</t>
  </si>
  <si>
    <t>23505.0</t>
  </si>
  <si>
    <t>11565.0</t>
  </si>
  <si>
    <t>79.63</t>
  </si>
  <si>
    <t>6503114.0</t>
  </si>
  <si>
    <t>43253.0</t>
  </si>
  <si>
    <t>143.63</t>
  </si>
  <si>
    <t>45668.0</t>
  </si>
  <si>
    <t>389272.0</t>
  </si>
  <si>
    <t>287272.0</t>
  </si>
  <si>
    <t>101945.0</t>
  </si>
  <si>
    <t>9315.0</t>
  </si>
  <si>
    <t>12331.0</t>
  </si>
  <si>
    <t>2820.0</t>
  </si>
  <si>
    <t>6540685.0</t>
  </si>
  <si>
    <t>37571.0</t>
  </si>
  <si>
    <t>144.46</t>
  </si>
  <si>
    <t>47306.0</t>
  </si>
  <si>
    <t>389896.0</t>
  </si>
  <si>
    <t>287280.0</t>
  </si>
  <si>
    <t>102561.0</t>
  </si>
  <si>
    <t>12377.0</t>
  </si>
  <si>
    <t>3554.0</t>
  </si>
  <si>
    <t>78.092</t>
  </si>
  <si>
    <t>6595681.0</t>
  </si>
  <si>
    <t>54996.0</t>
  </si>
  <si>
    <t>145.675</t>
  </si>
  <si>
    <t>48112.0</t>
  </si>
  <si>
    <t>409431.0</t>
  </si>
  <si>
    <t>289554.0</t>
  </si>
  <si>
    <t>119821.0</t>
  </si>
  <si>
    <t>19535.0</t>
  </si>
  <si>
    <t>13137.0</t>
  </si>
  <si>
    <t>3586.0</t>
  </si>
  <si>
    <t>6655268.0</t>
  </si>
  <si>
    <t>59587.0</t>
  </si>
  <si>
    <t>146.991</t>
  </si>
  <si>
    <t>49554.0</t>
  </si>
  <si>
    <t>433312.0</t>
  </si>
  <si>
    <t>295199.0</t>
  </si>
  <si>
    <t>138056.0</t>
  </si>
  <si>
    <t>23881.0</t>
  </si>
  <si>
    <t>14718.0</t>
  </si>
  <si>
    <t>2161.0</t>
  </si>
  <si>
    <t>3571.0</t>
  </si>
  <si>
    <t>6710671.0</t>
  </si>
  <si>
    <t>55403.0</t>
  </si>
  <si>
    <t>148.214</t>
  </si>
  <si>
    <t>1.224</t>
  </si>
  <si>
    <t>50090.0</t>
  </si>
  <si>
    <t>459935.0</t>
  </si>
  <si>
    <t>305609.0</t>
  </si>
  <si>
    <t>154269.0</t>
  </si>
  <si>
    <t>26623.0</t>
  </si>
  <si>
    <t>17076.0</t>
  </si>
  <si>
    <t>3064.0</t>
  </si>
  <si>
    <t>6759483.0</t>
  </si>
  <si>
    <t>48812.0</t>
  </si>
  <si>
    <t>149.292</t>
  </si>
  <si>
    <t>49929.0</t>
  </si>
  <si>
    <t>488076.0</t>
  </si>
  <si>
    <t>315938.0</t>
  </si>
  <si>
    <t>172080.0</t>
  </si>
  <si>
    <t>28141.0</t>
  </si>
  <si>
    <t>18803.0</t>
  </si>
  <si>
    <t>4333.0</t>
  </si>
  <si>
    <t>6807204.0</t>
  </si>
  <si>
    <t>150.346</t>
  </si>
  <si>
    <t>49620.0</t>
  </si>
  <si>
    <t>521122.0</t>
  </si>
  <si>
    <t>329830.0</t>
  </si>
  <si>
    <t>191236.0</t>
  </si>
  <si>
    <t>20166.0</t>
  </si>
  <si>
    <t>6842250.0</t>
  </si>
  <si>
    <t>35046.0</t>
  </si>
  <si>
    <t>151.121</t>
  </si>
  <si>
    <t>48448.0</t>
  </si>
  <si>
    <t>532052.0</t>
  </si>
  <si>
    <t>332909.0</t>
  </si>
  <si>
    <t>199087.0</t>
  </si>
  <si>
    <t>10930.0</t>
  </si>
  <si>
    <t>20397.0</t>
  </si>
  <si>
    <t>6520.0</t>
  </si>
  <si>
    <t>6868078.0</t>
  </si>
  <si>
    <t>25828.0</t>
  </si>
  <si>
    <t>151.691</t>
  </si>
  <si>
    <t>46770.0</t>
  </si>
  <si>
    <t>1.033</t>
  </si>
  <si>
    <t>533436.0</t>
  </si>
  <si>
    <t>333480.0</t>
  </si>
  <si>
    <t>199900.0</t>
  </si>
  <si>
    <t>1384.0</t>
  </si>
  <si>
    <t>20506.0</t>
  </si>
  <si>
    <t>6600.0</t>
  </si>
  <si>
    <t>6918893.0</t>
  </si>
  <si>
    <t>50815.0</t>
  </si>
  <si>
    <t>152.813</t>
  </si>
  <si>
    <t>46173.0</t>
  </si>
  <si>
    <t>556867.0</t>
  </si>
  <si>
    <t>349953.0</t>
  </si>
  <si>
    <t>206857.0</t>
  </si>
  <si>
    <t>23431.0</t>
  </si>
  <si>
    <t>21062.0</t>
  </si>
  <si>
    <t>8628.0</t>
  </si>
  <si>
    <t>3553.0</t>
  </si>
  <si>
    <t>78.07</t>
  </si>
  <si>
    <t>6971691.0</t>
  </si>
  <si>
    <t>52798.0</t>
  </si>
  <si>
    <t>153.979</t>
  </si>
  <si>
    <t>45203.0</t>
  </si>
  <si>
    <t>577068.0</t>
  </si>
  <si>
    <t>364223.0</t>
  </si>
  <si>
    <t>212788.0</t>
  </si>
  <si>
    <t>20201.0</t>
  </si>
  <si>
    <t>20537.0</t>
  </si>
  <si>
    <t>9861.0</t>
  </si>
  <si>
    <t>3561.0</t>
  </si>
  <si>
    <t>7023439.0</t>
  </si>
  <si>
    <t>51748.0</t>
  </si>
  <si>
    <t>155.122</t>
  </si>
  <si>
    <t>1.143</t>
  </si>
  <si>
    <t>44681.0</t>
  </si>
  <si>
    <t>592697.0</t>
  </si>
  <si>
    <t>375238.0</t>
  </si>
  <si>
    <t>217402.0</t>
  </si>
  <si>
    <t>15629.0</t>
  </si>
  <si>
    <t>18966.0</t>
  </si>
  <si>
    <t>9947.0</t>
  </si>
  <si>
    <t>3541.0</t>
  </si>
  <si>
    <t>7076872.0</t>
  </si>
  <si>
    <t>53433.0</t>
  </si>
  <si>
    <t>156.302</t>
  </si>
  <si>
    <t>45341.0</t>
  </si>
  <si>
    <t>1.001</t>
  </si>
  <si>
    <t>610557.0</t>
  </si>
  <si>
    <t>379906.0</t>
  </si>
  <si>
    <t>230594.0</t>
  </si>
  <si>
    <t>17860.0</t>
  </si>
  <si>
    <t>17497.0</t>
  </si>
  <si>
    <t>9138.0</t>
  </si>
  <si>
    <t>3538.0</t>
  </si>
  <si>
    <t>7129383.0</t>
  </si>
  <si>
    <t>52511.0</t>
  </si>
  <si>
    <t>157.462</t>
  </si>
  <si>
    <t>46026.0</t>
  </si>
  <si>
    <t>626400.0</t>
  </si>
  <si>
    <t>384166.0</t>
  </si>
  <si>
    <t>242177.0</t>
  </si>
  <si>
    <t>15843.0</t>
  </si>
  <si>
    <t>15040.0</t>
  </si>
  <si>
    <t>7762.0</t>
  </si>
  <si>
    <t>77.213</t>
  </si>
  <si>
    <t>7170464.0</t>
  </si>
  <si>
    <t>41081.0</t>
  </si>
  <si>
    <t>158.37</t>
  </si>
  <si>
    <t>0.907</t>
  </si>
  <si>
    <t>46888.0</t>
  </si>
  <si>
    <t>1.036</t>
  </si>
  <si>
    <t>629436.0</t>
  </si>
  <si>
    <t>384529.0</t>
  </si>
  <si>
    <t>244850.0</t>
  </si>
  <si>
    <t>13912.0</t>
  </si>
  <si>
    <t>7374.0</t>
  </si>
  <si>
    <t>7197555.0</t>
  </si>
  <si>
    <t>27091.0</t>
  </si>
  <si>
    <t>158.968</t>
  </si>
  <si>
    <t>47068.0</t>
  </si>
  <si>
    <t>629588.0</t>
  </si>
  <si>
    <t>384553.0</t>
  </si>
  <si>
    <t>244978.0</t>
  </si>
  <si>
    <t>13736.0</t>
  </si>
  <si>
    <t>7296.0</t>
  </si>
  <si>
    <t>7233674.0</t>
  </si>
  <si>
    <t>36119.0</t>
  </si>
  <si>
    <t>159.766</t>
  </si>
  <si>
    <t>44969.0</t>
  </si>
  <si>
    <t>0.993</t>
  </si>
  <si>
    <t>630906.0</t>
  </si>
  <si>
    <t>385633.0</t>
  </si>
  <si>
    <t>245215.0</t>
  </si>
  <si>
    <t>10577.0</t>
  </si>
  <si>
    <t>5097.0</t>
  </si>
  <si>
    <t>3581.0</t>
  </si>
  <si>
    <t>7272187.0</t>
  </si>
  <si>
    <t>38513.0</t>
  </si>
  <si>
    <t>160.616</t>
  </si>
  <si>
    <t>0.851</t>
  </si>
  <si>
    <t>42928.0</t>
  </si>
  <si>
    <t>632219.0</t>
  </si>
  <si>
    <t>386671.0</t>
  </si>
  <si>
    <t>245490.0</t>
  </si>
  <si>
    <t>7879.0</t>
  </si>
  <si>
    <t>3207.0</t>
  </si>
  <si>
    <t>3573.0</t>
  </si>
  <si>
    <t>78.51</t>
  </si>
  <si>
    <t>7329164.0</t>
  </si>
  <si>
    <t>56977.0</t>
  </si>
  <si>
    <t>161.875</t>
  </si>
  <si>
    <t>1.258</t>
  </si>
  <si>
    <t>43675.0</t>
  </si>
  <si>
    <t>0.965</t>
  </si>
  <si>
    <t>656634.0</t>
  </si>
  <si>
    <t>406336.0</t>
  </si>
  <si>
    <t>250240.0</t>
  </si>
  <si>
    <t>24415.0</t>
  </si>
  <si>
    <t>9134.0</t>
  </si>
  <si>
    <t>7384114.0</t>
  </si>
  <si>
    <t>54950.0</t>
  </si>
  <si>
    <t>163.088</t>
  </si>
  <si>
    <t>43892.0</t>
  </si>
  <si>
    <t>720474.0</t>
  </si>
  <si>
    <t>458617.0</t>
  </si>
  <si>
    <t>261798.0</t>
  </si>
  <si>
    <t>63840.0</t>
  </si>
  <si>
    <t>15702.0</t>
  </si>
  <si>
    <t>11244.0</t>
  </si>
  <si>
    <t>7441677.0</t>
  </si>
  <si>
    <t>57563.0</t>
  </si>
  <si>
    <t>164.36</t>
  </si>
  <si>
    <t>44613.0</t>
  </si>
  <si>
    <t>788378.0</t>
  </si>
  <si>
    <t>518974.0</t>
  </si>
  <si>
    <t>269344.0</t>
  </si>
  <si>
    <t>67904.0</t>
  </si>
  <si>
    <t>23140.0</t>
  </si>
  <si>
    <t>1.73</t>
  </si>
  <si>
    <t>19258.0</t>
  </si>
  <si>
    <t>7482750.0</t>
  </si>
  <si>
    <t>41073.0</t>
  </si>
  <si>
    <t>165.267</t>
  </si>
  <si>
    <t>44612.0</t>
  </si>
  <si>
    <t>821000.0</t>
  </si>
  <si>
    <t>550053.0</t>
  </si>
  <si>
    <t>270887.0</t>
  </si>
  <si>
    <t>32622.0</t>
  </si>
  <si>
    <t>27366.0</t>
  </si>
  <si>
    <t>23646.0</t>
  </si>
  <si>
    <t>7510829.0</t>
  </si>
  <si>
    <t>28079.0</t>
  </si>
  <si>
    <t>165.887</t>
  </si>
  <si>
    <t>44753.0</t>
  </si>
  <si>
    <t>841180.0</t>
  </si>
  <si>
    <t>570197.0</t>
  </si>
  <si>
    <t>270923.0</t>
  </si>
  <si>
    <t>20180.0</t>
  </si>
  <si>
    <t>30227.0</t>
  </si>
  <si>
    <t>26521.0</t>
  </si>
  <si>
    <t>7563365.0</t>
  </si>
  <si>
    <t>52536.0</t>
  </si>
  <si>
    <t>167.047</t>
  </si>
  <si>
    <t>47099.0</t>
  </si>
  <si>
    <t>908769.0</t>
  </si>
  <si>
    <t>636056.0</t>
  </si>
  <si>
    <t>272653.0</t>
  </si>
  <si>
    <t>67589.0</t>
  </si>
  <si>
    <t>39695.0</t>
  </si>
  <si>
    <t>35775.0</t>
  </si>
  <si>
    <t>3529.0</t>
  </si>
  <si>
    <t>77.543</t>
  </si>
  <si>
    <t>7612986.0</t>
  </si>
  <si>
    <t>49621.0</t>
  </si>
  <si>
    <t>168.143</t>
  </si>
  <si>
    <t>48686.0</t>
  </si>
  <si>
    <t>995740.0</t>
  </si>
  <si>
    <t>718914.0</t>
  </si>
  <si>
    <t>276766.0</t>
  </si>
  <si>
    <t>86971.0</t>
  </si>
  <si>
    <t>51932.0</t>
  </si>
  <si>
    <t>47463.0</t>
  </si>
  <si>
    <t>3504.0</t>
  </si>
  <si>
    <t>7664679.0</t>
  </si>
  <si>
    <t>51693.0</t>
  </si>
  <si>
    <t>169.285</t>
  </si>
  <si>
    <t>47931.0</t>
  </si>
  <si>
    <t>1089585.0</t>
  </si>
  <si>
    <t>806292.0</t>
  </si>
  <si>
    <t>283231.0</t>
  </si>
  <si>
    <t>93845.0</t>
  </si>
  <si>
    <t>61850.0</t>
  </si>
  <si>
    <t>2.39</t>
  </si>
  <si>
    <t>57137.0</t>
  </si>
  <si>
    <t>3467.0</t>
  </si>
  <si>
    <t>7710324.0</t>
  </si>
  <si>
    <t>45645.0</t>
  </si>
  <si>
    <t>170.293</t>
  </si>
  <si>
    <t>46601.0</t>
  </si>
  <si>
    <t>1.029</t>
  </si>
  <si>
    <t>1169076.0</t>
  </si>
  <si>
    <t>874343.0</t>
  </si>
  <si>
    <t>294670.0</t>
  </si>
  <si>
    <t>79491.0</t>
  </si>
  <si>
    <t>64086.0</t>
  </si>
  <si>
    <t>59389.0</t>
  </si>
  <si>
    <t>7759317.0</t>
  </si>
  <si>
    <t>48993.0</t>
  </si>
  <si>
    <t>171.375</t>
  </si>
  <si>
    <t>45377.0</t>
  </si>
  <si>
    <t>1250788.0</t>
  </si>
  <si>
    <t>945031.0</t>
  </si>
  <si>
    <t>305694.0</t>
  </si>
  <si>
    <t>81712.0</t>
  </si>
  <si>
    <t>66059.0</t>
  </si>
  <si>
    <t>1452.0</t>
  </si>
  <si>
    <t>60865.0</t>
  </si>
  <si>
    <t>7795960.0</t>
  </si>
  <si>
    <t>36643.0</t>
  </si>
  <si>
    <t>172.185</t>
  </si>
  <si>
    <t>44744.0</t>
  </si>
  <si>
    <t>1268694.0</t>
  </si>
  <si>
    <t>960924.0</t>
  </si>
  <si>
    <t>307707.0</t>
  </si>
  <si>
    <t>17906.0</t>
  </si>
  <si>
    <t>63956.0</t>
  </si>
  <si>
    <t>2.79</t>
  </si>
  <si>
    <t>58696.0</t>
  </si>
  <si>
    <t>3505.0</t>
  </si>
  <si>
    <t>7825038.0</t>
  </si>
  <si>
    <t>29078.0</t>
  </si>
  <si>
    <t>172.827</t>
  </si>
  <si>
    <t>0.642</t>
  </si>
  <si>
    <t>44887.0</t>
  </si>
  <si>
    <t>1274824.0</t>
  </si>
  <si>
    <t>966738.0</t>
  </si>
  <si>
    <t>308022.0</t>
  </si>
  <si>
    <t>6130.0</t>
  </si>
  <si>
    <t>61949.0</t>
  </si>
  <si>
    <t>2.12</t>
  </si>
  <si>
    <t>56649.0</t>
  </si>
  <si>
    <t>7870866.0</t>
  </si>
  <si>
    <t>45828.0</t>
  </si>
  <si>
    <t>173.839</t>
  </si>
  <si>
    <t>43929.0</t>
  </si>
  <si>
    <t>1349402.0</t>
  </si>
  <si>
    <t>1033985.0</t>
  </si>
  <si>
    <t>315353.0</t>
  </si>
  <si>
    <t>74578.0</t>
  </si>
  <si>
    <t>62948.0</t>
  </si>
  <si>
    <t>56847.0</t>
  </si>
  <si>
    <t>7918196.0</t>
  </si>
  <si>
    <t>47330.0</t>
  </si>
  <si>
    <t>174.884</t>
  </si>
  <si>
    <t>43601.0</t>
  </si>
  <si>
    <t>1425040.0</t>
  </si>
  <si>
    <t>1102420.0</t>
  </si>
  <si>
    <t>322556.0</t>
  </si>
  <si>
    <t>75638.0</t>
  </si>
  <si>
    <t>61329.0</t>
  </si>
  <si>
    <t>3.13</t>
  </si>
  <si>
    <t>54787.0</t>
  </si>
  <si>
    <t>3521.0</t>
  </si>
  <si>
    <t>7965672.0</t>
  </si>
  <si>
    <t>47476.0</t>
  </si>
  <si>
    <t>175.933</t>
  </si>
  <si>
    <t>42999.0</t>
  </si>
  <si>
    <t>1496559.0</t>
  </si>
  <si>
    <t>1166759.0</t>
  </si>
  <si>
    <t>329736.0</t>
  </si>
  <si>
    <t>71519.0</t>
  </si>
  <si>
    <t>58139.0</t>
  </si>
  <si>
    <t>1277.0</t>
  </si>
  <si>
    <t>51495.0</t>
  </si>
  <si>
    <t>3489.0</t>
  </si>
  <si>
    <t>8010905.0</t>
  </si>
  <si>
    <t>45233.0</t>
  </si>
  <si>
    <t>176.932</t>
  </si>
  <si>
    <t>1608657.0</t>
  </si>
  <si>
    <t>1265229.0</t>
  </si>
  <si>
    <t>343362.0</t>
  </si>
  <si>
    <t>112098.0</t>
  </si>
  <si>
    <t>62797.0</t>
  </si>
  <si>
    <t>3.53</t>
  </si>
  <si>
    <t>55841.0</t>
  </si>
  <si>
    <t>8057024.0</t>
  </si>
  <si>
    <t>46119.0</t>
  </si>
  <si>
    <t>177.95</t>
  </si>
  <si>
    <t>42530.0</t>
  </si>
  <si>
    <t>1720420.0</t>
  </si>
  <si>
    <t>1364161.0</t>
  </si>
  <si>
    <t>356193.0</t>
  </si>
  <si>
    <t>111763.0</t>
  </si>
  <si>
    <t>67090.0</t>
  </si>
  <si>
    <t>59876.0</t>
  </si>
  <si>
    <t>8089508.0</t>
  </si>
  <si>
    <t>32484.0</t>
  </si>
  <si>
    <t>178.668</t>
  </si>
  <si>
    <t>41935.0</t>
  </si>
  <si>
    <t>1775368.0</t>
  </si>
  <si>
    <t>1415319.0</t>
  </si>
  <si>
    <t>359982.0</t>
  </si>
  <si>
    <t>54948.0</t>
  </si>
  <si>
    <t>72382.0</t>
  </si>
  <si>
    <t>1590.0</t>
  </si>
  <si>
    <t>64914.0</t>
  </si>
  <si>
    <t>8111527.0</t>
  </si>
  <si>
    <t>22019.0</t>
  </si>
  <si>
    <t>179.154</t>
  </si>
  <si>
    <t>40927.0</t>
  </si>
  <si>
    <t>1787165.0</t>
  </si>
  <si>
    <t>1427034.0</t>
  </si>
  <si>
    <t>360064.0</t>
  </si>
  <si>
    <t>11797.0</t>
  </si>
  <si>
    <t>73192.0</t>
  </si>
  <si>
    <t>3.93</t>
  </si>
  <si>
    <t>1608.0</t>
  </si>
  <si>
    <t>3484.0</t>
  </si>
  <si>
    <t>8155621.0</t>
  </si>
  <si>
    <t>44094.0</t>
  </si>
  <si>
    <t>180.128</t>
  </si>
  <si>
    <t>0.974</t>
  </si>
  <si>
    <t>0.898</t>
  </si>
  <si>
    <t>1889678.0</t>
  </si>
  <si>
    <t>1527056.0</t>
  </si>
  <si>
    <t>362555.0</t>
  </si>
  <si>
    <t>102513.0</t>
  </si>
  <si>
    <t>77182.0</t>
  </si>
  <si>
    <t>4.15</t>
  </si>
  <si>
    <t>1696.0</t>
  </si>
  <si>
    <t>70439.0</t>
  </si>
  <si>
    <t>8203207.0</t>
  </si>
  <si>
    <t>47586.0</t>
  </si>
  <si>
    <t>181.179</t>
  </si>
  <si>
    <t>40716.0</t>
  </si>
  <si>
    <t>2005502.0</t>
  </si>
  <si>
    <t>1640561.0</t>
  </si>
  <si>
    <t>364873.0</t>
  </si>
  <si>
    <t>115824.0</t>
  </si>
  <si>
    <t>82923.0</t>
  </si>
  <si>
    <t>76877.0</t>
  </si>
  <si>
    <t>8252381.0</t>
  </si>
  <si>
    <t>49174.0</t>
  </si>
  <si>
    <t>182.265</t>
  </si>
  <si>
    <t>1.086</t>
  </si>
  <si>
    <t>40958.0</t>
  </si>
  <si>
    <t>2169492.0</t>
  </si>
  <si>
    <t>1798221.0</t>
  </si>
  <si>
    <t>371203.0</t>
  </si>
  <si>
    <t>163990.0</t>
  </si>
  <si>
    <t>96133.0</t>
  </si>
  <si>
    <t>4.77</t>
  </si>
  <si>
    <t>3.95</t>
  </si>
  <si>
    <t>90209.0</t>
  </si>
  <si>
    <t>8299158.0</t>
  </si>
  <si>
    <t>46777.0</t>
  </si>
  <si>
    <t>183.298</t>
  </si>
  <si>
    <t>41179.0</t>
  </si>
  <si>
    <t>2356362.0</t>
  </si>
  <si>
    <t>1952279.0</t>
  </si>
  <si>
    <t>404013.0</t>
  </si>
  <si>
    <t>186870.0</t>
  </si>
  <si>
    <t>106815.0</t>
  </si>
  <si>
    <t>2347.0</t>
  </si>
  <si>
    <t>98150.0</t>
  </si>
  <si>
    <t>8352235.0</t>
  </si>
  <si>
    <t>53077.0</t>
  </si>
  <si>
    <t>184.471</t>
  </si>
  <si>
    <t>1.172</t>
  </si>
  <si>
    <t>42173.0</t>
  </si>
  <si>
    <t>2518051.0</t>
  </si>
  <si>
    <t>2070247.0</t>
  </si>
  <si>
    <t>447733.0</t>
  </si>
  <si>
    <t>161689.0</t>
  </si>
  <si>
    <t>113947.0</t>
  </si>
  <si>
    <t>5.53</t>
  </si>
  <si>
    <t>2504.0</t>
  </si>
  <si>
    <t>100869.0</t>
  </si>
  <si>
    <t>3454.0</t>
  </si>
  <si>
    <t>8389471.0</t>
  </si>
  <si>
    <t>37236.0</t>
  </si>
  <si>
    <t>185.293</t>
  </si>
  <si>
    <t>0.822</t>
  </si>
  <si>
    <t>42852.0</t>
  </si>
  <si>
    <t>2564449.0</t>
  </si>
  <si>
    <t>2089363.0</t>
  </si>
  <si>
    <t>475014.0</t>
  </si>
  <si>
    <t>46398.0</t>
  </si>
  <si>
    <t>112726.0</t>
  </si>
  <si>
    <t>2477.0</t>
  </si>
  <si>
    <t>96292.0</t>
  </si>
  <si>
    <t>8414286.0</t>
  </si>
  <si>
    <t>24815.0</t>
  </si>
  <si>
    <t>185.841</t>
  </si>
  <si>
    <t>0.548</t>
  </si>
  <si>
    <t>43251.0</t>
  </si>
  <si>
    <t>2573623.0</t>
  </si>
  <si>
    <t>2097296.0</t>
  </si>
  <si>
    <t>476255.0</t>
  </si>
  <si>
    <t>9174.0</t>
  </si>
  <si>
    <t>112351.0</t>
  </si>
  <si>
    <t>2469.0</t>
  </si>
  <si>
    <t>95752.0</t>
  </si>
  <si>
    <t>8463668.0</t>
  </si>
  <si>
    <t>49382.0</t>
  </si>
  <si>
    <t>186.932</t>
  </si>
  <si>
    <t>44007.0</t>
  </si>
  <si>
    <t>0.972</t>
  </si>
  <si>
    <t>2711264.0</t>
  </si>
  <si>
    <t>2206308.0</t>
  </si>
  <si>
    <t>504883.0</t>
  </si>
  <si>
    <t>137641.0</t>
  </si>
  <si>
    <t>117369.0</t>
  </si>
  <si>
    <t>2579.0</t>
  </si>
  <si>
    <t>97036.0</t>
  </si>
  <si>
    <t>8517680.0</t>
  </si>
  <si>
    <t>54012.0</t>
  </si>
  <si>
    <t>188.125</t>
  </si>
  <si>
    <t>1.193</t>
  </si>
  <si>
    <t>44925.0</t>
  </si>
  <si>
    <t>0.992</t>
  </si>
  <si>
    <t>2845020.0</t>
  </si>
  <si>
    <t>2317930.0</t>
  </si>
  <si>
    <t>527017.0</t>
  </si>
  <si>
    <t>133756.0</t>
  </si>
  <si>
    <t>119931.0</t>
  </si>
  <si>
    <t>6.25</t>
  </si>
  <si>
    <t>5.09</t>
  </si>
  <si>
    <t>2635.0</t>
  </si>
  <si>
    <t>96767.0</t>
  </si>
  <si>
    <t>8569181.0</t>
  </si>
  <si>
    <t>51501.0</t>
  </si>
  <si>
    <t>189.262</t>
  </si>
  <si>
    <t>45257.0</t>
  </si>
  <si>
    <t>2984632.0</t>
  </si>
  <si>
    <t>2439321.0</t>
  </si>
  <si>
    <t>545238.0</t>
  </si>
  <si>
    <t>139612.0</t>
  </si>
  <si>
    <t>116449.0</t>
  </si>
  <si>
    <t>2559.0</t>
  </si>
  <si>
    <t>91586.0</t>
  </si>
  <si>
    <t>3522.0</t>
  </si>
  <si>
    <t>8624793.0</t>
  </si>
  <si>
    <t>55612.0</t>
  </si>
  <si>
    <t>190.49</t>
  </si>
  <si>
    <t>46519.0</t>
  </si>
  <si>
    <t>3123609.0</t>
  </si>
  <si>
    <t>2534878.0</t>
  </si>
  <si>
    <t>588655.0</t>
  </si>
  <si>
    <t>138977.0</t>
  </si>
  <si>
    <t>109607.0</t>
  </si>
  <si>
    <t>2408.0</t>
  </si>
  <si>
    <t>83228.0</t>
  </si>
  <si>
    <t>8676783.0</t>
  </si>
  <si>
    <t>51990.0</t>
  </si>
  <si>
    <t>191.639</t>
  </si>
  <si>
    <t>46364.0</t>
  </si>
  <si>
    <t>3249822.0</t>
  </si>
  <si>
    <t>2625003.0</t>
  </si>
  <si>
    <t>624743.0</t>
  </si>
  <si>
    <t>126213.0</t>
  </si>
  <si>
    <t>104539.0</t>
  </si>
  <si>
    <t>79251.0</t>
  </si>
  <si>
    <t>8712751.0</t>
  </si>
  <si>
    <t>35968.0</t>
  </si>
  <si>
    <t>192.433</t>
  </si>
  <si>
    <t>46183.0</t>
  </si>
  <si>
    <t>3300704.0</t>
  </si>
  <si>
    <t>2663098.0</t>
  </si>
  <si>
    <t>637530.0</t>
  </si>
  <si>
    <t>50882.0</t>
  </si>
  <si>
    <t>105179.0</t>
  </si>
  <si>
    <t>5.85</t>
  </si>
  <si>
    <t>2311.0</t>
  </si>
  <si>
    <t>81962.0</t>
  </si>
  <si>
    <t>8736222.0</t>
  </si>
  <si>
    <t>23471.0</t>
  </si>
  <si>
    <t>192.951</t>
  </si>
  <si>
    <t>0.518</t>
  </si>
  <si>
    <t>45991.0</t>
  </si>
  <si>
    <t>3320338.0</t>
  </si>
  <si>
    <t>2681412.0</t>
  </si>
  <si>
    <t>638848.0</t>
  </si>
  <si>
    <t>19634.0</t>
  </si>
  <si>
    <t>106674.0</t>
  </si>
  <si>
    <t>2344.0</t>
  </si>
  <si>
    <t>83445.0</t>
  </si>
  <si>
    <t>8791185.0</t>
  </si>
  <si>
    <t>54963.0</t>
  </si>
  <si>
    <t>194.165</t>
  </si>
  <si>
    <t>46788.0</t>
  </si>
  <si>
    <t>3403415.0</t>
  </si>
  <si>
    <t>2751708.0</t>
  </si>
  <si>
    <t>651628.0</t>
  </si>
  <si>
    <t>83077.0</t>
  </si>
  <si>
    <t>98879.0</t>
  </si>
  <si>
    <t>7.48</t>
  </si>
  <si>
    <t>6.05</t>
  </si>
  <si>
    <t>2173.0</t>
  </si>
  <si>
    <t>77914.0</t>
  </si>
  <si>
    <t>8846982.0</t>
  </si>
  <si>
    <t>55797.0</t>
  </si>
  <si>
    <t>195.398</t>
  </si>
  <si>
    <t>1.232</t>
  </si>
  <si>
    <t>47043.0</t>
  </si>
  <si>
    <t>3509913.0</t>
  </si>
  <si>
    <t>2845680.0</t>
  </si>
  <si>
    <t>664152.0</t>
  </si>
  <si>
    <t>106498.0</t>
  </si>
  <si>
    <t>94985.0</t>
  </si>
  <si>
    <t>7.71</t>
  </si>
  <si>
    <t>2087.0</t>
  </si>
  <si>
    <t>75393.0</t>
  </si>
  <si>
    <t>3574.0</t>
  </si>
  <si>
    <t>8883582.0</t>
  </si>
  <si>
    <t>36600.0</t>
  </si>
  <si>
    <t>196.206</t>
  </si>
  <si>
    <t>44914.0</t>
  </si>
  <si>
    <t>3547383.0</t>
  </si>
  <si>
    <t>2881907.0</t>
  </si>
  <si>
    <t>665395.0</t>
  </si>
  <si>
    <t>37470.0</t>
  </si>
  <si>
    <t>80393.0</t>
  </si>
  <si>
    <t>63227.0</t>
  </si>
  <si>
    <t>8943784.0</t>
  </si>
  <si>
    <t>60202.0</t>
  </si>
  <si>
    <t>197.536</t>
  </si>
  <si>
    <t>45570.0</t>
  </si>
  <si>
    <t>3650592.0</t>
  </si>
  <si>
    <t>2969702.0</t>
  </si>
  <si>
    <t>680809.0</t>
  </si>
  <si>
    <t>103209.0</t>
  </si>
  <si>
    <t>75283.0</t>
  </si>
  <si>
    <t>62118.0</t>
  </si>
  <si>
    <t>3508.0</t>
  </si>
  <si>
    <t>9009934.0</t>
  </si>
  <si>
    <t>66150.0</t>
  </si>
  <si>
    <t>198.997</t>
  </si>
  <si>
    <t>1.461</t>
  </si>
  <si>
    <t>47593.0</t>
  </si>
  <si>
    <t>3744175.0</t>
  </si>
  <si>
    <t>3052897.0</t>
  </si>
  <si>
    <t>691197.0</t>
  </si>
  <si>
    <t>93583.0</t>
  </si>
  <si>
    <t>70622.0</t>
  </si>
  <si>
    <t>6.71</t>
  </si>
  <si>
    <t>61128.0</t>
  </si>
  <si>
    <t>9055554.0</t>
  </si>
  <si>
    <t>45620.0</t>
  </si>
  <si>
    <t>200.004</t>
  </si>
  <si>
    <t>48972.0</t>
  </si>
  <si>
    <t>3799274.0</t>
  </si>
  <si>
    <t>3104848.0</t>
  </si>
  <si>
    <t>694345.0</t>
  </si>
  <si>
    <t>55099.0</t>
  </si>
  <si>
    <t>71224.0</t>
  </si>
  <si>
    <t>63107.0</t>
  </si>
  <si>
    <t>9089217.0</t>
  </si>
  <si>
    <t>33663.0</t>
  </si>
  <si>
    <t>200.748</t>
  </si>
  <si>
    <t>50428.0</t>
  </si>
  <si>
    <t>3820106.0</t>
  </si>
  <si>
    <t>3125621.0</t>
  </si>
  <si>
    <t>694403.0</t>
  </si>
  <si>
    <t>20832.0</t>
  </si>
  <si>
    <t>71395.0</t>
  </si>
  <si>
    <t>8.39</t>
  </si>
  <si>
    <t>6.87</t>
  </si>
  <si>
    <t>63458.0</t>
  </si>
  <si>
    <t>3639.0</t>
  </si>
  <si>
    <t>79.96</t>
  </si>
  <si>
    <t>9152157.0</t>
  </si>
  <si>
    <t>62940.0</t>
  </si>
  <si>
    <t>202.138</t>
  </si>
  <si>
    <t>51567.0</t>
  </si>
  <si>
    <t>3940321.0</t>
  </si>
  <si>
    <t>3241050.0</t>
  </si>
  <si>
    <t>699186.0</t>
  </si>
  <si>
    <t>120215.0</t>
  </si>
  <si>
    <t>76701.0</t>
  </si>
  <si>
    <t>8.66</t>
  </si>
  <si>
    <t>69906.0</t>
  </si>
  <si>
    <t>9224509.0</t>
  </si>
  <si>
    <t>72352.0</t>
  </si>
  <si>
    <t>203.736</t>
  </si>
  <si>
    <t>53932.0</t>
  </si>
  <si>
    <t>4103375.0</t>
  </si>
  <si>
    <t>3398790.0</t>
  </si>
  <si>
    <t>704497.0</t>
  </si>
  <si>
    <t>163054.0</t>
  </si>
  <si>
    <t>84780.0</t>
  </si>
  <si>
    <t>7.47</t>
  </si>
  <si>
    <t>79016.0</t>
  </si>
  <si>
    <t>3638.0</t>
  </si>
  <si>
    <t>9293954.0</t>
  </si>
  <si>
    <t>69445.0</t>
  </si>
  <si>
    <t>205.27</t>
  </si>
  <si>
    <t>1.534</t>
  </si>
  <si>
    <t>58625.0</t>
  </si>
  <si>
    <t>4278361.0</t>
  </si>
  <si>
    <t>3568905.0</t>
  </si>
  <si>
    <t>709367.0</t>
  </si>
  <si>
    <t>174986.0</t>
  </si>
  <si>
    <t>104425.0</t>
  </si>
  <si>
    <t>7.84</t>
  </si>
  <si>
    <t>98143.0</t>
  </si>
  <si>
    <t>9355082.0</t>
  </si>
  <si>
    <t>206.62</t>
  </si>
  <si>
    <t>58757.0</t>
  </si>
  <si>
    <t>1.298</t>
  </si>
  <si>
    <t>4395525.0</t>
  </si>
  <si>
    <t>3683957.0</t>
  </si>
  <si>
    <t>711479.0</t>
  </si>
  <si>
    <t>117164.0</t>
  </si>
  <si>
    <t>106419.0</t>
  </si>
  <si>
    <t>8.09</t>
  </si>
  <si>
    <t>102036.0</t>
  </si>
  <si>
    <t>9398451.0</t>
  </si>
  <si>
    <t>43369.0</t>
  </si>
  <si>
    <t>207.578</t>
  </si>
  <si>
    <t>55502.0</t>
  </si>
  <si>
    <t>4463693.0</t>
  </si>
  <si>
    <t>3751109.0</t>
  </si>
  <si>
    <t>712495.0</t>
  </si>
  <si>
    <t>68168.0</t>
  </si>
  <si>
    <t>102788.0</t>
  </si>
  <si>
    <t>99745.0</t>
  </si>
  <si>
    <t>9447922.0</t>
  </si>
  <si>
    <t>49471.0</t>
  </si>
  <si>
    <t>208.67</t>
  </si>
  <si>
    <t>56053.0</t>
  </si>
  <si>
    <t>4538172.0</t>
  </si>
  <si>
    <t>3825052.0</t>
  </si>
  <si>
    <t>713031.0</t>
  </si>
  <si>
    <t>74479.0</t>
  </si>
  <si>
    <t>105557.0</t>
  </si>
  <si>
    <t>102886.0</t>
  </si>
  <si>
    <t>3626.0</t>
  </si>
  <si>
    <t>9488030.0</t>
  </si>
  <si>
    <t>40108.0</t>
  </si>
  <si>
    <t>209.556</t>
  </si>
  <si>
    <t>56973.0</t>
  </si>
  <si>
    <t>4586664.0</t>
  </si>
  <si>
    <t>3873445.0</t>
  </si>
  <si>
    <t>713128.0</t>
  </si>
  <si>
    <t>48492.0</t>
  </si>
  <si>
    <t>109508.0</t>
  </si>
  <si>
    <t>8.51</t>
  </si>
  <si>
    <t>106832.0</t>
  </si>
  <si>
    <t>3652.0</t>
  </si>
  <si>
    <t>9571557.0</t>
  </si>
  <si>
    <t>83527.0</t>
  </si>
  <si>
    <t>211.401</t>
  </si>
  <si>
    <t>1.845</t>
  </si>
  <si>
    <t>59914.0</t>
  </si>
  <si>
    <t>4752685.0</t>
  </si>
  <si>
    <t>4029850.0</t>
  </si>
  <si>
    <t>722743.0</t>
  </si>
  <si>
    <t>166021.0</t>
  </si>
  <si>
    <t>116052.0</t>
  </si>
  <si>
    <t>10.44</t>
  </si>
  <si>
    <t>8.85</t>
  </si>
  <si>
    <t>112686.0</t>
  </si>
  <si>
    <t>3642.0</t>
  </si>
  <si>
    <t>9662935.0</t>
  </si>
  <si>
    <t>91378.0</t>
  </si>
  <si>
    <t>213.419</t>
  </si>
  <si>
    <t>62632.0</t>
  </si>
  <si>
    <t>1.383</t>
  </si>
  <si>
    <t>4946722.0</t>
  </si>
  <si>
    <t>4215777.0</t>
  </si>
  <si>
    <t>730853.0</t>
  </si>
  <si>
    <t>194037.0</t>
  </si>
  <si>
    <t>120478.0</t>
  </si>
  <si>
    <t>116712.0</t>
  </si>
  <si>
    <t>3706.0</t>
  </si>
  <si>
    <t>9761510.0</t>
  </si>
  <si>
    <t>98575.0</t>
  </si>
  <si>
    <t>215.596</t>
  </si>
  <si>
    <t>2.177</t>
  </si>
  <si>
    <t>66794.0</t>
  </si>
  <si>
    <t>1.475</t>
  </si>
  <si>
    <t>5185183.0</t>
  </si>
  <si>
    <t>4447682.0</t>
  </si>
  <si>
    <t>737407.0</t>
  </si>
  <si>
    <t>238461.0</t>
  </si>
  <si>
    <t>129546.0</t>
  </si>
  <si>
    <t>11.39</t>
  </si>
  <si>
    <t>2847.0</t>
  </si>
  <si>
    <t>125540.0</t>
  </si>
  <si>
    <t>3742.0</t>
  </si>
  <si>
    <t>9861957.0</t>
  </si>
  <si>
    <t>100447.0</t>
  </si>
  <si>
    <t>217.815</t>
  </si>
  <si>
    <t>2.219</t>
  </si>
  <si>
    <t>72411.0</t>
  </si>
  <si>
    <t>1.599</t>
  </si>
  <si>
    <t>5421179.0</t>
  </si>
  <si>
    <t>4678764.0</t>
  </si>
  <si>
    <t>742319.0</t>
  </si>
  <si>
    <t>235996.0</t>
  </si>
  <si>
    <t>146522.0</t>
  </si>
  <si>
    <t>11.91</t>
  </si>
  <si>
    <t>3220.0</t>
  </si>
  <si>
    <t>142115.0</t>
  </si>
  <si>
    <t>9959595.0</t>
  </si>
  <si>
    <t>97638.0</t>
  </si>
  <si>
    <t>219.971</t>
  </si>
  <si>
    <t>2.156</t>
  </si>
  <si>
    <t>80163.0</t>
  </si>
  <si>
    <t>5661609.0</t>
  </si>
  <si>
    <t>4907020.0</t>
  </si>
  <si>
    <t>754490.0</t>
  </si>
  <si>
    <t>240430.0</t>
  </si>
  <si>
    <t>171131.0</t>
  </si>
  <si>
    <t>12.44</t>
  </si>
  <si>
    <t>3760.0</t>
  </si>
  <si>
    <t>165130.0</t>
  </si>
  <si>
    <t>0.363</t>
  </si>
  <si>
    <t>10035583.0</t>
  </si>
  <si>
    <t>75988.0</t>
  </si>
  <si>
    <t>221.65</t>
  </si>
  <si>
    <t>1.678</t>
  </si>
  <si>
    <t>83952.0</t>
  </si>
  <si>
    <t>1.854</t>
  </si>
  <si>
    <t>5754562.0</t>
  </si>
  <si>
    <t>4994624.0</t>
  </si>
  <si>
    <t>759838.0</t>
  </si>
  <si>
    <t>92953.0</t>
  </si>
  <si>
    <t>173770.0</t>
  </si>
  <si>
    <t>3818.0</t>
  </si>
  <si>
    <t>167082.0</t>
  </si>
  <si>
    <t>83.256</t>
  </si>
  <si>
    <t>10089278.0</t>
  </si>
  <si>
    <t>53695.0</t>
  </si>
  <si>
    <t>222.836</t>
  </si>
  <si>
    <t>85893.0</t>
  </si>
  <si>
    <t>5802879.0</t>
  </si>
  <si>
    <t>5041421.0</t>
  </si>
  <si>
    <t>761358.0</t>
  </si>
  <si>
    <t>48317.0</t>
  </si>
  <si>
    <t>173745.0</t>
  </si>
  <si>
    <t>12.75</t>
  </si>
  <si>
    <t>11.08</t>
  </si>
  <si>
    <t>166854.0</t>
  </si>
  <si>
    <t>3819.0</t>
  </si>
  <si>
    <t>10179715.0</t>
  </si>
  <si>
    <t>90437.0</t>
  </si>
  <si>
    <t>224.833</t>
  </si>
  <si>
    <t>1.997</t>
  </si>
  <si>
    <t>86880.0</t>
  </si>
  <si>
    <t>1.919</t>
  </si>
  <si>
    <t>5984712.0</t>
  </si>
  <si>
    <t>5214629.0</t>
  </si>
  <si>
    <t>769983.0</t>
  </si>
  <si>
    <t>181833.0</t>
  </si>
  <si>
    <t>176004.0</t>
  </si>
  <si>
    <t>11.46</t>
  </si>
  <si>
    <t>169254.0</t>
  </si>
  <si>
    <t>0.372</t>
  </si>
  <si>
    <t>3836.0</t>
  </si>
  <si>
    <t>10277629.0</t>
  </si>
  <si>
    <t>97914.0</t>
  </si>
  <si>
    <t>226.996</t>
  </si>
  <si>
    <t>2.163</t>
  </si>
  <si>
    <t>87813.0</t>
  </si>
  <si>
    <t>6170813.0</t>
  </si>
  <si>
    <t>5376119.0</t>
  </si>
  <si>
    <t>794593.0</t>
  </si>
  <si>
    <t>186101.0</t>
  </si>
  <si>
    <t>174870.0</t>
  </si>
  <si>
    <t>13.56</t>
  </si>
  <si>
    <t>165763.0</t>
  </si>
  <si>
    <t>3879.0</t>
  </si>
  <si>
    <t>10363786.0</t>
  </si>
  <si>
    <t>86157.0</t>
  </si>
  <si>
    <t>228.898</t>
  </si>
  <si>
    <t>1.903</t>
  </si>
  <si>
    <t>86039.0</t>
  </si>
  <si>
    <t>6342526.0</t>
  </si>
  <si>
    <t>5532927.0</t>
  </si>
  <si>
    <t>809498.0</t>
  </si>
  <si>
    <t>171713.0</t>
  </si>
  <si>
    <t>165335.0</t>
  </si>
  <si>
    <t>12.16</t>
  </si>
  <si>
    <t>155035.0</t>
  </si>
  <si>
    <t>10468374.0</t>
  </si>
  <si>
    <t>104588.0</t>
  </si>
  <si>
    <t>231.208</t>
  </si>
  <si>
    <t>86631.0</t>
  </si>
  <si>
    <t>6493656.0</t>
  </si>
  <si>
    <t>5662921.0</t>
  </si>
  <si>
    <t>830632.0</t>
  </si>
  <si>
    <t>151130.0</t>
  </si>
  <si>
    <t>153211.0</t>
  </si>
  <si>
    <t>140594.0</t>
  </si>
  <si>
    <t>3971.0</t>
  </si>
  <si>
    <t>87.255</t>
  </si>
  <si>
    <t>10572868.0</t>
  </si>
  <si>
    <t>104494.0</t>
  </si>
  <si>
    <t>233.516</t>
  </si>
  <si>
    <t>2.308</t>
  </si>
  <si>
    <t>87610.0</t>
  </si>
  <si>
    <t>6617398.0</t>
  </si>
  <si>
    <t>5778476.0</t>
  </si>
  <si>
    <t>838818.0</t>
  </si>
  <si>
    <t>123742.0</t>
  </si>
  <si>
    <t>136541.0</t>
  </si>
  <si>
    <t>124494.0</t>
  </si>
  <si>
    <t>10647363.0</t>
  </si>
  <si>
    <t>74495.0</t>
  </si>
  <si>
    <t>235.162</t>
  </si>
  <si>
    <t>1.645</t>
  </si>
  <si>
    <t>87397.0</t>
  </si>
  <si>
    <t>6663121.0</t>
  </si>
  <si>
    <t>5818787.0</t>
  </si>
  <si>
    <t>844230.0</t>
  </si>
  <si>
    <t>45723.0</t>
  </si>
  <si>
    <t>129794.0</t>
  </si>
  <si>
    <t>12.79</t>
  </si>
  <si>
    <t>117738.0</t>
  </si>
  <si>
    <t>4105.0</t>
  </si>
  <si>
    <t>10700507.0</t>
  </si>
  <si>
    <t>53144.0</t>
  </si>
  <si>
    <t>236.335</t>
  </si>
  <si>
    <t>1.174</t>
  </si>
  <si>
    <t>87318.0</t>
  </si>
  <si>
    <t>1.929</t>
  </si>
  <si>
    <t>6683027.0</t>
  </si>
  <si>
    <t>5838560.0</t>
  </si>
  <si>
    <t>19906.0</t>
  </si>
  <si>
    <t>125735.0</t>
  </si>
  <si>
    <t>12.83</t>
  </si>
  <si>
    <t>2763.0</t>
  </si>
  <si>
    <t>113877.0</t>
  </si>
  <si>
    <t>4304.0</t>
  </si>
  <si>
    <t>10796914.0</t>
  </si>
  <si>
    <t>96407.0</t>
  </si>
  <si>
    <t>238.465</t>
  </si>
  <si>
    <t>2.129</t>
  </si>
  <si>
    <t>88171.0</t>
  </si>
  <si>
    <t>1.947</t>
  </si>
  <si>
    <t>6773534.0</t>
  </si>
  <si>
    <t>5914674.0</t>
  </si>
  <si>
    <t>858755.0</t>
  </si>
  <si>
    <t>90507.0</t>
  </si>
  <si>
    <t>112689.0</t>
  </si>
  <si>
    <t>2476.0</t>
  </si>
  <si>
    <t>100006.0</t>
  </si>
  <si>
    <t>10900192.0</t>
  </si>
  <si>
    <t>103278.0</t>
  </si>
  <si>
    <t>240.746</t>
  </si>
  <si>
    <t>2.281</t>
  </si>
  <si>
    <t>88938.0</t>
  </si>
  <si>
    <t>1.964</t>
  </si>
  <si>
    <t>6896287.0</t>
  </si>
  <si>
    <t>6021696.0</t>
  </si>
  <si>
    <t>874483.0</t>
  </si>
  <si>
    <t>122753.0</t>
  </si>
  <si>
    <t>103639.0</t>
  </si>
  <si>
    <t>15.15</t>
  </si>
  <si>
    <t>92225.0</t>
  </si>
  <si>
    <t>10996664.0</t>
  </si>
  <si>
    <t>96472.0</t>
  </si>
  <si>
    <t>242.876</t>
  </si>
  <si>
    <t>2.131</t>
  </si>
  <si>
    <t>90411.0</t>
  </si>
  <si>
    <t>7070289.0</t>
  </si>
  <si>
    <t>6180932.0</t>
  </si>
  <si>
    <t>889250.0</t>
  </si>
  <si>
    <t>174002.0</t>
  </si>
  <si>
    <t>103966.0</t>
  </si>
  <si>
    <t>92572.0</t>
  </si>
  <si>
    <t>4791.0</t>
  </si>
  <si>
    <t>11087728.0</t>
  </si>
  <si>
    <t>91064.0</t>
  </si>
  <si>
    <t>244.888</t>
  </si>
  <si>
    <t>2.011</t>
  </si>
  <si>
    <t>88479.0</t>
  </si>
  <si>
    <t>1.954</t>
  </si>
  <si>
    <t>7248524.0</t>
  </si>
  <si>
    <t>6345400.0</t>
  </si>
  <si>
    <t>903015.0</t>
  </si>
  <si>
    <t>178235.0</t>
  </si>
  <si>
    <t>107838.0</t>
  </si>
  <si>
    <t>15.93</t>
  </si>
  <si>
    <t>97497.0</t>
  </si>
  <si>
    <t>4805.0</t>
  </si>
  <si>
    <t>105.58</t>
  </si>
  <si>
    <t>11187631.0</t>
  </si>
  <si>
    <t>99903.0</t>
  </si>
  <si>
    <t>247.094</t>
  </si>
  <si>
    <t>2.206</t>
  </si>
  <si>
    <t>87823.0</t>
  </si>
  <si>
    <t>1.94</t>
  </si>
  <si>
    <t>7443113.0</t>
  </si>
  <si>
    <t>6527544.0</t>
  </si>
  <si>
    <t>915457.0</t>
  </si>
  <si>
    <t>194589.0</t>
  </si>
  <si>
    <t>117959.0</t>
  </si>
  <si>
    <t>16.35</t>
  </si>
  <si>
    <t>14.34</t>
  </si>
  <si>
    <t>107010.0</t>
  </si>
  <si>
    <t>4858.0</t>
  </si>
  <si>
    <t>106.745</t>
  </si>
  <si>
    <t>11246051.0</t>
  </si>
  <si>
    <t>58420.0</t>
  </si>
  <si>
    <t>248.385</t>
  </si>
  <si>
    <t>85527.0</t>
  </si>
  <si>
    <t>1.889</t>
  </si>
  <si>
    <t>7535352.0</t>
  </si>
  <si>
    <t>6618364.0</t>
  </si>
  <si>
    <t>916876.0</t>
  </si>
  <si>
    <t>92239.0</t>
  </si>
  <si>
    <t>124604.0</t>
  </si>
  <si>
    <t>2738.0</t>
  </si>
  <si>
    <t>114225.0</t>
  </si>
  <si>
    <t>4942.0</t>
  </si>
  <si>
    <t>11290331.0</t>
  </si>
  <si>
    <t>44280.0</t>
  </si>
  <si>
    <t>249.362</t>
  </si>
  <si>
    <t>84261.0</t>
  </si>
  <si>
    <t>1.861</t>
  </si>
  <si>
    <t>7584675.0</t>
  </si>
  <si>
    <t>6667495.0</t>
  </si>
  <si>
    <t>917068.0</t>
  </si>
  <si>
    <t>49323.0</t>
  </si>
  <si>
    <t>128807.0</t>
  </si>
  <si>
    <t>2830.0</t>
  </si>
  <si>
    <t>118419.0</t>
  </si>
  <si>
    <t>5036.0</t>
  </si>
  <si>
    <t>11376389.0</t>
  </si>
  <si>
    <t>86058.0</t>
  </si>
  <si>
    <t>251.263</t>
  </si>
  <si>
    <t>1.901</t>
  </si>
  <si>
    <t>82782.0</t>
  </si>
  <si>
    <t>1.828</t>
  </si>
  <si>
    <t>7756824.0</t>
  </si>
  <si>
    <t>6833628.0</t>
  </si>
  <si>
    <t>923080.0</t>
  </si>
  <si>
    <t>172149.0</t>
  </si>
  <si>
    <t>140470.0</t>
  </si>
  <si>
    <t>17.04</t>
  </si>
  <si>
    <t>131279.0</t>
  </si>
  <si>
    <t>5134.0</t>
  </si>
  <si>
    <t>112.81</t>
  </si>
  <si>
    <t>11472001.0</t>
  </si>
  <si>
    <t>95612.0</t>
  </si>
  <si>
    <t>253.375</t>
  </si>
  <si>
    <t>2.112</t>
  </si>
  <si>
    <t>81687.0</t>
  </si>
  <si>
    <t>7910597.0</t>
  </si>
  <si>
    <t>6982225.0</t>
  </si>
  <si>
    <t>928253.0</t>
  </si>
  <si>
    <t>153773.0</t>
  </si>
  <si>
    <t>144901.0</t>
  </si>
  <si>
    <t>15.34</t>
  </si>
  <si>
    <t>3184.0</t>
  </si>
  <si>
    <t>137218.0</t>
  </si>
  <si>
    <t>5178.0</t>
  </si>
  <si>
    <t>11559221.0</t>
  </si>
  <si>
    <t>87220.0</t>
  </si>
  <si>
    <t>255.301</t>
  </si>
  <si>
    <t>1.926</t>
  </si>
  <si>
    <t>80365.0</t>
  </si>
  <si>
    <t>1.775</t>
  </si>
  <si>
    <t>8069633.0</t>
  </si>
  <si>
    <t>7117878.0</t>
  </si>
  <si>
    <t>951635.0</t>
  </si>
  <si>
    <t>159036.0</t>
  </si>
  <si>
    <t>142763.0</t>
  </si>
  <si>
    <t>15.64</t>
  </si>
  <si>
    <t>133849.0</t>
  </si>
  <si>
    <t>0.294</t>
  </si>
  <si>
    <t>5317.0</t>
  </si>
  <si>
    <t>11657034.0</t>
  </si>
  <si>
    <t>97813.0</t>
  </si>
  <si>
    <t>257.462</t>
  </si>
  <si>
    <t>81329.0</t>
  </si>
  <si>
    <t>1.796</t>
  </si>
  <si>
    <t>8225958.0</t>
  </si>
  <si>
    <t>7240480.0</t>
  </si>
  <si>
    <t>985357.0</t>
  </si>
  <si>
    <t>156325.0</t>
  </si>
  <si>
    <t>139633.0</t>
  </si>
  <si>
    <t>18.07</t>
  </si>
  <si>
    <t>127869.0</t>
  </si>
  <si>
    <t>5369.0</t>
  </si>
  <si>
    <t>11739082.0</t>
  </si>
  <si>
    <t>82048.0</t>
  </si>
  <si>
    <t>259.274</t>
  </si>
  <si>
    <t>78779.0</t>
  </si>
  <si>
    <t>1.74</t>
  </si>
  <si>
    <t>8340936.0</t>
  </si>
  <si>
    <t>7322555.0</t>
  </si>
  <si>
    <t>1018255.0</t>
  </si>
  <si>
    <t>114978.0</t>
  </si>
  <si>
    <t>128260.0</t>
  </si>
  <si>
    <t>18.33</t>
  </si>
  <si>
    <t>113573.0</t>
  </si>
  <si>
    <t>11792326.0</t>
  </si>
  <si>
    <t>53244.0</t>
  </si>
  <si>
    <t>260.45</t>
  </si>
  <si>
    <t>1.176</t>
  </si>
  <si>
    <t>78039.0</t>
  </si>
  <si>
    <t>1.724</t>
  </si>
  <si>
    <t>8361248.0</t>
  </si>
  <si>
    <t>7339365.0</t>
  </si>
  <si>
    <t>1021757.0</t>
  </si>
  <si>
    <t>20312.0</t>
  </si>
  <si>
    <t>117985.0</t>
  </si>
  <si>
    <t>18.37</t>
  </si>
  <si>
    <t>16.13</t>
  </si>
  <si>
    <t>103000.0</t>
  </si>
  <si>
    <t>11838913.0</t>
  </si>
  <si>
    <t>46587.0</t>
  </si>
  <si>
    <t>261.479</t>
  </si>
  <si>
    <t>78369.0</t>
  </si>
  <si>
    <t>1.731</t>
  </si>
  <si>
    <t>8401426.0</t>
  </si>
  <si>
    <t>7365487.0</t>
  </si>
  <si>
    <t>1035813.0</t>
  </si>
  <si>
    <t>40178.0</t>
  </si>
  <si>
    <t>116679.0</t>
  </si>
  <si>
    <t>18.46</t>
  </si>
  <si>
    <t>16.18</t>
  </si>
  <si>
    <t>99713.0</t>
  </si>
  <si>
    <t>5426.0</t>
  </si>
  <si>
    <t>11931195.0</t>
  </si>
  <si>
    <t>92282.0</t>
  </si>
  <si>
    <t>263.517</t>
  </si>
  <si>
    <t>79258.0</t>
  </si>
  <si>
    <t>1.751</t>
  </si>
  <si>
    <t>8576171.0</t>
  </si>
  <si>
    <t>7463172.0</t>
  </si>
  <si>
    <t>1112870.0</t>
  </si>
  <si>
    <t>174745.0</t>
  </si>
  <si>
    <t>117050.0</t>
  </si>
  <si>
    <t>18.84</t>
  </si>
  <si>
    <t>89935.0</t>
  </si>
  <si>
    <t>5389.0</t>
  </si>
  <si>
    <t>12025699.0</t>
  </si>
  <si>
    <t>94504.0</t>
  </si>
  <si>
    <t>265.604</t>
  </si>
  <si>
    <t>2.087</t>
  </si>
  <si>
    <t>79100.0</t>
  </si>
  <si>
    <t>1.747</t>
  </si>
  <si>
    <t>8808253.0</t>
  </si>
  <si>
    <t>7600025.0</t>
  </si>
  <si>
    <t>1208098.0</t>
  </si>
  <si>
    <t>232082.0</t>
  </si>
  <si>
    <t>128237.0</t>
  </si>
  <si>
    <t>19.35</t>
  </si>
  <si>
    <t>88257.0</t>
  </si>
  <si>
    <t>5342.0</t>
  </si>
  <si>
    <t>117.38</t>
  </si>
  <si>
    <t>12123718.0</t>
  </si>
  <si>
    <t>98019.0</t>
  </si>
  <si>
    <t>267.769</t>
  </si>
  <si>
    <t>2.165</t>
  </si>
  <si>
    <t>80642.0</t>
  </si>
  <si>
    <t>1.781</t>
  </si>
  <si>
    <t>9053300.0</t>
  </si>
  <si>
    <t>7764939.0</t>
  </si>
  <si>
    <t>1288226.0</t>
  </si>
  <si>
    <t>245047.0</t>
  </si>
  <si>
    <t>140524.0</t>
  </si>
  <si>
    <t>19.89</t>
  </si>
  <si>
    <t>17.06</t>
  </si>
  <si>
    <t>92437.0</t>
  </si>
  <si>
    <t>12210405.0</t>
  </si>
  <si>
    <t>86687.0</t>
  </si>
  <si>
    <t>269.684</t>
  </si>
  <si>
    <t>1.915</t>
  </si>
  <si>
    <t>79053.0</t>
  </si>
  <si>
    <t>9256150.0</t>
  </si>
  <si>
    <t>7903209.0</t>
  </si>
  <si>
    <t>1352805.0</t>
  </si>
  <si>
    <t>202850.0</t>
  </si>
  <si>
    <t>147170.0</t>
  </si>
  <si>
    <t>20.34</t>
  </si>
  <si>
    <t>17.37</t>
  </si>
  <si>
    <t>94676.0</t>
  </si>
  <si>
    <t>5268.0</t>
  </si>
  <si>
    <t>12304237.0</t>
  </si>
  <si>
    <t>93832.0</t>
  </si>
  <si>
    <t>271.756</t>
  </si>
  <si>
    <t>2.072</t>
  </si>
  <si>
    <t>80736.0</t>
  </si>
  <si>
    <t>1.783</t>
  </si>
  <si>
    <t>9461563.0</t>
  </si>
  <si>
    <t>8012531.0</t>
  </si>
  <si>
    <t>1448895.0</t>
  </si>
  <si>
    <t>205413.0</t>
  </si>
  <si>
    <t>160090.0</t>
  </si>
  <si>
    <t>20.79</t>
  </si>
  <si>
    <t>98568.0</t>
  </si>
  <si>
    <t>12364731.0</t>
  </si>
  <si>
    <t>60494.0</t>
  </si>
  <si>
    <t>273.092</t>
  </si>
  <si>
    <t>81772.0</t>
  </si>
  <si>
    <t>1.806</t>
  </si>
  <si>
    <t>9535849.0</t>
  </si>
  <si>
    <t>8044972.0</t>
  </si>
  <si>
    <t>1490740.0</t>
  </si>
  <si>
    <t>74286.0</t>
  </si>
  <si>
    <t>167800.0</t>
  </si>
  <si>
    <t>17.68</t>
  </si>
  <si>
    <t>3687.0</t>
  </si>
  <si>
    <t>100801.0</t>
  </si>
  <si>
    <t>5294.0</t>
  </si>
  <si>
    <t>12411923.0</t>
  </si>
  <si>
    <t>47192.0</t>
  </si>
  <si>
    <t>274.134</t>
  </si>
  <si>
    <t>1.042</t>
  </si>
  <si>
    <t>81859.0</t>
  </si>
  <si>
    <t>1.808</t>
  </si>
  <si>
    <t>9554549.0</t>
  </si>
  <si>
    <t>8060570.0</t>
  </si>
  <si>
    <t>1493840.0</t>
  </si>
  <si>
    <t>18700.0</t>
  </si>
  <si>
    <t>164732.0</t>
  </si>
  <si>
    <t>20.99</t>
  </si>
  <si>
    <t>99298.0</t>
  </si>
  <si>
    <t>5357.0</t>
  </si>
  <si>
    <t>117.71</t>
  </si>
  <si>
    <t>12494329.0</t>
  </si>
  <si>
    <t>82406.0</t>
  </si>
  <si>
    <t>275.954</t>
  </si>
  <si>
    <t>80448.0</t>
  </si>
  <si>
    <t>1.777</t>
  </si>
  <si>
    <t>9696248.0</t>
  </si>
  <si>
    <t>8137994.0</t>
  </si>
  <si>
    <t>1558114.0</t>
  </si>
  <si>
    <t>141699.0</t>
  </si>
  <si>
    <t>160011.0</t>
  </si>
  <si>
    <t>3.42</t>
  </si>
  <si>
    <t>96403.0</t>
  </si>
  <si>
    <t>5375.0</t>
  </si>
  <si>
    <t>12591905.0</t>
  </si>
  <si>
    <t>97576.0</t>
  </si>
  <si>
    <t>278.11</t>
  </si>
  <si>
    <t>2.155</t>
  </si>
  <si>
    <t>80887.0</t>
  </si>
  <si>
    <t>1.787</t>
  </si>
  <si>
    <t>9836733.0</t>
  </si>
  <si>
    <t>8214007.0</t>
  </si>
  <si>
    <t>1622584.0</t>
  </si>
  <si>
    <t>140485.0</t>
  </si>
  <si>
    <t>146926.0</t>
  </si>
  <si>
    <t>21.61</t>
  </si>
  <si>
    <t>18.05</t>
  </si>
  <si>
    <t>3228.0</t>
  </si>
  <si>
    <t>87712.0</t>
  </si>
  <si>
    <t>5394.0</t>
  </si>
  <si>
    <t>12672525.0</t>
  </si>
  <si>
    <t>80620.0</t>
  </si>
  <si>
    <t>279.89</t>
  </si>
  <si>
    <t>78401.0</t>
  </si>
  <si>
    <t>1.732</t>
  </si>
  <si>
    <t>0.254</t>
  </si>
  <si>
    <t>10034383.0</t>
  </si>
  <si>
    <t>8266447.0</t>
  </si>
  <si>
    <t>1767791.0</t>
  </si>
  <si>
    <t>197650.0</t>
  </si>
  <si>
    <t>140155.0</t>
  </si>
  <si>
    <t>22.05</t>
  </si>
  <si>
    <t>18.16</t>
  </si>
  <si>
    <t>3080.0</t>
  </si>
  <si>
    <t>71644.0</t>
  </si>
  <si>
    <t>5420.0</t>
  </si>
  <si>
    <t>119.094</t>
  </si>
  <si>
    <t>12764776.0</t>
  </si>
  <si>
    <t>92251.0</t>
  </si>
  <si>
    <t>281.928</t>
  </si>
  <si>
    <t>79196.0</t>
  </si>
  <si>
    <t>1.749</t>
  </si>
  <si>
    <t>10226565.0</t>
  </si>
  <si>
    <t>8304122.0</t>
  </si>
  <si>
    <t>1922295.0</t>
  </si>
  <si>
    <t>192182.0</t>
  </si>
  <si>
    <t>138631.0</t>
  </si>
  <si>
    <t>22.47</t>
  </si>
  <si>
    <t>57273.0</t>
  </si>
  <si>
    <t>12861396.0</t>
  </si>
  <si>
    <t>96620.0</t>
  </si>
  <si>
    <t>284.062</t>
  </si>
  <si>
    <t>79594.0</t>
  </si>
  <si>
    <t>10423130.0</t>
  </si>
  <si>
    <t>8344563.0</t>
  </si>
  <si>
    <t>2078416.0</t>
  </si>
  <si>
    <t>196565.0</t>
  </si>
  <si>
    <t>137367.0</t>
  </si>
  <si>
    <t>18.34</t>
  </si>
  <si>
    <t>3018.0</t>
  </si>
  <si>
    <t>47433.0</t>
  </si>
  <si>
    <t>5517.0</t>
  </si>
  <si>
    <t>12941256.0</t>
  </si>
  <si>
    <t>79860.0</t>
  </si>
  <si>
    <t>285.825</t>
  </si>
  <si>
    <t>1.764</t>
  </si>
  <si>
    <t>82361.0</t>
  </si>
  <si>
    <t>10518235.0</t>
  </si>
  <si>
    <t>8389212.0</t>
  </si>
  <si>
    <t>2128870.0</t>
  </si>
  <si>
    <t>95105.0</t>
  </si>
  <si>
    <t>140341.0</t>
  </si>
  <si>
    <t>23.11</t>
  </si>
  <si>
    <t>18.43</t>
  </si>
  <si>
    <t>49177.0</t>
  </si>
  <si>
    <t>5538.0</t>
  </si>
  <si>
    <t>12990447.0</t>
  </si>
  <si>
    <t>49191.0</t>
  </si>
  <si>
    <t>286.912</t>
  </si>
  <si>
    <t>82646.0</t>
  </si>
  <si>
    <t>1.825</t>
  </si>
  <si>
    <t>10585839.0</t>
  </si>
  <si>
    <t>8413532.0</t>
  </si>
  <si>
    <t>2172153.0</t>
  </si>
  <si>
    <t>67604.0</t>
  </si>
  <si>
    <t>147327.0</t>
  </si>
  <si>
    <t>23.26</t>
  </si>
  <si>
    <t>18.49</t>
  </si>
  <si>
    <t>3237.0</t>
  </si>
  <si>
    <t>50423.0</t>
  </si>
  <si>
    <t>5690.0</t>
  </si>
  <si>
    <t>13106212.0</t>
  </si>
  <si>
    <t>115765.0</t>
  </si>
  <si>
    <t>289.469</t>
  </si>
  <si>
    <t>2.557</t>
  </si>
  <si>
    <t>87412.0</t>
  </si>
  <si>
    <t>1.931</t>
  </si>
  <si>
    <t>10772820.0</t>
  </si>
  <si>
    <t>8503632.0</t>
  </si>
  <si>
    <t>2269031.0</t>
  </si>
  <si>
    <t>186981.0</t>
  </si>
  <si>
    <t>153796.0</t>
  </si>
  <si>
    <t>18.69</t>
  </si>
  <si>
    <t>3379.0</t>
  </si>
  <si>
    <t>52234.0</t>
  </si>
  <si>
    <t>5813.0</t>
  </si>
  <si>
    <t>13232243.0</t>
  </si>
  <si>
    <t>126031.0</t>
  </si>
  <si>
    <t>292.252</t>
  </si>
  <si>
    <t>91477.0</t>
  </si>
  <si>
    <t>10971109.0</t>
  </si>
  <si>
    <t>8657889.0</t>
  </si>
  <si>
    <t>2313061.0</t>
  </si>
  <si>
    <t>198289.0</t>
  </si>
  <si>
    <t>162054.0</t>
  </si>
  <si>
    <t>24.11</t>
  </si>
  <si>
    <t>5.08</t>
  </si>
  <si>
    <t>63412.0</t>
  </si>
  <si>
    <t>5877.0</t>
  </si>
  <si>
    <t>13336921.0</t>
  </si>
  <si>
    <t>104678.0</t>
  </si>
  <si>
    <t>294.564</t>
  </si>
  <si>
    <t>2.312</t>
  </si>
  <si>
    <t>94914.0</t>
  </si>
  <si>
    <t>2.096</t>
  </si>
  <si>
    <t>11138880.0</t>
  </si>
  <si>
    <t>8789221.0</t>
  </si>
  <si>
    <t>2349496.0</t>
  </si>
  <si>
    <t>167771.0</t>
  </si>
  <si>
    <t>157785.0</t>
  </si>
  <si>
    <t>74682.0</t>
  </si>
  <si>
    <t>13452748.0</t>
  </si>
  <si>
    <t>115827.0</t>
  </si>
  <si>
    <t>297.122</t>
  </si>
  <si>
    <t>2.558</t>
  </si>
  <si>
    <t>98282.0</t>
  </si>
  <si>
    <t>2.171</t>
  </si>
  <si>
    <t>11321520.0</t>
  </si>
  <si>
    <t>8929701.0</t>
  </si>
  <si>
    <t>2391651.0</t>
  </si>
  <si>
    <t>182640.0</t>
  </si>
  <si>
    <t>156422.0</t>
  </si>
  <si>
    <t>89368.0</t>
  </si>
  <si>
    <t>6027.0</t>
  </si>
  <si>
    <t>132.431</t>
  </si>
  <si>
    <t>13586601.0</t>
  </si>
  <si>
    <t>133853.0</t>
  </si>
  <si>
    <t>300.079</t>
  </si>
  <si>
    <t>2.956</t>
  </si>
  <si>
    <t>103601.0</t>
  </si>
  <si>
    <t>2.288</t>
  </si>
  <si>
    <t>11498827.0</t>
  </si>
  <si>
    <t>9021268.0</t>
  </si>
  <si>
    <t>2477387.0</t>
  </si>
  <si>
    <t>177307.0</t>
  </si>
  <si>
    <t>153671.0</t>
  </si>
  <si>
    <t>5.44</t>
  </si>
  <si>
    <t>3377.0</t>
  </si>
  <si>
    <t>96672.0</t>
  </si>
  <si>
    <t>6138.0</t>
  </si>
  <si>
    <t>134.87</t>
  </si>
  <si>
    <t>13681398.0</t>
  </si>
  <si>
    <t>94797.0</t>
  </si>
  <si>
    <t>302.173</t>
  </si>
  <si>
    <t>105735.0</t>
  </si>
  <si>
    <t>2.335</t>
  </si>
  <si>
    <t>11599283.0</t>
  </si>
  <si>
    <t>9078180.0</t>
  </si>
  <si>
    <t>2520929.0</t>
  </si>
  <si>
    <t>100456.0</t>
  </si>
  <si>
    <t>154435.0</t>
  </si>
  <si>
    <t>25.49</t>
  </si>
  <si>
    <t>98424.0</t>
  </si>
  <si>
    <t>6214.0</t>
  </si>
  <si>
    <t>136.54</t>
  </si>
  <si>
    <t>13729849.0</t>
  </si>
  <si>
    <t>48451.0</t>
  </si>
  <si>
    <t>303.243</t>
  </si>
  <si>
    <t>105629.0</t>
  </si>
  <si>
    <t>2.333</t>
  </si>
  <si>
    <t>11644561.0</t>
  </si>
  <si>
    <t>9100559.0</t>
  </si>
  <si>
    <t>2543826.0</t>
  </si>
  <si>
    <t>45278.0</t>
  </si>
  <si>
    <t>151246.0</t>
  </si>
  <si>
    <t>25.59</t>
  </si>
  <si>
    <t>5.59</t>
  </si>
  <si>
    <t>98147.0</t>
  </si>
  <si>
    <t>6373.0</t>
  </si>
  <si>
    <t>13815092.0</t>
  </si>
  <si>
    <t>85243.0</t>
  </si>
  <si>
    <t>305.125</t>
  </si>
  <si>
    <t>1.883</t>
  </si>
  <si>
    <t>101269.0</t>
  </si>
  <si>
    <t>2.237</t>
  </si>
  <si>
    <t>11732946.0</t>
  </si>
  <si>
    <t>9168987.0</t>
  </si>
  <si>
    <t>2563782.0</t>
  </si>
  <si>
    <t>88385.0</t>
  </si>
  <si>
    <t>137161.0</t>
  </si>
  <si>
    <t>25.78</t>
  </si>
  <si>
    <t>3014.0</t>
  </si>
  <si>
    <t>95051.0</t>
  </si>
  <si>
    <t>6552.0</t>
  </si>
  <si>
    <t>13896558.0</t>
  </si>
  <si>
    <t>81466.0</t>
  </si>
  <si>
    <t>306.925</t>
  </si>
  <si>
    <t>94902.0</t>
  </si>
  <si>
    <t>11796377.0</t>
  </si>
  <si>
    <t>9205912.0</t>
  </si>
  <si>
    <t>2590286.0</t>
  </si>
  <si>
    <t>63431.0</t>
  </si>
  <si>
    <t>117895.0</t>
  </si>
  <si>
    <t>5.69</t>
  </si>
  <si>
    <t>78289.0</t>
  </si>
  <si>
    <t>6644.0</t>
  </si>
  <si>
    <t>14011918.0</t>
  </si>
  <si>
    <t>115360.0</t>
  </si>
  <si>
    <t>309.472</t>
  </si>
  <si>
    <t>2.548</t>
  </si>
  <si>
    <t>96428.0</t>
  </si>
  <si>
    <t>11949525.0</t>
  </si>
  <si>
    <t>9294796.0</t>
  </si>
  <si>
    <t>2654547.0</t>
  </si>
  <si>
    <t>153148.0</t>
  </si>
  <si>
    <t>115806.0</t>
  </si>
  <si>
    <t>26.26</t>
  </si>
  <si>
    <t>20.42</t>
  </si>
  <si>
    <t>72225.0</t>
  </si>
  <si>
    <t>6802.0</t>
  </si>
  <si>
    <t>14131951.0</t>
  </si>
  <si>
    <t>120033.0</t>
  </si>
  <si>
    <t>312.124</t>
  </si>
  <si>
    <t>2.651</t>
  </si>
  <si>
    <t>97029.0</t>
  </si>
  <si>
    <t>2.143</t>
  </si>
  <si>
    <t>12118973.0</t>
  </si>
  <si>
    <t>9382684.0</t>
  </si>
  <si>
    <t>2736101.0</t>
  </si>
  <si>
    <t>169448.0</t>
  </si>
  <si>
    <t>113922.0</t>
  </si>
  <si>
    <t>20.62</t>
  </si>
  <si>
    <t>64712.0</t>
  </si>
  <si>
    <t>6872.0</t>
  </si>
  <si>
    <t>14255230.0</t>
  </si>
  <si>
    <t>123279.0</t>
  </si>
  <si>
    <t>314.846</t>
  </si>
  <si>
    <t>2.723</t>
  </si>
  <si>
    <t>95518.0</t>
  </si>
  <si>
    <t>12365114.0</t>
  </si>
  <si>
    <t>9507333.0</t>
  </si>
  <si>
    <t>2857588.0</t>
  </si>
  <si>
    <t>246141.0</t>
  </si>
  <si>
    <t>123755.0</t>
  </si>
  <si>
    <t>20.89</t>
  </si>
  <si>
    <t>6.28</t>
  </si>
  <si>
    <t>69438.0</t>
  </si>
  <si>
    <t>6909.0</t>
  </si>
  <si>
    <t>151.812</t>
  </si>
  <si>
    <t>14338964.0</t>
  </si>
  <si>
    <t>83734.0</t>
  </si>
  <si>
    <t>316.696</t>
  </si>
  <si>
    <t>1.849</t>
  </si>
  <si>
    <t>93938.0</t>
  </si>
  <si>
    <t>12592628.0</t>
  </si>
  <si>
    <t>9673538.0</t>
  </si>
  <si>
    <t>2918894.0</t>
  </si>
  <si>
    <t>227514.0</t>
  </si>
  <si>
    <t>141906.0</t>
  </si>
  <si>
    <t>21.26</t>
  </si>
  <si>
    <t>85051.0</t>
  </si>
  <si>
    <t>7206.0</t>
  </si>
  <si>
    <t>14391541.0</t>
  </si>
  <si>
    <t>52577.0</t>
  </si>
  <si>
    <t>317.857</t>
  </si>
  <si>
    <t>94527.0</t>
  </si>
  <si>
    <t>12721486.0</t>
  </si>
  <si>
    <t>9785792.0</t>
  </si>
  <si>
    <t>2935497.0</t>
  </si>
  <si>
    <t>128858.0</t>
  </si>
  <si>
    <t>153846.0</t>
  </si>
  <si>
    <t>6.45</t>
  </si>
  <si>
    <t>3380.0</t>
  </si>
  <si>
    <t>97890.0</t>
  </si>
  <si>
    <t>7325.0</t>
  </si>
  <si>
    <t>14499578.0</t>
  </si>
  <si>
    <t>108037.0</t>
  </si>
  <si>
    <t>320.243</t>
  </si>
  <si>
    <t>2.386</t>
  </si>
  <si>
    <t>97784.0</t>
  </si>
  <si>
    <t>13020548.0</t>
  </si>
  <si>
    <t>10022599.0</t>
  </si>
  <si>
    <t>2997748.0</t>
  </si>
  <si>
    <t>299062.0</t>
  </si>
  <si>
    <t>183943.0</t>
  </si>
  <si>
    <t>28.61</t>
  </si>
  <si>
    <t>6.59</t>
  </si>
  <si>
    <t>4042.0</t>
  </si>
  <si>
    <t>121945.0</t>
  </si>
  <si>
    <t>7417.0</t>
  </si>
  <si>
    <t>14611725.0</t>
  </si>
  <si>
    <t>112147.0</t>
  </si>
  <si>
    <t>322.72</t>
  </si>
  <si>
    <t>2.477</t>
  </si>
  <si>
    <t>102167.0</t>
  </si>
  <si>
    <t>2.256</t>
  </si>
  <si>
    <t>13335518.0</t>
  </si>
  <si>
    <t>10285641.0</t>
  </si>
  <si>
    <t>3049664.0</t>
  </si>
  <si>
    <t>314970.0</t>
  </si>
  <si>
    <t>219877.0</t>
  </si>
  <si>
    <t>154247.0</t>
  </si>
  <si>
    <t>0.339</t>
  </si>
  <si>
    <t>7614.0</t>
  </si>
  <si>
    <t>14722559.0</t>
  </si>
  <si>
    <t>110834.0</t>
  </si>
  <si>
    <t>325.168</t>
  </si>
  <si>
    <t>2.448</t>
  </si>
  <si>
    <t>101520.0</t>
  </si>
  <si>
    <t>2.242</t>
  </si>
  <si>
    <t>13644946.0</t>
  </si>
  <si>
    <t>10543759.0</t>
  </si>
  <si>
    <t>3100968.0</t>
  </si>
  <si>
    <t>309428.0</t>
  </si>
  <si>
    <t>242203.0</t>
  </si>
  <si>
    <t>23.17</t>
  </si>
  <si>
    <t>6.81</t>
  </si>
  <si>
    <t>5322.0</t>
  </si>
  <si>
    <t>178423.0</t>
  </si>
  <si>
    <t>7698.0</t>
  </si>
  <si>
    <t>14838348.0</t>
  </si>
  <si>
    <t>115789.0</t>
  </si>
  <si>
    <t>327.725</t>
  </si>
  <si>
    <t>100914.0</t>
  </si>
  <si>
    <t>2.229</t>
  </si>
  <si>
    <t>13994650.0</t>
  </si>
  <si>
    <t>10858033.0</t>
  </si>
  <si>
    <t>3136392.0</t>
  </si>
  <si>
    <t>349704.0</t>
  </si>
  <si>
    <t>267954.0</t>
  </si>
  <si>
    <t>30.75</t>
  </si>
  <si>
    <t>23.86</t>
  </si>
  <si>
    <t>6.89</t>
  </si>
  <si>
    <t>5888.0</t>
  </si>
  <si>
    <t>210764.0</t>
  </si>
  <si>
    <t>7668.0</t>
  </si>
  <si>
    <t>14948780.0</t>
  </si>
  <si>
    <t>110432.0</t>
  </si>
  <si>
    <t>330.164</t>
  </si>
  <si>
    <t>2.439</t>
  </si>
  <si>
    <t>99079.0</t>
  </si>
  <si>
    <t>2.188</t>
  </si>
  <si>
    <t>14402896.0</t>
  </si>
  <si>
    <t>11221642.0</t>
  </si>
  <si>
    <t>3181012.0</t>
  </si>
  <si>
    <t>408246.0</t>
  </si>
  <si>
    <t>291112.0</t>
  </si>
  <si>
    <t>31.65</t>
  </si>
  <si>
    <t>6.99</t>
  </si>
  <si>
    <t>6397.0</t>
  </si>
  <si>
    <t>244901.0</t>
  </si>
  <si>
    <t>15029163.0</t>
  </si>
  <si>
    <t>80383.0</t>
  </si>
  <si>
    <t>331.94</t>
  </si>
  <si>
    <t>98600.0</t>
  </si>
  <si>
    <t>2.178</t>
  </si>
  <si>
    <t>14729754.0</t>
  </si>
  <si>
    <t>11528373.0</t>
  </si>
  <si>
    <t>3201109.0</t>
  </si>
  <si>
    <t>326858.0</t>
  </si>
  <si>
    <t>305304.0</t>
  </si>
  <si>
    <t>32.37</t>
  </si>
  <si>
    <t>7.03</t>
  </si>
  <si>
    <t>264976.0</t>
  </si>
  <si>
    <t>0.582</t>
  </si>
  <si>
    <t>7776.0</t>
  </si>
  <si>
    <t>15077201.0</t>
  </si>
  <si>
    <t>48038.0</t>
  </si>
  <si>
    <t>333.001</t>
  </si>
  <si>
    <t>97951.0</t>
  </si>
  <si>
    <t>14947134.0</t>
  </si>
  <si>
    <t>11733023.0</t>
  </si>
  <si>
    <t>3213837.0</t>
  </si>
  <si>
    <t>217380.0</t>
  </si>
  <si>
    <t>317950.0</t>
  </si>
  <si>
    <t>32.84</t>
  </si>
  <si>
    <t>7.06</t>
  </si>
  <si>
    <t>6986.0</t>
  </si>
  <si>
    <t>278176.0</t>
  </si>
  <si>
    <t>15185799.0</t>
  </si>
  <si>
    <t>108598.0</t>
  </si>
  <si>
    <t>335.399</t>
  </si>
  <si>
    <t>2.399</t>
  </si>
  <si>
    <t>98032.0</t>
  </si>
  <si>
    <t>15300402.0</t>
  </si>
  <si>
    <t>12038556.0</t>
  </si>
  <si>
    <t>3261566.0</t>
  </si>
  <si>
    <t>353268.0</t>
  </si>
  <si>
    <t>325693.0</t>
  </si>
  <si>
    <t>26.45</t>
  </si>
  <si>
    <t>7156.0</t>
  </si>
  <si>
    <t>287994.0</t>
  </si>
  <si>
    <t>7794.0</t>
  </si>
  <si>
    <t>15293668.0</t>
  </si>
  <si>
    <t>107869.0</t>
  </si>
  <si>
    <t>337.782</t>
  </si>
  <si>
    <t>2.382</t>
  </si>
  <si>
    <t>97420.0</t>
  </si>
  <si>
    <t>2.152</t>
  </si>
  <si>
    <t>15670378.0</t>
  </si>
  <si>
    <t>12373375.0</t>
  </si>
  <si>
    <t>3296714.0</t>
  </si>
  <si>
    <t>369976.0</t>
  </si>
  <si>
    <t>333551.0</t>
  </si>
  <si>
    <t>34.43</t>
  </si>
  <si>
    <t>27.19</t>
  </si>
  <si>
    <t>7329.0</t>
  </si>
  <si>
    <t>298248.0</t>
  </si>
  <si>
    <t>15395254.0</t>
  </si>
  <si>
    <t>101586.0</t>
  </si>
  <si>
    <t>340.025</t>
  </si>
  <si>
    <t>2.244</t>
  </si>
  <si>
    <t>96099.0</t>
  </si>
  <si>
    <t>2.122</t>
  </si>
  <si>
    <t>16042792.0</t>
  </si>
  <si>
    <t>12722868.0</t>
  </si>
  <si>
    <t>3319632.0</t>
  </si>
  <si>
    <t>372414.0</t>
  </si>
  <si>
    <t>342549.0</t>
  </si>
  <si>
    <t>35.25</t>
  </si>
  <si>
    <t>27.96</t>
  </si>
  <si>
    <t>7.29</t>
  </si>
  <si>
    <t>7527.0</t>
  </si>
  <si>
    <t>311301.0</t>
  </si>
  <si>
    <t>7817.0</t>
  </si>
  <si>
    <t>15498005.0</t>
  </si>
  <si>
    <t>102751.0</t>
  </si>
  <si>
    <t>342.295</t>
  </si>
  <si>
    <t>2.269</t>
  </si>
  <si>
    <t>94237.0</t>
  </si>
  <si>
    <t>2.081</t>
  </si>
  <si>
    <t>16377914.0</t>
  </si>
  <si>
    <t>13039559.0</t>
  </si>
  <si>
    <t>3338057.0</t>
  </si>
  <si>
    <t>335122.0</t>
  </si>
  <si>
    <t>340466.0</t>
  </si>
  <si>
    <t>35.99</t>
  </si>
  <si>
    <t>28.65</t>
  </si>
  <si>
    <t>7.33</t>
  </si>
  <si>
    <t>7481.0</t>
  </si>
  <si>
    <t>311647.0</t>
  </si>
  <si>
    <t>7839.0</t>
  </si>
  <si>
    <t>15601251.0</t>
  </si>
  <si>
    <t>103246.0</t>
  </si>
  <si>
    <t>344.575</t>
  </si>
  <si>
    <t>93210.0</t>
  </si>
  <si>
    <t>2.059</t>
  </si>
  <si>
    <t>16744763.0</t>
  </si>
  <si>
    <t>13360118.0</t>
  </si>
  <si>
    <t>3384341.0</t>
  </si>
  <si>
    <t>366849.0</t>
  </si>
  <si>
    <t>334552.0</t>
  </si>
  <si>
    <t>7351.0</t>
  </si>
  <si>
    <t>305497.0</t>
  </si>
  <si>
    <t>15669427.0</t>
  </si>
  <si>
    <t>68176.0</t>
  </si>
  <si>
    <t>346.081</t>
  </si>
  <si>
    <t>1.506</t>
  </si>
  <si>
    <t>91466.0</t>
  </si>
  <si>
    <t>16929903.0</t>
  </si>
  <si>
    <t>13465201.0</t>
  </si>
  <si>
    <t>3464391.0</t>
  </si>
  <si>
    <t>185140.0</t>
  </si>
  <si>
    <t>314307.0</t>
  </si>
  <si>
    <t>29.59</t>
  </si>
  <si>
    <t>7.61</t>
  </si>
  <si>
    <t>6906.0</t>
  </si>
  <si>
    <t>276690.0</t>
  </si>
  <si>
    <t>0.608</t>
  </si>
  <si>
    <t>7910.0</t>
  </si>
  <si>
    <t>15712779.0</t>
  </si>
  <si>
    <t>43352.0</t>
  </si>
  <si>
    <t>347.038</t>
  </si>
  <si>
    <t>90797.0</t>
  </si>
  <si>
    <t>17012592.0</t>
  </si>
  <si>
    <t>13504188.0</t>
  </si>
  <si>
    <t>3508088.0</t>
  </si>
  <si>
    <t>82689.0</t>
  </si>
  <si>
    <t>295065.0</t>
  </si>
  <si>
    <t>37.38</t>
  </si>
  <si>
    <t>6483.0</t>
  </si>
  <si>
    <t>253024.0</t>
  </si>
  <si>
    <t>0.556</t>
  </si>
  <si>
    <t>7969.0</t>
  </si>
  <si>
    <t>15818759.0</t>
  </si>
  <si>
    <t>105980.0</t>
  </si>
  <si>
    <t>349.379</t>
  </si>
  <si>
    <t>2.341</t>
  </si>
  <si>
    <t>90423.0</t>
  </si>
  <si>
    <t>17250686.0</t>
  </si>
  <si>
    <t>13658456.0</t>
  </si>
  <si>
    <t>3591908.0</t>
  </si>
  <si>
    <t>238094.0</t>
  </si>
  <si>
    <t>278612.0</t>
  </si>
  <si>
    <t>7.89</t>
  </si>
  <si>
    <t>231414.0</t>
  </si>
  <si>
    <t>7890.0</t>
  </si>
  <si>
    <t>15922191.0</t>
  </si>
  <si>
    <t>103432.0</t>
  </si>
  <si>
    <t>351.664</t>
  </si>
  <si>
    <t>2.284</t>
  </si>
  <si>
    <t>89789.0</t>
  </si>
  <si>
    <t>17508587.0</t>
  </si>
  <si>
    <t>13832016.0</t>
  </si>
  <si>
    <t>3676239.0</t>
  </si>
  <si>
    <t>257901.0</t>
  </si>
  <si>
    <t>262601.0</t>
  </si>
  <si>
    <t>38.47</t>
  </si>
  <si>
    <t>30.39</t>
  </si>
  <si>
    <t>5770.0</t>
  </si>
  <si>
    <t>208377.0</t>
  </si>
  <si>
    <t>0.458</t>
  </si>
  <si>
    <t>7664.0</t>
  </si>
  <si>
    <t>16019430.0</t>
  </si>
  <si>
    <t>97239.0</t>
  </si>
  <si>
    <t>353.811</t>
  </si>
  <si>
    <t>2.148</t>
  </si>
  <si>
    <t>89168.0</t>
  </si>
  <si>
    <t>17795771.0</t>
  </si>
  <si>
    <t>14045620.0</t>
  </si>
  <si>
    <t>3749806.0</t>
  </si>
  <si>
    <t>287184.0</t>
  </si>
  <si>
    <t>250426.0</t>
  </si>
  <si>
    <t>39.1</t>
  </si>
  <si>
    <t>30.86</t>
  </si>
  <si>
    <t>5503.0</t>
  </si>
  <si>
    <t>188965.0</t>
  </si>
  <si>
    <t>0.415</t>
  </si>
  <si>
    <t>7520.0</t>
  </si>
  <si>
    <t>16111822.0</t>
  </si>
  <si>
    <t>92392.0</t>
  </si>
  <si>
    <t>355.852</t>
  </si>
  <si>
    <t>2.041</t>
  </si>
  <si>
    <t>87688.0</t>
  </si>
  <si>
    <t>1.937</t>
  </si>
  <si>
    <t>18110218.0</t>
  </si>
  <si>
    <t>14294881.0</t>
  </si>
  <si>
    <t>3814988.0</t>
  </si>
  <si>
    <t>314447.0</t>
  </si>
  <si>
    <t>247472.0</t>
  </si>
  <si>
    <t>8.38</t>
  </si>
  <si>
    <t>5438.0</t>
  </si>
  <si>
    <t>179332.0</t>
  </si>
  <si>
    <t>7467.0</t>
  </si>
  <si>
    <t>16202453.0</t>
  </si>
  <si>
    <t>90631.0</t>
  </si>
  <si>
    <t>357.853</t>
  </si>
  <si>
    <t>2.002</t>
  </si>
  <si>
    <t>85886.0</t>
  </si>
  <si>
    <t>18509601.0</t>
  </si>
  <si>
    <t>14648948.0</t>
  </si>
  <si>
    <t>3860295.0</t>
  </si>
  <si>
    <t>399383.0</t>
  </si>
  <si>
    <t>252120.0</t>
  </si>
  <si>
    <t>40.67</t>
  </si>
  <si>
    <t>32.19</t>
  </si>
  <si>
    <t>8.48</t>
  </si>
  <si>
    <t>5540.0</t>
  </si>
  <si>
    <t>184119.0</t>
  </si>
  <si>
    <t>16269834.0</t>
  </si>
  <si>
    <t>359.342</t>
  </si>
  <si>
    <t>1.894</t>
  </si>
  <si>
    <t>18742225.0</t>
  </si>
  <si>
    <t>14860894.0</t>
  </si>
  <si>
    <t>3880969.0</t>
  </si>
  <si>
    <t>232624.0</t>
  </si>
  <si>
    <t>258903.0</t>
  </si>
  <si>
    <t>41.18</t>
  </si>
  <si>
    <t>32.65</t>
  </si>
  <si>
    <t>5689.0</t>
  </si>
  <si>
    <t>199385.0</t>
  </si>
  <si>
    <t>7366.0</t>
  </si>
  <si>
    <t>161.853</t>
  </si>
  <si>
    <t>16301956.0</t>
  </si>
  <si>
    <t>32122.0</t>
  </si>
  <si>
    <t>360.051</t>
  </si>
  <si>
    <t>84168.0</t>
  </si>
  <si>
    <t>1.859</t>
  </si>
  <si>
    <t>18841446.0</t>
  </si>
  <si>
    <t>14955932.0</t>
  </si>
  <si>
    <t>3885151.0</t>
  </si>
  <si>
    <t>99221.0</t>
  </si>
  <si>
    <t>261265.0</t>
  </si>
  <si>
    <t>41.4</t>
  </si>
  <si>
    <t>32.86</t>
  </si>
  <si>
    <t>8.54</t>
  </si>
  <si>
    <t>5741.0</t>
  </si>
  <si>
    <t>207392.0</t>
  </si>
  <si>
    <t>7345.0</t>
  </si>
  <si>
    <t>16357852.0</t>
  </si>
  <si>
    <t>55896.0</t>
  </si>
  <si>
    <t>361.286</t>
  </si>
  <si>
    <t>77013.0</t>
  </si>
  <si>
    <t>1.701</t>
  </si>
  <si>
    <t>19011172.0</t>
  </si>
  <si>
    <t>15101846.0</t>
  </si>
  <si>
    <t>3908963.0</t>
  </si>
  <si>
    <t>169726.0</t>
  </si>
  <si>
    <t>251498.0</t>
  </si>
  <si>
    <t>41.77</t>
  </si>
  <si>
    <t>5526.0</t>
  </si>
  <si>
    <t>206199.0</t>
  </si>
  <si>
    <t>16454096.0</t>
  </si>
  <si>
    <t>96244.0</t>
  </si>
  <si>
    <t>363.411</t>
  </si>
  <si>
    <t>75986.0</t>
  </si>
  <si>
    <t>19299127.0</t>
  </si>
  <si>
    <t>15351574.0</t>
  </si>
  <si>
    <t>3947187.0</t>
  </si>
  <si>
    <t>287955.0</t>
  </si>
  <si>
    <t>255791.0</t>
  </si>
  <si>
    <t>42.41</t>
  </si>
  <si>
    <t>217080.0</t>
  </si>
  <si>
    <t>7241.0</t>
  </si>
  <si>
    <t>16549362.0</t>
  </si>
  <si>
    <t>95266.0</t>
  </si>
  <si>
    <t>365.515</t>
  </si>
  <si>
    <t>2.104</t>
  </si>
  <si>
    <t>75705.0</t>
  </si>
  <si>
    <t>1.672</t>
  </si>
  <si>
    <t>19562323.0</t>
  </si>
  <si>
    <t>15585565.0</t>
  </si>
  <si>
    <t>3976391.0</t>
  </si>
  <si>
    <t>263196.0</t>
  </si>
  <si>
    <t>252365.0</t>
  </si>
  <si>
    <t>34.25</t>
  </si>
  <si>
    <t>219992.0</t>
  </si>
  <si>
    <t>7199.0</t>
  </si>
  <si>
    <t>16642481.0</t>
  </si>
  <si>
    <t>93119.0</t>
  </si>
  <si>
    <t>367.572</t>
  </si>
  <si>
    <t>2.057</t>
  </si>
  <si>
    <t>75808.0</t>
  </si>
  <si>
    <t>1.674</t>
  </si>
  <si>
    <t>19866893.0</t>
  </si>
  <si>
    <t>15856088.0</t>
  </si>
  <si>
    <t>4010436.0</t>
  </si>
  <si>
    <t>304570.0</t>
  </si>
  <si>
    <t>250954.0</t>
  </si>
  <si>
    <t>43.65</t>
  </si>
  <si>
    <t>5514.0</t>
  </si>
  <si>
    <t>223030.0</t>
  </si>
  <si>
    <t>7057.0</t>
  </si>
  <si>
    <t>16745080.0</t>
  </si>
  <si>
    <t>102599.0</t>
  </si>
  <si>
    <t>369.838</t>
  </si>
  <si>
    <t>2.266</t>
  </si>
  <si>
    <t>77518.0</t>
  </si>
  <si>
    <t>20243741.0</t>
  </si>
  <si>
    <t>16162386.0</t>
  </si>
  <si>
    <t>4080982.0</t>
  </si>
  <si>
    <t>376848.0</t>
  </si>
  <si>
    <t>247734.0</t>
  </si>
  <si>
    <t>44.48</t>
  </si>
  <si>
    <t>35.51</t>
  </si>
  <si>
    <t>216205.0</t>
  </si>
  <si>
    <t>6998.0</t>
  </si>
  <si>
    <t>16811140.0</t>
  </si>
  <si>
    <t>66060.0</t>
  </si>
  <si>
    <t>371.297</t>
  </si>
  <si>
    <t>1.459</t>
  </si>
  <si>
    <t>77329.0</t>
  </si>
  <si>
    <t>20560077.0</t>
  </si>
  <si>
    <t>16400878.0</t>
  </si>
  <si>
    <t>4158824.0</t>
  </si>
  <si>
    <t>316336.0</t>
  </si>
  <si>
    <t>259693.0</t>
  </si>
  <si>
    <t>36.04</t>
  </si>
  <si>
    <t>9.14</t>
  </si>
  <si>
    <t>5706.0</t>
  </si>
  <si>
    <t>219998.0</t>
  </si>
  <si>
    <t>6953.0</t>
  </si>
  <si>
    <t>16849124.0</t>
  </si>
  <si>
    <t>37984.0</t>
  </si>
  <si>
    <t>372.136</t>
  </si>
  <si>
    <t>78167.0</t>
  </si>
  <si>
    <t>1.726</t>
  </si>
  <si>
    <t>20736354.0</t>
  </si>
  <si>
    <t>16556079.0</t>
  </si>
  <si>
    <t>4179900.0</t>
  </si>
  <si>
    <t>176277.0</t>
  </si>
  <si>
    <t>270701.0</t>
  </si>
  <si>
    <t>45.56</t>
  </si>
  <si>
    <t>36.38</t>
  </si>
  <si>
    <t>9.18</t>
  </si>
  <si>
    <t>5948.0</t>
  </si>
  <si>
    <t>228592.0</t>
  </si>
  <si>
    <t>0.502</t>
  </si>
  <si>
    <t>6869.0</t>
  </si>
  <si>
    <t>16932725.0</t>
  </si>
  <si>
    <t>83601.0</t>
  </si>
  <si>
    <t>373.983</t>
  </si>
  <si>
    <t>1.846</t>
  </si>
  <si>
    <t>82125.0</t>
  </si>
  <si>
    <t>1.814</t>
  </si>
  <si>
    <t>21109485.0</t>
  </si>
  <si>
    <t>16877130.0</t>
  </si>
  <si>
    <t>4231955.0</t>
  </si>
  <si>
    <t>373131.0</t>
  </si>
  <si>
    <t>299759.0</t>
  </si>
  <si>
    <t>46.38</t>
  </si>
  <si>
    <t>37.08</t>
  </si>
  <si>
    <t>253612.0</t>
  </si>
  <si>
    <t>6636.0</t>
  </si>
  <si>
    <t>145.813</t>
  </si>
  <si>
    <t>17021016.0</t>
  </si>
  <si>
    <t>88291.0</t>
  </si>
  <si>
    <t>375.933</t>
  </si>
  <si>
    <t>80989.0</t>
  </si>
  <si>
    <t>21484010.0</t>
  </si>
  <si>
    <t>17203740.0</t>
  </si>
  <si>
    <t>4279869.0</t>
  </si>
  <si>
    <t>374525.0</t>
  </si>
  <si>
    <t>312126.0</t>
  </si>
  <si>
    <t>47.21</t>
  </si>
  <si>
    <t>6858.0</t>
  </si>
  <si>
    <t>264595.0</t>
  </si>
  <si>
    <t>0.581</t>
  </si>
  <si>
    <t>17112630.0</t>
  </si>
  <si>
    <t>91614.0</t>
  </si>
  <si>
    <t>377.956</t>
  </si>
  <si>
    <t>2.023</t>
  </si>
  <si>
    <t>80467.0</t>
  </si>
  <si>
    <t>21859840.0</t>
  </si>
  <si>
    <t>17543273.0</t>
  </si>
  <si>
    <t>4316165.0</t>
  </si>
  <si>
    <t>375830.0</t>
  </si>
  <si>
    <t>328217.0</t>
  </si>
  <si>
    <t>48.03</t>
  </si>
  <si>
    <t>38.55</t>
  </si>
  <si>
    <t>279673.0</t>
  </si>
  <si>
    <t>17201235.0</t>
  </si>
  <si>
    <t>88605.0</t>
  </si>
  <si>
    <t>379.913</t>
  </si>
  <si>
    <t>1.957</t>
  </si>
  <si>
    <t>79822.0</t>
  </si>
  <si>
    <t>1.763</t>
  </si>
  <si>
    <t>22292147.0</t>
  </si>
  <si>
    <t>17858672.0</t>
  </si>
  <si>
    <t>4433071.0</t>
  </si>
  <si>
    <t>432307.0</t>
  </si>
  <si>
    <t>346465.0</t>
  </si>
  <si>
    <t>48.98</t>
  </si>
  <si>
    <t>39.24</t>
  </si>
  <si>
    <t>7613.0</t>
  </si>
  <si>
    <t>286083.0</t>
  </si>
  <si>
    <t>17297908.0</t>
  </si>
  <si>
    <t>96673.0</t>
  </si>
  <si>
    <t>382.048</t>
  </si>
  <si>
    <t>2.135</t>
  </si>
  <si>
    <t>78975.0</t>
  </si>
  <si>
    <t>1.744</t>
  </si>
  <si>
    <t>22707852.0</t>
  </si>
  <si>
    <t>18189914.0</t>
  </si>
  <si>
    <t>4517527.0</t>
  </si>
  <si>
    <t>415705.0</t>
  </si>
  <si>
    <t>352016.0</t>
  </si>
  <si>
    <t>49.9</t>
  </si>
  <si>
    <t>39.97</t>
  </si>
  <si>
    <t>7735.0</t>
  </si>
  <si>
    <t>289647.0</t>
  </si>
  <si>
    <t>0.636</t>
  </si>
  <si>
    <t>5667.0</t>
  </si>
  <si>
    <t>17359929.0</t>
  </si>
  <si>
    <t>62021.0</t>
  </si>
  <si>
    <t>383.418</t>
  </si>
  <si>
    <t>78398.0</t>
  </si>
  <si>
    <t>23044548.0</t>
  </si>
  <si>
    <t>18442083.0</t>
  </si>
  <si>
    <t>4602047.0</t>
  </si>
  <si>
    <t>336696.0</t>
  </si>
  <si>
    <t>354924.0</t>
  </si>
  <si>
    <t>50.64</t>
  </si>
  <si>
    <t>40.52</t>
  </si>
  <si>
    <t>7799.0</t>
  </si>
  <si>
    <t>291601.0</t>
  </si>
  <si>
    <t>5671.0</t>
  </si>
  <si>
    <t>17399947.0</t>
  </si>
  <si>
    <t>40018.0</t>
  </si>
  <si>
    <t>384.302</t>
  </si>
  <si>
    <t>78689.0</t>
  </si>
  <si>
    <t>23241101.0</t>
  </si>
  <si>
    <t>18616756.0</t>
  </si>
  <si>
    <t>4623921.0</t>
  </si>
  <si>
    <t>196553.0</t>
  </si>
  <si>
    <t>357821.0</t>
  </si>
  <si>
    <t>51.07</t>
  </si>
  <si>
    <t>10.16</t>
  </si>
  <si>
    <t>7862.0</t>
  </si>
  <si>
    <t>294382.0</t>
  </si>
  <si>
    <t>17492642.0</t>
  </si>
  <si>
    <t>92695.0</t>
  </si>
  <si>
    <t>386.349</t>
  </si>
  <si>
    <t>2.047</t>
  </si>
  <si>
    <t>79988.0</t>
  </si>
  <si>
    <t>1.767</t>
  </si>
  <si>
    <t>23651081.0</t>
  </si>
  <si>
    <t>18853129.0</t>
  </si>
  <si>
    <t>4797520.0</t>
  </si>
  <si>
    <t>409980.0</t>
  </si>
  <si>
    <t>363085.0</t>
  </si>
  <si>
    <t>51.97</t>
  </si>
  <si>
    <t>41.43</t>
  </si>
  <si>
    <t>282286.0</t>
  </si>
  <si>
    <t>5642.0</t>
  </si>
  <si>
    <t>17599887.0</t>
  </si>
  <si>
    <t>107245.0</t>
  </si>
  <si>
    <t>388.718</t>
  </si>
  <si>
    <t>2.369</t>
  </si>
  <si>
    <t>82696.0</t>
  </si>
  <si>
    <t>1.826</t>
  </si>
  <si>
    <t>24068062.0</t>
  </si>
  <si>
    <t>19126601.0</t>
  </si>
  <si>
    <t>4941019.0</t>
  </si>
  <si>
    <t>416981.0</t>
  </si>
  <si>
    <t>369150.0</t>
  </si>
  <si>
    <t>52.88</t>
  </si>
  <si>
    <t>42.03</t>
  </si>
  <si>
    <t>8111.0</t>
  </si>
  <si>
    <t>274694.0</t>
  </si>
  <si>
    <t>5546.0</t>
  </si>
  <si>
    <t>17701530.0</t>
  </si>
  <si>
    <t>101643.0</t>
  </si>
  <si>
    <t>390.963</t>
  </si>
  <si>
    <t>2.245</t>
  </si>
  <si>
    <t>84129.0</t>
  </si>
  <si>
    <t>24472354.0</t>
  </si>
  <si>
    <t>19418119.0</t>
  </si>
  <si>
    <t>5053782.0</t>
  </si>
  <si>
    <t>404292.0</t>
  </si>
  <si>
    <t>373216.0</t>
  </si>
  <si>
    <t>53.77</t>
  </si>
  <si>
    <t>8201.0</t>
  </si>
  <si>
    <t>267835.0</t>
  </si>
  <si>
    <t>17811631.0</t>
  </si>
  <si>
    <t>110101.0</t>
  </si>
  <si>
    <t>393.394</t>
  </si>
  <si>
    <t>2.432</t>
  </si>
  <si>
    <t>87199.0</t>
  </si>
  <si>
    <t>24882975.0</t>
  </si>
  <si>
    <t>19788242.0</t>
  </si>
  <si>
    <t>5094273.0</t>
  </si>
  <si>
    <t>410621.0</t>
  </si>
  <si>
    <t>370118.0</t>
  </si>
  <si>
    <t>54.68</t>
  </si>
  <si>
    <t>8133.0</t>
  </si>
  <si>
    <t>275653.0</t>
  </si>
  <si>
    <t>17876123.0</t>
  </si>
  <si>
    <t>64492.0</t>
  </si>
  <si>
    <t>394.819</t>
  </si>
  <si>
    <t>82602.0</t>
  </si>
  <si>
    <t>1.824</t>
  </si>
  <si>
    <t>25240646.0</t>
  </si>
  <si>
    <t>20041395.0</t>
  </si>
  <si>
    <t>5198788.0</t>
  </si>
  <si>
    <t>357671.0</t>
  </si>
  <si>
    <t>361828.0</t>
  </si>
  <si>
    <t>55.46</t>
  </si>
  <si>
    <t>44.04</t>
  </si>
  <si>
    <t>7950.0</t>
  </si>
  <si>
    <t>264497.0</t>
  </si>
  <si>
    <t>5427.0</t>
  </si>
  <si>
    <t>17943398.0</t>
  </si>
  <si>
    <t>67275.0</t>
  </si>
  <si>
    <t>396.305</t>
  </si>
  <si>
    <t>1.486</t>
  </si>
  <si>
    <t>83353.0</t>
  </si>
  <si>
    <t>1.841</t>
  </si>
  <si>
    <t>25572644.0</t>
  </si>
  <si>
    <t>20342253.0</t>
  </si>
  <si>
    <t>5229921.0</t>
  </si>
  <si>
    <t>331998.0</t>
  </si>
  <si>
    <t>361157.0</t>
  </si>
  <si>
    <t>44.7</t>
  </si>
  <si>
    <t>11.49</t>
  </si>
  <si>
    <t>271453.0</t>
  </si>
  <si>
    <t>5349.0</t>
  </si>
  <si>
    <t>17984510.0</t>
  </si>
  <si>
    <t>41112.0</t>
  </si>
  <si>
    <t>397.213</t>
  </si>
  <si>
    <t>83509.0</t>
  </si>
  <si>
    <t>1.844</t>
  </si>
  <si>
    <t>25738198.0</t>
  </si>
  <si>
    <t>20499772.0</t>
  </si>
  <si>
    <t>5237956.0</t>
  </si>
  <si>
    <t>165554.0</t>
  </si>
  <si>
    <t>356728.0</t>
  </si>
  <si>
    <t>11.51</t>
  </si>
  <si>
    <t>7838.0</t>
  </si>
  <si>
    <t>269002.0</t>
  </si>
  <si>
    <t>5222.0</t>
  </si>
  <si>
    <t>18086372.0</t>
  </si>
  <si>
    <t>101862.0</t>
  </si>
  <si>
    <t>399.462</t>
  </si>
  <si>
    <t>84819.0</t>
  </si>
  <si>
    <t>26125487.0</t>
  </si>
  <si>
    <t>20857982.0</t>
  </si>
  <si>
    <t>5267031.0</t>
  </si>
  <si>
    <t>387289.0</t>
  </si>
  <si>
    <t>353487.0</t>
  </si>
  <si>
    <t>57.41</t>
  </si>
  <si>
    <t>45.83</t>
  </si>
  <si>
    <t>7767.0</t>
  </si>
  <si>
    <t>286408.0</t>
  </si>
  <si>
    <t>5199.0</t>
  </si>
  <si>
    <t>18190784.0</t>
  </si>
  <si>
    <t>104412.0</t>
  </si>
  <si>
    <t>401.769</t>
  </si>
  <si>
    <t>2.306</t>
  </si>
  <si>
    <t>84414.0</t>
  </si>
  <si>
    <t>26519174.0</t>
  </si>
  <si>
    <t>21223470.0</t>
  </si>
  <si>
    <t>5295220.0</t>
  </si>
  <si>
    <t>393687.0</t>
  </si>
  <si>
    <t>350159.0</t>
  </si>
  <si>
    <t>58.27</t>
  </si>
  <si>
    <t>11.64</t>
  </si>
  <si>
    <t>7694.0</t>
  </si>
  <si>
    <t>299553.0</t>
  </si>
  <si>
    <t>5092.0</t>
  </si>
  <si>
    <t>18293040.0</t>
  </si>
  <si>
    <t>102256.0</t>
  </si>
  <si>
    <t>404.027</t>
  </si>
  <si>
    <t>2.258</t>
  </si>
  <si>
    <t>84501.0</t>
  </si>
  <si>
    <t>1.866</t>
  </si>
  <si>
    <t>26917619.0</t>
  </si>
  <si>
    <t>21587677.0</t>
  </si>
  <si>
    <t>5329452.0</t>
  </si>
  <si>
    <t>398445.0</t>
  </si>
  <si>
    <t>349324.0</t>
  </si>
  <si>
    <t>59.15</t>
  </si>
  <si>
    <t>47.43</t>
  </si>
  <si>
    <t>7676.0</t>
  </si>
  <si>
    <t>309937.0</t>
  </si>
  <si>
    <t>0.681</t>
  </si>
  <si>
    <t>5013.0</t>
  </si>
  <si>
    <t>110.151</t>
  </si>
  <si>
    <t>18396441.0</t>
  </si>
  <si>
    <t>103401.0</t>
  </si>
  <si>
    <t>406.311</t>
  </si>
  <si>
    <t>83544.0</t>
  </si>
  <si>
    <t>27317688.0</t>
  </si>
  <si>
    <t>21931928.0</t>
  </si>
  <si>
    <t>5385261.0</t>
  </si>
  <si>
    <t>400069.0</t>
  </si>
  <si>
    <t>347816.0</t>
  </si>
  <si>
    <t>48.19</t>
  </si>
  <si>
    <t>7643.0</t>
  </si>
  <si>
    <t>306241.0</t>
  </si>
  <si>
    <t>4868.0</t>
  </si>
  <si>
    <t>18497214.0</t>
  </si>
  <si>
    <t>100773.0</t>
  </si>
  <si>
    <t>408.536</t>
  </si>
  <si>
    <t>2.226</t>
  </si>
  <si>
    <t>88727.0</t>
  </si>
  <si>
    <t>1.96</t>
  </si>
  <si>
    <t>27774145.0</t>
  </si>
  <si>
    <t>22287944.0</t>
  </si>
  <si>
    <t>5485698.0</t>
  </si>
  <si>
    <t>456457.0</t>
  </si>
  <si>
    <t>361928.0</t>
  </si>
  <si>
    <t>61.03</t>
  </si>
  <si>
    <t>48.97</t>
  </si>
  <si>
    <t>7953.0</t>
  </si>
  <si>
    <t>320936.0</t>
  </si>
  <si>
    <t>4873.0</t>
  </si>
  <si>
    <t>18565693.0</t>
  </si>
  <si>
    <t>68479.0</t>
  </si>
  <si>
    <t>410.049</t>
  </si>
  <si>
    <t>1.512</t>
  </si>
  <si>
    <t>88899.0</t>
  </si>
  <si>
    <t>1.963</t>
  </si>
  <si>
    <t>28096815.0</t>
  </si>
  <si>
    <t>22517300.0</t>
  </si>
  <si>
    <t>5579006.0</t>
  </si>
  <si>
    <t>322670.0</t>
  </si>
  <si>
    <t>360596.0</t>
  </si>
  <si>
    <t>61.74</t>
  </si>
  <si>
    <t>49.48</t>
  </si>
  <si>
    <t>7923.0</t>
  </si>
  <si>
    <t>310721.0</t>
  </si>
  <si>
    <t>4783.0</t>
  </si>
  <si>
    <t>18609331.0</t>
  </si>
  <si>
    <t>43638.0</t>
  </si>
  <si>
    <t>411.013</t>
  </si>
  <si>
    <t>89260.0</t>
  </si>
  <si>
    <t>28265071.0</t>
  </si>
  <si>
    <t>22648244.0</t>
  </si>
  <si>
    <t>5616316.0</t>
  </si>
  <si>
    <t>168256.0</t>
  </si>
  <si>
    <t>360982.0</t>
  </si>
  <si>
    <t>62.11</t>
  </si>
  <si>
    <t>49.77</t>
  </si>
  <si>
    <t>7932.0</t>
  </si>
  <si>
    <t>306925.0</t>
  </si>
  <si>
    <t>18703516.0</t>
  </si>
  <si>
    <t>94185.0</t>
  </si>
  <si>
    <t>413.093</t>
  </si>
  <si>
    <t>88163.0</t>
  </si>
  <si>
    <t>28683904.0</t>
  </si>
  <si>
    <t>22981547.0</t>
  </si>
  <si>
    <t>5701840.0</t>
  </si>
  <si>
    <t>522.0</t>
  </si>
  <si>
    <t>418833.0</t>
  </si>
  <si>
    <t>365488.0</t>
  </si>
  <si>
    <t>63.03</t>
  </si>
  <si>
    <t>50.5</t>
  </si>
  <si>
    <t>8031.0</t>
  </si>
  <si>
    <t>303366.0</t>
  </si>
  <si>
    <t>4643.0</t>
  </si>
  <si>
    <t>18792610.0</t>
  </si>
  <si>
    <t>89094.0</t>
  </si>
  <si>
    <t>415.061</t>
  </si>
  <si>
    <t>1.968</t>
  </si>
  <si>
    <t>85975.0</t>
  </si>
  <si>
    <t>1.899</t>
  </si>
  <si>
    <t>29132660.0</t>
  </si>
  <si>
    <t>23221884.0</t>
  </si>
  <si>
    <t>5910249.0</t>
  </si>
  <si>
    <t>448756.0</t>
  </si>
  <si>
    <t>373355.0</t>
  </si>
  <si>
    <t>51.03</t>
  </si>
  <si>
    <t>12.99</t>
  </si>
  <si>
    <t>8204.0</t>
  </si>
  <si>
    <t>285488.0</t>
  </si>
  <si>
    <t>0.627</t>
  </si>
  <si>
    <t>4583.0</t>
  </si>
  <si>
    <t>18887851.0</t>
  </si>
  <si>
    <t>95241.0</t>
  </si>
  <si>
    <t>417.164</t>
  </si>
  <si>
    <t>84973.0</t>
  </si>
  <si>
    <t>1.877</t>
  </si>
  <si>
    <t>29552751.0</t>
  </si>
  <si>
    <t>23544604.0</t>
  </si>
  <si>
    <t>6007608.0</t>
  </si>
  <si>
    <t>420091.0</t>
  </si>
  <si>
    <t>376447.0</t>
  </si>
  <si>
    <t>64.94</t>
  </si>
  <si>
    <t>51.73</t>
  </si>
  <si>
    <t>8272.0</t>
  </si>
  <si>
    <t>279561.0</t>
  </si>
  <si>
    <t>18988048.0</t>
  </si>
  <si>
    <t>419.377</t>
  </si>
  <si>
    <t>84515.0</t>
  </si>
  <si>
    <t>1.867</t>
  </si>
  <si>
    <t>29941119.0</t>
  </si>
  <si>
    <t>23866551.0</t>
  </si>
  <si>
    <t>6074020.0</t>
  </si>
  <si>
    <t>388368.0</t>
  </si>
  <si>
    <t>374776.0</t>
  </si>
  <si>
    <t>65.79</t>
  </si>
  <si>
    <t>52.44</t>
  </si>
  <si>
    <t>13.35</t>
  </si>
  <si>
    <t>276375.0</t>
  </si>
  <si>
    <t>4358.0</t>
  </si>
  <si>
    <t>19083716.0</t>
  </si>
  <si>
    <t>95668.0</t>
  </si>
  <si>
    <t>421.49</t>
  </si>
  <si>
    <t>83786.0</t>
  </si>
  <si>
    <t>1.851</t>
  </si>
  <si>
    <t>30349924.0</t>
  </si>
  <si>
    <t>24185569.0</t>
  </si>
  <si>
    <t>6163783.0</t>
  </si>
  <si>
    <t>408805.0</t>
  </si>
  <si>
    <t>367968.0</t>
  </si>
  <si>
    <t>53.14</t>
  </si>
  <si>
    <t>13.54</t>
  </si>
  <si>
    <t>8085.0</t>
  </si>
  <si>
    <t>271089.0</t>
  </si>
  <si>
    <t>4318.0</t>
  </si>
  <si>
    <t>94.88</t>
  </si>
  <si>
    <t>19153643.0</t>
  </si>
  <si>
    <t>69927.0</t>
  </si>
  <si>
    <t>423.035</t>
  </si>
  <si>
    <t>1.544</t>
  </si>
  <si>
    <t>83993.0</t>
  </si>
  <si>
    <t>1.855</t>
  </si>
  <si>
    <t>30587610.0</t>
  </si>
  <si>
    <t>24372051.0</t>
  </si>
  <si>
    <t>6214985.0</t>
  </si>
  <si>
    <t>237686.0</t>
  </si>
  <si>
    <t>355828.0</t>
  </si>
  <si>
    <t>67.21</t>
  </si>
  <si>
    <t>53.55</t>
  </si>
  <si>
    <t>7819.0</t>
  </si>
  <si>
    <t>264964.0</t>
  </si>
  <si>
    <t>4219.0</t>
  </si>
  <si>
    <t>19204895.0</t>
  </si>
  <si>
    <t>51252.0</t>
  </si>
  <si>
    <t>424.167</t>
  </si>
  <si>
    <t>1.132</t>
  </si>
  <si>
    <t>85081.0</t>
  </si>
  <si>
    <t>30721518.0</t>
  </si>
  <si>
    <t>24497685.0</t>
  </si>
  <si>
    <t>6223259.0</t>
  </si>
  <si>
    <t>133908.0</t>
  </si>
  <si>
    <t>350921.0</t>
  </si>
  <si>
    <t>67.5</t>
  </si>
  <si>
    <t>13.67</t>
  </si>
  <si>
    <t>264206.0</t>
  </si>
  <si>
    <t>4155.0</t>
  </si>
  <si>
    <t>91.298</t>
  </si>
  <si>
    <t>19312182.0</t>
  </si>
  <si>
    <t>107287.0</t>
  </si>
  <si>
    <t>426.536</t>
  </si>
  <si>
    <t>86952.0</t>
  </si>
  <si>
    <t>31129301.0</t>
  </si>
  <si>
    <t>24742112.0</t>
  </si>
  <si>
    <t>6386609.0</t>
  </si>
  <si>
    <t>407783.0</t>
  </si>
  <si>
    <t>349342.0</t>
  </si>
  <si>
    <t>68.4</t>
  </si>
  <si>
    <t>54.37</t>
  </si>
  <si>
    <t>251509.0</t>
  </si>
  <si>
    <t>4160.0</t>
  </si>
  <si>
    <t>19406446.0</t>
  </si>
  <si>
    <t>94264.0</t>
  </si>
  <si>
    <t>428.618</t>
  </si>
  <si>
    <t>2.082</t>
  </si>
  <si>
    <t>87691.0</t>
  </si>
  <si>
    <t>31557662.0</t>
  </si>
  <si>
    <t>24944730.0</t>
  </si>
  <si>
    <t>6612347.0</t>
  </si>
  <si>
    <t>428361.0</t>
  </si>
  <si>
    <t>346429.0</t>
  </si>
  <si>
    <t>69.34</t>
  </si>
  <si>
    <t>54.81</t>
  </si>
  <si>
    <t>14.53</t>
  </si>
  <si>
    <t>7612.0</t>
  </si>
  <si>
    <t>246121.0</t>
  </si>
  <si>
    <t>0.541</t>
  </si>
  <si>
    <t>19501832.0</t>
  </si>
  <si>
    <t>95386.0</t>
  </si>
  <si>
    <t>430.725</t>
  </si>
  <si>
    <t>2.107</t>
  </si>
  <si>
    <t>32017852.0</t>
  </si>
  <si>
    <t>25199223.0</t>
  </si>
  <si>
    <t>6818036.0</t>
  </si>
  <si>
    <t>460190.0</t>
  </si>
  <si>
    <t>352157.0</t>
  </si>
  <si>
    <t>70.35</t>
  </si>
  <si>
    <t>55.37</t>
  </si>
  <si>
    <t>14.98</t>
  </si>
  <si>
    <t>7738.0</t>
  </si>
  <si>
    <t>236374.0</t>
  </si>
  <si>
    <t>0.519</t>
  </si>
  <si>
    <t>4090.0</t>
  </si>
  <si>
    <t>89.87</t>
  </si>
  <si>
    <t>19590996.0</t>
  </si>
  <si>
    <t>89164.0</t>
  </si>
  <si>
    <t>432.694</t>
  </si>
  <si>
    <t>86135.0</t>
  </si>
  <si>
    <t>1.902</t>
  </si>
  <si>
    <t>32443007.0</t>
  </si>
  <si>
    <t>25431862.0</t>
  </si>
  <si>
    <t>7010547.0</t>
  </si>
  <si>
    <t>425155.0</t>
  </si>
  <si>
    <t>357413.0</t>
  </si>
  <si>
    <t>71.29</t>
  </si>
  <si>
    <t>55.88</t>
  </si>
  <si>
    <t>7853.0</t>
  </si>
  <si>
    <t>223616.0</t>
  </si>
  <si>
    <t>3976.0</t>
  </si>
  <si>
    <t>19694798.0</t>
  </si>
  <si>
    <t>103802.0</t>
  </si>
  <si>
    <t>434.987</t>
  </si>
  <si>
    <t>2.293</t>
  </si>
  <si>
    <t>87297.0</t>
  </si>
  <si>
    <t>1.928</t>
  </si>
  <si>
    <t>32870221.0</t>
  </si>
  <si>
    <t>25650440.0</t>
  </si>
  <si>
    <t>7219175.0</t>
  </si>
  <si>
    <t>427214.0</t>
  </si>
  <si>
    <t>360042.0</t>
  </si>
  <si>
    <t>72.23</t>
  </si>
  <si>
    <t>56.36</t>
  </si>
  <si>
    <t>7911.0</t>
  </si>
  <si>
    <t>209267.0</t>
  </si>
  <si>
    <t>19766030.0</t>
  </si>
  <si>
    <t>71232.0</t>
  </si>
  <si>
    <t>436.56</t>
  </si>
  <si>
    <t>1.573</t>
  </si>
  <si>
    <t>87484.0</t>
  </si>
  <si>
    <t>1.932</t>
  </si>
  <si>
    <t>33145091.0</t>
  </si>
  <si>
    <t>25773076.0</t>
  </si>
  <si>
    <t>7371401.0</t>
  </si>
  <si>
    <t>274870.0</t>
  </si>
  <si>
    <t>365354.0</t>
  </si>
  <si>
    <t>72.83</t>
  </si>
  <si>
    <t>56.63</t>
  </si>
  <si>
    <t>8028.0</t>
  </si>
  <si>
    <t>200146.0</t>
  </si>
  <si>
    <t>3913.0</t>
  </si>
  <si>
    <t>85.98</t>
  </si>
  <si>
    <t>19810830.0</t>
  </si>
  <si>
    <t>44800.0</t>
  </si>
  <si>
    <t>437.549</t>
  </si>
  <si>
    <t>86562.0</t>
  </si>
  <si>
    <t>1.912</t>
  </si>
  <si>
    <t>33312531.0</t>
  </si>
  <si>
    <t>25846913.0</t>
  </si>
  <si>
    <t>7464999.0</t>
  </si>
  <si>
    <t>167440.0</t>
  </si>
  <si>
    <t>370145.0</t>
  </si>
  <si>
    <t>73.2</t>
  </si>
  <si>
    <t>56.79</t>
  </si>
  <si>
    <t>192747.0</t>
  </si>
  <si>
    <t>0.424</t>
  </si>
  <si>
    <t>19918031.0</t>
  </si>
  <si>
    <t>107201.0</t>
  </si>
  <si>
    <t>439.917</t>
  </si>
  <si>
    <t>2.368</t>
  </si>
  <si>
    <t>86550.0</t>
  </si>
  <si>
    <t>33729871.0</t>
  </si>
  <si>
    <t>26023913.0</t>
  </si>
  <si>
    <t>7705335.0</t>
  </si>
  <si>
    <t>417340.0</t>
  </si>
  <si>
    <t>371510.0</t>
  </si>
  <si>
    <t>74.11</t>
  </si>
  <si>
    <t>57.18</t>
  </si>
  <si>
    <t>16.93</t>
  </si>
  <si>
    <t>183114.0</t>
  </si>
  <si>
    <t>3767.0</t>
  </si>
  <si>
    <t>82.772</t>
  </si>
  <si>
    <t>20027246.0</t>
  </si>
  <si>
    <t>109215.0</t>
  </si>
  <si>
    <t>442.329</t>
  </si>
  <si>
    <t>2.412</t>
  </si>
  <si>
    <t>88686.0</t>
  </si>
  <si>
    <t>34138140.0</t>
  </si>
  <si>
    <t>26232456.0</t>
  </si>
  <si>
    <t>7905058.0</t>
  </si>
  <si>
    <t>408269.0</t>
  </si>
  <si>
    <t>368640.0</t>
  </si>
  <si>
    <t>75.01</t>
  </si>
  <si>
    <t>57.64</t>
  </si>
  <si>
    <t>8100.0</t>
  </si>
  <si>
    <t>183961.0</t>
  </si>
  <si>
    <t>20133517.0</t>
  </si>
  <si>
    <t>106271.0</t>
  </si>
  <si>
    <t>444.676</t>
  </si>
  <si>
    <t>2.347</t>
  </si>
  <si>
    <t>90241.0</t>
  </si>
  <si>
    <t>1.993</t>
  </si>
  <si>
    <t>34555759.0</t>
  </si>
  <si>
    <t>26411313.0</t>
  </si>
  <si>
    <t>8143812.0</t>
  </si>
  <si>
    <t>417619.0</t>
  </si>
  <si>
    <t>362558.0</t>
  </si>
  <si>
    <t>75.93</t>
  </si>
  <si>
    <t>7967.0</t>
  </si>
  <si>
    <t>173156.0</t>
  </si>
  <si>
    <t>81.608</t>
  </si>
  <si>
    <t>20241492.0</t>
  </si>
  <si>
    <t>107975.0</t>
  </si>
  <si>
    <t>447.061</t>
  </si>
  <si>
    <t>2.385</t>
  </si>
  <si>
    <t>92928.0</t>
  </si>
  <si>
    <t>34986363.0</t>
  </si>
  <si>
    <t>26564841.0</t>
  </si>
  <si>
    <t>8420882.0</t>
  </si>
  <si>
    <t>430604.0</t>
  </si>
  <si>
    <t>363337.0</t>
  </si>
  <si>
    <t>76.88</t>
  </si>
  <si>
    <t>58.37</t>
  </si>
  <si>
    <t>7984.0</t>
  </si>
  <si>
    <t>161854.0</t>
  </si>
  <si>
    <t>20356460.0</t>
  </si>
  <si>
    <t>114968.0</t>
  </si>
  <si>
    <t>449.6</t>
  </si>
  <si>
    <t>2.539</t>
  </si>
  <si>
    <t>94523.0</t>
  </si>
  <si>
    <t>35400542.0</t>
  </si>
  <si>
    <t>26695997.0</t>
  </si>
  <si>
    <t>8703895.0</t>
  </si>
  <si>
    <t>414179.0</t>
  </si>
  <si>
    <t>361474.0</t>
  </si>
  <si>
    <t>77.79</t>
  </si>
  <si>
    <t>58.66</t>
  </si>
  <si>
    <t>7943.0</t>
  </si>
  <si>
    <t>149365.0</t>
  </si>
  <si>
    <t>3646.0</t>
  </si>
  <si>
    <t>20424245.0</t>
  </si>
  <si>
    <t>67785.0</t>
  </si>
  <si>
    <t>451.098</t>
  </si>
  <si>
    <t>1.497</t>
  </si>
  <si>
    <t>94031.0</t>
  </si>
  <si>
    <t>2.077</t>
  </si>
  <si>
    <t>35678820.0</t>
  </si>
  <si>
    <t>26768565.0</t>
  </si>
  <si>
    <t>8909594.0</t>
  </si>
  <si>
    <t>278278.0</t>
  </si>
  <si>
    <t>361961.0</t>
  </si>
  <si>
    <t>78.4</t>
  </si>
  <si>
    <t>58.82</t>
  </si>
  <si>
    <t>142213.0</t>
  </si>
  <si>
    <t>3675.0</t>
  </si>
  <si>
    <t>80.751</t>
  </si>
  <si>
    <t>20470433.0</t>
  </si>
  <si>
    <t>46188.0</t>
  </si>
  <si>
    <t>452.118</t>
  </si>
  <si>
    <t>94229.0</t>
  </si>
  <si>
    <t>35840585.0</t>
  </si>
  <si>
    <t>26802154.0</t>
  </si>
  <si>
    <t>9037765.0</t>
  </si>
  <si>
    <t>161765.0</t>
  </si>
  <si>
    <t>361151.0</t>
  </si>
  <si>
    <t>78.75</t>
  </si>
  <si>
    <t>58.89</t>
  </si>
  <si>
    <t>136463.0</t>
  </si>
  <si>
    <t>20568582.0</t>
  </si>
  <si>
    <t>98149.0</t>
  </si>
  <si>
    <t>454.285</t>
  </si>
  <si>
    <t>2.168</t>
  </si>
  <si>
    <t>92936.0</t>
  </si>
  <si>
    <t>2.053</t>
  </si>
  <si>
    <t>36231806.0</t>
  </si>
  <si>
    <t>26913316.0</t>
  </si>
  <si>
    <t>9317804.0</t>
  </si>
  <si>
    <t>391221.0</t>
  </si>
  <si>
    <t>357419.0</t>
  </si>
  <si>
    <t>79.61</t>
  </si>
  <si>
    <t>59.14</t>
  </si>
  <si>
    <t>20.47</t>
  </si>
  <si>
    <t>7854.0</t>
  </si>
  <si>
    <t>127058.0</t>
  </si>
  <si>
    <t>20664033.0</t>
  </si>
  <si>
    <t>95451.0</t>
  </si>
  <si>
    <t>456.394</t>
  </si>
  <si>
    <t>2.108</t>
  </si>
  <si>
    <t>90970.0</t>
  </si>
  <si>
    <t>36602478.0</t>
  </si>
  <si>
    <t>27015969.0</t>
  </si>
  <si>
    <t>9585806.0</t>
  </si>
  <si>
    <t>370672.0</t>
  </si>
  <si>
    <t>352048.0</t>
  </si>
  <si>
    <t>80.43</t>
  </si>
  <si>
    <t>59.36</t>
  </si>
  <si>
    <t>21.06</t>
  </si>
  <si>
    <t>7736.0</t>
  </si>
  <si>
    <t>111930.0</t>
  </si>
  <si>
    <t>3635.0</t>
  </si>
  <si>
    <t>20767778.0</t>
  </si>
  <si>
    <t>103745.0</t>
  </si>
  <si>
    <t>458.685</t>
  </si>
  <si>
    <t>2.291</t>
  </si>
  <si>
    <t>90609.0</t>
  </si>
  <si>
    <t>37015373.0</t>
  </si>
  <si>
    <t>27107698.0</t>
  </si>
  <si>
    <t>9906940.0</t>
  </si>
  <si>
    <t>740.0</t>
  </si>
  <si>
    <t>412895.0</t>
  </si>
  <si>
    <t>351373.0</t>
  </si>
  <si>
    <t>81.33</t>
  </si>
  <si>
    <t>59.56</t>
  </si>
  <si>
    <t>99484.0</t>
  </si>
  <si>
    <t>3623.0</t>
  </si>
  <si>
    <t>20867993.0</t>
  </si>
  <si>
    <t>100215.0</t>
  </si>
  <si>
    <t>460.898</t>
  </si>
  <si>
    <t>89500.0</t>
  </si>
  <si>
    <t>1.977</t>
  </si>
  <si>
    <t>37408027.0</t>
  </si>
  <si>
    <t>27186798.0</t>
  </si>
  <si>
    <t>10220474.0</t>
  </si>
  <si>
    <t>392654.0</t>
  </si>
  <si>
    <t>345952.0</t>
  </si>
  <si>
    <t>82.2</t>
  </si>
  <si>
    <t>59.74</t>
  </si>
  <si>
    <t>7602.0</t>
  </si>
  <si>
    <t>88851.0</t>
  </si>
  <si>
    <t>20968774.0</t>
  </si>
  <si>
    <t>100781.0</t>
  </si>
  <si>
    <t>463.124</t>
  </si>
  <si>
    <t>87473.0</t>
  </si>
  <si>
    <t>37824986.0</t>
  </si>
  <si>
    <t>27257638.0</t>
  </si>
  <si>
    <t>10566545.0</t>
  </si>
  <si>
    <t>416959.0</t>
  </si>
  <si>
    <t>346349.0</t>
  </si>
  <si>
    <t>83.11</t>
  </si>
  <si>
    <t>59.89</t>
  </si>
  <si>
    <t>23.22</t>
  </si>
  <si>
    <t>7610.0</t>
  </si>
  <si>
    <t>80234.0</t>
  </si>
  <si>
    <t>21041050.0</t>
  </si>
  <si>
    <t>72276.0</t>
  </si>
  <si>
    <t>464.721</t>
  </si>
  <si>
    <t>1.596</t>
  </si>
  <si>
    <t>88115.0</t>
  </si>
  <si>
    <t>38081667.0</t>
  </si>
  <si>
    <t>27294935.0</t>
  </si>
  <si>
    <t>10785917.0</t>
  </si>
  <si>
    <t>256681.0</t>
  </si>
  <si>
    <t>343264.0</t>
  </si>
  <si>
    <t>83.68</t>
  </si>
  <si>
    <t>59.98</t>
  </si>
  <si>
    <t>23.7</t>
  </si>
  <si>
    <t>7543.0</t>
  </si>
  <si>
    <t>75196.0</t>
  </si>
  <si>
    <t>21081938.0</t>
  </si>
  <si>
    <t>40888.0</t>
  </si>
  <si>
    <t>465.624</t>
  </si>
  <si>
    <t>87358.0</t>
  </si>
  <si>
    <t>38244389.0</t>
  </si>
  <si>
    <t>27324903.0</t>
  </si>
  <si>
    <t>10918667.0</t>
  </si>
  <si>
    <t>162722.0</t>
  </si>
  <si>
    <t>343401.0</t>
  </si>
  <si>
    <t>84.03</t>
  </si>
  <si>
    <t>60.04</t>
  </si>
  <si>
    <t>23.99</t>
  </si>
  <si>
    <t>7546.0</t>
  </si>
  <si>
    <t>74678.0</t>
  </si>
  <si>
    <t>21135791.0</t>
  </si>
  <si>
    <t>53853.0</t>
  </si>
  <si>
    <t>466.813</t>
  </si>
  <si>
    <t>81030.0</t>
  </si>
  <si>
    <t>38435498.0</t>
  </si>
  <si>
    <t>27373594.0</t>
  </si>
  <si>
    <t>11061066.0</t>
  </si>
  <si>
    <t>843.0</t>
  </si>
  <si>
    <t>191109.0</t>
  </si>
  <si>
    <t>314813.0</t>
  </si>
  <si>
    <t>84.45</t>
  </si>
  <si>
    <t>60.15</t>
  </si>
  <si>
    <t>6917.0</t>
  </si>
  <si>
    <t>65754.0</t>
  </si>
  <si>
    <t>21237885.0</t>
  </si>
  <si>
    <t>102094.0</t>
  </si>
  <si>
    <t>469.068</t>
  </si>
  <si>
    <t>2.255</t>
  </si>
  <si>
    <t>81979.0</t>
  </si>
  <si>
    <t>1.811</t>
  </si>
  <si>
    <t>38875401.0</t>
  </si>
  <si>
    <t>27492553.0</t>
  </si>
  <si>
    <t>11381984.0</t>
  </si>
  <si>
    <t>439903.0</t>
  </si>
  <si>
    <t>324703.0</t>
  </si>
  <si>
    <t>85.42</t>
  </si>
  <si>
    <t>60.41</t>
  </si>
  <si>
    <t>25.01</t>
  </si>
  <si>
    <t>68083.0</t>
  </si>
  <si>
    <t>21337910.0</t>
  </si>
  <si>
    <t>100025.0</t>
  </si>
  <si>
    <t>471.277</t>
  </si>
  <si>
    <t>2.209</t>
  </si>
  <si>
    <t>81447.0</t>
  </si>
  <si>
    <t>39310853.0</t>
  </si>
  <si>
    <t>27600428.0</t>
  </si>
  <si>
    <t>11709502.0</t>
  </si>
  <si>
    <t>435452.0</t>
  </si>
  <si>
    <t>327926.0</t>
  </si>
  <si>
    <t>86.38</t>
  </si>
  <si>
    <t>25.73</t>
  </si>
  <si>
    <t>70390.0</t>
  </si>
  <si>
    <t>21439923.0</t>
  </si>
  <si>
    <t>102013.0</t>
  </si>
  <si>
    <t>473.53</t>
  </si>
  <si>
    <t>81704.0</t>
  </si>
  <si>
    <t>1.805</t>
  </si>
  <si>
    <t>39737068.0</t>
  </si>
  <si>
    <t>27716988.0</t>
  </si>
  <si>
    <t>12019136.0</t>
  </si>
  <si>
    <t>426215.0</t>
  </si>
  <si>
    <t>332720.0</t>
  </si>
  <si>
    <t>87.31</t>
  </si>
  <si>
    <t>60.9</t>
  </si>
  <si>
    <t>26.41</t>
  </si>
  <si>
    <t>75741.0</t>
  </si>
  <si>
    <t>21543789.0</t>
  </si>
  <si>
    <t>103866.0</t>
  </si>
  <si>
    <t>475.824</t>
  </si>
  <si>
    <t>2.294</t>
  </si>
  <si>
    <t>82145.0</t>
  </si>
  <si>
    <t>40173872.0</t>
  </si>
  <si>
    <t>27836819.0</t>
  </si>
  <si>
    <t>12336068.0</t>
  </si>
  <si>
    <t>990.0</t>
  </si>
  <si>
    <t>436804.0</t>
  </si>
  <si>
    <t>335555.0</t>
  </si>
  <si>
    <t>88.27</t>
  </si>
  <si>
    <t>61.17</t>
  </si>
  <si>
    <t>7373.0</t>
  </si>
  <si>
    <t>82740.0</t>
  </si>
  <si>
    <t>3328.0</t>
  </si>
  <si>
    <t>21611730.0</t>
  </si>
  <si>
    <t>67941.0</t>
  </si>
  <si>
    <t>477.325</t>
  </si>
  <si>
    <t>1.501</t>
  </si>
  <si>
    <t>81526.0</t>
  </si>
  <si>
    <t>40431219.0</t>
  </si>
  <si>
    <t>27891169.0</t>
  </si>
  <si>
    <t>12539055.0</t>
  </si>
  <si>
    <t>257347.0</t>
  </si>
  <si>
    <t>335650.0</t>
  </si>
  <si>
    <t>88.84</t>
  </si>
  <si>
    <t>61.29</t>
  </si>
  <si>
    <t>27.55</t>
  </si>
  <si>
    <t>7375.0</t>
  </si>
  <si>
    <t>85176.0</t>
  </si>
  <si>
    <t>3298.0</t>
  </si>
  <si>
    <t>72.467</t>
  </si>
  <si>
    <t>21657156.0</t>
  </si>
  <si>
    <t>45426.0</t>
  </si>
  <si>
    <t>478.328</t>
  </si>
  <si>
    <t>82174.0</t>
  </si>
  <si>
    <t>1.815</t>
  </si>
  <si>
    <t>40601322.0</t>
  </si>
  <si>
    <t>27914594.0</t>
  </si>
  <si>
    <t>12685730.0</t>
  </si>
  <si>
    <t>170103.0</t>
  </si>
  <si>
    <t>336705.0</t>
  </si>
  <si>
    <t>89.21</t>
  </si>
  <si>
    <t>61.34</t>
  </si>
  <si>
    <t>27.87</t>
  </si>
  <si>
    <t>7398.0</t>
  </si>
  <si>
    <t>84242.0</t>
  </si>
  <si>
    <t>3226.0</t>
  </si>
  <si>
    <t>21761434.0</t>
  </si>
  <si>
    <t>104278.0</t>
  </si>
  <si>
    <t>480.631</t>
  </si>
  <si>
    <t>89378.0</t>
  </si>
  <si>
    <t>41010110.0</t>
  </si>
  <si>
    <t>28037151.0</t>
  </si>
  <si>
    <t>12971940.0</t>
  </si>
  <si>
    <t>408788.0</t>
  </si>
  <si>
    <t>367802.0</t>
  </si>
  <si>
    <t>90.11</t>
  </si>
  <si>
    <t>61.61</t>
  </si>
  <si>
    <t>8082.0</t>
  </si>
  <si>
    <t>94794.0</t>
  </si>
  <si>
    <t>69.72</t>
  </si>
  <si>
    <t>21862850.0</t>
  </si>
  <si>
    <t>101416.0</t>
  </si>
  <si>
    <t>482.871</t>
  </si>
  <si>
    <t>89281.0</t>
  </si>
  <si>
    <t>1.972</t>
  </si>
  <si>
    <t>41459261.0</t>
  </si>
  <si>
    <t>28129142.0</t>
  </si>
  <si>
    <t>13329072.0</t>
  </si>
  <si>
    <t>449151.0</t>
  </si>
  <si>
    <t>369123.0</t>
  </si>
  <si>
    <t>61.81</t>
  </si>
  <si>
    <t>29.29</t>
  </si>
  <si>
    <t>90941.0</t>
  </si>
  <si>
    <t>21962523.0</t>
  </si>
  <si>
    <t>99673.0</t>
  </si>
  <si>
    <t>485.073</t>
  </si>
  <si>
    <t>2.201</t>
  </si>
  <si>
    <t>89230.0</t>
  </si>
  <si>
    <t>16.1</t>
  </si>
  <si>
    <t>41885997.0</t>
  </si>
  <si>
    <t>28204187.0</t>
  </si>
  <si>
    <t>13680748.0</t>
  </si>
  <si>
    <t>426736.0</t>
  </si>
  <si>
    <t>367878.0</t>
  </si>
  <si>
    <t>92.04</t>
  </si>
  <si>
    <t>61.97</t>
  </si>
  <si>
    <t>30.06</t>
  </si>
  <si>
    <t>8083.0</t>
  </si>
  <si>
    <t>86251.0</t>
  </si>
  <si>
    <t>2952.0</t>
  </si>
  <si>
    <t>22061474.0</t>
  </si>
  <si>
    <t>98951.0</t>
  </si>
  <si>
    <t>487.258</t>
  </si>
  <si>
    <t>2.185</t>
  </si>
  <si>
    <t>88793.0</t>
  </si>
  <si>
    <t>42328920.0</t>
  </si>
  <si>
    <t>28277043.0</t>
  </si>
  <si>
    <t>14050791.0</t>
  </si>
  <si>
    <t>442923.0</t>
  </si>
  <si>
    <t>370265.0</t>
  </si>
  <si>
    <t>93.01</t>
  </si>
  <si>
    <t>62.13</t>
  </si>
  <si>
    <t>30.87</t>
  </si>
  <si>
    <t>80008.0</t>
  </si>
  <si>
    <t>22163480.0</t>
  </si>
  <si>
    <t>102006.0</t>
  </si>
  <si>
    <t>489.511</t>
  </si>
  <si>
    <t>88527.0</t>
  </si>
  <si>
    <t>1.955</t>
  </si>
  <si>
    <t>42796856.0</t>
  </si>
  <si>
    <t>28354690.0</t>
  </si>
  <si>
    <t>14441049.0</t>
  </si>
  <si>
    <t>467936.0</t>
  </si>
  <si>
    <t>374712.0</t>
  </si>
  <si>
    <t>94.04</t>
  </si>
  <si>
    <t>8234.0</t>
  </si>
  <si>
    <t>73982.0</t>
  </si>
  <si>
    <t>61.7</t>
  </si>
  <si>
    <t>22225931.0</t>
  </si>
  <si>
    <t>62451.0</t>
  </si>
  <si>
    <t>490.89</t>
  </si>
  <si>
    <t>87743.0</t>
  </si>
  <si>
    <t>1.938</t>
  </si>
  <si>
    <t>43040642.0</t>
  </si>
  <si>
    <t>28397252.0</t>
  </si>
  <si>
    <t>14642249.0</t>
  </si>
  <si>
    <t>243786.0</t>
  </si>
  <si>
    <t>372775.0</t>
  </si>
  <si>
    <t>94.57</t>
  </si>
  <si>
    <t>62.4</t>
  </si>
  <si>
    <t>72298.0</t>
  </si>
  <si>
    <t>60.36</t>
  </si>
  <si>
    <t>22266187.0</t>
  </si>
  <si>
    <t>40256.0</t>
  </si>
  <si>
    <t>491.779</t>
  </si>
  <si>
    <t>87004.0</t>
  </si>
  <si>
    <t>1.922</t>
  </si>
  <si>
    <t>43209601.0</t>
  </si>
  <si>
    <t>28419233.0</t>
  </si>
  <si>
    <t>14789222.0</t>
  </si>
  <si>
    <t>1151.0</t>
  </si>
  <si>
    <t>168959.0</t>
  </si>
  <si>
    <t>372611.0</t>
  </si>
  <si>
    <t>94.94</t>
  </si>
  <si>
    <t>8187.0</t>
  </si>
  <si>
    <t>72091.0</t>
  </si>
  <si>
    <t>22357586.0</t>
  </si>
  <si>
    <t>91399.0</t>
  </si>
  <si>
    <t>493.798</t>
  </si>
  <si>
    <t>85165.0</t>
  </si>
  <si>
    <t>1.881</t>
  </si>
  <si>
    <t>43627795.0</t>
  </si>
  <si>
    <t>28511601.0</t>
  </si>
  <si>
    <t>15114979.0</t>
  </si>
  <si>
    <t>418194.0</t>
  </si>
  <si>
    <t>373955.0</t>
  </si>
  <si>
    <t>95.86</t>
  </si>
  <si>
    <t>8217.0</t>
  </si>
  <si>
    <t>67779.0</t>
  </si>
  <si>
    <t>2672.0</t>
  </si>
  <si>
    <t>58.712</t>
  </si>
  <si>
    <t>22460576.0</t>
  </si>
  <si>
    <t>102990.0</t>
  </si>
  <si>
    <t>496.073</t>
  </si>
  <si>
    <t>2.275</t>
  </si>
  <si>
    <t>85389.0</t>
  </si>
  <si>
    <t>1.886</t>
  </si>
  <si>
    <t>44088802.0</t>
  </si>
  <si>
    <t>28608465.0</t>
  </si>
  <si>
    <t>15479104.0</t>
  </si>
  <si>
    <t>1238.0</t>
  </si>
  <si>
    <t>461007.0</t>
  </si>
  <si>
    <t>375649.0</t>
  </si>
  <si>
    <t>96.88</t>
  </si>
  <si>
    <t>62.86</t>
  </si>
  <si>
    <t>34.01</t>
  </si>
  <si>
    <t>8254.0</t>
  </si>
  <si>
    <t>68475.0</t>
  </si>
  <si>
    <t>2602.0</t>
  </si>
  <si>
    <t>22550407.0</t>
  </si>
  <si>
    <t>89831.0</t>
  </si>
  <si>
    <t>498.057</t>
  </si>
  <si>
    <t>1.984</t>
  </si>
  <si>
    <t>83983.0</t>
  </si>
  <si>
    <t>44545024.0</t>
  </si>
  <si>
    <t>28691068.0</t>
  </si>
  <si>
    <t>15852701.0</t>
  </si>
  <si>
    <t>456222.0</t>
  </si>
  <si>
    <t>379861.0</t>
  </si>
  <si>
    <t>97.88</t>
  </si>
  <si>
    <t>34.83</t>
  </si>
  <si>
    <t>8347.0</t>
  </si>
  <si>
    <t>69554.0</t>
  </si>
  <si>
    <t>2497.0</t>
  </si>
  <si>
    <t>22633274.0</t>
  </si>
  <si>
    <t>82867.0</t>
  </si>
  <si>
    <t>499.887</t>
  </si>
  <si>
    <t>81686.0</t>
  </si>
  <si>
    <t>44993504.0</t>
  </si>
  <si>
    <t>28770123.0</t>
  </si>
  <si>
    <t>16222112.0</t>
  </si>
  <si>
    <t>448480.0</t>
  </si>
  <si>
    <t>380655.0</t>
  </si>
  <si>
    <t>98.86</t>
  </si>
  <si>
    <t>35.64</t>
  </si>
  <si>
    <t>8364.0</t>
  </si>
  <si>
    <t>70440.0</t>
  </si>
  <si>
    <t>22714330.0</t>
  </si>
  <si>
    <t>81056.0</t>
  </si>
  <si>
    <t>501.677</t>
  </si>
  <si>
    <t>78693.0</t>
  </si>
  <si>
    <t>45428541.0</t>
  </si>
  <si>
    <t>28835388.0</t>
  </si>
  <si>
    <t>16591865.0</t>
  </si>
  <si>
    <t>435037.0</t>
  </si>
  <si>
    <t>375955.0</t>
  </si>
  <si>
    <t>99.82</t>
  </si>
  <si>
    <t>63.36</t>
  </si>
  <si>
    <t>36.46</t>
  </si>
  <si>
    <t>8261.0</t>
  </si>
  <si>
    <t>68671.0</t>
  </si>
  <si>
    <t>2391.0</t>
  </si>
  <si>
    <t>22762534.0</t>
  </si>
  <si>
    <t>48204.0</t>
  </si>
  <si>
    <t>502.742</t>
  </si>
  <si>
    <t>76658.0</t>
  </si>
  <si>
    <t>1.693</t>
  </si>
  <si>
    <t>45724818.0</t>
  </si>
  <si>
    <t>28874920.0</t>
  </si>
  <si>
    <t>16848596.0</t>
  </si>
  <si>
    <t>1307.0</t>
  </si>
  <si>
    <t>296277.0</t>
  </si>
  <si>
    <t>383454.0</t>
  </si>
  <si>
    <t>100.47</t>
  </si>
  <si>
    <t>63.45</t>
  </si>
  <si>
    <t>8426.0</t>
  </si>
  <si>
    <t>68238.0</t>
  </si>
  <si>
    <t>52.647</t>
  </si>
  <si>
    <t>22797109.0</t>
  </si>
  <si>
    <t>34575.0</t>
  </si>
  <si>
    <t>503.506</t>
  </si>
  <si>
    <t>75846.0</t>
  </si>
  <si>
    <t>45921755.0</t>
  </si>
  <si>
    <t>28891701.0</t>
  </si>
  <si>
    <t>17028744.0</t>
  </si>
  <si>
    <t>196937.0</t>
  </si>
  <si>
    <t>387451.0</t>
  </si>
  <si>
    <t>100.9</t>
  </si>
  <si>
    <t>37.42</t>
  </si>
  <si>
    <t>8513.0</t>
  </si>
  <si>
    <t>67495.0</t>
  </si>
  <si>
    <t>22883583.0</t>
  </si>
  <si>
    <t>86474.0</t>
  </si>
  <si>
    <t>505.415</t>
  </si>
  <si>
    <t>75142.0</t>
  </si>
  <si>
    <t>46363757.0</t>
  </si>
  <si>
    <t>28943421.0</t>
  </si>
  <si>
    <t>17419013.0</t>
  </si>
  <si>
    <t>442002.0</t>
  </si>
  <si>
    <t>390852.0</t>
  </si>
  <si>
    <t>101.88</t>
  </si>
  <si>
    <t>63.6</t>
  </si>
  <si>
    <t>38.27</t>
  </si>
  <si>
    <t>8588.0</t>
  </si>
  <si>
    <t>61689.0</t>
  </si>
  <si>
    <t>2283.0</t>
  </si>
  <si>
    <t>22959557.0</t>
  </si>
  <si>
    <t>75974.0</t>
  </si>
  <si>
    <t>507.093</t>
  </si>
  <si>
    <t>71283.0</t>
  </si>
  <si>
    <t>1.574</t>
  </si>
  <si>
    <t>46827851.0</t>
  </si>
  <si>
    <t>28997953.0</t>
  </si>
  <si>
    <t>17828596.0</t>
  </si>
  <si>
    <t>464094.0</t>
  </si>
  <si>
    <t>391293.0</t>
  </si>
  <si>
    <t>63.72</t>
  </si>
  <si>
    <t>39.17</t>
  </si>
  <si>
    <t>8598.0</t>
  </si>
  <si>
    <t>55641.0</t>
  </si>
  <si>
    <t>2247.0</t>
  </si>
  <si>
    <t>49.373</t>
  </si>
  <si>
    <t>23021306.0</t>
  </si>
  <si>
    <t>61749.0</t>
  </si>
  <si>
    <t>508.457</t>
  </si>
  <si>
    <t>1.364</t>
  </si>
  <si>
    <t>67271.0</t>
  </si>
  <si>
    <t>47201971.0</t>
  </si>
  <si>
    <t>29056965.0</t>
  </si>
  <si>
    <t>18143722.0</t>
  </si>
  <si>
    <t>1373.0</t>
  </si>
  <si>
    <t>374120.0</t>
  </si>
  <si>
    <t>379564.0</t>
  </si>
  <si>
    <t>103.72</t>
  </si>
  <si>
    <t>63.85</t>
  </si>
  <si>
    <t>39.87</t>
  </si>
  <si>
    <t>8340.0</t>
  </si>
  <si>
    <t>52271.0</t>
  </si>
  <si>
    <t>23080772.0</t>
  </si>
  <si>
    <t>59466.0</t>
  </si>
  <si>
    <t>509.771</t>
  </si>
  <si>
    <t>63928.0</t>
  </si>
  <si>
    <t>1.412</t>
  </si>
  <si>
    <t>47600144.0</t>
  </si>
  <si>
    <t>29106869.0</t>
  </si>
  <si>
    <t>18491936.0</t>
  </si>
  <si>
    <t>398173.0</t>
  </si>
  <si>
    <t>372377.0</t>
  </si>
  <si>
    <t>104.59</t>
  </si>
  <si>
    <t>63.96</t>
  </si>
  <si>
    <t>40.63</t>
  </si>
  <si>
    <t>8182.0</t>
  </si>
  <si>
    <t>48107.0</t>
  </si>
  <si>
    <t>2172.0</t>
  </si>
  <si>
    <t>23145171.0</t>
  </si>
  <si>
    <t>64399.0</t>
  </si>
  <si>
    <t>511.193</t>
  </si>
  <si>
    <t>1.422</t>
  </si>
  <si>
    <t>61549.0</t>
  </si>
  <si>
    <t>1.359</t>
  </si>
  <si>
    <t>27.8</t>
  </si>
  <si>
    <t>47943126.0</t>
  </si>
  <si>
    <t>29156639.0</t>
  </si>
  <si>
    <t>18785125.0</t>
  </si>
  <si>
    <t>1461.0</t>
  </si>
  <si>
    <t>342982.0</t>
  </si>
  <si>
    <t>359226.0</t>
  </si>
  <si>
    <t>105.35</t>
  </si>
  <si>
    <t>64.07</t>
  </si>
  <si>
    <t>41.28</t>
  </si>
  <si>
    <t>7893.0</t>
  </si>
  <si>
    <t>45893.0</t>
  </si>
  <si>
    <t>23190314.0</t>
  </si>
  <si>
    <t>45143.0</t>
  </si>
  <si>
    <t>512.19</t>
  </si>
  <si>
    <t>0.997</t>
  </si>
  <si>
    <t>61111.0</t>
  </si>
  <si>
    <t>48142013.0</t>
  </si>
  <si>
    <t>29182334.0</t>
  </si>
  <si>
    <t>18958569.0</t>
  </si>
  <si>
    <t>1484.0</t>
  </si>
  <si>
    <t>198887.0</t>
  </si>
  <si>
    <t>345314.0</t>
  </si>
  <si>
    <t>105.78</t>
  </si>
  <si>
    <t>64.12</t>
  </si>
  <si>
    <t>41.66</t>
  </si>
  <si>
    <t>7588.0</t>
  </si>
  <si>
    <t>43916.0</t>
  </si>
  <si>
    <t>23215352.0</t>
  </si>
  <si>
    <t>25038.0</t>
  </si>
  <si>
    <t>512.743</t>
  </si>
  <si>
    <t>59749.0</t>
  </si>
  <si>
    <t>29.4</t>
  </si>
  <si>
    <t>48151826.0</t>
  </si>
  <si>
    <t>29184824.0</t>
  </si>
  <si>
    <t>18966263.0</t>
  </si>
  <si>
    <t>1486.0</t>
  </si>
  <si>
    <t>9813.0</t>
  </si>
  <si>
    <t>318582.0</t>
  </si>
  <si>
    <t>105.8</t>
  </si>
  <si>
    <t>41875.0</t>
  </si>
  <si>
    <t>40.189</t>
  </si>
  <si>
    <t>23279263.0</t>
  </si>
  <si>
    <t>63911.0</t>
  </si>
  <si>
    <t>514.155</t>
  </si>
  <si>
    <t>56526.0</t>
  </si>
  <si>
    <t>48454734.0</t>
  </si>
  <si>
    <t>29236806.0</t>
  </si>
  <si>
    <t>19231316.0</t>
  </si>
  <si>
    <t>1510.0</t>
  </si>
  <si>
    <t>302908.0</t>
  </si>
  <si>
    <t>298711.0</t>
  </si>
  <si>
    <t>106.47</t>
  </si>
  <si>
    <t>64.24</t>
  </si>
  <si>
    <t>41912.0</t>
  </si>
  <si>
    <t>40.672</t>
  </si>
  <si>
    <t>23341129.0</t>
  </si>
  <si>
    <t>61866.0</t>
  </si>
  <si>
    <t>515.521</t>
  </si>
  <si>
    <t>1.366</t>
  </si>
  <si>
    <t>54510.0</t>
  </si>
  <si>
    <t>48734600.0</t>
  </si>
  <si>
    <t>29283320.0</t>
  </si>
  <si>
    <t>19465846.0</t>
  </si>
  <si>
    <t>279866.0</t>
  </si>
  <si>
    <t>272393.0</t>
  </si>
  <si>
    <t>107.08</t>
  </si>
  <si>
    <t>64.34</t>
  </si>
  <si>
    <t>42.77</t>
  </si>
  <si>
    <t>40767.0</t>
  </si>
  <si>
    <t>23397739.0</t>
  </si>
  <si>
    <t>56610.0</t>
  </si>
  <si>
    <t>516.771</t>
  </si>
  <si>
    <t>53776.0</t>
  </si>
  <si>
    <t>49065143.0</t>
  </si>
  <si>
    <t>29319029.0</t>
  </si>
  <si>
    <t>19761751.0</t>
  </si>
  <si>
    <t>1587.0</t>
  </si>
  <si>
    <t>330543.0</t>
  </si>
  <si>
    <t>266167.0</t>
  </si>
  <si>
    <t>107.81</t>
  </si>
  <si>
    <t>64.42</t>
  </si>
  <si>
    <t>43.42</t>
  </si>
  <si>
    <t>5848.0</t>
  </si>
  <si>
    <t>37438.0</t>
  </si>
  <si>
    <t>1614.0</t>
  </si>
  <si>
    <t>35.464</t>
  </si>
  <si>
    <t>23455179.0</t>
  </si>
  <si>
    <t>57440.0</t>
  </si>
  <si>
    <t>518.04</t>
  </si>
  <si>
    <t>53487.0</t>
  </si>
  <si>
    <t>49426690.0</t>
  </si>
  <si>
    <t>29357790.0</t>
  </si>
  <si>
    <t>20085800.0</t>
  </si>
  <si>
    <t>361547.0</t>
  </si>
  <si>
    <t>260935.0</t>
  </si>
  <si>
    <t>108.61</t>
  </si>
  <si>
    <t>44.13</t>
  </si>
  <si>
    <t>5734.0</t>
  </si>
  <si>
    <t>35846.0</t>
  </si>
  <si>
    <t>1593.0</t>
  </si>
  <si>
    <t>23515573.0</t>
  </si>
  <si>
    <t>60394.0</t>
  </si>
  <si>
    <t>519.374</t>
  </si>
  <si>
    <t>52915.0</t>
  </si>
  <si>
    <t>49790372.0</t>
  </si>
  <si>
    <t>29407176.0</t>
  </si>
  <si>
    <t>20408581.0</t>
  </si>
  <si>
    <t>363682.0</t>
  </si>
  <si>
    <t>263892.0</t>
  </si>
  <si>
    <t>64.62</t>
  </si>
  <si>
    <t>5799.0</t>
  </si>
  <si>
    <t>35791.0</t>
  </si>
  <si>
    <t>1516.0</t>
  </si>
  <si>
    <t>33.311</t>
  </si>
  <si>
    <t>23554925.0</t>
  </si>
  <si>
    <t>39352.0</t>
  </si>
  <si>
    <t>520.243</t>
  </si>
  <si>
    <t>52087.0</t>
  </si>
  <si>
    <t>50011813.0</t>
  </si>
  <si>
    <t>29440744.0</t>
  </si>
  <si>
    <t>20596912.0</t>
  </si>
  <si>
    <t>221441.0</t>
  </si>
  <si>
    <t>267114.0</t>
  </si>
  <si>
    <t>109.89</t>
  </si>
  <si>
    <t>64.69</t>
  </si>
  <si>
    <t>45.26</t>
  </si>
  <si>
    <t>36916.0</t>
  </si>
  <si>
    <t>23582824.0</t>
  </si>
  <si>
    <t>27899.0</t>
  </si>
  <si>
    <t>520.859</t>
  </si>
  <si>
    <t>52496.0</t>
  </si>
  <si>
    <t>50149585.0</t>
  </si>
  <si>
    <t>29460762.0</t>
  </si>
  <si>
    <t>20714705.0</t>
  </si>
  <si>
    <t>137772.0</t>
  </si>
  <si>
    <t>285394.0</t>
  </si>
  <si>
    <t>110.19</t>
  </si>
  <si>
    <t>64.73</t>
  </si>
  <si>
    <t>45.52</t>
  </si>
  <si>
    <t>39420.0</t>
  </si>
  <si>
    <t>23644144.0</t>
  </si>
  <si>
    <t>522.213</t>
  </si>
  <si>
    <t>52126.0</t>
  </si>
  <si>
    <t>50495858.0</t>
  </si>
  <si>
    <t>29508075.0</t>
  </si>
  <si>
    <t>21016108.0</t>
  </si>
  <si>
    <t>346273.0</t>
  </si>
  <si>
    <t>291589.0</t>
  </si>
  <si>
    <t>110.95</t>
  </si>
  <si>
    <t>64.84</t>
  </si>
  <si>
    <t>46.18</t>
  </si>
  <si>
    <t>6407.0</t>
  </si>
  <si>
    <t>38753.0</t>
  </si>
  <si>
    <t>1489.0</t>
  </si>
  <si>
    <t>32.718</t>
  </si>
  <si>
    <t>23697680.0</t>
  </si>
  <si>
    <t>53536.0</t>
  </si>
  <si>
    <t>523.396</t>
  </si>
  <si>
    <t>1.182</t>
  </si>
  <si>
    <t>50936.0</t>
  </si>
  <si>
    <t>1.125</t>
  </si>
  <si>
    <t>50805551.0</t>
  </si>
  <si>
    <t>29557903.0</t>
  </si>
  <si>
    <t>21278452.0</t>
  </si>
  <si>
    <t>309693.0</t>
  </si>
  <si>
    <t>295850.0</t>
  </si>
  <si>
    <t>111.64</t>
  </si>
  <si>
    <t>64.95</t>
  </si>
  <si>
    <t>46.76</t>
  </si>
  <si>
    <t>6501.0</t>
  </si>
  <si>
    <t>39226.0</t>
  </si>
  <si>
    <t>23754634.0</t>
  </si>
  <si>
    <t>56954.0</t>
  </si>
  <si>
    <t>524.654</t>
  </si>
  <si>
    <t>50985.0</t>
  </si>
  <si>
    <t>1.126</t>
  </si>
  <si>
    <t>51134410.0</t>
  </si>
  <si>
    <t>29615231.0</t>
  </si>
  <si>
    <t>21553206.0</t>
  </si>
  <si>
    <t>1843.0</t>
  </si>
  <si>
    <t>328859.0</t>
  </si>
  <si>
    <t>295610.0</t>
  </si>
  <si>
    <t>112.36</t>
  </si>
  <si>
    <t>65.07</t>
  </si>
  <si>
    <t>47.36</t>
  </si>
  <si>
    <t>6495.0</t>
  </si>
  <si>
    <t>42315.0</t>
  </si>
  <si>
    <t>29.048</t>
  </si>
  <si>
    <t>23809134.0</t>
  </si>
  <si>
    <t>54500.0</t>
  </si>
  <si>
    <t>525.857</t>
  </si>
  <si>
    <t>50565.0</t>
  </si>
  <si>
    <t>51446364.0</t>
  </si>
  <si>
    <t>29785968.0</t>
  </si>
  <si>
    <t>21698197.0</t>
  </si>
  <si>
    <t>1943.0</t>
  </si>
  <si>
    <t>311954.0</t>
  </si>
  <si>
    <t>288525.0</t>
  </si>
  <si>
    <t>113.04</t>
  </si>
  <si>
    <t>47.68</t>
  </si>
  <si>
    <t>61168.0</t>
  </si>
  <si>
    <t>1271.0</t>
  </si>
  <si>
    <t>23859805.0</t>
  </si>
  <si>
    <t>50671.0</t>
  </si>
  <si>
    <t>526.977</t>
  </si>
  <si>
    <t>49176.0</t>
  </si>
  <si>
    <t>51707844.0</t>
  </si>
  <si>
    <t>29856825.0</t>
  </si>
  <si>
    <t>21893084.0</t>
  </si>
  <si>
    <t>261480.0</t>
  </si>
  <si>
    <t>273925.0</t>
  </si>
  <si>
    <t>113.62</t>
  </si>
  <si>
    <t>65.6</t>
  </si>
  <si>
    <t>48.11</t>
  </si>
  <si>
    <t>6019.0</t>
  </si>
  <si>
    <t>64236.0</t>
  </si>
  <si>
    <t>23895124.0</t>
  </si>
  <si>
    <t>35319.0</t>
  </si>
  <si>
    <t>527.757</t>
  </si>
  <si>
    <t>48600.0</t>
  </si>
  <si>
    <t>51836154.0</t>
  </si>
  <si>
    <t>29888578.0</t>
  </si>
  <si>
    <t>21992146.0</t>
  </si>
  <si>
    <t>1982.0</t>
  </si>
  <si>
    <t>128310.0</t>
  </si>
  <si>
    <t>260620.0</t>
  </si>
  <si>
    <t>113.9</t>
  </si>
  <si>
    <t>65.67</t>
  </si>
  <si>
    <t>63976.0</t>
  </si>
  <si>
    <t>23920407.0</t>
  </si>
  <si>
    <t>25283.0</t>
  </si>
  <si>
    <t>528.315</t>
  </si>
  <si>
    <t>48226.0</t>
  </si>
  <si>
    <t>51924224.0</t>
  </si>
  <si>
    <t>29901688.0</t>
  </si>
  <si>
    <t>22067707.0</t>
  </si>
  <si>
    <t>2001.0</t>
  </si>
  <si>
    <t>88070.0</t>
  </si>
  <si>
    <t>253520.0</t>
  </si>
  <si>
    <t>114.09</t>
  </si>
  <si>
    <t>65.7</t>
  </si>
  <si>
    <t>48.49</t>
  </si>
  <si>
    <t>5571.0</t>
  </si>
  <si>
    <t>62989.0</t>
  </si>
  <si>
    <t>1200.0</t>
  </si>
  <si>
    <t>23976694.0</t>
  </si>
  <si>
    <t>56287.0</t>
  </si>
  <si>
    <t>529.558</t>
  </si>
  <si>
    <t>47507.0</t>
  </si>
  <si>
    <t>52206928.0</t>
  </si>
  <si>
    <t>29956257.0</t>
  </si>
  <si>
    <t>22301427.0</t>
  </si>
  <si>
    <t>2047.0</t>
  </si>
  <si>
    <t>282704.0</t>
  </si>
  <si>
    <t>114.71</t>
  </si>
  <si>
    <t>64026.0</t>
  </si>
  <si>
    <t>24033676.0</t>
  </si>
  <si>
    <t>56982.0</t>
  </si>
  <si>
    <t>530.817</t>
  </si>
  <si>
    <t>47999.0</t>
  </si>
  <si>
    <t>52508052.0</t>
  </si>
  <si>
    <t>30016302.0</t>
  </si>
  <si>
    <t>22547800.0</t>
  </si>
  <si>
    <t>301124.0</t>
  </si>
  <si>
    <t>243214.0</t>
  </si>
  <si>
    <t>115.38</t>
  </si>
  <si>
    <t>65.95</t>
  </si>
  <si>
    <t>49.54</t>
  </si>
  <si>
    <t>5344.0</t>
  </si>
  <si>
    <t>65486.0</t>
  </si>
  <si>
    <t>24085123.0</t>
  </si>
  <si>
    <t>51447.0</t>
  </si>
  <si>
    <t>531.953</t>
  </si>
  <si>
    <t>47213.0</t>
  </si>
  <si>
    <t>52763776.0</t>
  </si>
  <si>
    <t>30067116.0</t>
  </si>
  <si>
    <t>22756583.0</t>
  </si>
  <si>
    <t>255724.0</t>
  </si>
  <si>
    <t>232767.0</t>
  </si>
  <si>
    <t>115.94</t>
  </si>
  <si>
    <t>66.07</t>
  </si>
  <si>
    <t>5115.0</t>
  </si>
  <si>
    <t>64555.0</t>
  </si>
  <si>
    <t>24135923.0</t>
  </si>
  <si>
    <t>50800.0</t>
  </si>
  <si>
    <t>533.075</t>
  </si>
  <si>
    <t>46684.0</t>
  </si>
  <si>
    <t>1.031</t>
  </si>
  <si>
    <t>53100589.0</t>
  </si>
  <si>
    <t>30135847.0</t>
  </si>
  <si>
    <t>23027795.0</t>
  </si>
  <si>
    <t>2226.0</t>
  </si>
  <si>
    <t>336813.0</t>
  </si>
  <si>
    <t>236318.0</t>
  </si>
  <si>
    <t>116.68</t>
  </si>
  <si>
    <t>66.22</t>
  </si>
  <si>
    <t>50.6</t>
  </si>
  <si>
    <t>49983.0</t>
  </si>
  <si>
    <t>24187047.0</t>
  </si>
  <si>
    <t>51124.0</t>
  </si>
  <si>
    <t>534.204</t>
  </si>
  <si>
    <t>1.129</t>
  </si>
  <si>
    <t>46749.0</t>
  </si>
  <si>
    <t>53405072.0</t>
  </si>
  <si>
    <t>30198455.0</t>
  </si>
  <si>
    <t>23273398.0</t>
  </si>
  <si>
    <t>304483.0</t>
  </si>
  <si>
    <t>242461.0</t>
  </si>
  <si>
    <t>117.35</t>
  </si>
  <si>
    <t>66.36</t>
  </si>
  <si>
    <t>48804.0</t>
  </si>
  <si>
    <t>24218421.0</t>
  </si>
  <si>
    <t>31374.0</t>
  </si>
  <si>
    <t>534.897</t>
  </si>
  <si>
    <t>46185.0</t>
  </si>
  <si>
    <t>53584240.0</t>
  </si>
  <si>
    <t>30225898.0</t>
  </si>
  <si>
    <t>23426246.0</t>
  </si>
  <si>
    <t>179168.0</t>
  </si>
  <si>
    <t>249727.0</t>
  </si>
  <si>
    <t>117.74</t>
  </si>
  <si>
    <t>51.47</t>
  </si>
  <si>
    <t>5487.0</t>
  </si>
  <si>
    <t>48189.0</t>
  </si>
  <si>
    <t>24239431.0</t>
  </si>
  <si>
    <t>21010.0</t>
  </si>
  <si>
    <t>535.361</t>
  </si>
  <si>
    <t>0.464</t>
  </si>
  <si>
    <t>45575.0</t>
  </si>
  <si>
    <t>1.007</t>
  </si>
  <si>
    <t>53692818.0</t>
  </si>
  <si>
    <t>30247605.0</t>
  </si>
  <si>
    <t>23513249.0</t>
  </si>
  <si>
    <t>108578.0</t>
  </si>
  <si>
    <t>252656.0</t>
  </si>
  <si>
    <t>117.98</t>
  </si>
  <si>
    <t>66.46</t>
  </si>
  <si>
    <t>51.67</t>
  </si>
  <si>
    <t>49417.0</t>
  </si>
  <si>
    <t>24289835.0</t>
  </si>
  <si>
    <t>50404.0</t>
  </si>
  <si>
    <t>536.474</t>
  </si>
  <si>
    <t>44734.0</t>
  </si>
  <si>
    <t>53923045.0</t>
  </si>
  <si>
    <t>30313412.0</t>
  </si>
  <si>
    <t>23680387.0</t>
  </si>
  <si>
    <t>230227.0</t>
  </si>
  <si>
    <t>245160.0</t>
  </si>
  <si>
    <t>118.49</t>
  </si>
  <si>
    <t>66.61</t>
  </si>
  <si>
    <t>52.03</t>
  </si>
  <si>
    <t>51022.0</t>
  </si>
  <si>
    <t>1021.0</t>
  </si>
  <si>
    <t>22.434</t>
  </si>
  <si>
    <t>24340965.0</t>
  </si>
  <si>
    <t>51130.0</t>
  </si>
  <si>
    <t>537.604</t>
  </si>
  <si>
    <t>43898.0</t>
  </si>
  <si>
    <t>54189935.0</t>
  </si>
  <si>
    <t>30422655.0</t>
  </si>
  <si>
    <t>23841590.0</t>
  </si>
  <si>
    <t>2471.0</t>
  </si>
  <si>
    <t>266890.0</t>
  </si>
  <si>
    <t>240269.0</t>
  </si>
  <si>
    <t>119.07</t>
  </si>
  <si>
    <t>66.85</t>
  </si>
  <si>
    <t>52.39</t>
  </si>
  <si>
    <t>58050.0</t>
  </si>
  <si>
    <t>22.127</t>
  </si>
  <si>
    <t>24391552.0</t>
  </si>
  <si>
    <t>50587.0</t>
  </si>
  <si>
    <t>538.721</t>
  </si>
  <si>
    <t>43776.0</t>
  </si>
  <si>
    <t>54437831.0</t>
  </si>
  <si>
    <t>30487842.0</t>
  </si>
  <si>
    <t>24028197.0</t>
  </si>
  <si>
    <t>247896.0</t>
  </si>
  <si>
    <t>239151.0</t>
  </si>
  <si>
    <t>119.62</t>
  </si>
  <si>
    <t>52.8</t>
  </si>
  <si>
    <t>5255.0</t>
  </si>
  <si>
    <t>60104.0</t>
  </si>
  <si>
    <t>21.468</t>
  </si>
  <si>
    <t>24437674.0</t>
  </si>
  <si>
    <t>46122.0</t>
  </si>
  <si>
    <t>539.74</t>
  </si>
  <si>
    <t>43107.0</t>
  </si>
  <si>
    <t>55.6</t>
  </si>
  <si>
    <t>54702771.0</t>
  </si>
  <si>
    <t>30577173.0</t>
  </si>
  <si>
    <t>24206457.0</t>
  </si>
  <si>
    <t>2544.0</t>
  </si>
  <si>
    <t>264940.0</t>
  </si>
  <si>
    <t>228883.0</t>
  </si>
  <si>
    <t>120.2</t>
  </si>
  <si>
    <t>5029.0</t>
  </si>
  <si>
    <t>63047.0</t>
  </si>
  <si>
    <t>21.556</t>
  </si>
  <si>
    <t>24464114.0</t>
  </si>
  <si>
    <t>26440.0</t>
  </si>
  <si>
    <t>540.324</t>
  </si>
  <si>
    <t>39581.0</t>
  </si>
  <si>
    <t>54824201.0</t>
  </si>
  <si>
    <t>30606208.0</t>
  </si>
  <si>
    <t>24299703.0</t>
  </si>
  <si>
    <t>2603.0</t>
  </si>
  <si>
    <t>121430.0</t>
  </si>
  <si>
    <t>202733.0</t>
  </si>
  <si>
    <t>120.47</t>
  </si>
  <si>
    <t>67.25</t>
  </si>
  <si>
    <t>53.39</t>
  </si>
  <si>
    <t>4455.0</t>
  </si>
  <si>
    <t>58250.0</t>
  </si>
  <si>
    <t>21.336</t>
  </si>
  <si>
    <t>24490558.0</t>
  </si>
  <si>
    <t>26444.0</t>
  </si>
  <si>
    <t>540.908</t>
  </si>
  <si>
    <t>38877.0</t>
  </si>
  <si>
    <t>54940211.0</t>
  </si>
  <si>
    <t>30620328.0</t>
  </si>
  <si>
    <t>24402363.0</t>
  </si>
  <si>
    <t>116010.0</t>
  </si>
  <si>
    <t>193710.0</t>
  </si>
  <si>
    <t>120.72</t>
  </si>
  <si>
    <t>67.28</t>
  </si>
  <si>
    <t>53.62</t>
  </si>
  <si>
    <t>4256.0</t>
  </si>
  <si>
    <t>56347.0</t>
  </si>
  <si>
    <t>24512553.0</t>
  </si>
  <si>
    <t>21995.0</t>
  </si>
  <si>
    <t>541.393</t>
  </si>
  <si>
    <t>39017.0</t>
  </si>
  <si>
    <t>55019020.0</t>
  </si>
  <si>
    <t>30631482.0</t>
  </si>
  <si>
    <t>24470202.0</t>
  </si>
  <si>
    <t>2709.0</t>
  </si>
  <si>
    <t>78809.0</t>
  </si>
  <si>
    <t>189457.0</t>
  </si>
  <si>
    <t>120.89</t>
  </si>
  <si>
    <t>67.31</t>
  </si>
  <si>
    <t>4163.0</t>
  </si>
  <si>
    <t>54840.0</t>
  </si>
  <si>
    <t>24539422.0</t>
  </si>
  <si>
    <t>26869.0</t>
  </si>
  <si>
    <t>541.987</t>
  </si>
  <si>
    <t>35655.0</t>
  </si>
  <si>
    <t>55095501.0</t>
  </si>
  <si>
    <t>30649781.0</t>
  </si>
  <si>
    <t>24528573.0</t>
  </si>
  <si>
    <t>76481.0</t>
  </si>
  <si>
    <t>167494.0</t>
  </si>
  <si>
    <t>121.06</t>
  </si>
  <si>
    <t>67.35</t>
  </si>
  <si>
    <t>53.9</t>
  </si>
  <si>
    <t>48053.0</t>
  </si>
  <si>
    <t>20.215</t>
  </si>
  <si>
    <t>24593906.0</t>
  </si>
  <si>
    <t>54484.0</t>
  </si>
  <si>
    <t>543.19</t>
  </si>
  <si>
    <t>36134.0</t>
  </si>
  <si>
    <t>55442916.0</t>
  </si>
  <si>
    <t>30869822.0</t>
  </si>
  <si>
    <t>24658063.0</t>
  </si>
  <si>
    <t>347415.0</t>
  </si>
  <si>
    <t>178997.0</t>
  </si>
  <si>
    <t>121.82</t>
  </si>
  <si>
    <t>67.83</t>
  </si>
  <si>
    <t>54.18</t>
  </si>
  <si>
    <t>63881.0</t>
  </si>
  <si>
    <t>921.0</t>
  </si>
  <si>
    <t>24646330.0</t>
  </si>
  <si>
    <t>52424.0</t>
  </si>
  <si>
    <t>544.348</t>
  </si>
  <si>
    <t>36397.0</t>
  </si>
  <si>
    <t>0.804</t>
  </si>
  <si>
    <t>55822982.0</t>
  </si>
  <si>
    <t>31132135.0</t>
  </si>
  <si>
    <t>24777878.0</t>
  </si>
  <si>
    <t>2860.0</t>
  </si>
  <si>
    <t>380066.0</t>
  </si>
  <si>
    <t>197879.0</t>
  </si>
  <si>
    <t>122.66</t>
  </si>
  <si>
    <t>68.41</t>
  </si>
  <si>
    <t>54.44</t>
  </si>
  <si>
    <t>92042.0</t>
  </si>
  <si>
    <t>907.0</t>
  </si>
  <si>
    <t>19.93</t>
  </si>
  <si>
    <t>24693790.0</t>
  </si>
  <si>
    <t>47460.0</t>
  </si>
  <si>
    <t>545.396</t>
  </si>
  <si>
    <t>36588.0</t>
  </si>
  <si>
    <t>56247598.0</t>
  </si>
  <si>
    <t>31404293.0</t>
  </si>
  <si>
    <t>24932556.0</t>
  </si>
  <si>
    <t>2926.0</t>
  </si>
  <si>
    <t>424616.0</t>
  </si>
  <si>
    <t>220690.0</t>
  </si>
  <si>
    <t>123.59</t>
  </si>
  <si>
    <t>54.78</t>
  </si>
  <si>
    <t>4849.0</t>
  </si>
  <si>
    <t>118160.0</t>
  </si>
  <si>
    <t>24739359.0</t>
  </si>
  <si>
    <t>45569.0</t>
  </si>
  <si>
    <t>546.403</t>
  </si>
  <si>
    <t>39321.0</t>
  </si>
  <si>
    <t>0.868</t>
  </si>
  <si>
    <t>56674169.0</t>
  </si>
  <si>
    <t>31668387.0</t>
  </si>
  <si>
    <t>25097527.0</t>
  </si>
  <si>
    <t>3028.0</t>
  </si>
  <si>
    <t>426571.0</t>
  </si>
  <si>
    <t>264281.0</t>
  </si>
  <si>
    <t>124.53</t>
  </si>
  <si>
    <t>69.59</t>
  </si>
  <si>
    <t>55.15</t>
  </si>
  <si>
    <t>5807.0</t>
  </si>
  <si>
    <t>151740.0</t>
  </si>
  <si>
    <t>24771694.0</t>
  </si>
  <si>
    <t>32335.0</t>
  </si>
  <si>
    <t>547.117</t>
  </si>
  <si>
    <t>40162.0</t>
  </si>
  <si>
    <t>56928157.0</t>
  </si>
  <si>
    <t>31802886.0</t>
  </si>
  <si>
    <t>25217725.0</t>
  </si>
  <si>
    <t>253988.0</t>
  </si>
  <si>
    <t>283992.0</t>
  </si>
  <si>
    <t>125.09</t>
  </si>
  <si>
    <t>69.88</t>
  </si>
  <si>
    <t>55.41</t>
  </si>
  <si>
    <t>6240.0</t>
  </si>
  <si>
    <t>168937.0</t>
  </si>
  <si>
    <t>24792802.0</t>
  </si>
  <si>
    <t>21108.0</t>
  </si>
  <si>
    <t>547.583</t>
  </si>
  <si>
    <t>40036.0</t>
  </si>
  <si>
    <t>57031847.0</t>
  </si>
  <si>
    <t>31854933.0</t>
  </si>
  <si>
    <t>25269426.0</t>
  </si>
  <si>
    <t>103690.0</t>
  </si>
  <si>
    <t>287547.0</t>
  </si>
  <si>
    <t>125.32</t>
  </si>
  <si>
    <t>69.99</t>
  </si>
  <si>
    <t>55.52</t>
  </si>
  <si>
    <t>174779.0</t>
  </si>
  <si>
    <t>0.384</t>
  </si>
  <si>
    <t>24846499.0</t>
  </si>
  <si>
    <t>53697.0</t>
  </si>
  <si>
    <t>548.769</t>
  </si>
  <si>
    <t>43868.0</t>
  </si>
  <si>
    <t>57455465.0</t>
  </si>
  <si>
    <t>32154638.0</t>
  </si>
  <si>
    <t>25395579.0</t>
  </si>
  <si>
    <t>423618.0</t>
  </si>
  <si>
    <t>337138.0</t>
  </si>
  <si>
    <t>126.25</t>
  </si>
  <si>
    <t>70.65</t>
  </si>
  <si>
    <t>55.8</t>
  </si>
  <si>
    <t>7408.0</t>
  </si>
  <si>
    <t>214980.0</t>
  </si>
  <si>
    <t>24895793.0</t>
  </si>
  <si>
    <t>49294.0</t>
  </si>
  <si>
    <t>549.858</t>
  </si>
  <si>
    <t>43127.0</t>
  </si>
  <si>
    <t>0.953</t>
  </si>
  <si>
    <t>57879934.0</t>
  </si>
  <si>
    <t>32468549.0</t>
  </si>
  <si>
    <t>25508889.0</t>
  </si>
  <si>
    <t>3178.0</t>
  </si>
  <si>
    <t>424469.0</t>
  </si>
  <si>
    <t>348145.0</t>
  </si>
  <si>
    <t>127.18</t>
  </si>
  <si>
    <t>71.34</t>
  </si>
  <si>
    <t>56.05</t>
  </si>
  <si>
    <t>7650.0</t>
  </si>
  <si>
    <t>228390.0</t>
  </si>
  <si>
    <t>24946110.0</t>
  </si>
  <si>
    <t>50317.0</t>
  </si>
  <si>
    <t>550.969</t>
  </si>
  <si>
    <t>42826.0</t>
  </si>
  <si>
    <t>58295032.0</t>
  </si>
  <si>
    <t>32787515.0</t>
  </si>
  <si>
    <t>25607535.0</t>
  </si>
  <si>
    <t>3257.0</t>
  </si>
  <si>
    <t>415098.0</t>
  </si>
  <si>
    <t>353150.0</t>
  </si>
  <si>
    <t>128.09</t>
  </si>
  <si>
    <t>72.04</t>
  </si>
  <si>
    <t>56.27</t>
  </si>
  <si>
    <t>7760.0</t>
  </si>
  <si>
    <t>236483.0</t>
  </si>
  <si>
    <t>16.48</t>
  </si>
  <si>
    <t>24996312.0</t>
  </si>
  <si>
    <t>50202.0</t>
  </si>
  <si>
    <t>552.078</t>
  </si>
  <si>
    <t>43217.0</t>
  </si>
  <si>
    <t>58715080.0</t>
  </si>
  <si>
    <t>33076200.0</t>
  </si>
  <si>
    <t>25741552.0</t>
  </si>
  <si>
    <t>420048.0</t>
  </si>
  <si>
    <t>352497.0</t>
  </si>
  <si>
    <t>129.01</t>
  </si>
  <si>
    <t>72.68</t>
  </si>
  <si>
    <t>56.56</t>
  </si>
  <si>
    <t>7745.0</t>
  </si>
  <si>
    <t>238844.0</t>
  </si>
  <si>
    <t>16.238</t>
  </si>
  <si>
    <t>25045739.0</t>
  </si>
  <si>
    <t>49427.0</t>
  </si>
  <si>
    <t>553.17</t>
  </si>
  <si>
    <t>43769.0</t>
  </si>
  <si>
    <t>59179010.0</t>
  </si>
  <si>
    <t>33425254.0</t>
  </si>
  <si>
    <t>25858424.0</t>
  </si>
  <si>
    <t>3413.0</t>
  </si>
  <si>
    <t>463930.0</t>
  </si>
  <si>
    <t>357834.0</t>
  </si>
  <si>
    <t>130.03</t>
  </si>
  <si>
    <t>73.45</t>
  </si>
  <si>
    <t>56.82</t>
  </si>
  <si>
    <t>7863.0</t>
  </si>
  <si>
    <t>250981.0</t>
  </si>
  <si>
    <t>16.194</t>
  </si>
  <si>
    <t>25075998.0</t>
  </si>
  <si>
    <t>30259.0</t>
  </si>
  <si>
    <t>553.838</t>
  </si>
  <si>
    <t>43472.0</t>
  </si>
  <si>
    <t>59395943.0</t>
  </si>
  <si>
    <t>33583788.0</t>
  </si>
  <si>
    <t>25917295.0</t>
  </si>
  <si>
    <t>216933.0</t>
  </si>
  <si>
    <t>352541.0</t>
  </si>
  <si>
    <t>130.51</t>
  </si>
  <si>
    <t>73.79</t>
  </si>
  <si>
    <t>56.95</t>
  </si>
  <si>
    <t>7746.0</t>
  </si>
  <si>
    <t>254415.0</t>
  </si>
  <si>
    <t>16.172</t>
  </si>
  <si>
    <t>25098068.0</t>
  </si>
  <si>
    <t>22070.0</t>
  </si>
  <si>
    <t>554.325</t>
  </si>
  <si>
    <t>43609.0</t>
  </si>
  <si>
    <t>59541913.0</t>
  </si>
  <si>
    <t>33706221.0</t>
  </si>
  <si>
    <t>25940947.0</t>
  </si>
  <si>
    <t>145970.0</t>
  </si>
  <si>
    <t>358581.0</t>
  </si>
  <si>
    <t>130.83</t>
  </si>
  <si>
    <t>74.06</t>
  </si>
  <si>
    <t>264470.0</t>
  </si>
  <si>
    <t>14.239</t>
  </si>
  <si>
    <t>25150546.0</t>
  </si>
  <si>
    <t>52478.0</t>
  </si>
  <si>
    <t>555.484</t>
  </si>
  <si>
    <t>43435.0</t>
  </si>
  <si>
    <t>59907108.0</t>
  </si>
  <si>
    <t>33958109.0</t>
  </si>
  <si>
    <t>26055802.0</t>
  </si>
  <si>
    <t>365195.0</t>
  </si>
  <si>
    <t>350235.0</t>
  </si>
  <si>
    <t>131.63</t>
  </si>
  <si>
    <t>74.62</t>
  </si>
  <si>
    <t>57.25</t>
  </si>
  <si>
    <t>7696.0</t>
  </si>
  <si>
    <t>257639.0</t>
  </si>
  <si>
    <t>25203530.0</t>
  </si>
  <si>
    <t>52984.0</t>
  </si>
  <si>
    <t>556.655</t>
  </si>
  <si>
    <t>43962.0</t>
  </si>
  <si>
    <t>60316524.0</t>
  </si>
  <si>
    <t>34223861.0</t>
  </si>
  <si>
    <t>26201166.0</t>
  </si>
  <si>
    <t>409416.0</t>
  </si>
  <si>
    <t>348084.0</t>
  </si>
  <si>
    <t>132.53</t>
  </si>
  <si>
    <t>75.2</t>
  </si>
  <si>
    <t>57.57</t>
  </si>
  <si>
    <t>250759.0</t>
  </si>
  <si>
    <t>13.865</t>
  </si>
  <si>
    <t>25250842.0</t>
  </si>
  <si>
    <t>47312.0</t>
  </si>
  <si>
    <t>557.7</t>
  </si>
  <si>
    <t>43533.0</t>
  </si>
  <si>
    <t>0.961</t>
  </si>
  <si>
    <t>60645132.0</t>
  </si>
  <si>
    <t>34457922.0</t>
  </si>
  <si>
    <t>26296549.0</t>
  </si>
  <si>
    <t>328608.0</t>
  </si>
  <si>
    <t>335729.0</t>
  </si>
  <si>
    <t>133.26</t>
  </si>
  <si>
    <t>75.71</t>
  </si>
  <si>
    <t>57.78</t>
  </si>
  <si>
    <t>238630.0</t>
  </si>
  <si>
    <t>0.524</t>
  </si>
  <si>
    <t>25296687.0</t>
  </si>
  <si>
    <t>45845.0</t>
  </si>
  <si>
    <t>558.712</t>
  </si>
  <si>
    <t>1.013</t>
  </si>
  <si>
    <t>42911.0</t>
  </si>
  <si>
    <t>60997976.0</t>
  </si>
  <si>
    <t>34688177.0</t>
  </si>
  <si>
    <t>26409986.0</t>
  </si>
  <si>
    <t>15164.0</t>
  </si>
  <si>
    <t>352844.0</t>
  </si>
  <si>
    <t>326128.0</t>
  </si>
  <si>
    <t>134.03</t>
  </si>
  <si>
    <t>76.22</t>
  </si>
  <si>
    <t>7166.0</t>
  </si>
  <si>
    <t>230282.0</t>
  </si>
  <si>
    <t>13.382</t>
  </si>
  <si>
    <t>25342508.0</t>
  </si>
  <si>
    <t>45821.0</t>
  </si>
  <si>
    <t>559.724</t>
  </si>
  <si>
    <t>42396.0</t>
  </si>
  <si>
    <t>0.936</t>
  </si>
  <si>
    <t>61323162.0</t>
  </si>
  <si>
    <t>34891766.0</t>
  </si>
  <si>
    <t>26509612.0</t>
  </si>
  <si>
    <t>38798.0</t>
  </si>
  <si>
    <t>325186.0</t>
  </si>
  <si>
    <t>306307.0</t>
  </si>
  <si>
    <t>134.75</t>
  </si>
  <si>
    <t>76.67</t>
  </si>
  <si>
    <t>58.25</t>
  </si>
  <si>
    <t>6730.0</t>
  </si>
  <si>
    <t>209502.0</t>
  </si>
  <si>
    <t>13.469</t>
  </si>
  <si>
    <t>25372538.0</t>
  </si>
  <si>
    <t>30030.0</t>
  </si>
  <si>
    <t>560.387</t>
  </si>
  <si>
    <t>42363.0</t>
  </si>
  <si>
    <t>61452796.0</t>
  </si>
  <si>
    <t>34965366.0</t>
  </si>
  <si>
    <t>26548573.0</t>
  </si>
  <si>
    <t>56156.0</t>
  </si>
  <si>
    <t>129634.0</t>
  </si>
  <si>
    <t>293836.0</t>
  </si>
  <si>
    <t>135.03</t>
  </si>
  <si>
    <t>76.83</t>
  </si>
  <si>
    <t>58.34</t>
  </si>
  <si>
    <t>6456.0</t>
  </si>
  <si>
    <t>197368.0</t>
  </si>
  <si>
    <t>606.0</t>
  </si>
  <si>
    <t>25392045.0</t>
  </si>
  <si>
    <t>19507.0</t>
  </si>
  <si>
    <t>560.818</t>
  </si>
  <si>
    <t>41997.0</t>
  </si>
  <si>
    <t>61602955.0</t>
  </si>
  <si>
    <t>35083676.0</t>
  </si>
  <si>
    <t>26573791.0</t>
  </si>
  <si>
    <t>62922.0</t>
  </si>
  <si>
    <t>150159.0</t>
  </si>
  <si>
    <t>294435.0</t>
  </si>
  <si>
    <t>135.36</t>
  </si>
  <si>
    <t>77.09</t>
  </si>
  <si>
    <t>6470.0</t>
  </si>
  <si>
    <t>196779.0</t>
  </si>
  <si>
    <t>13.096</t>
  </si>
  <si>
    <t>25436781.0</t>
  </si>
  <si>
    <t>44736.0</t>
  </si>
  <si>
    <t>561.806</t>
  </si>
  <si>
    <t>40891.0</t>
  </si>
  <si>
    <t>61902135.0</t>
  </si>
  <si>
    <t>35264835.0</t>
  </si>
  <si>
    <t>26656840.0</t>
  </si>
  <si>
    <t>99451.0</t>
  </si>
  <si>
    <t>299180.0</t>
  </si>
  <si>
    <t>285004.0</t>
  </si>
  <si>
    <t>136.02</t>
  </si>
  <si>
    <t>77.49</t>
  </si>
  <si>
    <t>58.57</t>
  </si>
  <si>
    <t>6262.0</t>
  </si>
  <si>
    <t>186675.0</t>
  </si>
  <si>
    <t>25482034.0</t>
  </si>
  <si>
    <t>45253.0</t>
  </si>
  <si>
    <t>562.806</t>
  </si>
  <si>
    <t>39786.0</t>
  </si>
  <si>
    <t>62223417.0</t>
  </si>
  <si>
    <t>35392225.0</t>
  </si>
  <si>
    <t>26803233.0</t>
  </si>
  <si>
    <t>148763.0</t>
  </si>
  <si>
    <t>321282.0</t>
  </si>
  <si>
    <t>272413.0</t>
  </si>
  <si>
    <t>136.72</t>
  </si>
  <si>
    <t>77.77</t>
  </si>
  <si>
    <t>5986.0</t>
  </si>
  <si>
    <t>166909.0</t>
  </si>
  <si>
    <t>25529041.0</t>
  </si>
  <si>
    <t>47007.0</t>
  </si>
  <si>
    <t>563.844</t>
  </si>
  <si>
    <t>39743.0</t>
  </si>
  <si>
    <t>62574265.0</t>
  </si>
  <si>
    <t>35533960.0</t>
  </si>
  <si>
    <t>26964747.0</t>
  </si>
  <si>
    <t>198271.0</t>
  </si>
  <si>
    <t>350848.0</t>
  </si>
  <si>
    <t>275590.0</t>
  </si>
  <si>
    <t>137.49</t>
  </si>
  <si>
    <t>78.08</t>
  </si>
  <si>
    <t>59.25</t>
  </si>
  <si>
    <t>6056.0</t>
  </si>
  <si>
    <t>153720.0</t>
  </si>
  <si>
    <t>25573860.0</t>
  </si>
  <si>
    <t>44819.0</t>
  </si>
  <si>
    <t>564.834</t>
  </si>
  <si>
    <t>39596.0</t>
  </si>
  <si>
    <t>62934465.0</t>
  </si>
  <si>
    <t>35706393.0</t>
  </si>
  <si>
    <t>27115547.0</t>
  </si>
  <si>
    <t>237053.0</t>
  </si>
  <si>
    <t>360200.0</t>
  </si>
  <si>
    <t>276641.0</t>
  </si>
  <si>
    <t>138.29</t>
  </si>
  <si>
    <t>78.46</t>
  </si>
  <si>
    <t>6079.0</t>
  </si>
  <si>
    <t>145459.0</t>
  </si>
  <si>
    <t>13.25</t>
  </si>
  <si>
    <t>25616939.0</t>
  </si>
  <si>
    <t>43079.0</t>
  </si>
  <si>
    <t>565.785</t>
  </si>
  <si>
    <t>39204.0</t>
  </si>
  <si>
    <t>0.866</t>
  </si>
  <si>
    <t>63245994.0</t>
  </si>
  <si>
    <t>35846170.0</t>
  </si>
  <si>
    <t>27233379.0</t>
  </si>
  <si>
    <t>292370.0</t>
  </si>
  <si>
    <t>311529.0</t>
  </si>
  <si>
    <t>274690.0</t>
  </si>
  <si>
    <t>138.97</t>
  </si>
  <si>
    <t>78.76</t>
  </si>
  <si>
    <t>59.84</t>
  </si>
  <si>
    <t>6036.0</t>
  </si>
  <si>
    <t>136343.0</t>
  </si>
  <si>
    <t>25644247.0</t>
  </si>
  <si>
    <t>27308.0</t>
  </si>
  <si>
    <t>566.388</t>
  </si>
  <si>
    <t>38816.0</t>
  </si>
  <si>
    <t>63413216.0</t>
  </si>
  <si>
    <t>35908562.0</t>
  </si>
  <si>
    <t>27315095.0</t>
  </si>
  <si>
    <t>316052.0</t>
  </si>
  <si>
    <t>167222.0</t>
  </si>
  <si>
    <t>280060.0</t>
  </si>
  <si>
    <t>139.34</t>
  </si>
  <si>
    <t>78.9</t>
  </si>
  <si>
    <t>60.02</t>
  </si>
  <si>
    <t>6154.0</t>
  </si>
  <si>
    <t>134742.0</t>
  </si>
  <si>
    <t>13.36</t>
  </si>
  <si>
    <t>25664126.0</t>
  </si>
  <si>
    <t>19879.0</t>
  </si>
  <si>
    <t>566.828</t>
  </si>
  <si>
    <t>38869.0</t>
  </si>
  <si>
    <t>63541138.0</t>
  </si>
  <si>
    <t>35967791.0</t>
  </si>
  <si>
    <t>27369470.0</t>
  </si>
  <si>
    <t>330541.0</t>
  </si>
  <si>
    <t>127922.0</t>
  </si>
  <si>
    <t>276883.0</t>
  </si>
  <si>
    <t>139.62</t>
  </si>
  <si>
    <t>79.03</t>
  </si>
  <si>
    <t>6084.0</t>
  </si>
  <si>
    <t>126302.0</t>
  </si>
  <si>
    <t>13.294</t>
  </si>
  <si>
    <t>25707709.0</t>
  </si>
  <si>
    <t>43583.0</t>
  </si>
  <si>
    <t>567.79</t>
  </si>
  <si>
    <t>38704.0</t>
  </si>
  <si>
    <t>0.855</t>
  </si>
  <si>
    <t>63791603.0</t>
  </si>
  <si>
    <t>36079431.0</t>
  </si>
  <si>
    <t>27462475.0</t>
  </si>
  <si>
    <t>377539.0</t>
  </si>
  <si>
    <t>250465.0</t>
  </si>
  <si>
    <t>269924.0</t>
  </si>
  <si>
    <t>140.17</t>
  </si>
  <si>
    <t>79.28</t>
  </si>
  <si>
    <t>116371.0</t>
  </si>
  <si>
    <t>25751735.0</t>
  </si>
  <si>
    <t>44026.0</t>
  </si>
  <si>
    <t>568.763</t>
  </si>
  <si>
    <t>38529.0</t>
  </si>
  <si>
    <t>64144482.0</t>
  </si>
  <si>
    <t>36240358.0</t>
  </si>
  <si>
    <t>27593818.0</t>
  </si>
  <si>
    <t>439426.0</t>
  </si>
  <si>
    <t>352879.0</t>
  </si>
  <si>
    <t>274438.0</t>
  </si>
  <si>
    <t>60.63</t>
  </si>
  <si>
    <t>6030.0</t>
  </si>
  <si>
    <t>121162.0</t>
  </si>
  <si>
    <t>13.645</t>
  </si>
  <si>
    <t>25795331.0</t>
  </si>
  <si>
    <t>43596.0</t>
  </si>
  <si>
    <t>569.725</t>
  </si>
  <si>
    <t>38041.0</t>
  </si>
  <si>
    <t>64514568.0</t>
  </si>
  <si>
    <t>36331564.0</t>
  </si>
  <si>
    <t>27715698.0</t>
  </si>
  <si>
    <t>597630.0</t>
  </si>
  <si>
    <t>370086.0</t>
  </si>
  <si>
    <t>277186.0</t>
  </si>
  <si>
    <t>141.76</t>
  </si>
  <si>
    <t>79.83</t>
  </si>
  <si>
    <t>6091.0</t>
  </si>
  <si>
    <t>113943.0</t>
  </si>
  <si>
    <t>25838149.0</t>
  </si>
  <si>
    <t>42818.0</t>
  </si>
  <si>
    <t>570.671</t>
  </si>
  <si>
    <t>37756.0</t>
  </si>
  <si>
    <t>64897948.0</t>
  </si>
  <si>
    <t>36428661.0</t>
  </si>
  <si>
    <t>27833062.0</t>
  </si>
  <si>
    <t>767830.0</t>
  </si>
  <si>
    <t>383380.0</t>
  </si>
  <si>
    <t>280498.0</t>
  </si>
  <si>
    <t>142.6</t>
  </si>
  <si>
    <t>80.04</t>
  </si>
  <si>
    <t>61.16</t>
  </si>
  <si>
    <t>6163.0</t>
  </si>
  <si>
    <t>103181.0</t>
  </si>
  <si>
    <t>13.557</t>
  </si>
  <si>
    <t>25882035.0</t>
  </si>
  <si>
    <t>43886.0</t>
  </si>
  <si>
    <t>571.64</t>
  </si>
  <si>
    <t>37871.0</t>
  </si>
  <si>
    <t>65294333.0</t>
  </si>
  <si>
    <t>36514321.0</t>
  </si>
  <si>
    <t>27991180.0</t>
  </si>
  <si>
    <t>921475.0</t>
  </si>
  <si>
    <t>396385.0</t>
  </si>
  <si>
    <t>292620.0</t>
  </si>
  <si>
    <t>143.47</t>
  </si>
  <si>
    <t>80.23</t>
  </si>
  <si>
    <t>61.51</t>
  </si>
  <si>
    <t>6430.0</t>
  </si>
  <si>
    <t>95450.0</t>
  </si>
  <si>
    <t>25911969.0</t>
  </si>
  <si>
    <t>29934.0</t>
  </si>
  <si>
    <t>572.301</t>
  </si>
  <si>
    <t>38246.0</t>
  </si>
  <si>
    <t>0.845</t>
  </si>
  <si>
    <t>65484070.0</t>
  </si>
  <si>
    <t>36551222.0</t>
  </si>
  <si>
    <t>28051276.0</t>
  </si>
  <si>
    <t>1014433.0</t>
  </si>
  <si>
    <t>189737.0</t>
  </si>
  <si>
    <t>295836.0</t>
  </si>
  <si>
    <t>143.89</t>
  </si>
  <si>
    <t>80.31</t>
  </si>
  <si>
    <t>61.64</t>
  </si>
  <si>
    <t>6500.0</t>
  </si>
  <si>
    <t>91809.0</t>
  </si>
  <si>
    <t>12.876</t>
  </si>
  <si>
    <t>25928672.0</t>
  </si>
  <si>
    <t>16703.0</t>
  </si>
  <si>
    <t>572.67</t>
  </si>
  <si>
    <t>37792.0</t>
  </si>
  <si>
    <t>0.835</t>
  </si>
  <si>
    <t>65493768.0</t>
  </si>
  <si>
    <t>36553435.0</t>
  </si>
  <si>
    <t>28056985.0</t>
  </si>
  <si>
    <t>1016214.0</t>
  </si>
  <si>
    <t>278947.0</t>
  </si>
  <si>
    <t>143.91</t>
  </si>
  <si>
    <t>80.32</t>
  </si>
  <si>
    <t>61.65</t>
  </si>
  <si>
    <t>6129.0</t>
  </si>
  <si>
    <t>83663.0</t>
  </si>
  <si>
    <t>12.415</t>
  </si>
  <si>
    <t>25974686.0</t>
  </si>
  <si>
    <t>46014.0</t>
  </si>
  <si>
    <t>573.687</t>
  </si>
  <si>
    <t>38140.0</t>
  </si>
  <si>
    <t>0.842</t>
  </si>
  <si>
    <t>65831768.0</t>
  </si>
  <si>
    <t>36607069.0</t>
  </si>
  <si>
    <t>28259761.0</t>
  </si>
  <si>
    <t>1098659.0</t>
  </si>
  <si>
    <t>338000.0</t>
  </si>
  <si>
    <t>291452.0</t>
  </si>
  <si>
    <t>144.65</t>
  </si>
  <si>
    <t>62.1</t>
  </si>
  <si>
    <t>6404.0</t>
  </si>
  <si>
    <t>75377.0</t>
  </si>
  <si>
    <t>26017897.0</t>
  </si>
  <si>
    <t>43211.0</t>
  </si>
  <si>
    <t>574.641</t>
  </si>
  <si>
    <t>38023.0</t>
  </si>
  <si>
    <t>66210161.0</t>
  </si>
  <si>
    <t>36667865.0</t>
  </si>
  <si>
    <t>28489844.0</t>
  </si>
  <si>
    <t>1187132.0</t>
  </si>
  <si>
    <t>378393.0</t>
  </si>
  <si>
    <t>295097.0</t>
  </si>
  <si>
    <t>145.48</t>
  </si>
  <si>
    <t>80.57</t>
  </si>
  <si>
    <t>62.6</t>
  </si>
  <si>
    <t>6484.0</t>
  </si>
  <si>
    <t>61072.0</t>
  </si>
  <si>
    <t>12.569</t>
  </si>
  <si>
    <t>26063511.0</t>
  </si>
  <si>
    <t>45614.0</t>
  </si>
  <si>
    <t>575.649</t>
  </si>
  <si>
    <t>38311.0</t>
  </si>
  <si>
    <t>66577772.0</t>
  </si>
  <si>
    <t>36728060.0</t>
  </si>
  <si>
    <t>28709422.0</t>
  </si>
  <si>
    <t>1275972.0</t>
  </si>
  <si>
    <t>367611.0</t>
  </si>
  <si>
    <t>294743.0</t>
  </si>
  <si>
    <t>146.29</t>
  </si>
  <si>
    <t>80.7</t>
  </si>
  <si>
    <t>63.08</t>
  </si>
  <si>
    <t>6476.0</t>
  </si>
  <si>
    <t>56642.0</t>
  </si>
  <si>
    <t>12.832</t>
  </si>
  <si>
    <t>26108225.0</t>
  </si>
  <si>
    <t>576.636</t>
  </si>
  <si>
    <t>38582.0</t>
  </si>
  <si>
    <t>66939516.0</t>
  </si>
  <si>
    <t>36793079.0</t>
  </si>
  <si>
    <t>28919303.0</t>
  </si>
  <si>
    <t>1363901.0</t>
  </si>
  <si>
    <t>361744.0</t>
  </si>
  <si>
    <t>291653.0</t>
  </si>
  <si>
    <t>147.09</t>
  </si>
  <si>
    <t>80.85</t>
  </si>
  <si>
    <t>52060.0</t>
  </si>
  <si>
    <t>12.305</t>
  </si>
  <si>
    <t>26149866.0</t>
  </si>
  <si>
    <t>41641.0</t>
  </si>
  <si>
    <t>577.556</t>
  </si>
  <si>
    <t>38262.0</t>
  </si>
  <si>
    <t>67330127.0</t>
  </si>
  <si>
    <t>36850727.0</t>
  </si>
  <si>
    <t>29167565.0</t>
  </si>
  <si>
    <t>1449620.0</t>
  </si>
  <si>
    <t>390611.0</t>
  </si>
  <si>
    <t>290828.0</t>
  </si>
  <si>
    <t>147.94</t>
  </si>
  <si>
    <t>80.97</t>
  </si>
  <si>
    <t>64.09</t>
  </si>
  <si>
    <t>48058.0</t>
  </si>
  <si>
    <t>26176089.0</t>
  </si>
  <si>
    <t>26223.0</t>
  </si>
  <si>
    <t>578.135</t>
  </si>
  <si>
    <t>37731.0</t>
  </si>
  <si>
    <t>67504150.0</t>
  </si>
  <si>
    <t>36887436.0</t>
  </si>
  <si>
    <t>29254074.0</t>
  </si>
  <si>
    <t>1500587.0</t>
  </si>
  <si>
    <t>174023.0</t>
  </si>
  <si>
    <t>288583.0</t>
  </si>
  <si>
    <t>148.33</t>
  </si>
  <si>
    <t>81.05</t>
  </si>
  <si>
    <t>64.28</t>
  </si>
  <si>
    <t>6341.0</t>
  </si>
  <si>
    <t>48031.0</t>
  </si>
  <si>
    <t>12.327</t>
  </si>
  <si>
    <t>26192565.0</t>
  </si>
  <si>
    <t>16476.0</t>
  </si>
  <si>
    <t>578.499</t>
  </si>
  <si>
    <t>37699.0</t>
  </si>
  <si>
    <t>67597578.0</t>
  </si>
  <si>
    <t>36906142.0</t>
  </si>
  <si>
    <t>29304771.0</t>
  </si>
  <si>
    <t>1524685.0</t>
  </si>
  <si>
    <t>93428.0</t>
  </si>
  <si>
    <t>300544.0</t>
  </si>
  <si>
    <t>148.53</t>
  </si>
  <si>
    <t>81.09</t>
  </si>
  <si>
    <t>6604.0</t>
  </si>
  <si>
    <t>50387.0</t>
  </si>
  <si>
    <t>12.437</t>
  </si>
  <si>
    <t>26214940.0</t>
  </si>
  <si>
    <t>22375.0</t>
  </si>
  <si>
    <t>578.993</t>
  </si>
  <si>
    <t>0.494</t>
  </si>
  <si>
    <t>34322.0</t>
  </si>
  <si>
    <t>67705158.0</t>
  </si>
  <si>
    <t>36932057.0</t>
  </si>
  <si>
    <t>29360489.0</t>
  </si>
  <si>
    <t>1550731.0</t>
  </si>
  <si>
    <t>107580.0</t>
  </si>
  <si>
    <t>267627.0</t>
  </si>
  <si>
    <t>148.77</t>
  </si>
  <si>
    <t>81.15</t>
  </si>
  <si>
    <t>5881.0</t>
  </si>
  <si>
    <t>46427.0</t>
  </si>
  <si>
    <t>26257931.0</t>
  </si>
  <si>
    <t>42991.0</t>
  </si>
  <si>
    <t>579.943</t>
  </si>
  <si>
    <t>34291.0</t>
  </si>
  <si>
    <t>68042420.0</t>
  </si>
  <si>
    <t>37005744.0</t>
  </si>
  <si>
    <t>29542343.0</t>
  </si>
  <si>
    <t>1633361.0</t>
  </si>
  <si>
    <t>337262.0</t>
  </si>
  <si>
    <t>261751.0</t>
  </si>
  <si>
    <t>149.51</t>
  </si>
  <si>
    <t>81.31</t>
  </si>
  <si>
    <t>64.91</t>
  </si>
  <si>
    <t>3.59</t>
  </si>
  <si>
    <t>48268.0</t>
  </si>
  <si>
    <t>26298548.0</t>
  </si>
  <si>
    <t>40617.0</t>
  </si>
  <si>
    <t>580.84</t>
  </si>
  <si>
    <t>33577.0</t>
  </si>
  <si>
    <t>68390701.0</t>
  </si>
  <si>
    <t>37076777.0</t>
  </si>
  <si>
    <t>29730975.0</t>
  </si>
  <si>
    <t>1722898.0</t>
  </si>
  <si>
    <t>348281.0</t>
  </si>
  <si>
    <t>258990.0</t>
  </si>
  <si>
    <t>150.28</t>
  </si>
  <si>
    <t>81.47</t>
  </si>
  <si>
    <t>49817.0</t>
  </si>
  <si>
    <t>26340161.0</t>
  </si>
  <si>
    <t>41613.0</t>
  </si>
  <si>
    <t>581.759</t>
  </si>
  <si>
    <t>33134.0</t>
  </si>
  <si>
    <t>68711908.0</t>
  </si>
  <si>
    <t>37134488.0</t>
  </si>
  <si>
    <t>29903715.0</t>
  </si>
  <si>
    <t>1814567.0</t>
  </si>
  <si>
    <t>321207.0</t>
  </si>
  <si>
    <t>253199.0</t>
  </si>
  <si>
    <t>150.98</t>
  </si>
  <si>
    <t>81.6</t>
  </si>
  <si>
    <t>65.71</t>
  </si>
  <si>
    <t>5564.0</t>
  </si>
  <si>
    <t>48773.0</t>
  </si>
  <si>
    <t>26381495.0</t>
  </si>
  <si>
    <t>41334.0</t>
  </si>
  <si>
    <t>582.672</t>
  </si>
  <si>
    <t>33090.0</t>
  </si>
  <si>
    <t>69045429.0</t>
  </si>
  <si>
    <t>37197466.0</t>
  </si>
  <si>
    <t>30075532.0</t>
  </si>
  <si>
    <t>1914458.0</t>
  </si>
  <si>
    <t>333521.0</t>
  </si>
  <si>
    <t>245043.0</t>
  </si>
  <si>
    <t>151.71</t>
  </si>
  <si>
    <t>81.73</t>
  </si>
  <si>
    <t>66.09</t>
  </si>
  <si>
    <t>4.21</t>
  </si>
  <si>
    <t>5384.0</t>
  </si>
  <si>
    <t>49534.0</t>
  </si>
  <si>
    <t>26411178.0</t>
  </si>
  <si>
    <t>29683.0</t>
  </si>
  <si>
    <t>583.327</t>
  </si>
  <si>
    <t>33584.0</t>
  </si>
  <si>
    <t>69202578.0</t>
  </si>
  <si>
    <t>37233476.0</t>
  </si>
  <si>
    <t>30148225.0</t>
  </si>
  <si>
    <t>1963167.0</t>
  </si>
  <si>
    <t>157149.0</t>
  </si>
  <si>
    <t>242633.0</t>
  </si>
  <si>
    <t>152.06</t>
  </si>
  <si>
    <t>81.81</t>
  </si>
  <si>
    <t>66.24</t>
  </si>
  <si>
    <t>5331.0</t>
  </si>
  <si>
    <t>49434.0</t>
  </si>
  <si>
    <t>26430037.0</t>
  </si>
  <si>
    <t>18859.0</t>
  </si>
  <si>
    <t>583.744</t>
  </si>
  <si>
    <t>0.417</t>
  </si>
  <si>
    <t>33925.0</t>
  </si>
  <si>
    <t>69292117.0</t>
  </si>
  <si>
    <t>37248466.0</t>
  </si>
  <si>
    <t>30197536.0</t>
  </si>
  <si>
    <t>1988533.0</t>
  </si>
  <si>
    <t>89539.0</t>
  </si>
  <si>
    <t>242077.0</t>
  </si>
  <si>
    <t>152.26</t>
  </si>
  <si>
    <t>81.85</t>
  </si>
  <si>
    <t>66.35</t>
  </si>
  <si>
    <t>4.37</t>
  </si>
  <si>
    <t>48903.0</t>
  </si>
  <si>
    <t>13.491</t>
  </si>
  <si>
    <t>26474426.0</t>
  </si>
  <si>
    <t>44389.0</t>
  </si>
  <si>
    <t>584.724</t>
  </si>
  <si>
    <t>37069.0</t>
  </si>
  <si>
    <t>69650632.0</t>
  </si>
  <si>
    <t>37313797.0</t>
  </si>
  <si>
    <t>30377774.0</t>
  </si>
  <si>
    <t>2102706.0</t>
  </si>
  <si>
    <t>358515.0</t>
  </si>
  <si>
    <t>277925.0</t>
  </si>
  <si>
    <t>153.04</t>
  </si>
  <si>
    <t>81.99</t>
  </si>
  <si>
    <t>66.75</t>
  </si>
  <si>
    <t>54534.0</t>
  </si>
  <si>
    <t>26516950.0</t>
  </si>
  <si>
    <t>42524.0</t>
  </si>
  <si>
    <t>585.663</t>
  </si>
  <si>
    <t>37003.0</t>
  </si>
  <si>
    <t>70022289.0</t>
  </si>
  <si>
    <t>37386258.0</t>
  </si>
  <si>
    <t>30553789.0</t>
  </si>
  <si>
    <t>2227106.0</t>
  </si>
  <si>
    <t>371657.0</t>
  </si>
  <si>
    <t>282838.0</t>
  </si>
  <si>
    <t>153.86</t>
  </si>
  <si>
    <t>82.15</t>
  </si>
  <si>
    <t>67.14</t>
  </si>
  <si>
    <t>4.89</t>
  </si>
  <si>
    <t>6215.0</t>
  </si>
  <si>
    <t>54359.0</t>
  </si>
  <si>
    <t>13.887</t>
  </si>
  <si>
    <t>26561430.0</t>
  </si>
  <si>
    <t>44480.0</t>
  </si>
  <si>
    <t>586.646</t>
  </si>
  <si>
    <t>70403184.0</t>
  </si>
  <si>
    <t>37469192.0</t>
  </si>
  <si>
    <t>30688285.0</t>
  </si>
  <si>
    <t>2391884.0</t>
  </si>
  <si>
    <t>380895.0</t>
  </si>
  <si>
    <t>287498.0</t>
  </si>
  <si>
    <t>82.33</t>
  </si>
  <si>
    <t>67.43</t>
  </si>
  <si>
    <t>6317.0</t>
  </si>
  <si>
    <t>56059.0</t>
  </si>
  <si>
    <t>26606702.0</t>
  </si>
  <si>
    <t>45272.0</t>
  </si>
  <si>
    <t>587.646</t>
  </si>
  <si>
    <t>38077.0</t>
  </si>
  <si>
    <t>0.841</t>
  </si>
  <si>
    <t>70800207.0</t>
  </si>
  <si>
    <t>37548718.0</t>
  </si>
  <si>
    <t>30856870.0</t>
  </si>
  <si>
    <t>2542307.0</t>
  </si>
  <si>
    <t>397023.0</t>
  </si>
  <si>
    <t>298328.0</t>
  </si>
  <si>
    <t>155.57</t>
  </si>
  <si>
    <t>82.51</t>
  </si>
  <si>
    <t>6555.0</t>
  </si>
  <si>
    <t>59176.0</t>
  </si>
  <si>
    <t>14.436</t>
  </si>
  <si>
    <t>26646015.0</t>
  </si>
  <si>
    <t>39313.0</t>
  </si>
  <si>
    <t>588.514</t>
  </si>
  <si>
    <t>37789.0</t>
  </si>
  <si>
    <t>71116460.0</t>
  </si>
  <si>
    <t>37619102.0</t>
  </si>
  <si>
    <t>30993057.0</t>
  </si>
  <si>
    <t>2653118.0</t>
  </si>
  <si>
    <t>316253.0</t>
  </si>
  <si>
    <t>295862.0</t>
  </si>
  <si>
    <t>156.26</t>
  </si>
  <si>
    <t>82.66</t>
  </si>
  <si>
    <t>60234.0</t>
  </si>
  <si>
    <t>26677461.0</t>
  </si>
  <si>
    <t>31446.0</t>
  </si>
  <si>
    <t>589.208</t>
  </si>
  <si>
    <t>38040.0</t>
  </si>
  <si>
    <t>71280337.0</t>
  </si>
  <si>
    <t>37650977.0</t>
  </si>
  <si>
    <t>31056572.0</t>
  </si>
  <si>
    <t>2722082.0</t>
  </si>
  <si>
    <t>163877.0</t>
  </si>
  <si>
    <t>296823.0</t>
  </si>
  <si>
    <t>156.62</t>
  </si>
  <si>
    <t>82.73</t>
  </si>
  <si>
    <t>59643.0</t>
  </si>
  <si>
    <t>656.0</t>
  </si>
  <si>
    <t>14.414</t>
  </si>
  <si>
    <t>26700074.0</t>
  </si>
  <si>
    <t>22613.0</t>
  </si>
  <si>
    <t>589.708</t>
  </si>
  <si>
    <t>38577.0</t>
  </si>
  <si>
    <t>71376891.0</t>
  </si>
  <si>
    <t>37670114.0</t>
  </si>
  <si>
    <t>31102012.0</t>
  </si>
  <si>
    <t>2754194.0</t>
  </si>
  <si>
    <t>96554.0</t>
  </si>
  <si>
    <t>297825.0</t>
  </si>
  <si>
    <t>156.84</t>
  </si>
  <si>
    <t>82.77</t>
  </si>
  <si>
    <t>6544.0</t>
  </si>
  <si>
    <t>60235.0</t>
  </si>
  <si>
    <t>26748177.0</t>
  </si>
  <si>
    <t>48103.0</t>
  </si>
  <si>
    <t>590.77</t>
  </si>
  <si>
    <t>1.062</t>
  </si>
  <si>
    <t>39107.0</t>
  </si>
  <si>
    <t>0.864</t>
  </si>
  <si>
    <t>71690235.0</t>
  </si>
  <si>
    <t>37737097.0</t>
  </si>
  <si>
    <t>31255403.0</t>
  </si>
  <si>
    <t>2848401.0</t>
  </si>
  <si>
    <t>313344.0</t>
  </si>
  <si>
    <t>291372.0</t>
  </si>
  <si>
    <t>157.53</t>
  </si>
  <si>
    <t>82.92</t>
  </si>
  <si>
    <t>68.68</t>
  </si>
  <si>
    <t>6.26</t>
  </si>
  <si>
    <t>6402.0</t>
  </si>
  <si>
    <t>15.095</t>
  </si>
  <si>
    <t>26795380.0</t>
  </si>
  <si>
    <t>47203.0</t>
  </si>
  <si>
    <t>591.813</t>
  </si>
  <si>
    <t>39776.0</t>
  </si>
  <si>
    <t>72026320.0</t>
  </si>
  <si>
    <t>37803477.0</t>
  </si>
  <si>
    <t>31425086.0</t>
  </si>
  <si>
    <t>2949791.0</t>
  </si>
  <si>
    <t>336085.0</t>
  </si>
  <si>
    <t>286290.0</t>
  </si>
  <si>
    <t>158.26</t>
  </si>
  <si>
    <t>83.07</t>
  </si>
  <si>
    <t>69.05</t>
  </si>
  <si>
    <t>6.48</t>
  </si>
  <si>
    <t>6291.0</t>
  </si>
  <si>
    <t>59603.0</t>
  </si>
  <si>
    <t>15.205</t>
  </si>
  <si>
    <t>26822653.0</t>
  </si>
  <si>
    <t>27273.0</t>
  </si>
  <si>
    <t>592.415</t>
  </si>
  <si>
    <t>37318.0</t>
  </si>
  <si>
    <t>72161573.0</t>
  </si>
  <si>
    <t>37830039.0</t>
  </si>
  <si>
    <t>31479814.0</t>
  </si>
  <si>
    <t>3004011.0</t>
  </si>
  <si>
    <t>135253.0</t>
  </si>
  <si>
    <t>251198.0</t>
  </si>
  <si>
    <t>158.56</t>
  </si>
  <si>
    <t>83.12</t>
  </si>
  <si>
    <t>69.17</t>
  </si>
  <si>
    <t>5520.0</t>
  </si>
  <si>
    <t>51550.0</t>
  </si>
  <si>
    <t>707.0</t>
  </si>
  <si>
    <t>15.535</t>
  </si>
  <si>
    <t>26872487.0</t>
  </si>
  <si>
    <t>49834.0</t>
  </si>
  <si>
    <t>593.516</t>
  </si>
  <si>
    <t>37969.0</t>
  </si>
  <si>
    <t>72463608.0</t>
  </si>
  <si>
    <t>37886007.0</t>
  </si>
  <si>
    <t>31606122.0</t>
  </si>
  <si>
    <t>3125812.0</t>
  </si>
  <si>
    <t>302035.0</t>
  </si>
  <si>
    <t>237629.0</t>
  </si>
  <si>
    <t>159.22</t>
  </si>
  <si>
    <t>83.25</t>
  </si>
  <si>
    <t>69.45</t>
  </si>
  <si>
    <t>48184.0</t>
  </si>
  <si>
    <t>15.513</t>
  </si>
  <si>
    <t>26922965.0</t>
  </si>
  <si>
    <t>50478.0</t>
  </si>
  <si>
    <t>594.631</t>
  </si>
  <si>
    <t>39564.0</t>
  </si>
  <si>
    <t>72779118.0</t>
  </si>
  <si>
    <t>37940390.0</t>
  </si>
  <si>
    <t>31740609.0</t>
  </si>
  <si>
    <t>3255028.0</t>
  </si>
  <si>
    <t>315510.0</t>
  </si>
  <si>
    <t>237523.0</t>
  </si>
  <si>
    <t>159.92</t>
  </si>
  <si>
    <t>83.37</t>
  </si>
  <si>
    <t>69.74</t>
  </si>
  <si>
    <t>5219.0</t>
  </si>
  <si>
    <t>45898.0</t>
  </si>
  <si>
    <t>14.964</t>
  </si>
  <si>
    <t>26956357.0</t>
  </si>
  <si>
    <t>33392.0</t>
  </si>
  <si>
    <t>595.368</t>
  </si>
  <si>
    <t>39842.0</t>
  </si>
  <si>
    <t>72934461.0</t>
  </si>
  <si>
    <t>37969316.0</t>
  </si>
  <si>
    <t>31800974.0</t>
  </si>
  <si>
    <t>3322850.0</t>
  </si>
  <si>
    <t>155343.0</t>
  </si>
  <si>
    <t>236303.0</t>
  </si>
  <si>
    <t>160.26</t>
  </si>
  <si>
    <t>83.43</t>
  </si>
  <si>
    <t>45477.0</t>
  </si>
  <si>
    <t>15.227</t>
  </si>
  <si>
    <t>26979669.0</t>
  </si>
  <si>
    <t>23312.0</t>
  </si>
  <si>
    <t>595.883</t>
  </si>
  <si>
    <t>39942.0</t>
  </si>
  <si>
    <t>73031954.0</t>
  </si>
  <si>
    <t>37982725.0</t>
  </si>
  <si>
    <t>31836548.0</t>
  </si>
  <si>
    <t>3371446.0</t>
  </si>
  <si>
    <t>97493.0</t>
  </si>
  <si>
    <t>236438.0</t>
  </si>
  <si>
    <t>160.47</t>
  </si>
  <si>
    <t>83.46</t>
  </si>
  <si>
    <t>69.95</t>
  </si>
  <si>
    <t>7.41</t>
  </si>
  <si>
    <t>5195.0</t>
  </si>
  <si>
    <t>44659.0</t>
  </si>
  <si>
    <t>15.469</t>
  </si>
  <si>
    <t>27033084.0</t>
  </si>
  <si>
    <t>53415.0</t>
  </si>
  <si>
    <t>597.063</t>
  </si>
  <si>
    <t>40701.0</t>
  </si>
  <si>
    <t>73358036.0</t>
  </si>
  <si>
    <t>38037221.0</t>
  </si>
  <si>
    <t>31961216.0</t>
  </si>
  <si>
    <t>3520994.0</t>
  </si>
  <si>
    <t>326082.0</t>
  </si>
  <si>
    <t>238257.0</t>
  </si>
  <si>
    <t>161.19</t>
  </si>
  <si>
    <t>83.58</t>
  </si>
  <si>
    <t>70.23</t>
  </si>
  <si>
    <t>5235.0</t>
  </si>
  <si>
    <t>42875.0</t>
  </si>
  <si>
    <t>27089837.0</t>
  </si>
  <si>
    <t>56753.0</t>
  </si>
  <si>
    <t>598.316</t>
  </si>
  <si>
    <t>42065.0</t>
  </si>
  <si>
    <t>73696716.0</t>
  </si>
  <si>
    <t>38098191.0</t>
  </si>
  <si>
    <t>32092087.0</t>
  </si>
  <si>
    <t>3670240.0</t>
  </si>
  <si>
    <t>338680.0</t>
  </si>
  <si>
    <t>238628.0</t>
  </si>
  <si>
    <t>161.93</t>
  </si>
  <si>
    <t>83.71</t>
  </si>
  <si>
    <t>42102.0</t>
  </si>
  <si>
    <t>16.304</t>
  </si>
  <si>
    <t>27148817.0</t>
  </si>
  <si>
    <t>58980.0</t>
  </si>
  <si>
    <t>599.619</t>
  </si>
  <si>
    <t>1.303</t>
  </si>
  <si>
    <t>46595.0</t>
  </si>
  <si>
    <t>74079642.0</t>
  </si>
  <si>
    <t>38153620.0</t>
  </si>
  <si>
    <t>32213805.0</t>
  </si>
  <si>
    <t>3877337.0</t>
  </si>
  <si>
    <t>382926.0</t>
  </si>
  <si>
    <t>274010.0</t>
  </si>
  <si>
    <t>162.78</t>
  </si>
  <si>
    <t>83.84</t>
  </si>
  <si>
    <t>70.78</t>
  </si>
  <si>
    <t>8.52</t>
  </si>
  <si>
    <t>46226.0</t>
  </si>
  <si>
    <t>27211534.0</t>
  </si>
  <si>
    <t>62717.0</t>
  </si>
  <si>
    <t>601.004</t>
  </si>
  <si>
    <t>1.385</t>
  </si>
  <si>
    <t>48435.0</t>
  </si>
  <si>
    <t>74446215.0</t>
  </si>
  <si>
    <t>38209774.0</t>
  </si>
  <si>
    <t>32331081.0</t>
  </si>
  <si>
    <t>4071964.0</t>
  </si>
  <si>
    <t>366573.0</t>
  </si>
  <si>
    <t>283230.0</t>
  </si>
  <si>
    <t>163.58</t>
  </si>
  <si>
    <t>83.96</t>
  </si>
  <si>
    <t>71.04</t>
  </si>
  <si>
    <t>8.95</t>
  </si>
  <si>
    <t>6223.0</t>
  </si>
  <si>
    <t>46252.0</t>
  </si>
  <si>
    <t>17.117</t>
  </si>
  <si>
    <t>27274316.0</t>
  </si>
  <si>
    <t>62782.0</t>
  </si>
  <si>
    <t>602.391</t>
  </si>
  <si>
    <t>50193.0</t>
  </si>
  <si>
    <t>74777652.0</t>
  </si>
  <si>
    <t>38260555.0</t>
  </si>
  <si>
    <t>32431409.0</t>
  </si>
  <si>
    <t>4253746.0</t>
  </si>
  <si>
    <t>331437.0</t>
  </si>
  <si>
    <t>285505.0</t>
  </si>
  <si>
    <t>164.31</t>
  </si>
  <si>
    <t>84.07</t>
  </si>
  <si>
    <t>45738.0</t>
  </si>
  <si>
    <t>27317503.0</t>
  </si>
  <si>
    <t>43187.0</t>
  </si>
  <si>
    <t>603.345</t>
  </si>
  <si>
    <t>51592.0</t>
  </si>
  <si>
    <t>74939954.0</t>
  </si>
  <si>
    <t>38285035.0</t>
  </si>
  <si>
    <t>32489652.0</t>
  </si>
  <si>
    <t>4333578.0</t>
  </si>
  <si>
    <t>162302.0</t>
  </si>
  <si>
    <t>286499.0</t>
  </si>
  <si>
    <t>164.67</t>
  </si>
  <si>
    <t>84.12</t>
  </si>
  <si>
    <t>71.39</t>
  </si>
  <si>
    <t>45103.0</t>
  </si>
  <si>
    <t>27346757.0</t>
  </si>
  <si>
    <t>29254.0</t>
  </si>
  <si>
    <t>603.991</t>
  </si>
  <si>
    <t>52441.0</t>
  </si>
  <si>
    <t>75032449.0</t>
  </si>
  <si>
    <t>38297505.0</t>
  </si>
  <si>
    <t>32519848.0</t>
  </si>
  <si>
    <t>4383511.0</t>
  </si>
  <si>
    <t>92495.0</t>
  </si>
  <si>
    <t>285785.0</t>
  </si>
  <si>
    <t>164.87</t>
  </si>
  <si>
    <t>84.15</t>
  </si>
  <si>
    <t>71.46</t>
  </si>
  <si>
    <t>6280.0</t>
  </si>
  <si>
    <t>27416691.0</t>
  </si>
  <si>
    <t>69934.0</t>
  </si>
  <si>
    <t>605.535</t>
  </si>
  <si>
    <t>1.545</t>
  </si>
  <si>
    <t>54801.0</t>
  </si>
  <si>
    <t>75378931.0</t>
  </si>
  <si>
    <t>38348297.0</t>
  </si>
  <si>
    <t>32624828.0</t>
  </si>
  <si>
    <t>4575706.0</t>
  </si>
  <si>
    <t>346482.0</t>
  </si>
  <si>
    <t>288699.0</t>
  </si>
  <si>
    <t>165.63</t>
  </si>
  <si>
    <t>84.26</t>
  </si>
  <si>
    <t>71.69</t>
  </si>
  <si>
    <t>10.05</t>
  </si>
  <si>
    <t>6344.0</t>
  </si>
  <si>
    <t>44439.0</t>
  </si>
  <si>
    <t>27490903.0</t>
  </si>
  <si>
    <t>74212.0</t>
  </si>
  <si>
    <t>607.174</t>
  </si>
  <si>
    <t>1.639</t>
  </si>
  <si>
    <t>57295.0</t>
  </si>
  <si>
    <t>1.265</t>
  </si>
  <si>
    <t>75731505.0</t>
  </si>
  <si>
    <t>38407994.0</t>
  </si>
  <si>
    <t>32746765.0</t>
  </si>
  <si>
    <t>4748209.0</t>
  </si>
  <si>
    <t>352574.0</t>
  </si>
  <si>
    <t>290684.0</t>
  </si>
  <si>
    <t>166.41</t>
  </si>
  <si>
    <t>84.39</t>
  </si>
  <si>
    <t>71.95</t>
  </si>
  <si>
    <t>6387.0</t>
  </si>
  <si>
    <t>44258.0</t>
  </si>
  <si>
    <t>27581180.0</t>
  </si>
  <si>
    <t>90277.0</t>
  </si>
  <si>
    <t>609.168</t>
  </si>
  <si>
    <t>61766.0</t>
  </si>
  <si>
    <t>76058814.0</t>
  </si>
  <si>
    <t>38466791.0</t>
  </si>
  <si>
    <t>32865166.0</t>
  </si>
  <si>
    <t>4899940.0</t>
  </si>
  <si>
    <t>327309.0</t>
  </si>
  <si>
    <t>282739.0</t>
  </si>
  <si>
    <t>167.12</t>
  </si>
  <si>
    <t>84.52</t>
  </si>
  <si>
    <t>72.21</t>
  </si>
  <si>
    <t>44739.0</t>
  </si>
  <si>
    <t>18.282</t>
  </si>
  <si>
    <t>27686428.0</t>
  </si>
  <si>
    <t>611.493</t>
  </si>
  <si>
    <t>2.325</t>
  </si>
  <si>
    <t>67842.0</t>
  </si>
  <si>
    <t>1.498</t>
  </si>
  <si>
    <t>76297793.0</t>
  </si>
  <si>
    <t>38507624.0</t>
  </si>
  <si>
    <t>32951809.0</t>
  </si>
  <si>
    <t>5012838.0</t>
  </si>
  <si>
    <t>238979.0</t>
  </si>
  <si>
    <t>264511.0</t>
  </si>
  <si>
    <t>167.65</t>
  </si>
  <si>
    <t>84.61</t>
  </si>
  <si>
    <t>42550.0</t>
  </si>
  <si>
    <t>27760537.0</t>
  </si>
  <si>
    <t>74109.0</t>
  </si>
  <si>
    <t>613.13</t>
  </si>
  <si>
    <t>1.637</t>
  </si>
  <si>
    <t>69460.0</t>
  </si>
  <si>
    <t>76310671.0</t>
  </si>
  <si>
    <t>38509950.0</t>
  </si>
  <si>
    <t>32956349.0</t>
  </si>
  <si>
    <t>5019037.0</t>
  </si>
  <si>
    <t>12878.0</t>
  </si>
  <si>
    <t>219003.0</t>
  </si>
  <si>
    <t>167.68</t>
  </si>
  <si>
    <t>84.62</t>
  </si>
  <si>
    <t>72.42</t>
  </si>
  <si>
    <t>11.03</t>
  </si>
  <si>
    <t>4812.0</t>
  </si>
  <si>
    <t>35628.0</t>
  </si>
  <si>
    <t>17.776</t>
  </si>
  <si>
    <t>27785740.0</t>
  </si>
  <si>
    <t>25203.0</t>
  </si>
  <si>
    <t>613.686</t>
  </si>
  <si>
    <t>66891.0</t>
  </si>
  <si>
    <t>1.477</t>
  </si>
  <si>
    <t>76311418.0</t>
  </si>
  <si>
    <t>38510122.0</t>
  </si>
  <si>
    <t>32956601.0</t>
  </si>
  <si>
    <t>5019364.0</t>
  </si>
  <si>
    <t>195923.0</t>
  </si>
  <si>
    <t>4305.0</t>
  </si>
  <si>
    <t>32155.0</t>
  </si>
  <si>
    <t>27841827.0</t>
  </si>
  <si>
    <t>56087.0</t>
  </si>
  <si>
    <t>614.925</t>
  </si>
  <si>
    <t>1.239</t>
  </si>
  <si>
    <t>70724.0</t>
  </si>
  <si>
    <t>1.562</t>
  </si>
  <si>
    <t>76364538.0</t>
  </si>
  <si>
    <t>38521568.0</t>
  </si>
  <si>
    <t>32973522.0</t>
  </si>
  <si>
    <t>5044439.0</t>
  </si>
  <si>
    <t>53120.0</t>
  </si>
  <si>
    <t>190298.0</t>
  </si>
  <si>
    <t>167.8</t>
  </si>
  <si>
    <t>84.64</t>
  </si>
  <si>
    <t>32009.0</t>
  </si>
  <si>
    <t>27971959.0</t>
  </si>
  <si>
    <t>130132.0</t>
  </si>
  <si>
    <t>617.799</t>
  </si>
  <si>
    <t>2.874</t>
  </si>
  <si>
    <t>79324.0</t>
  </si>
  <si>
    <t>76798355.0</t>
  </si>
  <si>
    <t>38596730.0</t>
  </si>
  <si>
    <t>33111785.0</t>
  </si>
  <si>
    <t>5267719.0</t>
  </si>
  <si>
    <t>433817.0</t>
  </si>
  <si>
    <t>202775.0</t>
  </si>
  <si>
    <t>168.75</t>
  </si>
  <si>
    <t>84.81</t>
  </si>
  <si>
    <t>72.76</t>
  </si>
  <si>
    <t>4456.0</t>
  </si>
  <si>
    <t>35490.0</t>
  </si>
  <si>
    <t>892.0</t>
  </si>
  <si>
    <t>28128742.0</t>
  </si>
  <si>
    <t>156783.0</t>
  </si>
  <si>
    <t>621.262</t>
  </si>
  <si>
    <t>91120.0</t>
  </si>
  <si>
    <t>2.013</t>
  </si>
  <si>
    <t>77323182.0</t>
  </si>
  <si>
    <t>38673120.0</t>
  </si>
  <si>
    <t>33241240.0</t>
  </si>
  <si>
    <t>5589978.0</t>
  </si>
  <si>
    <t>524827.0</t>
  </si>
  <si>
    <t>227382.0</t>
  </si>
  <si>
    <t>169.9</t>
  </si>
  <si>
    <t>84.98</t>
  </si>
  <si>
    <t>73.04</t>
  </si>
  <si>
    <t>12.28</t>
  </si>
  <si>
    <t>37875.0</t>
  </si>
  <si>
    <t>28307423.0</t>
  </si>
  <si>
    <t>178681.0</t>
  </si>
  <si>
    <t>625.208</t>
  </si>
  <si>
    <t>3.946</t>
  </si>
  <si>
    <t>103749.0</t>
  </si>
  <si>
    <t>77822546.0</t>
  </si>
  <si>
    <t>38749503.0</t>
  </si>
  <si>
    <t>33365095.0</t>
  </si>
  <si>
    <t>5893247.0</t>
  </si>
  <si>
    <t>499364.0</t>
  </si>
  <si>
    <t>251962.0</t>
  </si>
  <si>
    <t>85.14</t>
  </si>
  <si>
    <t>73.31</t>
  </si>
  <si>
    <t>40387.0</t>
  </si>
  <si>
    <t>22.061</t>
  </si>
  <si>
    <t>28505567.0</t>
  </si>
  <si>
    <t>198144.0</t>
  </si>
  <si>
    <t>629.585</t>
  </si>
  <si>
    <t>4.376</t>
  </si>
  <si>
    <t>117020.0</t>
  </si>
  <si>
    <t>78249346.0</t>
  </si>
  <si>
    <t>38812537.0</t>
  </si>
  <si>
    <t>33467409.0</t>
  </si>
  <si>
    <t>6158195.0</t>
  </si>
  <si>
    <t>426800.0</t>
  </si>
  <si>
    <t>278793.0</t>
  </si>
  <si>
    <t>171.94</t>
  </si>
  <si>
    <t>85.28</t>
  </si>
  <si>
    <t>73.54</t>
  </si>
  <si>
    <t>43559.0</t>
  </si>
  <si>
    <t>22.171</t>
  </si>
  <si>
    <t>28634195.0</t>
  </si>
  <si>
    <t>128628.0</t>
  </si>
  <si>
    <t>632.426</t>
  </si>
  <si>
    <t>2.841</t>
  </si>
  <si>
    <t>124808.0</t>
  </si>
  <si>
    <t>2.757</t>
  </si>
  <si>
    <t>78281420.0</t>
  </si>
  <si>
    <t>38816753.0</t>
  </si>
  <si>
    <t>33475780.0</t>
  </si>
  <si>
    <t>6177811.0</t>
  </si>
  <si>
    <t>32074.0</t>
  </si>
  <si>
    <t>281536.0</t>
  </si>
  <si>
    <t>172.01</t>
  </si>
  <si>
    <t>85.29</t>
  </si>
  <si>
    <t>73.56</t>
  </si>
  <si>
    <t>6186.0</t>
  </si>
  <si>
    <t>43829.0</t>
  </si>
  <si>
    <t>28680676.0</t>
  </si>
  <si>
    <t>46481.0</t>
  </si>
  <si>
    <t>633.452</t>
  </si>
  <si>
    <t>127848.0</t>
  </si>
  <si>
    <t>2.824</t>
  </si>
  <si>
    <t>78286007.0</t>
  </si>
  <si>
    <t>38817413.0</t>
  </si>
  <si>
    <t>33476565.0</t>
  </si>
  <si>
    <t>6180987.0</t>
  </si>
  <si>
    <t>282084.0</t>
  </si>
  <si>
    <t>172.02</t>
  </si>
  <si>
    <t>6198.0</t>
  </si>
  <si>
    <t>43899.0</t>
  </si>
  <si>
    <t>24.214</t>
  </si>
  <si>
    <t>28753789.0</t>
  </si>
  <si>
    <t>73113.0</t>
  </si>
  <si>
    <t>635.067</t>
  </si>
  <si>
    <t>1.615</t>
  </si>
  <si>
    <t>130280.0</t>
  </si>
  <si>
    <t>2.877</t>
  </si>
  <si>
    <t>78389635.0</t>
  </si>
  <si>
    <t>38832102.0</t>
  </si>
  <si>
    <t>33497224.0</t>
  </si>
  <si>
    <t>6250298.0</t>
  </si>
  <si>
    <t>103628.0</t>
  </si>
  <si>
    <t>289300.0</t>
  </si>
  <si>
    <t>172.25</t>
  </si>
  <si>
    <t>85.33</t>
  </si>
  <si>
    <t>73.6</t>
  </si>
  <si>
    <t>13.73</t>
  </si>
  <si>
    <t>6357.0</t>
  </si>
  <si>
    <t>44362.0</t>
  </si>
  <si>
    <t>28958120.0</t>
  </si>
  <si>
    <t>204331.0</t>
  </si>
  <si>
    <t>639.58</t>
  </si>
  <si>
    <t>4.513</t>
  </si>
  <si>
    <t>140880.0</t>
  </si>
  <si>
    <t>3.112</t>
  </si>
  <si>
    <t>78883548.0</t>
  </si>
  <si>
    <t>38906443.0</t>
  </si>
  <si>
    <t>33600065.0</t>
  </si>
  <si>
    <t>6572751.0</t>
  </si>
  <si>
    <t>493913.0</t>
  </si>
  <si>
    <t>297885.0</t>
  </si>
  <si>
    <t>173.33</t>
  </si>
  <si>
    <t>85.49</t>
  </si>
  <si>
    <t>73.83</t>
  </si>
  <si>
    <t>6545.0</t>
  </si>
  <si>
    <t>44245.0</t>
  </si>
  <si>
    <t>26.763</t>
  </si>
  <si>
    <t>29197425.0</t>
  </si>
  <si>
    <t>239305.0</t>
  </si>
  <si>
    <t>644.865</t>
  </si>
  <si>
    <t>5.285</t>
  </si>
  <si>
    <t>152669.0</t>
  </si>
  <si>
    <t>3.372</t>
  </si>
  <si>
    <t>79435291.0</t>
  </si>
  <si>
    <t>38991318.0</t>
  </si>
  <si>
    <t>33712678.0</t>
  </si>
  <si>
    <t>6933104.0</t>
  </si>
  <si>
    <t>551743.0</t>
  </si>
  <si>
    <t>301730.0</t>
  </si>
  <si>
    <t>174.54</t>
  </si>
  <si>
    <t>85.68</t>
  </si>
  <si>
    <t>74.08</t>
  </si>
  <si>
    <t>6630.0</t>
  </si>
  <si>
    <t>45457.0</t>
  </si>
  <si>
    <t>1396.0</t>
  </si>
  <si>
    <t>30.674</t>
  </si>
  <si>
    <t>29462737.0</t>
  </si>
  <si>
    <t>265312.0</t>
  </si>
  <si>
    <t>650.725</t>
  </si>
  <si>
    <t>165045.0</t>
  </si>
  <si>
    <t>3.645</t>
  </si>
  <si>
    <t>0.465</t>
  </si>
  <si>
    <t>79981867.0</t>
  </si>
  <si>
    <t>39080155.0</t>
  </si>
  <si>
    <t>33834034.0</t>
  </si>
  <si>
    <t>7275789.0</t>
  </si>
  <si>
    <t>546576.0</t>
  </si>
  <si>
    <t>308474.0</t>
  </si>
  <si>
    <t>175.74</t>
  </si>
  <si>
    <t>85.87</t>
  </si>
  <si>
    <t>74.34</t>
  </si>
  <si>
    <t>15.99</t>
  </si>
  <si>
    <t>6778.0</t>
  </si>
  <si>
    <t>47236.0</t>
  </si>
  <si>
    <t>34.542</t>
  </si>
  <si>
    <t>29716986.0</t>
  </si>
  <si>
    <t>254249.0</t>
  </si>
  <si>
    <t>656.341</t>
  </si>
  <si>
    <t>5.615</t>
  </si>
  <si>
    <t>173060.0</t>
  </si>
  <si>
    <t>3.822</t>
  </si>
  <si>
    <t>80529349.0</t>
  </si>
  <si>
    <t>39173981.0</t>
  </si>
  <si>
    <t>33953460.0</t>
  </si>
  <si>
    <t>7616263.0</t>
  </si>
  <si>
    <t>547482.0</t>
  </si>
  <si>
    <t>325715.0</t>
  </si>
  <si>
    <t>176.95</t>
  </si>
  <si>
    <t>86.08</t>
  </si>
  <si>
    <t>74.61</t>
  </si>
  <si>
    <t>7157.0</t>
  </si>
  <si>
    <t>51635.0</t>
  </si>
  <si>
    <t>36.915</t>
  </si>
  <si>
    <t>29965146.0</t>
  </si>
  <si>
    <t>248160.0</t>
  </si>
  <si>
    <t>661.821</t>
  </si>
  <si>
    <t>5.481</t>
  </si>
  <si>
    <t>190136.0</t>
  </si>
  <si>
    <t>4.199</t>
  </si>
  <si>
    <t>81101183.0</t>
  </si>
  <si>
    <t>39266590.0</t>
  </si>
  <si>
    <t>34078564.0</t>
  </si>
  <si>
    <t>7976239.0</t>
  </si>
  <si>
    <t>571834.0</t>
  </si>
  <si>
    <t>402823.0</t>
  </si>
  <si>
    <t>178.2</t>
  </si>
  <si>
    <t>86.28</t>
  </si>
  <si>
    <t>74.88</t>
  </si>
  <si>
    <t>17.53</t>
  </si>
  <si>
    <t>64262.0</t>
  </si>
  <si>
    <t>1852.0</t>
  </si>
  <si>
    <t>30110169.0</t>
  </si>
  <si>
    <t>145023.0</t>
  </si>
  <si>
    <t>665.025</t>
  </si>
  <si>
    <t>3.203</t>
  </si>
  <si>
    <t>204213.0</t>
  </si>
  <si>
    <t>4.51</t>
  </si>
  <si>
    <t>0.532</t>
  </si>
  <si>
    <t>81372823.0</t>
  </si>
  <si>
    <t>39306190.0</t>
  </si>
  <si>
    <t>34129443.0</t>
  </si>
  <si>
    <t>8160266.0</t>
  </si>
  <si>
    <t>271640.0</t>
  </si>
  <si>
    <t>440974.0</t>
  </si>
  <si>
    <t>178.8</t>
  </si>
  <si>
    <t>86.37</t>
  </si>
  <si>
    <t>74.99</t>
  </si>
  <si>
    <t>9690.0</t>
  </si>
  <si>
    <t>69825.0</t>
  </si>
  <si>
    <t>1901.0</t>
  </si>
  <si>
    <t>30224081.0</t>
  </si>
  <si>
    <t>113912.0</t>
  </si>
  <si>
    <t>667.54</t>
  </si>
  <si>
    <t>2.516</t>
  </si>
  <si>
    <t>210042.0</t>
  </si>
  <si>
    <t>4.639</t>
  </si>
  <si>
    <t>81537098.0</t>
  </si>
  <si>
    <t>39327794.0</t>
  </si>
  <si>
    <t>34158361.0</t>
  </si>
  <si>
    <t>8275945.0</t>
  </si>
  <si>
    <t>164275.0</t>
  </si>
  <si>
    <t>449638.0</t>
  </si>
  <si>
    <t>179.16</t>
  </si>
  <si>
    <t>86.42</t>
  </si>
  <si>
    <t>75.06</t>
  </si>
  <si>
    <t>18.18</t>
  </si>
  <si>
    <t>9880.0</t>
  </si>
  <si>
    <t>70813.0</t>
  </si>
  <si>
    <t>43.221</t>
  </si>
  <si>
    <t>30494797.0</t>
  </si>
  <si>
    <t>270716.0</t>
  </si>
  <si>
    <t>673.52</t>
  </si>
  <si>
    <t>5.979</t>
  </si>
  <si>
    <t>219525.0</t>
  </si>
  <si>
    <t>4.849</t>
  </si>
  <si>
    <t>0.549</t>
  </si>
  <si>
    <t>82053811.0</t>
  </si>
  <si>
    <t>39408964.0</t>
  </si>
  <si>
    <t>34255917.0</t>
  </si>
  <si>
    <t>8618168.0</t>
  </si>
  <si>
    <t>516713.0</t>
  </si>
  <si>
    <t>452895.0</t>
  </si>
  <si>
    <t>180.3</t>
  </si>
  <si>
    <t>86.59</t>
  </si>
  <si>
    <t>75.27</t>
  </si>
  <si>
    <t>9951.0</t>
  </si>
  <si>
    <t>71789.0</t>
  </si>
  <si>
    <t>2084.0</t>
  </si>
  <si>
    <t>30739870.0</t>
  </si>
  <si>
    <t>245073.0</t>
  </si>
  <si>
    <t>678.932</t>
  </si>
  <si>
    <t>5.413</t>
  </si>
  <si>
    <t>220349.0</t>
  </si>
  <si>
    <t>4.867</t>
  </si>
  <si>
    <t>82555708.0</t>
  </si>
  <si>
    <t>39481030.0</t>
  </si>
  <si>
    <t>34346240.0</t>
  </si>
  <si>
    <t>8960860.0</t>
  </si>
  <si>
    <t>501897.0</t>
  </si>
  <si>
    <t>445774.0</t>
  </si>
  <si>
    <t>181.4</t>
  </si>
  <si>
    <t>86.75</t>
  </si>
  <si>
    <t>75.47</t>
  </si>
  <si>
    <t>19.69</t>
  </si>
  <si>
    <t>69959.0</t>
  </si>
  <si>
    <t>30970127.0</t>
  </si>
  <si>
    <t>230257.0</t>
  </si>
  <si>
    <t>684.018</t>
  </si>
  <si>
    <t>215341.0</t>
  </si>
  <si>
    <t>4.756</t>
  </si>
  <si>
    <t>83058084.0</t>
  </si>
  <si>
    <t>39550286.0</t>
  </si>
  <si>
    <t>34434138.0</t>
  </si>
  <si>
    <t>9309168.0</t>
  </si>
  <si>
    <t>502376.0</t>
  </si>
  <si>
    <t>439460.0</t>
  </si>
  <si>
    <t>182.5</t>
  </si>
  <si>
    <t>86.9</t>
  </si>
  <si>
    <t>75.66</t>
  </si>
  <si>
    <t>20.46</t>
  </si>
  <si>
    <t>9656.0</t>
  </si>
  <si>
    <t>67162.0</t>
  </si>
  <si>
    <t>31175949.0</t>
  </si>
  <si>
    <t>205822.0</t>
  </si>
  <si>
    <t>688.564</t>
  </si>
  <si>
    <t>4.546</t>
  </si>
  <si>
    <t>208423.0</t>
  </si>
  <si>
    <t>4.603</t>
  </si>
  <si>
    <t>83525120.0</t>
  </si>
  <si>
    <t>39612535.0</t>
  </si>
  <si>
    <t>34515388.0</t>
  </si>
  <si>
    <t>9634780.0</t>
  </si>
  <si>
    <t>467036.0</t>
  </si>
  <si>
    <t>427967.0</t>
  </si>
  <si>
    <t>183.53</t>
  </si>
  <si>
    <t>87.04</t>
  </si>
  <si>
    <t>75.84</t>
  </si>
  <si>
    <t>9404.0</t>
  </si>
  <si>
    <t>62651.0</t>
  </si>
  <si>
    <t>49.835</t>
  </si>
  <si>
    <t>31390985.0</t>
  </si>
  <si>
    <t>215036.0</t>
  </si>
  <si>
    <t>693.313</t>
  </si>
  <si>
    <t>4.749</t>
  </si>
  <si>
    <t>203691.0</t>
  </si>
  <si>
    <t>4.499</t>
  </si>
  <si>
    <t>83946377.0</t>
  </si>
  <si>
    <t>39665657.0</t>
  </si>
  <si>
    <t>34584418.0</t>
  </si>
  <si>
    <t>9936075.0</t>
  </si>
  <si>
    <t>421257.0</t>
  </si>
  <si>
    <t>406456.0</t>
  </si>
  <si>
    <t>184.46</t>
  </si>
  <si>
    <t>87.16</t>
  </si>
  <si>
    <t>75.99</t>
  </si>
  <si>
    <t>21.83</t>
  </si>
  <si>
    <t>8931.0</t>
  </si>
  <si>
    <t>57010.0</t>
  </si>
  <si>
    <t>31512990.0</t>
  </si>
  <si>
    <t>122005.0</t>
  </si>
  <si>
    <t>696.008</t>
  </si>
  <si>
    <t>200403.0</t>
  </si>
  <si>
    <t>4.426</t>
  </si>
  <si>
    <t>0.618</t>
  </si>
  <si>
    <t>84134675.0</t>
  </si>
  <si>
    <t>39685432.0</t>
  </si>
  <si>
    <t>34612465.0</t>
  </si>
  <si>
    <t>10077316.0</t>
  </si>
  <si>
    <t>188298.0</t>
  </si>
  <si>
    <t>394550.0</t>
  </si>
  <si>
    <t>184.87</t>
  </si>
  <si>
    <t>87.2</t>
  </si>
  <si>
    <t>76.05</t>
  </si>
  <si>
    <t>22.14</t>
  </si>
  <si>
    <t>8669.0</t>
  </si>
  <si>
    <t>54177.0</t>
  </si>
  <si>
    <t>31594895.0</t>
  </si>
  <si>
    <t>81905.0</t>
  </si>
  <si>
    <t>697.817</t>
  </si>
  <si>
    <t>195831.0</t>
  </si>
  <si>
    <t>4.325</t>
  </si>
  <si>
    <t>84268602.0</t>
  </si>
  <si>
    <t>39697757.0</t>
  </si>
  <si>
    <t>34629573.0</t>
  </si>
  <si>
    <t>10182037.0</t>
  </si>
  <si>
    <t>133927.0</t>
  </si>
  <si>
    <t>390215.0</t>
  </si>
  <si>
    <t>185.16</t>
  </si>
  <si>
    <t>87.23</t>
  </si>
  <si>
    <t>76.09</t>
  </si>
  <si>
    <t>22.37</t>
  </si>
  <si>
    <t>8574.0</t>
  </si>
  <si>
    <t>52852.0</t>
  </si>
  <si>
    <t>2099.0</t>
  </si>
  <si>
    <t>46.121</t>
  </si>
  <si>
    <t>31788888.0</t>
  </si>
  <si>
    <t>193993.0</t>
  </si>
  <si>
    <t>702.101</t>
  </si>
  <si>
    <t>4.285</t>
  </si>
  <si>
    <t>184870.0</t>
  </si>
  <si>
    <t>4.083</t>
  </si>
  <si>
    <t>84690428.0</t>
  </si>
  <si>
    <t>39751928.0</t>
  </si>
  <si>
    <t>34701772.0</t>
  </si>
  <si>
    <t>10479811.0</t>
  </si>
  <si>
    <t>421826.0</t>
  </si>
  <si>
    <t>376660.0</t>
  </si>
  <si>
    <t>186.09</t>
  </si>
  <si>
    <t>87.35</t>
  </si>
  <si>
    <t>76.25</t>
  </si>
  <si>
    <t>23.03</t>
  </si>
  <si>
    <t>48995.0</t>
  </si>
  <si>
    <t>31978669.0</t>
  </si>
  <si>
    <t>189781.0</t>
  </si>
  <si>
    <t>706.293</t>
  </si>
  <si>
    <t>4.192</t>
  </si>
  <si>
    <t>176971.0</t>
  </si>
  <si>
    <t>3.909</t>
  </si>
  <si>
    <t>85098911.0</t>
  </si>
  <si>
    <t>39800565.0</t>
  </si>
  <si>
    <t>34770582.0</t>
  </si>
  <si>
    <t>10772781.0</t>
  </si>
  <si>
    <t>408483.0</t>
  </si>
  <si>
    <t>363315.0</t>
  </si>
  <si>
    <t>186.99</t>
  </si>
  <si>
    <t>87.45</t>
  </si>
  <si>
    <t>76.4</t>
  </si>
  <si>
    <t>7983.0</t>
  </si>
  <si>
    <t>45648.0</t>
  </si>
  <si>
    <t>2310.0</t>
  </si>
  <si>
    <t>32152499.0</t>
  </si>
  <si>
    <t>173830.0</t>
  </si>
  <si>
    <t>710.132</t>
  </si>
  <si>
    <t>3.839</t>
  </si>
  <si>
    <t>168910.0</t>
  </si>
  <si>
    <t>3.731</t>
  </si>
  <si>
    <t>85486716.0</t>
  </si>
  <si>
    <t>39846998.0</t>
  </si>
  <si>
    <t>34837633.0</t>
  </si>
  <si>
    <t>11049007.0</t>
  </si>
  <si>
    <t>387805.0</t>
  </si>
  <si>
    <t>346947.0</t>
  </si>
  <si>
    <t>187.84</t>
  </si>
  <si>
    <t>87.56</t>
  </si>
  <si>
    <t>76.55</t>
  </si>
  <si>
    <t>24.28</t>
  </si>
  <si>
    <t>7623.0</t>
  </si>
  <si>
    <t>42387.0</t>
  </si>
  <si>
    <t>2470.0</t>
  </si>
  <si>
    <t>54.273</t>
  </si>
  <si>
    <t>32316394.0</t>
  </si>
  <si>
    <t>163895.0</t>
  </si>
  <si>
    <t>713.752</t>
  </si>
  <si>
    <t>162921.0</t>
  </si>
  <si>
    <t>3.598</t>
  </si>
  <si>
    <t>0.657</t>
  </si>
  <si>
    <t>85870982.0</t>
  </si>
  <si>
    <t>39893110.0</t>
  </si>
  <si>
    <t>34904242.0</t>
  </si>
  <si>
    <t>11322632.0</t>
  </si>
  <si>
    <t>384266.0</t>
  </si>
  <si>
    <t>335123.0</t>
  </si>
  <si>
    <t>188.68</t>
  </si>
  <si>
    <t>87.66</t>
  </si>
  <si>
    <t>76.7</t>
  </si>
  <si>
    <t>40082.0</t>
  </si>
  <si>
    <t>55.174</t>
  </si>
  <si>
    <t>32470269.0</t>
  </si>
  <si>
    <t>153875.0</t>
  </si>
  <si>
    <t>717.151</t>
  </si>
  <si>
    <t>3.399</t>
  </si>
  <si>
    <t>154183.0</t>
  </si>
  <si>
    <t>3.405</t>
  </si>
  <si>
    <t>86243615.0</t>
  </si>
  <si>
    <t>39936030.0</t>
  </si>
  <si>
    <t>34967323.0</t>
  </si>
  <si>
    <t>11591498.0</t>
  </si>
  <si>
    <t>372633.0</t>
  </si>
  <si>
    <t>328177.0</t>
  </si>
  <si>
    <t>189.5</t>
  </si>
  <si>
    <t>87.75</t>
  </si>
  <si>
    <t>25.47</t>
  </si>
  <si>
    <t>7211.0</t>
  </si>
  <si>
    <t>38625.0</t>
  </si>
  <si>
    <t>2558.0</t>
  </si>
  <si>
    <t>56.207</t>
  </si>
  <si>
    <t>32572326.0</t>
  </si>
  <si>
    <t>102057.0</t>
  </si>
  <si>
    <t>719.405</t>
  </si>
  <si>
    <t>2.254</t>
  </si>
  <si>
    <t>151334.0</t>
  </si>
  <si>
    <t>3.342</t>
  </si>
  <si>
    <t>86417340.0</t>
  </si>
  <si>
    <t>39953902.0</t>
  </si>
  <si>
    <t>34993463.0</t>
  </si>
  <si>
    <t>11721871.0</t>
  </si>
  <si>
    <t>173725.0</t>
  </si>
  <si>
    <t>326095.0</t>
  </si>
  <si>
    <t>189.89</t>
  </si>
  <si>
    <t>87.79</t>
  </si>
  <si>
    <t>76.89</t>
  </si>
  <si>
    <t>25.76</t>
  </si>
  <si>
    <t>7165.0</t>
  </si>
  <si>
    <t>38353.0</t>
  </si>
  <si>
    <t>32639793.0</t>
  </si>
  <si>
    <t>67467.0</t>
  </si>
  <si>
    <t>720.895</t>
  </si>
  <si>
    <t>149271.0</t>
  </si>
  <si>
    <t>0.637</t>
  </si>
  <si>
    <t>86536166.0</t>
  </si>
  <si>
    <t>39964032.0</t>
  </si>
  <si>
    <t>35009331.0</t>
  </si>
  <si>
    <t>11814986.0</t>
  </si>
  <si>
    <t>118826.0</t>
  </si>
  <si>
    <t>323938.0</t>
  </si>
  <si>
    <t>190.15</t>
  </si>
  <si>
    <t>87.81</t>
  </si>
  <si>
    <t>76.93</t>
  </si>
  <si>
    <t>25.96</t>
  </si>
  <si>
    <t>7118.0</t>
  </si>
  <si>
    <t>38039.0</t>
  </si>
  <si>
    <t>56.954</t>
  </si>
  <si>
    <t>32783284.0</t>
  </si>
  <si>
    <t>143491.0</t>
  </si>
  <si>
    <t>724.064</t>
  </si>
  <si>
    <t>3.169</t>
  </si>
  <si>
    <t>142057.0</t>
  </si>
  <si>
    <t>86903898.0</t>
  </si>
  <si>
    <t>40008757.0</t>
  </si>
  <si>
    <t>35076898.0</t>
  </si>
  <si>
    <t>12072875.0</t>
  </si>
  <si>
    <t>367732.0</t>
  </si>
  <si>
    <t>316210.0</t>
  </si>
  <si>
    <t>87.91</t>
  </si>
  <si>
    <t>77.07</t>
  </si>
  <si>
    <t>6948.0</t>
  </si>
  <si>
    <t>36690.0</t>
  </si>
  <si>
    <t>32911335.0</t>
  </si>
  <si>
    <t>128051.0</t>
  </si>
  <si>
    <t>726.892</t>
  </si>
  <si>
    <t>2.828</t>
  </si>
  <si>
    <t>133238.0</t>
  </si>
  <si>
    <t>2.943</t>
  </si>
  <si>
    <t>87252223.0</t>
  </si>
  <si>
    <t>40050531.0</t>
  </si>
  <si>
    <t>35141765.0</t>
  </si>
  <si>
    <t>12316667.0</t>
  </si>
  <si>
    <t>348325.0</t>
  </si>
  <si>
    <t>307616.0</t>
  </si>
  <si>
    <t>77.22</t>
  </si>
  <si>
    <t>6759.0</t>
  </si>
  <si>
    <t>2755.0</t>
  </si>
  <si>
    <t>33023912.0</t>
  </si>
  <si>
    <t>112577.0</t>
  </si>
  <si>
    <t>729.379</t>
  </si>
  <si>
    <t>2.486</t>
  </si>
  <si>
    <t>124488.0</t>
  </si>
  <si>
    <t>2.749</t>
  </si>
  <si>
    <t>0.573</t>
  </si>
  <si>
    <t>87597437.0</t>
  </si>
  <si>
    <t>40090737.0</t>
  </si>
  <si>
    <t>35207139.0</t>
  </si>
  <si>
    <t>12558598.0</t>
  </si>
  <si>
    <t>345214.0</t>
  </si>
  <si>
    <t>301532.0</t>
  </si>
  <si>
    <t>192.48</t>
  </si>
  <si>
    <t>88.09</t>
  </si>
  <si>
    <t>77.36</t>
  </si>
  <si>
    <t>6626.0</t>
  </si>
  <si>
    <t>34820.0</t>
  </si>
  <si>
    <t>2836.0</t>
  </si>
  <si>
    <t>33129427.0</t>
  </si>
  <si>
    <t>105515.0</t>
  </si>
  <si>
    <t>731.709</t>
  </si>
  <si>
    <t>116148.0</t>
  </si>
  <si>
    <t>2.565</t>
  </si>
  <si>
    <t>87950532.0</t>
  </si>
  <si>
    <t>40134304.0</t>
  </si>
  <si>
    <t>35278018.0</t>
  </si>
  <si>
    <t>12799475.0</t>
  </si>
  <si>
    <t>353095.0</t>
  </si>
  <si>
    <t>297079.0</t>
  </si>
  <si>
    <t>193.25</t>
  </si>
  <si>
    <t>88.19</t>
  </si>
  <si>
    <t>77.52</t>
  </si>
  <si>
    <t>28.12</t>
  </si>
  <si>
    <t>6528.0</t>
  </si>
  <si>
    <t>34456.0</t>
  </si>
  <si>
    <t>33221272.0</t>
  </si>
  <si>
    <t>91845.0</t>
  </si>
  <si>
    <t>733.738</t>
  </si>
  <si>
    <t>2.029</t>
  </si>
  <si>
    <t>107286.0</t>
  </si>
  <si>
    <t>88299591.0</t>
  </si>
  <si>
    <t>40174276.0</t>
  </si>
  <si>
    <t>35347063.0</t>
  </si>
  <si>
    <t>13041783.0</t>
  </si>
  <si>
    <t>349059.0</t>
  </si>
  <si>
    <t>293711.0</t>
  </si>
  <si>
    <t>194.02</t>
  </si>
  <si>
    <t>88.28</t>
  </si>
  <si>
    <t>77.67</t>
  </si>
  <si>
    <t>28.66</t>
  </si>
  <si>
    <t>6454.0</t>
  </si>
  <si>
    <t>34035.0</t>
  </si>
  <si>
    <t>2924.0</t>
  </si>
  <si>
    <t>33276151.0</t>
  </si>
  <si>
    <t>54879.0</t>
  </si>
  <si>
    <t>734.95</t>
  </si>
  <si>
    <t>1.212</t>
  </si>
  <si>
    <t>100546.0</t>
  </si>
  <si>
    <t>0.509</t>
  </si>
  <si>
    <t>88457521.0</t>
  </si>
  <si>
    <t>40190528.0</t>
  </si>
  <si>
    <t>35375444.0</t>
  </si>
  <si>
    <t>13155666.0</t>
  </si>
  <si>
    <t>157930.0</t>
  </si>
  <si>
    <t>291454.0</t>
  </si>
  <si>
    <t>194.37</t>
  </si>
  <si>
    <t>88.31</t>
  </si>
  <si>
    <t>77.73</t>
  </si>
  <si>
    <t>28.91</t>
  </si>
  <si>
    <t>33804.0</t>
  </si>
  <si>
    <t>63.985</t>
  </si>
  <si>
    <t>33314924.0</t>
  </si>
  <si>
    <t>38773.0</t>
  </si>
  <si>
    <t>735.806</t>
  </si>
  <si>
    <t>96447.0</t>
  </si>
  <si>
    <t>0.503</t>
  </si>
  <si>
    <t>88554050.0</t>
  </si>
  <si>
    <t>40199032.0</t>
  </si>
  <si>
    <t>35390524.0</t>
  </si>
  <si>
    <t>13228882.0</t>
  </si>
  <si>
    <t>96529.0</t>
  </si>
  <si>
    <t>288269.0</t>
  </si>
  <si>
    <t>194.58</t>
  </si>
  <si>
    <t>88.33</t>
  </si>
  <si>
    <t>77.76</t>
  </si>
  <si>
    <t>29.07</t>
  </si>
  <si>
    <t>6334.0</t>
  </si>
  <si>
    <t>33571.0</t>
  </si>
  <si>
    <t>63.92</t>
  </si>
  <si>
    <t>33406743.0</t>
  </si>
  <si>
    <t>91819.0</t>
  </si>
  <si>
    <t>737.834</t>
  </si>
  <si>
    <t>89066.0</t>
  </si>
  <si>
    <t>1.967</t>
  </si>
  <si>
    <t>0.469</t>
  </si>
  <si>
    <t>88913770.0</t>
  </si>
  <si>
    <t>40238221.0</t>
  </si>
  <si>
    <t>35457941.0</t>
  </si>
  <si>
    <t>13484159.0</t>
  </si>
  <si>
    <t>359720.0</t>
  </si>
  <si>
    <t>287125.0</t>
  </si>
  <si>
    <t>195.37</t>
  </si>
  <si>
    <t>88.42</t>
  </si>
  <si>
    <t>77.91</t>
  </si>
  <si>
    <t>32781.0</t>
  </si>
  <si>
    <t>33487321.0</t>
  </si>
  <si>
    <t>80578.0</t>
  </si>
  <si>
    <t>739.614</t>
  </si>
  <si>
    <t>82284.0</t>
  </si>
  <si>
    <t>89257185.0</t>
  </si>
  <si>
    <t>40276829.0</t>
  </si>
  <si>
    <t>35521935.0</t>
  </si>
  <si>
    <t>13726792.0</t>
  </si>
  <si>
    <t>343415.0</t>
  </si>
  <si>
    <t>286423.0</t>
  </si>
  <si>
    <t>196.13</t>
  </si>
  <si>
    <t>78.05</t>
  </si>
  <si>
    <t>6294.0</t>
  </si>
  <si>
    <t>32328.0</t>
  </si>
  <si>
    <t>60.69</t>
  </si>
  <si>
    <t>33559268.0</t>
  </si>
  <si>
    <t>71947.0</t>
  </si>
  <si>
    <t>741.203</t>
  </si>
  <si>
    <t>1.589</t>
  </si>
  <si>
    <t>76479.0</t>
  </si>
  <si>
    <t>0.411</t>
  </si>
  <si>
    <t>89575131.0</t>
  </si>
  <si>
    <t>40310794.0</t>
  </si>
  <si>
    <t>35580878.0</t>
  </si>
  <si>
    <t>13953645.0</t>
  </si>
  <si>
    <t>317946.0</t>
  </si>
  <si>
    <t>282528.0</t>
  </si>
  <si>
    <t>196.82</t>
  </si>
  <si>
    <t>88.58</t>
  </si>
  <si>
    <t>78.18</t>
  </si>
  <si>
    <t>31437.0</t>
  </si>
  <si>
    <t>33615597.0</t>
  </si>
  <si>
    <t>56329.0</t>
  </si>
  <si>
    <t>742.447</t>
  </si>
  <si>
    <t>69453.0</t>
  </si>
  <si>
    <t>89855879.0</t>
  </si>
  <si>
    <t>40341382.0</t>
  </si>
  <si>
    <t>35638035.0</t>
  </si>
  <si>
    <t>14148295.0</t>
  </si>
  <si>
    <t>280748.0</t>
  </si>
  <si>
    <t>272192.0</t>
  </si>
  <si>
    <t>197.44</t>
  </si>
  <si>
    <t>88.64</t>
  </si>
  <si>
    <t>78.31</t>
  </si>
  <si>
    <t>29583.0</t>
  </si>
  <si>
    <t>2692.0</t>
  </si>
  <si>
    <t>33674907.0</t>
  </si>
  <si>
    <t>59310.0</t>
  </si>
  <si>
    <t>743.757</t>
  </si>
  <si>
    <t>64805.0</t>
  </si>
  <si>
    <t>1.431</t>
  </si>
  <si>
    <t>90179571.0</t>
  </si>
  <si>
    <t>40375508.0</t>
  </si>
  <si>
    <t>35699760.0</t>
  </si>
  <si>
    <t>14377781.0</t>
  </si>
  <si>
    <t>323692.0</t>
  </si>
  <si>
    <t>268569.0</t>
  </si>
  <si>
    <t>198.15</t>
  </si>
  <si>
    <t>88.72</t>
  </si>
  <si>
    <t>78.44</t>
  </si>
  <si>
    <t>31.59</t>
  </si>
  <si>
    <t>28747.0</t>
  </si>
  <si>
    <t>33709530.0</t>
  </si>
  <si>
    <t>34623.0</t>
  </si>
  <si>
    <t>744.521</t>
  </si>
  <si>
    <t>61911.0</t>
  </si>
  <si>
    <t>0.366</t>
  </si>
  <si>
    <t>90315297.0</t>
  </si>
  <si>
    <t>40386929.0</t>
  </si>
  <si>
    <t>35721779.0</t>
  </si>
  <si>
    <t>14480382.0</t>
  </si>
  <si>
    <t>135726.0</t>
  </si>
  <si>
    <t>265397.0</t>
  </si>
  <si>
    <t>198.45</t>
  </si>
  <si>
    <t>88.74</t>
  </si>
  <si>
    <t>78.49</t>
  </si>
  <si>
    <t>31.82</t>
  </si>
  <si>
    <t>5832.0</t>
  </si>
  <si>
    <t>28057.0</t>
  </si>
  <si>
    <t>2597.0</t>
  </si>
  <si>
    <t>33732502.0</t>
  </si>
  <si>
    <t>22972.0</t>
  </si>
  <si>
    <t>745.029</t>
  </si>
  <si>
    <t>59654.0</t>
  </si>
  <si>
    <t>90406726.0</t>
  </si>
  <si>
    <t>40394234.0</t>
  </si>
  <si>
    <t>35736320.0</t>
  </si>
  <si>
    <t>14550096.0</t>
  </si>
  <si>
    <t>91429.0</t>
  </si>
  <si>
    <t>264668.0</t>
  </si>
  <si>
    <t>198.65</t>
  </si>
  <si>
    <t>88.76</t>
  </si>
  <si>
    <t>78.52</t>
  </si>
  <si>
    <t>31.97</t>
  </si>
  <si>
    <t>5816.0</t>
  </si>
  <si>
    <t>27886.0</t>
  </si>
  <si>
    <t>33790928.0</t>
  </si>
  <si>
    <t>58426.0</t>
  </si>
  <si>
    <t>746.319</t>
  </si>
  <si>
    <t>54884.0</t>
  </si>
  <si>
    <t>90695059.0</t>
  </si>
  <si>
    <t>40427507.0</t>
  </si>
  <si>
    <t>35799003.0</t>
  </si>
  <si>
    <t>14744273.0</t>
  </si>
  <si>
    <t>288333.0</t>
  </si>
  <si>
    <t>254470.0</t>
  </si>
  <si>
    <t>199.28</t>
  </si>
  <si>
    <t>88.83</t>
  </si>
  <si>
    <t>78.66</t>
  </si>
  <si>
    <t>54.779</t>
  </si>
  <si>
    <t>33842597.0</t>
  </si>
  <si>
    <t>51669.0</t>
  </si>
  <si>
    <t>747.46</t>
  </si>
  <si>
    <t>1.121</t>
  </si>
  <si>
    <t>90968918.0</t>
  </si>
  <si>
    <t>40460660.0</t>
  </si>
  <si>
    <t>35862163.0</t>
  </si>
  <si>
    <t>14923473.0</t>
  </si>
  <si>
    <t>273859.0</t>
  </si>
  <si>
    <t>244533.0</t>
  </si>
  <si>
    <t>199.89</t>
  </si>
  <si>
    <t>88.9</t>
  </si>
  <si>
    <t>78.8</t>
  </si>
  <si>
    <t>32.79</t>
  </si>
  <si>
    <t>5373.0</t>
  </si>
  <si>
    <t>26262.0</t>
  </si>
  <si>
    <t>2428.0</t>
  </si>
  <si>
    <t>33892728.0</t>
  </si>
  <si>
    <t>50131.0</t>
  </si>
  <si>
    <t>748.568</t>
  </si>
  <si>
    <t>1.107</t>
  </si>
  <si>
    <t>47637.0</t>
  </si>
  <si>
    <t>91271672.0</t>
  </si>
  <si>
    <t>40493361.0</t>
  </si>
  <si>
    <t>35921186.0</t>
  </si>
  <si>
    <t>15136089.0</t>
  </si>
  <si>
    <t>302754.0</t>
  </si>
  <si>
    <t>242363.0</t>
  </si>
  <si>
    <t>200.55</t>
  </si>
  <si>
    <t>88.98</t>
  </si>
  <si>
    <t>78.93</t>
  </si>
  <si>
    <t>33.26</t>
  </si>
  <si>
    <t>5325.0</t>
  </si>
  <si>
    <t>26081.0</t>
  </si>
  <si>
    <t>2321.0</t>
  </si>
  <si>
    <t>33943806.0</t>
  </si>
  <si>
    <t>51078.0</t>
  </si>
  <si>
    <t>749.696</t>
  </si>
  <si>
    <t>1.128</t>
  </si>
  <si>
    <t>46887.0</t>
  </si>
  <si>
    <t>91541363.0</t>
  </si>
  <si>
    <t>40523217.0</t>
  </si>
  <si>
    <t>35979519.0</t>
  </si>
  <si>
    <t>15318986.0</t>
  </si>
  <si>
    <t>269691.0</t>
  </si>
  <si>
    <t>240783.0</t>
  </si>
  <si>
    <t>201.14</t>
  </si>
  <si>
    <t>89.04</t>
  </si>
  <si>
    <t>79.06</t>
  </si>
  <si>
    <t>33.66</t>
  </si>
  <si>
    <t>25976.0</t>
  </si>
  <si>
    <t>33986020.0</t>
  </si>
  <si>
    <t>42214.0</t>
  </si>
  <si>
    <t>750.628</t>
  </si>
  <si>
    <t>44445.0</t>
  </si>
  <si>
    <t>91784412.0</t>
  </si>
  <si>
    <t>40548293.0</t>
  </si>
  <si>
    <t>36031455.0</t>
  </si>
  <si>
    <t>15486273.0</t>
  </si>
  <si>
    <t>243049.0</t>
  </si>
  <si>
    <t>229263.0</t>
  </si>
  <si>
    <t>201.68</t>
  </si>
  <si>
    <t>79.17</t>
  </si>
  <si>
    <t>34.03</t>
  </si>
  <si>
    <t>24684.0</t>
  </si>
  <si>
    <t>34014776.0</t>
  </si>
  <si>
    <t>28756.0</t>
  </si>
  <si>
    <t>751.263</t>
  </si>
  <si>
    <t>0.635</t>
  </si>
  <si>
    <t>43607.0</t>
  </si>
  <si>
    <t>91908341.0</t>
  </si>
  <si>
    <t>40558749.0</t>
  </si>
  <si>
    <t>36054384.0</t>
  </si>
  <si>
    <t>15577188.0</t>
  </si>
  <si>
    <t>123929.0</t>
  </si>
  <si>
    <t>227578.0</t>
  </si>
  <si>
    <t>201.95</t>
  </si>
  <si>
    <t>89.12</t>
  </si>
  <si>
    <t>79.22</t>
  </si>
  <si>
    <t>34.23</t>
  </si>
  <si>
    <t>5001.0</t>
  </si>
  <si>
    <t>24546.0</t>
  </si>
  <si>
    <t>34034507.0</t>
  </si>
  <si>
    <t>19731.0</t>
  </si>
  <si>
    <t>751.699</t>
  </si>
  <si>
    <t>43144.0</t>
  </si>
  <si>
    <t>91985694.0</t>
  </si>
  <si>
    <t>40564518.0</t>
  </si>
  <si>
    <t>36067377.0</t>
  </si>
  <si>
    <t>15635907.0</t>
  </si>
  <si>
    <t>77353.0</t>
  </si>
  <si>
    <t>225567.0</t>
  </si>
  <si>
    <t>202.12</t>
  </si>
  <si>
    <t>89.13</t>
  </si>
  <si>
    <t>79.25</t>
  </si>
  <si>
    <t>34.36</t>
  </si>
  <si>
    <t>4956.0</t>
  </si>
  <si>
    <t>24326.0</t>
  </si>
  <si>
    <t>34085930.0</t>
  </si>
  <si>
    <t>51423.0</t>
  </si>
  <si>
    <t>752.835</t>
  </si>
  <si>
    <t>42143.0</t>
  </si>
  <si>
    <t>92217586.0</t>
  </si>
  <si>
    <t>40590626.0</t>
  </si>
  <si>
    <t>36121015.0</t>
  </si>
  <si>
    <t>15789426.0</t>
  </si>
  <si>
    <t>231892.0</t>
  </si>
  <si>
    <t>217504.0</t>
  </si>
  <si>
    <t>202.63</t>
  </si>
  <si>
    <t>89.19</t>
  </si>
  <si>
    <t>79.37</t>
  </si>
  <si>
    <t>23303.0</t>
  </si>
  <si>
    <t>34136285.0</t>
  </si>
  <si>
    <t>50355.0</t>
  </si>
  <si>
    <t>753.947</t>
  </si>
  <si>
    <t>1.112</t>
  </si>
  <si>
    <t>41955.0</t>
  </si>
  <si>
    <t>0.927</t>
  </si>
  <si>
    <t>92437072.0</t>
  </si>
  <si>
    <t>40616955.0</t>
  </si>
  <si>
    <t>36172859.0</t>
  </si>
  <si>
    <t>15932308.0</t>
  </si>
  <si>
    <t>219486.0</t>
  </si>
  <si>
    <t>209736.0</t>
  </si>
  <si>
    <t>203.11</t>
  </si>
  <si>
    <t>89.25</t>
  </si>
  <si>
    <t>79.48</t>
  </si>
  <si>
    <t>35.01</t>
  </si>
  <si>
    <t>22328.0</t>
  </si>
  <si>
    <t>34184811.0</t>
  </si>
  <si>
    <t>48526.0</t>
  </si>
  <si>
    <t>755.019</t>
  </si>
  <si>
    <t>41726.0</t>
  </si>
  <si>
    <t>92654989.0</t>
  </si>
  <si>
    <t>40642722.0</t>
  </si>
  <si>
    <t>36223416.0</t>
  </si>
  <si>
    <t>16075525.0</t>
  </si>
  <si>
    <t>217917.0</t>
  </si>
  <si>
    <t>197617.0</t>
  </si>
  <si>
    <t>203.59</t>
  </si>
  <si>
    <t>89.3</t>
  </si>
  <si>
    <t>35.32</t>
  </si>
  <si>
    <t>4342.0</t>
  </si>
  <si>
    <t>21337.0</t>
  </si>
  <si>
    <t>39.31</t>
  </si>
  <si>
    <t>34231354.0</t>
  </si>
  <si>
    <t>46543.0</t>
  </si>
  <si>
    <t>756.047</t>
  </si>
  <si>
    <t>41078.0</t>
  </si>
  <si>
    <t>92868589.0</t>
  </si>
  <si>
    <t>40668764.0</t>
  </si>
  <si>
    <t>36276129.0</t>
  </si>
  <si>
    <t>16211774.0</t>
  </si>
  <si>
    <t>213600.0</t>
  </si>
  <si>
    <t>189604.0</t>
  </si>
  <si>
    <t>204.06</t>
  </si>
  <si>
    <t>89.36</t>
  </si>
  <si>
    <t>79.71</t>
  </si>
  <si>
    <t>35.62</t>
  </si>
  <si>
    <t>20792.0</t>
  </si>
  <si>
    <t>36.146</t>
  </si>
  <si>
    <t>34276589.0</t>
  </si>
  <si>
    <t>45235.0</t>
  </si>
  <si>
    <t>757.046</t>
  </si>
  <si>
    <t>41510.0</t>
  </si>
  <si>
    <t>93086400.0</t>
  </si>
  <si>
    <t>40693724.0</t>
  </si>
  <si>
    <t>36327581.0</t>
  </si>
  <si>
    <t>16354483.0</t>
  </si>
  <si>
    <t>217811.0</t>
  </si>
  <si>
    <t>185998.0</t>
  </si>
  <si>
    <t>204.54</t>
  </si>
  <si>
    <t>89.42</t>
  </si>
  <si>
    <t>79.82</t>
  </si>
  <si>
    <t>20776.0</t>
  </si>
  <si>
    <t>1625.0</t>
  </si>
  <si>
    <t>34303809.0</t>
  </si>
  <si>
    <t>27220.0</t>
  </si>
  <si>
    <t>757.647</t>
  </si>
  <si>
    <t>41290.0</t>
  </si>
  <si>
    <t>93175576.0</t>
  </si>
  <si>
    <t>40701256.0</t>
  </si>
  <si>
    <t>36345354.0</t>
  </si>
  <si>
    <t>16418637.0</t>
  </si>
  <si>
    <t>89176.0</t>
  </si>
  <si>
    <t>181034.0</t>
  </si>
  <si>
    <t>204.74</t>
  </si>
  <si>
    <t>89.43</t>
  </si>
  <si>
    <t>79.86</t>
  </si>
  <si>
    <t>36.08</t>
  </si>
  <si>
    <t>20358.0</t>
  </si>
  <si>
    <t>34322383.0</t>
  </si>
  <si>
    <t>18574.0</t>
  </si>
  <si>
    <t>758.057</t>
  </si>
  <si>
    <t>41125.0</t>
  </si>
  <si>
    <t>93229977.0</t>
  </si>
  <si>
    <t>40704531.0</t>
  </si>
  <si>
    <t>36354175.0</t>
  </si>
  <si>
    <t>16461035.0</t>
  </si>
  <si>
    <t>54401.0</t>
  </si>
  <si>
    <t>177755.0</t>
  </si>
  <si>
    <t>204.85</t>
  </si>
  <si>
    <t>89.44</t>
  </si>
  <si>
    <t>20002.0</t>
  </si>
  <si>
    <t>34370336.0</t>
  </si>
  <si>
    <t>47953.0</t>
  </si>
  <si>
    <t>759.116</t>
  </si>
  <si>
    <t>40629.0</t>
  </si>
  <si>
    <t>93435596.0</t>
  </si>
  <si>
    <t>40728695.0</t>
  </si>
  <si>
    <t>36404875.0</t>
  </si>
  <si>
    <t>16593156.0</t>
  </si>
  <si>
    <t>205619.0</t>
  </si>
  <si>
    <t>174001.0</t>
  </si>
  <si>
    <t>205.31</t>
  </si>
  <si>
    <t>89.49</t>
  </si>
  <si>
    <t>79.99</t>
  </si>
  <si>
    <t>3823.0</t>
  </si>
  <si>
    <t>19724.0</t>
  </si>
  <si>
    <t>32.388</t>
  </si>
  <si>
    <t>34417024.0</t>
  </si>
  <si>
    <t>46688.0</t>
  </si>
  <si>
    <t>760.147</t>
  </si>
  <si>
    <t>40106.0</t>
  </si>
  <si>
    <t>93641451.0</t>
  </si>
  <si>
    <t>40754040.0</t>
  </si>
  <si>
    <t>36457757.0</t>
  </si>
  <si>
    <t>16722229.0</t>
  </si>
  <si>
    <t>205855.0</t>
  </si>
  <si>
    <t>172054.0</t>
  </si>
  <si>
    <t>205.76</t>
  </si>
  <si>
    <t>89.55</t>
  </si>
  <si>
    <t>80.11</t>
  </si>
  <si>
    <t>36.74</t>
  </si>
  <si>
    <t>19584.0</t>
  </si>
  <si>
    <t>34460553.0</t>
  </si>
  <si>
    <t>43529.0</t>
  </si>
  <si>
    <t>761.109</t>
  </si>
  <si>
    <t>39392.0</t>
  </si>
  <si>
    <t>93849910.0</t>
  </si>
  <si>
    <t>40778607.0</t>
  </si>
  <si>
    <t>36509972.0</t>
  </si>
  <si>
    <t>16855310.0</t>
  </si>
  <si>
    <t>208459.0</t>
  </si>
  <si>
    <t>170703.0</t>
  </si>
  <si>
    <t>206.22</t>
  </si>
  <si>
    <t>80.22</t>
  </si>
  <si>
    <t>37.04</t>
  </si>
  <si>
    <t>3751.0</t>
  </si>
  <si>
    <t>19412.0</t>
  </si>
  <si>
    <t>30.411</t>
  </si>
  <si>
    <t>34500403.0</t>
  </si>
  <si>
    <t>39850.0</t>
  </si>
  <si>
    <t>761.989</t>
  </si>
  <si>
    <t>38436.0</t>
  </si>
  <si>
    <t>0.849</t>
  </si>
  <si>
    <t>94023737.0</t>
  </si>
  <si>
    <t>40797938.0</t>
  </si>
  <si>
    <t>36552837.0</t>
  </si>
  <si>
    <t>16968145.0</t>
  </si>
  <si>
    <t>173827.0</t>
  </si>
  <si>
    <t>165021.0</t>
  </si>
  <si>
    <t>206.6</t>
  </si>
  <si>
    <t>89.65</t>
  </si>
  <si>
    <t>37.28</t>
  </si>
  <si>
    <t>18453.0</t>
  </si>
  <si>
    <t>34540734.0</t>
  </si>
  <si>
    <t>40331.0</t>
  </si>
  <si>
    <t>762.88</t>
  </si>
  <si>
    <t>37735.0</t>
  </si>
  <si>
    <t>94232678.0</t>
  </si>
  <si>
    <t>40820315.0</t>
  </si>
  <si>
    <t>36604006.0</t>
  </si>
  <si>
    <t>17104580.0</t>
  </si>
  <si>
    <t>208941.0</t>
  </si>
  <si>
    <t>163754.0</t>
  </si>
  <si>
    <t>207.06</t>
  </si>
  <si>
    <t>89.69</t>
  </si>
  <si>
    <t>37.58</t>
  </si>
  <si>
    <t>18084.0</t>
  </si>
  <si>
    <t>34564365.0</t>
  </si>
  <si>
    <t>23631.0</t>
  </si>
  <si>
    <t>763.402</t>
  </si>
  <si>
    <t>37222.0</t>
  </si>
  <si>
    <t>94305850.0</t>
  </si>
  <si>
    <t>40826379.0</t>
  </si>
  <si>
    <t>36620841.0</t>
  </si>
  <si>
    <t>17155073.0</t>
  </si>
  <si>
    <t>73172.0</t>
  </si>
  <si>
    <t>161468.0</t>
  </si>
  <si>
    <t>207.22</t>
  </si>
  <si>
    <t>89.71</t>
  </si>
  <si>
    <t>80.47</t>
  </si>
  <si>
    <t>37.69</t>
  </si>
  <si>
    <t>3548.0</t>
  </si>
  <si>
    <t>17875.0</t>
  </si>
  <si>
    <t>25.401</t>
  </si>
  <si>
    <t>34581688.0</t>
  </si>
  <si>
    <t>17323.0</t>
  </si>
  <si>
    <t>763.784</t>
  </si>
  <si>
    <t>37044.0</t>
  </si>
  <si>
    <t>94341313.0</t>
  </si>
  <si>
    <t>40828912.0</t>
  </si>
  <si>
    <t>36628452.0</t>
  </si>
  <si>
    <t>17180487.0</t>
  </si>
  <si>
    <t>35463.0</t>
  </si>
  <si>
    <t>158762.0</t>
  </si>
  <si>
    <t>207.3</t>
  </si>
  <si>
    <t>80.48</t>
  </si>
  <si>
    <t>1136.0</t>
  </si>
  <si>
    <t>34603380.0</t>
  </si>
  <si>
    <t>21692.0</t>
  </si>
  <si>
    <t>764.263</t>
  </si>
  <si>
    <t>33292.0</t>
  </si>
  <si>
    <t>94386617.0</t>
  </si>
  <si>
    <t>40832827.0</t>
  </si>
  <si>
    <t>36639014.0</t>
  </si>
  <si>
    <t>17211437.0</t>
  </si>
  <si>
    <t>45304.0</t>
  </si>
  <si>
    <t>135860.0</t>
  </si>
  <si>
    <t>207.4</t>
  </si>
  <si>
    <t>89.72</t>
  </si>
  <si>
    <t>80.51</t>
  </si>
  <si>
    <t>37.82</t>
  </si>
  <si>
    <t>2985.0</t>
  </si>
  <si>
    <t>14876.0</t>
  </si>
  <si>
    <t>34624709.0</t>
  </si>
  <si>
    <t>21329.0</t>
  </si>
  <si>
    <t>764.734</t>
  </si>
  <si>
    <t>29669.0</t>
  </si>
  <si>
    <t>94430851.0</t>
  </si>
  <si>
    <t>40836832.0</t>
  </si>
  <si>
    <t>36648986.0</t>
  </si>
  <si>
    <t>17241818.0</t>
  </si>
  <si>
    <t>44234.0</t>
  </si>
  <si>
    <t>112771.0</t>
  </si>
  <si>
    <t>207.49</t>
  </si>
  <si>
    <t>89.73</t>
  </si>
  <si>
    <t>80.53</t>
  </si>
  <si>
    <t>37.89</t>
  </si>
  <si>
    <t>2478.0</t>
  </si>
  <si>
    <t>11827.0</t>
  </si>
  <si>
    <t>34669933.0</t>
  </si>
  <si>
    <t>45224.0</t>
  </si>
  <si>
    <t>765.733</t>
  </si>
  <si>
    <t>94566259.0</t>
  </si>
  <si>
    <t>40850276.0</t>
  </si>
  <si>
    <t>36679513.0</t>
  </si>
  <si>
    <t>17334227.0</t>
  </si>
  <si>
    <t>135408.0</t>
  </si>
  <si>
    <t>102336.0</t>
  </si>
  <si>
    <t>207.79</t>
  </si>
  <si>
    <t>89.76</t>
  </si>
  <si>
    <t>80.6</t>
  </si>
  <si>
    <t>38.09</t>
  </si>
  <si>
    <t>2249.0</t>
  </si>
  <si>
    <t>34714053.0</t>
  </si>
  <si>
    <t>44120.0</t>
  </si>
  <si>
    <t>766.708</t>
  </si>
  <si>
    <t>30521.0</t>
  </si>
  <si>
    <t>94695006.0</t>
  </si>
  <si>
    <t>40862382.0</t>
  </si>
  <si>
    <t>36708474.0</t>
  </si>
  <si>
    <t>17422709.0</t>
  </si>
  <si>
    <t>128747.0</t>
  </si>
  <si>
    <t>95896.0</t>
  </si>
  <si>
    <t>208.07</t>
  </si>
  <si>
    <t>89.79</t>
  </si>
  <si>
    <t>80.66</t>
  </si>
  <si>
    <t>38.28</t>
  </si>
  <si>
    <t>9206.0</t>
  </si>
  <si>
    <t>34758767.0</t>
  </si>
  <si>
    <t>767.695</t>
  </si>
  <si>
    <t>31148.0</t>
  </si>
  <si>
    <t>94821432.0</t>
  </si>
  <si>
    <t>40874672.0</t>
  </si>
  <si>
    <t>36737670.0</t>
  </si>
  <si>
    <t>17508395.0</t>
  </si>
  <si>
    <t>126426.0</t>
  </si>
  <si>
    <t>84108.0</t>
  </si>
  <si>
    <t>208.35</t>
  </si>
  <si>
    <t>89.81</t>
  </si>
  <si>
    <t>80.72</t>
  </si>
  <si>
    <t>34786086.0</t>
  </si>
  <si>
    <t>27319.0</t>
  </si>
  <si>
    <t>768.299</t>
  </si>
  <si>
    <t>31674.0</t>
  </si>
  <si>
    <t>94880408.0</t>
  </si>
  <si>
    <t>40878658.0</t>
  </si>
  <si>
    <t>36748940.0</t>
  </si>
  <si>
    <t>17552272.0</t>
  </si>
  <si>
    <t>58976.0</t>
  </si>
  <si>
    <t>82080.0</t>
  </si>
  <si>
    <t>208.48</t>
  </si>
  <si>
    <t>89.82</t>
  </si>
  <si>
    <t>80.75</t>
  </si>
  <si>
    <t>38.57</t>
  </si>
  <si>
    <t>1804.0</t>
  </si>
  <si>
    <t>7468.0</t>
  </si>
  <si>
    <t>34804356.0</t>
  </si>
  <si>
    <t>18270.0</t>
  </si>
  <si>
    <t>768.702</t>
  </si>
  <si>
    <t>31810.0</t>
  </si>
  <si>
    <t>94935583.0</t>
  </si>
  <si>
    <t>40880550.0</t>
  </si>
  <si>
    <t>36755211.0</t>
  </si>
  <si>
    <t>17599337.0</t>
  </si>
  <si>
    <t>55175.0</t>
  </si>
  <si>
    <t>84896.0</t>
  </si>
  <si>
    <t>208.6</t>
  </si>
  <si>
    <t>89.83</t>
  </si>
  <si>
    <t>80.76</t>
  </si>
  <si>
    <t>38.67</t>
  </si>
  <si>
    <t>34850195.0</t>
  </si>
  <si>
    <t>45839.0</t>
  </si>
  <si>
    <t>769.715</t>
  </si>
  <si>
    <t>35259.0</t>
  </si>
  <si>
    <t>95089131.0</t>
  </si>
  <si>
    <t>40890981.0</t>
  </si>
  <si>
    <t>36780959.0</t>
  </si>
  <si>
    <t>17717402.0</t>
  </si>
  <si>
    <t>153548.0</t>
  </si>
  <si>
    <t>100359.0</t>
  </si>
  <si>
    <t>208.94</t>
  </si>
  <si>
    <t>89.85</t>
  </si>
  <si>
    <t>80.82</t>
  </si>
  <si>
    <t>38.93</t>
  </si>
  <si>
    <t>2205.0</t>
  </si>
  <si>
    <t>8308.0</t>
  </si>
  <si>
    <t>34890813.0</t>
  </si>
  <si>
    <t>40618.0</t>
  </si>
  <si>
    <t>770.612</t>
  </si>
  <si>
    <t>38015.0</t>
  </si>
  <si>
    <t>95194129.0</t>
  </si>
  <si>
    <t>40898162.0</t>
  </si>
  <si>
    <t>36799631.0</t>
  </si>
  <si>
    <t>17796967.0</t>
  </si>
  <si>
    <t>104998.0</t>
  </si>
  <si>
    <t>109040.0</t>
  </si>
  <si>
    <t>209.17</t>
  </si>
  <si>
    <t>80.86</t>
  </si>
  <si>
    <t>8761.0</t>
  </si>
  <si>
    <t>916.0</t>
  </si>
  <si>
    <t>34931201.0</t>
  </si>
  <si>
    <t>40388.0</t>
  </si>
  <si>
    <t>771.504</t>
  </si>
  <si>
    <t>37324.0</t>
  </si>
  <si>
    <t>95314514.0</t>
  </si>
  <si>
    <t>40905790.0</t>
  </si>
  <si>
    <t>36819463.0</t>
  </si>
  <si>
    <t>17890410.0</t>
  </si>
  <si>
    <t>120385.0</t>
  </si>
  <si>
    <t>106894.0</t>
  </si>
  <si>
    <t>209.43</t>
  </si>
  <si>
    <t>89.88</t>
  </si>
  <si>
    <t>80.9</t>
  </si>
  <si>
    <t>18.919</t>
  </si>
  <si>
    <t>34967458.0</t>
  </si>
  <si>
    <t>36257.0</t>
  </si>
  <si>
    <t>772.304</t>
  </si>
  <si>
    <t>0.801</t>
  </si>
  <si>
    <t>36201.0</t>
  </si>
  <si>
    <t>95432053.0</t>
  </si>
  <si>
    <t>40916804.0</t>
  </si>
  <si>
    <t>36840796.0</t>
  </si>
  <si>
    <t>17976095.0</t>
  </si>
  <si>
    <t>117539.0</t>
  </si>
  <si>
    <t>105292.0</t>
  </si>
  <si>
    <t>209.69</t>
  </si>
  <si>
    <t>89.91</t>
  </si>
  <si>
    <t>80.95</t>
  </si>
  <si>
    <t>39.5</t>
  </si>
  <si>
    <t>7775.0</t>
  </si>
  <si>
    <t>16.678</t>
  </si>
  <si>
    <t>35003044.0</t>
  </si>
  <si>
    <t>35586.0</t>
  </si>
  <si>
    <t>773.09</t>
  </si>
  <si>
    <t>0.786</t>
  </si>
  <si>
    <t>34897.0</t>
  </si>
  <si>
    <t>95560655.0</t>
  </si>
  <si>
    <t>40926244.0</t>
  </si>
  <si>
    <t>36864647.0</t>
  </si>
  <si>
    <t>18071951.0</t>
  </si>
  <si>
    <t>128602.0</t>
  </si>
  <si>
    <t>105603.0</t>
  </si>
  <si>
    <t>209.98</t>
  </si>
  <si>
    <t>89.93</t>
  </si>
  <si>
    <t>39.71</t>
  </si>
  <si>
    <t>16.216</t>
  </si>
  <si>
    <t>35025331.0</t>
  </si>
  <si>
    <t>22287.0</t>
  </si>
  <si>
    <t>773.583</t>
  </si>
  <si>
    <t>34178.0</t>
  </si>
  <si>
    <t>0.755</t>
  </si>
  <si>
    <t>95618469.0</t>
  </si>
  <si>
    <t>40929556.0</t>
  </si>
  <si>
    <t>36874245.0</t>
  </si>
  <si>
    <t>18116955.0</t>
  </si>
  <si>
    <t>57814.0</t>
  </si>
  <si>
    <t>105437.0</t>
  </si>
  <si>
    <t>210.1</t>
  </si>
  <si>
    <t>81.02</t>
  </si>
  <si>
    <t>2317.0</t>
  </si>
  <si>
    <t>35041752.0</t>
  </si>
  <si>
    <t>16421.0</t>
  </si>
  <si>
    <t>773.945</t>
  </si>
  <si>
    <t>33914.0</t>
  </si>
  <si>
    <t>95646935.0</t>
  </si>
  <si>
    <t>40930886.0</t>
  </si>
  <si>
    <t>36878521.0</t>
  </si>
  <si>
    <t>18139850.0</t>
  </si>
  <si>
    <t>28466.0</t>
  </si>
  <si>
    <t>101622.0</t>
  </si>
  <si>
    <t>210.17</t>
  </si>
  <si>
    <t>89.94</t>
  </si>
  <si>
    <t>81.03</t>
  </si>
  <si>
    <t>39.86</t>
  </si>
  <si>
    <t>7191.0</t>
  </si>
  <si>
    <t>16.875</t>
  </si>
  <si>
    <t>35084694.0</t>
  </si>
  <si>
    <t>42942.0</t>
  </si>
  <si>
    <t>774.894</t>
  </si>
  <si>
    <t>33500.0</t>
  </si>
  <si>
    <t>95754365.0</t>
  </si>
  <si>
    <t>40939788.0</t>
  </si>
  <si>
    <t>36900402.0</t>
  </si>
  <si>
    <t>18217125.0</t>
  </si>
  <si>
    <t>107430.0</t>
  </si>
  <si>
    <t>95033.0</t>
  </si>
  <si>
    <t>210.4</t>
  </si>
  <si>
    <t>89.96</t>
  </si>
  <si>
    <t>81.08</t>
  </si>
  <si>
    <t>40.03</t>
  </si>
  <si>
    <t>35125845.0</t>
  </si>
  <si>
    <t>41151.0</t>
  </si>
  <si>
    <t>775.803</t>
  </si>
  <si>
    <t>33576.0</t>
  </si>
  <si>
    <t>95882015.0</t>
  </si>
  <si>
    <t>40948347.0</t>
  </si>
  <si>
    <t>36922798.0</t>
  </si>
  <si>
    <t>18314505.0</t>
  </si>
  <si>
    <t>127650.0</t>
  </si>
  <si>
    <t>98269.0</t>
  </si>
  <si>
    <t>210.68</t>
  </si>
  <si>
    <t>89.98</t>
  </si>
  <si>
    <t>81.13</t>
  </si>
  <si>
    <t>40.24</t>
  </si>
  <si>
    <t>2159.0</t>
  </si>
  <si>
    <t>7169.0</t>
  </si>
  <si>
    <t>16.282</t>
  </si>
  <si>
    <t>35166540.0</t>
  </si>
  <si>
    <t>40695.0</t>
  </si>
  <si>
    <t>776.701</t>
  </si>
  <si>
    <t>33620.0</t>
  </si>
  <si>
    <t>96003124.0</t>
  </si>
  <si>
    <t>40956792.0</t>
  </si>
  <si>
    <t>36943958.0</t>
  </si>
  <si>
    <t>18406610.0</t>
  </si>
  <si>
    <t>121109.0</t>
  </si>
  <si>
    <t>98373.0</t>
  </si>
  <si>
    <t>210.95</t>
  </si>
  <si>
    <t>89.99</t>
  </si>
  <si>
    <t>81.18</t>
  </si>
  <si>
    <t>40.44</t>
  </si>
  <si>
    <t>35202042.0</t>
  </si>
  <si>
    <t>35502.0</t>
  </si>
  <si>
    <t>777.486</t>
  </si>
  <si>
    <t>33512.0</t>
  </si>
  <si>
    <t>96120839.0</t>
  </si>
  <si>
    <t>40964788.0</t>
  </si>
  <si>
    <t>36965273.0</t>
  </si>
  <si>
    <t>18495545.0</t>
  </si>
  <si>
    <t>117715.0</t>
  </si>
  <si>
    <t>98398.0</t>
  </si>
  <si>
    <t>211.21</t>
  </si>
  <si>
    <t>90.01</t>
  </si>
  <si>
    <t>81.22</t>
  </si>
  <si>
    <t>40.64</t>
  </si>
  <si>
    <t>15.183</t>
  </si>
  <si>
    <t>35232115.0</t>
  </si>
  <si>
    <t>30073.0</t>
  </si>
  <si>
    <t>778.15</t>
  </si>
  <si>
    <t>0.664</t>
  </si>
  <si>
    <t>32724.0</t>
  </si>
  <si>
    <t>96245912.0</t>
  </si>
  <si>
    <t>40971921.0</t>
  </si>
  <si>
    <t>36985483.0</t>
  </si>
  <si>
    <t>18593713.0</t>
  </si>
  <si>
    <t>125073.0</t>
  </si>
  <si>
    <t>97894.0</t>
  </si>
  <si>
    <t>211.48</t>
  </si>
  <si>
    <t>90.03</t>
  </si>
  <si>
    <t>81.27</t>
  </si>
  <si>
    <t>35250605.0</t>
  </si>
  <si>
    <t>18490.0</t>
  </si>
  <si>
    <t>778.558</t>
  </si>
  <si>
    <t>32182.0</t>
  </si>
  <si>
    <t>96313399.0</t>
  </si>
  <si>
    <t>40974721.0</t>
  </si>
  <si>
    <t>36994473.0</t>
  </si>
  <si>
    <t>18649502.0</t>
  </si>
  <si>
    <t>67487.0</t>
  </si>
  <si>
    <t>99276.0</t>
  </si>
  <si>
    <t>211.63</t>
  </si>
  <si>
    <t>81.29</t>
  </si>
  <si>
    <t>40.98</t>
  </si>
  <si>
    <t>35263305.0</t>
  </si>
  <si>
    <t>12700.0</t>
  </si>
  <si>
    <t>778.839</t>
  </si>
  <si>
    <t>31650.0</t>
  </si>
  <si>
    <t>96345315.0</t>
  </si>
  <si>
    <t>40975705.0</t>
  </si>
  <si>
    <t>36998229.0</t>
  </si>
  <si>
    <t>18676695.0</t>
  </si>
  <si>
    <t>31916.0</t>
  </si>
  <si>
    <t>99769.0</t>
  </si>
  <si>
    <t>211.7</t>
  </si>
  <si>
    <t>90.04</t>
  </si>
  <si>
    <t>81.3</t>
  </si>
  <si>
    <t>41.04</t>
  </si>
  <si>
    <t>6403.0</t>
  </si>
  <si>
    <t>35297205.0</t>
  </si>
  <si>
    <t>33900.0</t>
  </si>
  <si>
    <t>779.587</t>
  </si>
  <si>
    <t>30359.0</t>
  </si>
  <si>
    <t>96463853.0</t>
  </si>
  <si>
    <t>40982058.0</t>
  </si>
  <si>
    <t>37016287.0</t>
  </si>
  <si>
    <t>18771297.0</t>
  </si>
  <si>
    <t>118538.0</t>
  </si>
  <si>
    <t>101355.0</t>
  </si>
  <si>
    <t>211.96</t>
  </si>
  <si>
    <t>90.05</t>
  </si>
  <si>
    <t>81.34</t>
  </si>
  <si>
    <t>41.25</t>
  </si>
  <si>
    <t>2227.0</t>
  </si>
  <si>
    <t>6039.0</t>
  </si>
  <si>
    <t>35328674.0</t>
  </si>
  <si>
    <t>31469.0</t>
  </si>
  <si>
    <t>780.282</t>
  </si>
  <si>
    <t>28976.0</t>
  </si>
  <si>
    <t>96573186.0</t>
  </si>
  <si>
    <t>40988438.0</t>
  </si>
  <si>
    <t>37033546.0</t>
  </si>
  <si>
    <t>18857429.0</t>
  </si>
  <si>
    <t>109333.0</t>
  </si>
  <si>
    <t>98739.0</t>
  </si>
  <si>
    <t>212.2</t>
  </si>
  <si>
    <t>90.06</t>
  </si>
  <si>
    <t>81.37</t>
  </si>
  <si>
    <t>41.44</t>
  </si>
  <si>
    <t>14.48</t>
  </si>
  <si>
    <t>35360222.0</t>
  </si>
  <si>
    <t>31548.0</t>
  </si>
  <si>
    <t>780.979</t>
  </si>
  <si>
    <t>27669.0</t>
  </si>
  <si>
    <t>96691463.0</t>
  </si>
  <si>
    <t>40995162.0</t>
  </si>
  <si>
    <t>37051534.0</t>
  </si>
  <si>
    <t>18951378.0</t>
  </si>
  <si>
    <t>118277.0</t>
  </si>
  <si>
    <t>98334.0</t>
  </si>
  <si>
    <t>212.46</t>
  </si>
  <si>
    <t>90.08</t>
  </si>
  <si>
    <t>81.41</t>
  </si>
  <si>
    <t>41.64</t>
  </si>
  <si>
    <t>5481.0</t>
  </si>
  <si>
    <t>35374538.0</t>
  </si>
  <si>
    <t>14316.0</t>
  </si>
  <si>
    <t>781.295</t>
  </si>
  <si>
    <t>24642.0</t>
  </si>
  <si>
    <t>96716051.0</t>
  </si>
  <si>
    <t>40996229.0</t>
  </si>
  <si>
    <t>37055024.0</t>
  </si>
  <si>
    <t>18971447.0</t>
  </si>
  <si>
    <t>24588.0</t>
  </si>
  <si>
    <t>85030.0</t>
  </si>
  <si>
    <t>212.51</t>
  </si>
  <si>
    <t>81.42</t>
  </si>
  <si>
    <t>41.69</t>
  </si>
  <si>
    <t>13.338</t>
  </si>
  <si>
    <t>35400127.0</t>
  </si>
  <si>
    <t>25589.0</t>
  </si>
  <si>
    <t>781.861</t>
  </si>
  <si>
    <t>24002.0</t>
  </si>
  <si>
    <t>96829052.0</t>
  </si>
  <si>
    <t>41001910.0</t>
  </si>
  <si>
    <t>37071321.0</t>
  </si>
  <si>
    <t>19062820.0</t>
  </si>
  <si>
    <t>113001.0</t>
  </si>
  <si>
    <t>83306.0</t>
  </si>
  <si>
    <t>212.76</t>
  </si>
  <si>
    <t>90.09</t>
  </si>
  <si>
    <t>81.46</t>
  </si>
  <si>
    <t>4284.0</t>
  </si>
  <si>
    <t>35415874.0</t>
  </si>
  <si>
    <t>15747.0</t>
  </si>
  <si>
    <t>782.208</t>
  </si>
  <si>
    <t>23610.0</t>
  </si>
  <si>
    <t>96878845.0</t>
  </si>
  <si>
    <t>41004035.0</t>
  </si>
  <si>
    <t>37077962.0</t>
  </si>
  <si>
    <t>19103934.0</t>
  </si>
  <si>
    <t>49793.0</t>
  </si>
  <si>
    <t>80778.0</t>
  </si>
  <si>
    <t>212.87</t>
  </si>
  <si>
    <t>90.1</t>
  </si>
  <si>
    <t>41.98</t>
  </si>
  <si>
    <t>4188.0</t>
  </si>
  <si>
    <t>12.217</t>
  </si>
  <si>
    <t>35427793.0</t>
  </si>
  <si>
    <t>782.472</t>
  </si>
  <si>
    <t>23498.0</t>
  </si>
  <si>
    <t>96900928.0</t>
  </si>
  <si>
    <t>41004818.0</t>
  </si>
  <si>
    <t>37080803.0</t>
  </si>
  <si>
    <t>19122420.0</t>
  </si>
  <si>
    <t>22083.0</t>
  </si>
  <si>
    <t>79373.0</t>
  </si>
  <si>
    <t>212.92</t>
  </si>
  <si>
    <t>81.48</t>
  </si>
  <si>
    <t>42.02</t>
  </si>
  <si>
    <t>4159.0</t>
  </si>
  <si>
    <t>35457639.0</t>
  </si>
  <si>
    <t>29846.0</t>
  </si>
  <si>
    <t>783.131</t>
  </si>
  <si>
    <t>22919.0</t>
  </si>
  <si>
    <t>97009236.0</t>
  </si>
  <si>
    <t>41010623.0</t>
  </si>
  <si>
    <t>37097105.0</t>
  </si>
  <si>
    <t>19209004.0</t>
  </si>
  <si>
    <t>108308.0</t>
  </si>
  <si>
    <t>77912.0</t>
  </si>
  <si>
    <t>213.16</t>
  </si>
  <si>
    <t>81.51</t>
  </si>
  <si>
    <t>35485161.0</t>
  </si>
  <si>
    <t>27522.0</t>
  </si>
  <si>
    <t>783.739</t>
  </si>
  <si>
    <t>22355.0</t>
  </si>
  <si>
    <t>97106685.0</t>
  </si>
  <si>
    <t>41016039.0</t>
  </si>
  <si>
    <t>37112501.0</t>
  </si>
  <si>
    <t>19285958.0</t>
  </si>
  <si>
    <t>97449.0</t>
  </si>
  <si>
    <t>76214.0</t>
  </si>
  <si>
    <t>213.37</t>
  </si>
  <si>
    <t>90.12</t>
  </si>
  <si>
    <t>81.55</t>
  </si>
  <si>
    <t>42.38</t>
  </si>
  <si>
    <t>1675.0</t>
  </si>
  <si>
    <t>3943.0</t>
  </si>
  <si>
    <t>35510887.0</t>
  </si>
  <si>
    <t>25726.0</t>
  </si>
  <si>
    <t>784.307</t>
  </si>
  <si>
    <t>21524.0</t>
  </si>
  <si>
    <t>97201223.0</t>
  </si>
  <si>
    <t>41020691.0</t>
  </si>
  <si>
    <t>37125557.0</t>
  </si>
  <si>
    <t>19363049.0</t>
  </si>
  <si>
    <t>94538.0</t>
  </si>
  <si>
    <t>72823.0</t>
  </si>
  <si>
    <t>213.58</t>
  </si>
  <si>
    <t>90.13</t>
  </si>
  <si>
    <t>81.58</t>
  </si>
  <si>
    <t>42.55</t>
  </si>
  <si>
    <t>3647.0</t>
  </si>
  <si>
    <t>35532961.0</t>
  </si>
  <si>
    <t>22074.0</t>
  </si>
  <si>
    <t>784.794</t>
  </si>
  <si>
    <t>22632.0</t>
  </si>
  <si>
    <t>97299808.0</t>
  </si>
  <si>
    <t>41025856.0</t>
  </si>
  <si>
    <t>37140211.0</t>
  </si>
  <si>
    <t>19442137.0</t>
  </si>
  <si>
    <t>98585.0</t>
  </si>
  <si>
    <t>83394.0</t>
  </si>
  <si>
    <t>213.8</t>
  </si>
  <si>
    <t>90.15</t>
  </si>
  <si>
    <t>81.61</t>
  </si>
  <si>
    <t>42.72</t>
  </si>
  <si>
    <t>10.701</t>
  </si>
  <si>
    <t>35554076.0</t>
  </si>
  <si>
    <t>21115.0</t>
  </si>
  <si>
    <t>785.261</t>
  </si>
  <si>
    <t>21993.0</t>
  </si>
  <si>
    <t>97389259.0</t>
  </si>
  <si>
    <t>41030892.0</t>
  </si>
  <si>
    <t>37154525.0</t>
  </si>
  <si>
    <t>19512514.0</t>
  </si>
  <si>
    <t>89451.0</t>
  </si>
  <si>
    <t>80030.0</t>
  </si>
  <si>
    <t>213.99</t>
  </si>
  <si>
    <t>90.16</t>
  </si>
  <si>
    <t>81.64</t>
  </si>
  <si>
    <t>42.87</t>
  </si>
  <si>
    <t>1759.0</t>
  </si>
  <si>
    <t>4140.0</t>
  </si>
  <si>
    <t>35565525.0</t>
  </si>
  <si>
    <t>11449.0</t>
  </si>
  <si>
    <t>785.514</t>
  </si>
  <si>
    <t>21379.0</t>
  </si>
  <si>
    <t>97414057.0</t>
  </si>
  <si>
    <t>41032241.0</t>
  </si>
  <si>
    <t>37158479.0</t>
  </si>
  <si>
    <t>19532041.0</t>
  </si>
  <si>
    <t>24798.0</t>
  </si>
  <si>
    <t>76459.0</t>
  </si>
  <si>
    <t>214.05</t>
  </si>
  <si>
    <t>81.65</t>
  </si>
  <si>
    <t>35574735.0</t>
  </si>
  <si>
    <t>9210.0</t>
  </si>
  <si>
    <t>785.717</t>
  </si>
  <si>
    <t>20992.0</t>
  </si>
  <si>
    <t>97428759.0</t>
  </si>
  <si>
    <t>41032967.0</t>
  </si>
  <si>
    <t>37161013.0</t>
  </si>
  <si>
    <t>19543499.0</t>
  </si>
  <si>
    <t>14702.0</t>
  </si>
  <si>
    <t>75404.0</t>
  </si>
  <si>
    <t>214.08</t>
  </si>
  <si>
    <t>42.94</t>
  </si>
  <si>
    <t>1657.0</t>
  </si>
  <si>
    <t>10.459</t>
  </si>
  <si>
    <t>35598120.0</t>
  </si>
  <si>
    <t>23385.0</t>
  </si>
  <si>
    <t>786.233</t>
  </si>
  <si>
    <t>20069.0</t>
  </si>
  <si>
    <t>97506656.0</t>
  </si>
  <si>
    <t>41037382.0</t>
  </si>
  <si>
    <t>37173206.0</t>
  </si>
  <si>
    <t>19605077.0</t>
  </si>
  <si>
    <t>77897.0</t>
  </si>
  <si>
    <t>71060.0</t>
  </si>
  <si>
    <t>214.25</t>
  </si>
  <si>
    <t>90.17</t>
  </si>
  <si>
    <t>81.68</t>
  </si>
  <si>
    <t>43.08</t>
  </si>
  <si>
    <t>1561.0</t>
  </si>
  <si>
    <t>10.283</t>
  </si>
  <si>
    <t>35619976.0</t>
  </si>
  <si>
    <t>21856.0</t>
  </si>
  <si>
    <t>786.716</t>
  </si>
  <si>
    <t>19259.0</t>
  </si>
  <si>
    <t>97582929.0</t>
  </si>
  <si>
    <t>41041808.0</t>
  </si>
  <si>
    <t>37185738.0</t>
  </si>
  <si>
    <t>19664684.0</t>
  </si>
  <si>
    <t>76273.0</t>
  </si>
  <si>
    <t>68035.0</t>
  </si>
  <si>
    <t>214.42</t>
  </si>
  <si>
    <t>90.18</t>
  </si>
  <si>
    <t>81.71</t>
  </si>
  <si>
    <t>43.21</t>
  </si>
  <si>
    <t>1495.0</t>
  </si>
  <si>
    <t>3681.0</t>
  </si>
  <si>
    <t>10.239</t>
  </si>
  <si>
    <t>35641867.0</t>
  </si>
  <si>
    <t>21891.0</t>
  </si>
  <si>
    <t>787.2</t>
  </si>
  <si>
    <t>18711.0</t>
  </si>
  <si>
    <t>97654530.0</t>
  </si>
  <si>
    <t>41046241.0</t>
  </si>
  <si>
    <t>37197783.0</t>
  </si>
  <si>
    <t>19720022.0</t>
  </si>
  <si>
    <t>71601.0</t>
  </si>
  <si>
    <t>64758.0</t>
  </si>
  <si>
    <t>214.58</t>
  </si>
  <si>
    <t>90.19</t>
  </si>
  <si>
    <t>43.33</t>
  </si>
  <si>
    <t>1423.0</t>
  </si>
  <si>
    <t>35661092.0</t>
  </si>
  <si>
    <t>19225.0</t>
  </si>
  <si>
    <t>787.624</t>
  </si>
  <si>
    <t>18304.0</t>
  </si>
  <si>
    <t>97721804.0</t>
  </si>
  <si>
    <t>41049972.0</t>
  </si>
  <si>
    <t>37208197.0</t>
  </si>
  <si>
    <t>19773351.0</t>
  </si>
  <si>
    <t>67274.0</t>
  </si>
  <si>
    <t>60285.0</t>
  </si>
  <si>
    <t>214.72</t>
  </si>
  <si>
    <t>90.2</t>
  </si>
  <si>
    <t>81.76</t>
  </si>
  <si>
    <t>3445.0</t>
  </si>
  <si>
    <t>35678404.0</t>
  </si>
  <si>
    <t>17312.0</t>
  </si>
  <si>
    <t>788.007</t>
  </si>
  <si>
    <t>17761.0</t>
  </si>
  <si>
    <t>97796479.0</t>
  </si>
  <si>
    <t>41053781.0</t>
  </si>
  <si>
    <t>37219155.0</t>
  </si>
  <si>
    <t>19833539.0</t>
  </si>
  <si>
    <t>74675.0</t>
  </si>
  <si>
    <t>58174.0</t>
  </si>
  <si>
    <t>214.89</t>
  </si>
  <si>
    <t>90.21</t>
  </si>
  <si>
    <t>81.78</t>
  </si>
  <si>
    <t>43.58</t>
  </si>
  <si>
    <t>3270.0</t>
  </si>
  <si>
    <t>35689012.0</t>
  </si>
  <si>
    <t>10608.0</t>
  </si>
  <si>
    <t>788.241</t>
  </si>
  <si>
    <t>17641.0</t>
  </si>
  <si>
    <t>97826000.0</t>
  </si>
  <si>
    <t>41055258.0</t>
  </si>
  <si>
    <t>37223845.0</t>
  </si>
  <si>
    <t>19856936.0</t>
  </si>
  <si>
    <t>29521.0</t>
  </si>
  <si>
    <t>58849.0</t>
  </si>
  <si>
    <t>214.95</t>
  </si>
  <si>
    <t>81.79</t>
  </si>
  <si>
    <t>35697634.0</t>
  </si>
  <si>
    <t>8622.0</t>
  </si>
  <si>
    <t>788.431</t>
  </si>
  <si>
    <t>17557.0</t>
  </si>
  <si>
    <t>97838714.0</t>
  </si>
  <si>
    <t>41055862.0</t>
  </si>
  <si>
    <t>37226026.0</t>
  </si>
  <si>
    <t>19866879.0</t>
  </si>
  <si>
    <t>12714.0</t>
  </si>
  <si>
    <t>58565.0</t>
  </si>
  <si>
    <t>214.98</t>
  </si>
  <si>
    <t>81.8</t>
  </si>
  <si>
    <t>1287.0</t>
  </si>
  <si>
    <t>9.251</t>
  </si>
  <si>
    <t>35717514.0</t>
  </si>
  <si>
    <t>19880.0</t>
  </si>
  <si>
    <t>788.87</t>
  </si>
  <si>
    <t>17056.0</t>
  </si>
  <si>
    <t>97906706.0</t>
  </si>
  <si>
    <t>41059057.0</t>
  </si>
  <si>
    <t>37235263.0</t>
  </si>
  <si>
    <t>19922683.0</t>
  </si>
  <si>
    <t>67992.0</t>
  </si>
  <si>
    <t>57150.0</t>
  </si>
  <si>
    <t>215.13</t>
  </si>
  <si>
    <t>90.22</t>
  </si>
  <si>
    <t>81.82</t>
  </si>
  <si>
    <t>3096.0</t>
  </si>
  <si>
    <t>9.317</t>
  </si>
  <si>
    <t>35734355.0</t>
  </si>
  <si>
    <t>16841.0</t>
  </si>
  <si>
    <t>789.242</t>
  </si>
  <si>
    <t>16340.0</t>
  </si>
  <si>
    <t>97976543.0</t>
  </si>
  <si>
    <t>41062636.0</t>
  </si>
  <si>
    <t>37245063.0</t>
  </si>
  <si>
    <t>19979358.0</t>
  </si>
  <si>
    <t>69837.0</t>
  </si>
  <si>
    <t>56231.0</t>
  </si>
  <si>
    <t>215.28</t>
  </si>
  <si>
    <t>90.23</t>
  </si>
  <si>
    <t>81.84</t>
  </si>
  <si>
    <t>43.9</t>
  </si>
  <si>
    <t>2975.0</t>
  </si>
  <si>
    <t>9.053</t>
  </si>
  <si>
    <t>35749167.0</t>
  </si>
  <si>
    <t>14812.0</t>
  </si>
  <si>
    <t>789.57</t>
  </si>
  <si>
    <t>15329.0</t>
  </si>
  <si>
    <t>98052275.0</t>
  </si>
  <si>
    <t>41066594.0</t>
  </si>
  <si>
    <t>37256232.0</t>
  </si>
  <si>
    <t>20040235.0</t>
  </si>
  <si>
    <t>75732.0</t>
  </si>
  <si>
    <t>56821.0</t>
  </si>
  <si>
    <t>215.45</t>
  </si>
  <si>
    <t>90.24</t>
  </si>
  <si>
    <t>81.86</t>
  </si>
  <si>
    <t>2908.0</t>
  </si>
  <si>
    <t>35757803.0</t>
  </si>
  <si>
    <t>8636.0</t>
  </si>
  <si>
    <t>789.76</t>
  </si>
  <si>
    <t>13816.0</t>
  </si>
  <si>
    <t>98075011.0</t>
  </si>
  <si>
    <t>41067548.0</t>
  </si>
  <si>
    <t>37258918.0</t>
  </si>
  <si>
    <t>20059366.0</t>
  </si>
  <si>
    <t>22736.0</t>
  </si>
  <si>
    <t>50458.0</t>
  </si>
  <si>
    <t>215.5</t>
  </si>
  <si>
    <t>81.87</t>
  </si>
  <si>
    <t>44.08</t>
  </si>
  <si>
    <t>35763905.0</t>
  </si>
  <si>
    <t>6102.0</t>
  </si>
  <si>
    <t>789.895</t>
  </si>
  <si>
    <t>12214.0</t>
  </si>
  <si>
    <t>98087469.0</t>
  </si>
  <si>
    <t>41068077.0</t>
  </si>
  <si>
    <t>37260478.0</t>
  </si>
  <si>
    <t>20069750.0</t>
  </si>
  <si>
    <t>12458.0</t>
  </si>
  <si>
    <t>41570.0</t>
  </si>
  <si>
    <t>215.53</t>
  </si>
  <si>
    <t>2042.0</t>
  </si>
  <si>
    <t>35771694.0</t>
  </si>
  <si>
    <t>7789.0</t>
  </si>
  <si>
    <t>790.067</t>
  </si>
  <si>
    <t>11812.0</t>
  </si>
  <si>
    <t>98110622.0</t>
  </si>
  <si>
    <t>41068820.0</t>
  </si>
  <si>
    <t>37262842.0</t>
  </si>
  <si>
    <t>20089818.0</t>
  </si>
  <si>
    <t>23153.0</t>
  </si>
  <si>
    <t>40660.0</t>
  </si>
  <si>
    <t>215.58</t>
  </si>
  <si>
    <t>81.88</t>
  </si>
  <si>
    <t>44.14</t>
  </si>
  <si>
    <t>893.0</t>
  </si>
  <si>
    <t>35777828.0</t>
  </si>
  <si>
    <t>790.203</t>
  </si>
  <si>
    <t>11456.0</t>
  </si>
  <si>
    <t>98117628.0</t>
  </si>
  <si>
    <t>41069054.0</t>
  </si>
  <si>
    <t>37263610.0</t>
  </si>
  <si>
    <t>20095826.0</t>
  </si>
  <si>
    <t>7006.0</t>
  </si>
  <si>
    <t>39845.0</t>
  </si>
  <si>
    <t>215.59</t>
  </si>
  <si>
    <t>44.16</t>
  </si>
  <si>
    <t>1885.0</t>
  </si>
  <si>
    <t>35794381.0</t>
  </si>
  <si>
    <t>16553.0</t>
  </si>
  <si>
    <t>790.568</t>
  </si>
  <si>
    <t>10981.0</t>
  </si>
  <si>
    <t>98210140.0</t>
  </si>
  <si>
    <t>41072569.0</t>
  </si>
  <si>
    <t>37273577.0</t>
  </si>
  <si>
    <t>20175088.0</t>
  </si>
  <si>
    <t>92512.0</t>
  </si>
  <si>
    <t>43348.0</t>
  </si>
  <si>
    <t>215.8</t>
  </si>
  <si>
    <t>90.25</t>
  </si>
  <si>
    <t>81.9</t>
  </si>
  <si>
    <t>35809439.0</t>
  </si>
  <si>
    <t>15058.0</t>
  </si>
  <si>
    <t>790.901</t>
  </si>
  <si>
    <t>10726.0</t>
  </si>
  <si>
    <t>98312254.0</t>
  </si>
  <si>
    <t>41076048.0</t>
  </si>
  <si>
    <t>37283701.0</t>
  </si>
  <si>
    <t>20263948.0</t>
  </si>
  <si>
    <t>102114.0</t>
  </si>
  <si>
    <t>47959.0</t>
  </si>
  <si>
    <t>216.02</t>
  </si>
  <si>
    <t>90.26</t>
  </si>
  <si>
    <t>81.92</t>
  </si>
  <si>
    <t>44.53</t>
  </si>
  <si>
    <t>1916.0</t>
  </si>
  <si>
    <t>35824096.0</t>
  </si>
  <si>
    <t>14657.0</t>
  </si>
  <si>
    <t>791.224</t>
  </si>
  <si>
    <t>10704.0</t>
  </si>
  <si>
    <t>98426994.0</t>
  </si>
  <si>
    <t>41079482.0</t>
  </si>
  <si>
    <t>37294613.0</t>
  </si>
  <si>
    <t>20364653.0</t>
  </si>
  <si>
    <t>114740.0</t>
  </si>
  <si>
    <t>53531.0</t>
  </si>
  <si>
    <t>216.27</t>
  </si>
  <si>
    <t>81.95</t>
  </si>
  <si>
    <t>35837772.0</t>
  </si>
  <si>
    <t>13676.0</t>
  </si>
  <si>
    <t>791.527</t>
  </si>
  <si>
    <t>11424.0</t>
  </si>
  <si>
    <t>98535716.0</t>
  </si>
  <si>
    <t>41082754.0</t>
  </si>
  <si>
    <t>37304516.0</t>
  </si>
  <si>
    <t>20460578.0</t>
  </si>
  <si>
    <t>108722.0</t>
  </si>
  <si>
    <t>65815.0</t>
  </si>
  <si>
    <t>216.51</t>
  </si>
  <si>
    <t>90.27</t>
  </si>
  <si>
    <t>81.97</t>
  </si>
  <si>
    <t>44.96</t>
  </si>
  <si>
    <t>35849450.0</t>
  </si>
  <si>
    <t>11678.0</t>
  </si>
  <si>
    <t>791.784</t>
  </si>
  <si>
    <t>12221.0</t>
  </si>
  <si>
    <t>98651107.0</t>
  </si>
  <si>
    <t>41085909.0</t>
  </si>
  <si>
    <t>37313623.0</t>
  </si>
  <si>
    <t>20563924.0</t>
  </si>
  <si>
    <t>115391.0</t>
  </si>
  <si>
    <t>80520.0</t>
  </si>
  <si>
    <t>216.77</t>
  </si>
  <si>
    <t>90.28</t>
  </si>
  <si>
    <t>45.19</t>
  </si>
  <si>
    <t>1769.0</t>
  </si>
  <si>
    <t>35856615.0</t>
  </si>
  <si>
    <t>791.943</t>
  </si>
  <si>
    <t>12132.0</t>
  </si>
  <si>
    <t>98694630.0</t>
  </si>
  <si>
    <t>41087114.0</t>
  </si>
  <si>
    <t>37317484.0</t>
  </si>
  <si>
    <t>20602424.0</t>
  </si>
  <si>
    <t>43523.0</t>
  </si>
  <si>
    <t>83430.0</t>
  </si>
  <si>
    <t>216.86</t>
  </si>
  <si>
    <t>45.27</t>
  </si>
  <si>
    <t>1833.0</t>
  </si>
  <si>
    <t>2613.0</t>
  </si>
  <si>
    <t>8.174</t>
  </si>
  <si>
    <t>35862166.0</t>
  </si>
  <si>
    <t>792.065</t>
  </si>
  <si>
    <t>12048.0</t>
  </si>
  <si>
    <t>98712143.0</t>
  </si>
  <si>
    <t>41087567.0</t>
  </si>
  <si>
    <t>37319058.0</t>
  </si>
  <si>
    <t>20617924.0</t>
  </si>
  <si>
    <t>17513.0</t>
  </si>
  <si>
    <t>84931.0</t>
  </si>
  <si>
    <t>216.9</t>
  </si>
  <si>
    <t>45.3</t>
  </si>
  <si>
    <t>35876017.0</t>
  </si>
  <si>
    <t>13851.0</t>
  </si>
  <si>
    <t>792.371</t>
  </si>
  <si>
    <t>11662.0</t>
  </si>
  <si>
    <t>98829063.0</t>
  </si>
  <si>
    <t>41090617.0</t>
  </si>
  <si>
    <t>37327817.0</t>
  </si>
  <si>
    <t>20723403.0</t>
  </si>
  <si>
    <t>116920.0</t>
  </si>
  <si>
    <t>88418.0</t>
  </si>
  <si>
    <t>217.16</t>
  </si>
  <si>
    <t>90.29</t>
  </si>
  <si>
    <t>82.02</t>
  </si>
  <si>
    <t>45.54</t>
  </si>
  <si>
    <t>2578.0</t>
  </si>
  <si>
    <t>35889279.0</t>
  </si>
  <si>
    <t>13262.0</t>
  </si>
  <si>
    <t>792.664</t>
  </si>
  <si>
    <t>98937922.0</t>
  </si>
  <si>
    <t>41093537.0</t>
  </si>
  <si>
    <t>37336390.0</t>
  </si>
  <si>
    <t>20821018.0</t>
  </si>
  <si>
    <t>108859.0</t>
  </si>
  <si>
    <t>89381.0</t>
  </si>
  <si>
    <t>217.4</t>
  </si>
  <si>
    <t>82.04</t>
  </si>
  <si>
    <t>45.75</t>
  </si>
  <si>
    <t>2498.0</t>
  </si>
  <si>
    <t>35902873.0</t>
  </si>
  <si>
    <t>13594.0</t>
  </si>
  <si>
    <t>792.964</t>
  </si>
  <si>
    <t>11254.0</t>
  </si>
  <si>
    <t>99053489.0</t>
  </si>
  <si>
    <t>41096339.0</t>
  </si>
  <si>
    <t>37345109.0</t>
  </si>
  <si>
    <t>20925389.0</t>
  </si>
  <si>
    <t>115567.0</t>
  </si>
  <si>
    <t>89499.0</t>
  </si>
  <si>
    <t>217.65</t>
  </si>
  <si>
    <t>90.3</t>
  </si>
  <si>
    <t>82.06</t>
  </si>
  <si>
    <t>45.98</t>
  </si>
  <si>
    <t>35915551.0</t>
  </si>
  <si>
    <t>12678.0</t>
  </si>
  <si>
    <t>793.244</t>
  </si>
  <si>
    <t>11111.0</t>
  </si>
  <si>
    <t>99183743.0</t>
  </si>
  <si>
    <t>41099515.0</t>
  </si>
  <si>
    <t>37355374.0</t>
  </si>
  <si>
    <t>21042473.0</t>
  </si>
  <si>
    <t>130254.0</t>
  </si>
  <si>
    <t>92575.0</t>
  </si>
  <si>
    <t>217.94</t>
  </si>
  <si>
    <t>90.31</t>
  </si>
  <si>
    <t>82.08</t>
  </si>
  <si>
    <t>2034.0</t>
  </si>
  <si>
    <t>35926738.0</t>
  </si>
  <si>
    <t>11187.0</t>
  </si>
  <si>
    <t>793.491</t>
  </si>
  <si>
    <t>11041.0</t>
  </si>
  <si>
    <t>99316847.0</t>
  </si>
  <si>
    <t>41102494.0</t>
  </si>
  <si>
    <t>37364893.0</t>
  </si>
  <si>
    <t>21163330.0</t>
  </si>
  <si>
    <t>133104.0</t>
  </si>
  <si>
    <t>95106.0</t>
  </si>
  <si>
    <t>218.23</t>
  </si>
  <si>
    <t>82.1</t>
  </si>
  <si>
    <t>46.5</t>
  </si>
  <si>
    <t>2090.0</t>
  </si>
  <si>
    <t>2369.0</t>
  </si>
  <si>
    <t>35933445.0</t>
  </si>
  <si>
    <t>6707.0</t>
  </si>
  <si>
    <t>793.64</t>
  </si>
  <si>
    <t>99363604.0</t>
  </si>
  <si>
    <t>41103419.0</t>
  </si>
  <si>
    <t>37368026.0</t>
  </si>
  <si>
    <t>21206062.0</t>
  </si>
  <si>
    <t>46757.0</t>
  </si>
  <si>
    <t>95568.0</t>
  </si>
  <si>
    <t>218.33</t>
  </si>
  <si>
    <t>90.32</t>
  </si>
  <si>
    <t>82.11</t>
  </si>
  <si>
    <t>46.6</t>
  </si>
  <si>
    <t>2100.0</t>
  </si>
  <si>
    <t>2329.0</t>
  </si>
  <si>
    <t>35938169.0</t>
  </si>
  <si>
    <t>793.744</t>
  </si>
  <si>
    <t>10858.0</t>
  </si>
  <si>
    <t>99364709.0</t>
  </si>
  <si>
    <t>41103467.0</t>
  </si>
  <si>
    <t>37368136.0</t>
  </si>
  <si>
    <t>21207014.0</t>
  </si>
  <si>
    <t>1105.0</t>
  </si>
  <si>
    <t>93224.0</t>
  </si>
  <si>
    <t>35952036.0</t>
  </si>
  <si>
    <t>794.05</t>
  </si>
  <si>
    <t>10860.0</t>
  </si>
  <si>
    <t>99476068.0</t>
  </si>
  <si>
    <t>41105869.0</t>
  </si>
  <si>
    <t>37375460.0</t>
  </si>
  <si>
    <t>21308874.0</t>
  </si>
  <si>
    <t>111359.0</t>
  </si>
  <si>
    <t>92429.0</t>
  </si>
  <si>
    <t>218.58</t>
  </si>
  <si>
    <t>82.13</t>
  </si>
  <si>
    <t>2031.0</t>
  </si>
  <si>
    <t>2179.0</t>
  </si>
  <si>
    <t>35965271.0</t>
  </si>
  <si>
    <t>794.343</t>
  </si>
  <si>
    <t>10856.0</t>
  </si>
  <si>
    <t>99602657.0</t>
  </si>
  <si>
    <t>41108336.0</t>
  </si>
  <si>
    <t>37383535.0</t>
  </si>
  <si>
    <t>21425197.0</t>
  </si>
  <si>
    <t>126589.0</t>
  </si>
  <si>
    <t>94962.0</t>
  </si>
  <si>
    <t>218.86</t>
  </si>
  <si>
    <t>90.33</t>
  </si>
  <si>
    <t>82.14</t>
  </si>
  <si>
    <t>47.08</t>
  </si>
  <si>
    <t>35979218.0</t>
  </si>
  <si>
    <t>13947.0</t>
  </si>
  <si>
    <t>794.651</t>
  </si>
  <si>
    <t>10906.0</t>
  </si>
  <si>
    <t>99733633.0</t>
  </si>
  <si>
    <t>41111215.0</t>
  </si>
  <si>
    <t>37392290.0</t>
  </si>
  <si>
    <t>21544967.0</t>
  </si>
  <si>
    <t>130976.0</t>
  </si>
  <si>
    <t>97163.0</t>
  </si>
  <si>
    <t>219.15</t>
  </si>
  <si>
    <t>82.16</t>
  </si>
  <si>
    <t>47.34</t>
  </si>
  <si>
    <t>2135.0</t>
  </si>
  <si>
    <t>35993894.0</t>
  </si>
  <si>
    <t>14676.0</t>
  </si>
  <si>
    <t>794.975</t>
  </si>
  <si>
    <t>11192.0</t>
  </si>
  <si>
    <t>99887486.0</t>
  </si>
  <si>
    <t>41115396.0</t>
  </si>
  <si>
    <t>37410507.0</t>
  </si>
  <si>
    <t>21676608.0</t>
  </si>
  <si>
    <t>153853.0</t>
  </si>
  <si>
    <t>100535.0</t>
  </si>
  <si>
    <t>219.48</t>
  </si>
  <si>
    <t>90.34</t>
  </si>
  <si>
    <t>47.63</t>
  </si>
  <si>
    <t>2269.0</t>
  </si>
  <si>
    <t>36008048.0</t>
  </si>
  <si>
    <t>14154.0</t>
  </si>
  <si>
    <t>795.287</t>
  </si>
  <si>
    <t>100039480.0</t>
  </si>
  <si>
    <t>41118467.0</t>
  </si>
  <si>
    <t>37424565.0</t>
  </si>
  <si>
    <t>21811552.0</t>
  </si>
  <si>
    <t>151994.0</t>
  </si>
  <si>
    <t>103233.0</t>
  </si>
  <si>
    <t>219.82</t>
  </si>
  <si>
    <t>90.35</t>
  </si>
  <si>
    <t>82.23</t>
  </si>
  <si>
    <t>47.93</t>
  </si>
  <si>
    <t>36017038.0</t>
  </si>
  <si>
    <t>795.486</t>
  </si>
  <si>
    <t>11942.0</t>
  </si>
  <si>
    <t>100096975.0</t>
  </si>
  <si>
    <t>41119583.0</t>
  </si>
  <si>
    <t>37429171.0</t>
  </si>
  <si>
    <t>21863334.0</t>
  </si>
  <si>
    <t>57495.0</t>
  </si>
  <si>
    <t>219.94</t>
  </si>
  <si>
    <t>82.24</t>
  </si>
  <si>
    <t>48.04</t>
  </si>
  <si>
    <t>36024187.0</t>
  </si>
  <si>
    <t>7149.0</t>
  </si>
  <si>
    <t>795.644</t>
  </si>
  <si>
    <t>12288.0</t>
  </si>
  <si>
    <t>100126656.0</t>
  </si>
  <si>
    <t>41120010.0</t>
  </si>
  <si>
    <t>37430904.0</t>
  </si>
  <si>
    <t>21890859.0</t>
  </si>
  <si>
    <t>29681.0</t>
  </si>
  <si>
    <t>108850.0</t>
  </si>
  <si>
    <t>220.01</t>
  </si>
  <si>
    <t>82.25</t>
  </si>
  <si>
    <t>48.1</t>
  </si>
  <si>
    <t>36044597.0</t>
  </si>
  <si>
    <t>20410.0</t>
  </si>
  <si>
    <t>796.095</t>
  </si>
  <si>
    <t>13223.0</t>
  </si>
  <si>
    <t>100283387.0</t>
  </si>
  <si>
    <t>41122572.0</t>
  </si>
  <si>
    <t>37439998.0</t>
  </si>
  <si>
    <t>22036033.0</t>
  </si>
  <si>
    <t>156731.0</t>
  </si>
  <si>
    <t>115331.0</t>
  </si>
  <si>
    <t>220.35</t>
  </si>
  <si>
    <t>90.36</t>
  </si>
  <si>
    <t>82.27</t>
  </si>
  <si>
    <t>48.42</t>
  </si>
  <si>
    <t>2534.0</t>
  </si>
  <si>
    <t>36064357.0</t>
  </si>
  <si>
    <t>19760.0</t>
  </si>
  <si>
    <t>796.531</t>
  </si>
  <si>
    <t>14155.0</t>
  </si>
  <si>
    <t>100460825.0</t>
  </si>
  <si>
    <t>41125325.0</t>
  </si>
  <si>
    <t>37449147.0</t>
  </si>
  <si>
    <t>22201667.0</t>
  </si>
  <si>
    <t>177438.0</t>
  </si>
  <si>
    <t>122595.0</t>
  </si>
  <si>
    <t>220.74</t>
  </si>
  <si>
    <t>82.29</t>
  </si>
  <si>
    <t>48.78</t>
  </si>
  <si>
    <t>2427.0</t>
  </si>
  <si>
    <t>36085567.0</t>
  </si>
  <si>
    <t>21210.0</t>
  </si>
  <si>
    <t>796.999</t>
  </si>
  <si>
    <t>15193.0</t>
  </si>
  <si>
    <t>100622318.0</t>
  </si>
  <si>
    <t>41128179.0</t>
  </si>
  <si>
    <t>37457983.0</t>
  </si>
  <si>
    <t>22351571.0</t>
  </si>
  <si>
    <t>161493.0</t>
  </si>
  <si>
    <t>126955.0</t>
  </si>
  <si>
    <t>221.1</t>
  </si>
  <si>
    <t>90.37</t>
  </si>
  <si>
    <t>82.31</t>
  </si>
  <si>
    <t>49.11</t>
  </si>
  <si>
    <t>36105725.0</t>
  </si>
  <si>
    <t>20158.0</t>
  </si>
  <si>
    <t>797.445</t>
  </si>
  <si>
    <t>15976.0</t>
  </si>
  <si>
    <t>100790073.0</t>
  </si>
  <si>
    <t>41130895.0</t>
  </si>
  <si>
    <t>37465890.0</t>
  </si>
  <si>
    <t>22508832.0</t>
  </si>
  <si>
    <t>167755.0</t>
  </si>
  <si>
    <t>128941.0</t>
  </si>
  <si>
    <t>221.47</t>
  </si>
  <si>
    <t>90.38</t>
  </si>
  <si>
    <t>82.32</t>
  </si>
  <si>
    <t>49.46</t>
  </si>
  <si>
    <t>36126659.0</t>
  </si>
  <si>
    <t>20934.0</t>
  </si>
  <si>
    <t>797.907</t>
  </si>
  <si>
    <t>16944.0</t>
  </si>
  <si>
    <t>0.374</t>
  </si>
  <si>
    <t>100993625.0</t>
  </si>
  <si>
    <t>41133944.0</t>
  </si>
  <si>
    <t>37474141.0</t>
  </si>
  <si>
    <t>22701195.0</t>
  </si>
  <si>
    <t>203552.0</t>
  </si>
  <si>
    <t>136306.0</t>
  </si>
  <si>
    <t>221.91</t>
  </si>
  <si>
    <t>82.34</t>
  </si>
  <si>
    <t>49.88</t>
  </si>
  <si>
    <t>36138294.0</t>
  </si>
  <si>
    <t>11635.0</t>
  </si>
  <si>
    <t>798.164</t>
  </si>
  <si>
    <t>17322.0</t>
  </si>
  <si>
    <t>101082173.0</t>
  </si>
  <si>
    <t>41135235.0</t>
  </si>
  <si>
    <t>37477611.0</t>
  </si>
  <si>
    <t>22785000.0</t>
  </si>
  <si>
    <t>88548.0</t>
  </si>
  <si>
    <t>140743.0</t>
  </si>
  <si>
    <t>222.11</t>
  </si>
  <si>
    <t>90.39</t>
  </si>
  <si>
    <t>82.35</t>
  </si>
  <si>
    <t>50.07</t>
  </si>
  <si>
    <t>36146982.0</t>
  </si>
  <si>
    <t>8688.0</t>
  </si>
  <si>
    <t>798.356</t>
  </si>
  <si>
    <t>17542.0</t>
  </si>
  <si>
    <t>101123749.0</t>
  </si>
  <si>
    <t>41135719.0</t>
  </si>
  <si>
    <t>37479085.0</t>
  </si>
  <si>
    <t>22824625.0</t>
  </si>
  <si>
    <t>41576.0</t>
  </si>
  <si>
    <t>142442.0</t>
  </si>
  <si>
    <t>222.2</t>
  </si>
  <si>
    <t>50.15</t>
  </si>
  <si>
    <t>36170021.0</t>
  </si>
  <si>
    <t>23039.0</t>
  </si>
  <si>
    <t>798.865</t>
  </si>
  <si>
    <t>17918.0</t>
  </si>
  <si>
    <t>101300918.0</t>
  </si>
  <si>
    <t>41138225.0</t>
  </si>
  <si>
    <t>37485444.0</t>
  </si>
  <si>
    <t>22993046.0</t>
  </si>
  <si>
    <t>177169.0</t>
  </si>
  <si>
    <t>145362.0</t>
  </si>
  <si>
    <t>222.59</t>
  </si>
  <si>
    <t>82.37</t>
  </si>
  <si>
    <t>50.52</t>
  </si>
  <si>
    <t>36191790.0</t>
  </si>
  <si>
    <t>21769.0</t>
  </si>
  <si>
    <t>799.345</t>
  </si>
  <si>
    <t>18205.0</t>
  </si>
  <si>
    <t>101508338.0</t>
  </si>
  <si>
    <t>41141184.0</t>
  </si>
  <si>
    <t>37492540.0</t>
  </si>
  <si>
    <t>23190522.0</t>
  </si>
  <si>
    <t>207420.0</t>
  </si>
  <si>
    <t>149645.0</t>
  </si>
  <si>
    <t>223.04</t>
  </si>
  <si>
    <t>90.4</t>
  </si>
  <si>
    <t>82.38</t>
  </si>
  <si>
    <t>50.96</t>
  </si>
  <si>
    <t>2266.0</t>
  </si>
  <si>
    <t>36201358.0</t>
  </si>
  <si>
    <t>9568.0</t>
  </si>
  <si>
    <t>799.557</t>
  </si>
  <si>
    <t>16542.0</t>
  </si>
  <si>
    <t>101511048.0</t>
  </si>
  <si>
    <t>41141237.0</t>
  </si>
  <si>
    <t>37492650.0</t>
  </si>
  <si>
    <t>23193070.0</t>
  </si>
  <si>
    <t>126961.0</t>
  </si>
  <si>
    <t>223.05</t>
  </si>
  <si>
    <t>36227489.0</t>
  </si>
  <si>
    <t>26131.0</t>
  </si>
  <si>
    <t>800.134</t>
  </si>
  <si>
    <t>17395.0</t>
  </si>
  <si>
    <t>101708978.0</t>
  </si>
  <si>
    <t>41144069.0</t>
  </si>
  <si>
    <t>37499527.0</t>
  </si>
  <si>
    <t>23381415.0</t>
  </si>
  <si>
    <t>197930.0</t>
  </si>
  <si>
    <t>131272.0</t>
  </si>
  <si>
    <t>223.49</t>
  </si>
  <si>
    <t>90.41</t>
  </si>
  <si>
    <t>82.4</t>
  </si>
  <si>
    <t>51.38</t>
  </si>
  <si>
    <t>36252389.0</t>
  </si>
  <si>
    <t>24900.0</t>
  </si>
  <si>
    <t>800.684</t>
  </si>
  <si>
    <t>17961.0</t>
  </si>
  <si>
    <t>101918899.0</t>
  </si>
  <si>
    <t>41147172.0</t>
  </si>
  <si>
    <t>37507029.0</t>
  </si>
  <si>
    <t>23580876.0</t>
  </si>
  <si>
    <t>209921.0</t>
  </si>
  <si>
    <t>132182.0</t>
  </si>
  <si>
    <t>223.95</t>
  </si>
  <si>
    <t>82.41</t>
  </si>
  <si>
    <t>2904.0</t>
  </si>
  <si>
    <t>36267556.0</t>
  </si>
  <si>
    <t>15167.0</t>
  </si>
  <si>
    <t>801.019</t>
  </si>
  <si>
    <t>18466.0</t>
  </si>
  <si>
    <t>102029907.0</t>
  </si>
  <si>
    <t>41148675.0</t>
  </si>
  <si>
    <t>37510482.0</t>
  </si>
  <si>
    <t>23686955.0</t>
  </si>
  <si>
    <t>111008.0</t>
  </si>
  <si>
    <t>135391.0</t>
  </si>
  <si>
    <t>224.19</t>
  </si>
  <si>
    <t>90.42</t>
  </si>
  <si>
    <t>82.42</t>
  </si>
  <si>
    <t>52.05</t>
  </si>
  <si>
    <t>36277794.0</t>
  </si>
  <si>
    <t>801.245</t>
  </si>
  <si>
    <t>18687.0</t>
  </si>
  <si>
    <t>102080978.0</t>
  </si>
  <si>
    <t>41149257.0</t>
  </si>
  <si>
    <t>37511948.0</t>
  </si>
  <si>
    <t>23735979.0</t>
  </si>
  <si>
    <t>51071.0</t>
  </si>
  <si>
    <t>136747.0</t>
  </si>
  <si>
    <t>224.3</t>
  </si>
  <si>
    <t>82.43</t>
  </si>
  <si>
    <t>52.16</t>
  </si>
  <si>
    <t>36308832.0</t>
  </si>
  <si>
    <t>31038.0</t>
  </si>
  <si>
    <t>801.931</t>
  </si>
  <si>
    <t>102305620.0</t>
  </si>
  <si>
    <t>41152366.0</t>
  </si>
  <si>
    <t>37519071.0</t>
  </si>
  <si>
    <t>23950522.0</t>
  </si>
  <si>
    <t>224642.0</t>
  </si>
  <si>
    <t>143529.0</t>
  </si>
  <si>
    <t>224.8</t>
  </si>
  <si>
    <t>82.44</t>
  </si>
  <si>
    <t>52.63</t>
  </si>
  <si>
    <t>36336932.0</t>
  </si>
  <si>
    <t>28100.0</t>
  </si>
  <si>
    <t>802.551</t>
  </si>
  <si>
    <t>20735.0</t>
  </si>
  <si>
    <t>102515053.0</t>
  </si>
  <si>
    <t>41155436.0</t>
  </si>
  <si>
    <t>37526481.0</t>
  </si>
  <si>
    <t>24149637.0</t>
  </si>
  <si>
    <t>209433.0</t>
  </si>
  <si>
    <t>143816.0</t>
  </si>
  <si>
    <t>225.26</t>
  </si>
  <si>
    <t>90.43</t>
  </si>
  <si>
    <t>82.46</t>
  </si>
  <si>
    <t>53.06</t>
  </si>
  <si>
    <t>3160.0</t>
  </si>
  <si>
    <t>36348524.0</t>
  </si>
  <si>
    <t>11592.0</t>
  </si>
  <si>
    <t>802.807</t>
  </si>
  <si>
    <t>21024.0</t>
  </si>
  <si>
    <t>102551377.0</t>
  </si>
  <si>
    <t>41155878.0</t>
  </si>
  <si>
    <t>37527477.0</t>
  </si>
  <si>
    <t>24184534.0</t>
  </si>
  <si>
    <t>36324.0</t>
  </si>
  <si>
    <t>148618.0</t>
  </si>
  <si>
    <t>225.34</t>
  </si>
  <si>
    <t>36374085.0</t>
  </si>
  <si>
    <t>25561.0</t>
  </si>
  <si>
    <t>803.372</t>
  </si>
  <si>
    <t>20942.0</t>
  </si>
  <si>
    <t>102761008.0</t>
  </si>
  <si>
    <t>41158554.0</t>
  </si>
  <si>
    <t>37533734.0</t>
  </si>
  <si>
    <t>24385358.0</t>
  </si>
  <si>
    <t>209631.0</t>
  </si>
  <si>
    <t>150290.0</t>
  </si>
  <si>
    <t>225.8</t>
  </si>
  <si>
    <t>90.44</t>
  </si>
  <si>
    <t>82.47</t>
  </si>
  <si>
    <t>53.58</t>
  </si>
  <si>
    <t>3302.0</t>
  </si>
  <si>
    <t>36397381.0</t>
  </si>
  <si>
    <t>23296.0</t>
  </si>
  <si>
    <t>803.886</t>
  </si>
  <si>
    <t>20713.0</t>
  </si>
  <si>
    <t>102992927.0</t>
  </si>
  <si>
    <t>41161489.0</t>
  </si>
  <si>
    <t>37540868.0</t>
  </si>
  <si>
    <t>24607313.0</t>
  </si>
  <si>
    <t>231919.0</t>
  </si>
  <si>
    <t>153433.0</t>
  </si>
  <si>
    <t>226.31</t>
  </si>
  <si>
    <t>82.49</t>
  </si>
  <si>
    <t>54.07</t>
  </si>
  <si>
    <t>2045.0</t>
  </si>
  <si>
    <t>36409429.0</t>
  </si>
  <si>
    <t>804.152</t>
  </si>
  <si>
    <t>20268.0</t>
  </si>
  <si>
    <t>103106602.0</t>
  </si>
  <si>
    <t>41162933.0</t>
  </si>
  <si>
    <t>37544097.0</t>
  </si>
  <si>
    <t>24716339.0</t>
  </si>
  <si>
    <t>113675.0</t>
  </si>
  <si>
    <t>153814.0</t>
  </si>
  <si>
    <t>226.56</t>
  </si>
  <si>
    <t>90.45</t>
  </si>
  <si>
    <t>82.5</t>
  </si>
  <si>
    <t>54.31</t>
  </si>
  <si>
    <t>36418189.0</t>
  </si>
  <si>
    <t>8760.0</t>
  </si>
  <si>
    <t>804.346</t>
  </si>
  <si>
    <t>20056.0</t>
  </si>
  <si>
    <t>103164503.0</t>
  </si>
  <si>
    <t>41163524.0</t>
  </si>
  <si>
    <t>37545513.0</t>
  </si>
  <si>
    <t>24772234.0</t>
  </si>
  <si>
    <t>154789.0</t>
  </si>
  <si>
    <t>226.68</t>
  </si>
  <si>
    <t>54.43</t>
  </si>
  <si>
    <t>36541392.0</t>
  </si>
  <si>
    <t>123203.0</t>
  </si>
  <si>
    <t>807.067</t>
  </si>
  <si>
    <t>2.721</t>
  </si>
  <si>
    <t>33223.0</t>
  </si>
  <si>
    <t>103363747.0</t>
  </si>
  <si>
    <t>41166220.0</t>
  </si>
  <si>
    <t>37551889.0</t>
  </si>
  <si>
    <t>24962512.0</t>
  </si>
  <si>
    <t>199244.0</t>
  </si>
  <si>
    <t>151161.0</t>
  </si>
  <si>
    <t>227.12</t>
  </si>
  <si>
    <t>54.85</t>
  </si>
  <si>
    <t>3321.0</t>
  </si>
  <si>
    <t>1979.0</t>
  </si>
  <si>
    <t>36603788.0</t>
  </si>
  <si>
    <t>62396.0</t>
  </si>
  <si>
    <t>808.445</t>
  </si>
  <si>
    <t>38122.0</t>
  </si>
  <si>
    <t>103554196.0</t>
  </si>
  <si>
    <t>41168851.0</t>
  </si>
  <si>
    <t>37558330.0</t>
  </si>
  <si>
    <t>25144041.0</t>
  </si>
  <si>
    <t>190449.0</t>
  </si>
  <si>
    <t>148449.0</t>
  </si>
  <si>
    <t>227.54</t>
  </si>
  <si>
    <t>90.46</t>
  </si>
  <si>
    <t>82.53</t>
  </si>
  <si>
    <t>36624317.0</t>
  </si>
  <si>
    <t>20529.0</t>
  </si>
  <si>
    <t>808.898</t>
  </si>
  <si>
    <t>39399.0</t>
  </si>
  <si>
    <t>103714831.0</t>
  </si>
  <si>
    <t>41170842.0</t>
  </si>
  <si>
    <t>37563346.0</t>
  </si>
  <si>
    <t>25297797.0</t>
  </si>
  <si>
    <t>160635.0</t>
  </si>
  <si>
    <t>166208.0</t>
  </si>
  <si>
    <t>227.89</t>
  </si>
  <si>
    <t>82.54</t>
  </si>
  <si>
    <t>55.59</t>
  </si>
  <si>
    <t>36642598.0</t>
  </si>
  <si>
    <t>18281.0</t>
  </si>
  <si>
    <t>809.302</t>
  </si>
  <si>
    <t>38359.0</t>
  </si>
  <si>
    <t>103876570.0</t>
  </si>
  <si>
    <t>41172943.0</t>
  </si>
  <si>
    <t>37568690.0</t>
  </si>
  <si>
    <t>25452203.0</t>
  </si>
  <si>
    <t>161739.0</t>
  </si>
  <si>
    <t>159366.0</t>
  </si>
  <si>
    <t>228.25</t>
  </si>
  <si>
    <t>90.47</t>
  </si>
  <si>
    <t>82.55</t>
  </si>
  <si>
    <t>36657754.0</t>
  </si>
  <si>
    <t>15156.0</t>
  </si>
  <si>
    <t>809.637</t>
  </si>
  <si>
    <t>37196.0</t>
  </si>
  <si>
    <t>104053068.0</t>
  </si>
  <si>
    <t>41175245.0</t>
  </si>
  <si>
    <t>37574345.0</t>
  </si>
  <si>
    <t>25620872.0</t>
  </si>
  <si>
    <t>176498.0</t>
  </si>
  <si>
    <t>151449.0</t>
  </si>
  <si>
    <t>228.64</t>
  </si>
  <si>
    <t>82.56</t>
  </si>
  <si>
    <t>56.3</t>
  </si>
  <si>
    <t>36663990.0</t>
  </si>
  <si>
    <t>6236.0</t>
  </si>
  <si>
    <t>809.775</t>
  </si>
  <si>
    <t>36366.0</t>
  </si>
  <si>
    <t>0.803</t>
  </si>
  <si>
    <t>104095831.0</t>
  </si>
  <si>
    <t>41175755.0</t>
  </si>
  <si>
    <t>37575565.0</t>
  </si>
  <si>
    <t>25661933.0</t>
  </si>
  <si>
    <t>42763.0</t>
  </si>
  <si>
    <t>141318.0</t>
  </si>
  <si>
    <t>228.73</t>
  </si>
  <si>
    <t>90.48</t>
  </si>
  <si>
    <t>56.39</t>
  </si>
  <si>
    <t>3105.0</t>
  </si>
  <si>
    <t>104113888.0</t>
  </si>
  <si>
    <t>41175902.0</t>
  </si>
  <si>
    <t>37575902.0</t>
  </si>
  <si>
    <t>25679512.0</t>
  </si>
  <si>
    <t>18057.0</t>
  </si>
  <si>
    <t>135626.0</t>
  </si>
  <si>
    <t>228.77</t>
  </si>
  <si>
    <t>82.57</t>
  </si>
  <si>
    <t>56.43</t>
  </si>
  <si>
    <t>104258197.0</t>
  </si>
  <si>
    <t>41177983.0</t>
  </si>
  <si>
    <t>37580595.0</t>
  </si>
  <si>
    <t>25817170.0</t>
  </si>
  <si>
    <t>144309.0</t>
  </si>
  <si>
    <t>127779.0</t>
  </si>
  <si>
    <t>229.09</t>
  </si>
  <si>
    <t>82.58</t>
  </si>
  <si>
    <t>56.73</t>
  </si>
  <si>
    <t>104396554.0</t>
  </si>
  <si>
    <t>41180058.0</t>
  </si>
  <si>
    <t>37585423.0</t>
  </si>
  <si>
    <t>25948724.0</t>
  </si>
  <si>
    <t>138357.0</t>
  </si>
  <si>
    <t>120337.0</t>
  </si>
  <si>
    <t>229.39</t>
  </si>
  <si>
    <t>90.49</t>
  </si>
  <si>
    <t>82.59</t>
  </si>
  <si>
    <t>57.02</t>
  </si>
  <si>
    <t>1601.0</t>
  </si>
  <si>
    <t>104539177.0</t>
  </si>
  <si>
    <t>41182119.0</t>
  </si>
  <si>
    <t>37590624.0</t>
  </si>
  <si>
    <t>26084178.0</t>
  </si>
  <si>
    <t>142623.0</t>
  </si>
  <si>
    <t>117764.0</t>
  </si>
  <si>
    <t>229.7</t>
  </si>
  <si>
    <t>82.6</t>
  </si>
  <si>
    <t>2588.0</t>
  </si>
  <si>
    <t>1611.0</t>
  </si>
  <si>
    <t>104679247.0</t>
  </si>
  <si>
    <t>41184268.0</t>
  </si>
  <si>
    <t>37595532.0</t>
  </si>
  <si>
    <t>26217277.0</t>
  </si>
  <si>
    <t>140070.0</t>
  </si>
  <si>
    <t>114668.0</t>
  </si>
  <si>
    <t>230.01</t>
  </si>
  <si>
    <t>82.61</t>
  </si>
  <si>
    <t>57.61</t>
  </si>
  <si>
    <t>1618.0</t>
  </si>
  <si>
    <t>104831587.0</t>
  </si>
  <si>
    <t>41186465.0</t>
  </si>
  <si>
    <t>37600622.0</t>
  </si>
  <si>
    <t>26362467.0</t>
  </si>
  <si>
    <t>152340.0</t>
  </si>
  <si>
    <t>111217.0</t>
  </si>
  <si>
    <t>230.35</t>
  </si>
  <si>
    <t>90.5</t>
  </si>
  <si>
    <t>82.62</t>
  </si>
  <si>
    <t>57.93</t>
  </si>
  <si>
    <t>1603.0</t>
  </si>
  <si>
    <t>104870249.0</t>
  </si>
  <si>
    <t>41186827.0</t>
  </si>
  <si>
    <t>37601518.0</t>
  </si>
  <si>
    <t>26399882.0</t>
  </si>
  <si>
    <t>38662.0</t>
  </si>
  <si>
    <t>110631.0</t>
  </si>
  <si>
    <t>230.43</t>
  </si>
  <si>
    <t>58.01</t>
  </si>
  <si>
    <t>104887391.0</t>
  </si>
  <si>
    <t>41186903.0</t>
  </si>
  <si>
    <t>37601680.0</t>
  </si>
  <si>
    <t>26416790.0</t>
  </si>
  <si>
    <t>17142.0</t>
  </si>
  <si>
    <t>110500.0</t>
  </si>
  <si>
    <t>230.47</t>
  </si>
  <si>
    <t>105023331.0</t>
  </si>
  <si>
    <t>41188983.0</t>
  </si>
  <si>
    <t>37606377.0</t>
  </si>
  <si>
    <t>26546028.0</t>
  </si>
  <si>
    <t>135940.0</t>
  </si>
  <si>
    <t>109305.0</t>
  </si>
  <si>
    <t>230.77</t>
  </si>
  <si>
    <t>82.63</t>
  </si>
  <si>
    <t>1571.0</t>
  </si>
  <si>
    <t>105168276.0</t>
  </si>
  <si>
    <t>41191029.0</t>
  </si>
  <si>
    <t>37611280.0</t>
  </si>
  <si>
    <t>26684116.0</t>
  </si>
  <si>
    <t>144945.0</t>
  </si>
  <si>
    <t>110246.0</t>
  </si>
  <si>
    <t>231.09</t>
  </si>
  <si>
    <t>90.51</t>
  </si>
  <si>
    <t>82.64</t>
  </si>
  <si>
    <t>58.63</t>
  </si>
  <si>
    <t>2422.0</t>
  </si>
  <si>
    <t>1567.0</t>
  </si>
  <si>
    <t>105311563.0</t>
  </si>
  <si>
    <t>41193121.0</t>
  </si>
  <si>
    <t>37616197.0</t>
  </si>
  <si>
    <t>26820517.0</t>
  </si>
  <si>
    <t>143287.0</t>
  </si>
  <si>
    <t>110341.0</t>
  </si>
  <si>
    <t>231.4</t>
  </si>
  <si>
    <t>82.65</t>
  </si>
  <si>
    <t>58.93</t>
  </si>
  <si>
    <t>105462294.0</t>
  </si>
  <si>
    <t>41195129.0</t>
  </si>
  <si>
    <t>37621167.0</t>
  </si>
  <si>
    <t>26964348.0</t>
  </si>
  <si>
    <t>150731.0</t>
  </si>
  <si>
    <t>111864.0</t>
  </si>
  <si>
    <t>231.73</t>
  </si>
  <si>
    <t>90.52</t>
  </si>
  <si>
    <t>82.67</t>
  </si>
  <si>
    <t>105486506.0</t>
  </si>
  <si>
    <t>41195381.0</t>
  </si>
  <si>
    <t>37621788.0</t>
  </si>
  <si>
    <t>26987692.0</t>
  </si>
  <si>
    <t>24212.0</t>
  </si>
  <si>
    <t>93560.0</t>
  </si>
  <si>
    <t>231.79</t>
  </si>
  <si>
    <t>105513544.0</t>
  </si>
  <si>
    <t>41195596.0</t>
  </si>
  <si>
    <t>37622294.0</t>
  </si>
  <si>
    <t>27014019.0</t>
  </si>
  <si>
    <t>27038.0</t>
  </si>
  <si>
    <t>91899.0</t>
  </si>
  <si>
    <t>231.85</t>
  </si>
  <si>
    <t>105514967.0</t>
  </si>
  <si>
    <t>41195614.0</t>
  </si>
  <si>
    <t>37622323.0</t>
  </si>
  <si>
    <t>27015396.0</t>
  </si>
  <si>
    <t>89654.0</t>
  </si>
  <si>
    <t>105533150.0</t>
  </si>
  <si>
    <t>41195706.0</t>
  </si>
  <si>
    <t>37622609.0</t>
  </si>
  <si>
    <t>27033202.0</t>
  </si>
  <si>
    <t>18183.0</t>
  </si>
  <si>
    <t>72831.0</t>
  </si>
  <si>
    <t>231.89</t>
  </si>
  <si>
    <t>105648362.0</t>
  </si>
  <si>
    <t>41197412.0</t>
  </si>
  <si>
    <t>37626897.0</t>
  </si>
  <si>
    <t>27142502.0</t>
  </si>
  <si>
    <t>115212.0</t>
  </si>
  <si>
    <t>68584.0</t>
  </si>
  <si>
    <t>232.14</t>
  </si>
  <si>
    <t>82.68</t>
  </si>
  <si>
    <t>59.64</t>
  </si>
  <si>
    <t>1507.0</t>
  </si>
  <si>
    <t>105759537.0</t>
  </si>
  <si>
    <t>41198995.0</t>
  </si>
  <si>
    <t>37630999.0</t>
  </si>
  <si>
    <t>27248072.0</t>
  </si>
  <si>
    <t>111175.0</t>
  </si>
  <si>
    <t>63996.0</t>
  </si>
  <si>
    <t>232.39</t>
  </si>
  <si>
    <t>90.53</t>
  </si>
  <si>
    <t>82.69</t>
  </si>
  <si>
    <t>59.87</t>
  </si>
  <si>
    <t>105868259.0</t>
  </si>
  <si>
    <t>41200595.0</t>
  </si>
  <si>
    <t>37635112.0</t>
  </si>
  <si>
    <t>27351142.0</t>
  </si>
  <si>
    <t>57995.0</t>
  </si>
  <si>
    <t>232.62</t>
  </si>
  <si>
    <t>82.7</t>
  </si>
  <si>
    <t>60.1</t>
  </si>
  <si>
    <t>105986224.0</t>
  </si>
  <si>
    <t>41202364.0</t>
  </si>
  <si>
    <t>37639349.0</t>
  </si>
  <si>
    <t>27463169.0</t>
  </si>
  <si>
    <t>117965.0</t>
  </si>
  <si>
    <t>71388.0</t>
  </si>
  <si>
    <t>232.88</t>
  </si>
  <si>
    <t>82.71</t>
  </si>
  <si>
    <t>106015809.0</t>
  </si>
  <si>
    <t>41202707.0</t>
  </si>
  <si>
    <t>37640026.0</t>
  </si>
  <si>
    <t>27491745.0</t>
  </si>
  <si>
    <t>29585.0</t>
  </si>
  <si>
    <t>71752.0</t>
  </si>
  <si>
    <t>232.95</t>
  </si>
  <si>
    <t>1577.0</t>
  </si>
  <si>
    <t>106033725.0</t>
  </si>
  <si>
    <t>41202814.0</t>
  </si>
  <si>
    <t>37640290.0</t>
  </si>
  <si>
    <t>27509292.0</t>
  </si>
  <si>
    <t>17916.0</t>
  </si>
  <si>
    <t>74108.0</t>
  </si>
  <si>
    <t>232.99</t>
  </si>
  <si>
    <t>90.54</t>
  </si>
  <si>
    <t>60.45</t>
  </si>
  <si>
    <t>106100004.0</t>
  </si>
  <si>
    <t>41203727.0</t>
  </si>
  <si>
    <t>37642459.0</t>
  </si>
  <si>
    <t>27572513.0</t>
  </si>
  <si>
    <t>66279.0</t>
  </si>
  <si>
    <t>80979.0</t>
  </si>
  <si>
    <t>233.13</t>
  </si>
  <si>
    <t>60.59</t>
  </si>
  <si>
    <t>106201321.0</t>
  </si>
  <si>
    <t>41205472.0</t>
  </si>
  <si>
    <t>37647044.0</t>
  </si>
  <si>
    <t>27667554.0</t>
  </si>
  <si>
    <t>101317.0</t>
  </si>
  <si>
    <t>78994.0</t>
  </si>
  <si>
    <t>233.36</t>
  </si>
  <si>
    <t>82.72</t>
  </si>
  <si>
    <t>60.79</t>
  </si>
  <si>
    <t>1736.0</t>
  </si>
  <si>
    <t>106301713.0</t>
  </si>
  <si>
    <t>41207059.0</t>
  </si>
  <si>
    <t>37651110.0</t>
  </si>
  <si>
    <t>27762331.0</t>
  </si>
  <si>
    <t>100392.0</t>
  </si>
  <si>
    <t>77454.0</t>
  </si>
  <si>
    <t>233.58</t>
  </si>
  <si>
    <t>106402291.0</t>
  </si>
  <si>
    <t>41208669.0</t>
  </si>
  <si>
    <t>37655362.0</t>
  </si>
  <si>
    <t>27857109.0</t>
  </si>
  <si>
    <t>100578.0</t>
  </si>
  <si>
    <t>76290.0</t>
  </si>
  <si>
    <t>233.8</t>
  </si>
  <si>
    <t>90.55</t>
  </si>
  <si>
    <t>82.74</t>
  </si>
  <si>
    <t>61.21</t>
  </si>
  <si>
    <t>106504316.0</t>
  </si>
  <si>
    <t>41210417.0</t>
  </si>
  <si>
    <t>37659458.0</t>
  </si>
  <si>
    <t>27953352.0</t>
  </si>
  <si>
    <t>102025.0</t>
  </si>
  <si>
    <t>74013.0</t>
  </si>
  <si>
    <t>234.02</t>
  </si>
  <si>
    <t>82.75</t>
  </si>
  <si>
    <t>61.42</t>
  </si>
  <si>
    <t>1626.0</t>
  </si>
  <si>
    <t>106531263.0</t>
  </si>
  <si>
    <t>41210678.0</t>
  </si>
  <si>
    <t>37660013.0</t>
  </si>
  <si>
    <t>27979485.0</t>
  </si>
  <si>
    <t>26947.0</t>
  </si>
  <si>
    <t>73636.0</t>
  </si>
  <si>
    <t>234.08</t>
  </si>
  <si>
    <t>61.48</t>
  </si>
  <si>
    <t>106545770.0</t>
  </si>
  <si>
    <t>41210760.0</t>
  </si>
  <si>
    <t>37660204.0</t>
  </si>
  <si>
    <t>27993722.0</t>
  </si>
  <si>
    <t>14507.0</t>
  </si>
  <si>
    <t>73149.0</t>
  </si>
  <si>
    <t>234.11</t>
  </si>
  <si>
    <t>106634270.0</t>
  </si>
  <si>
    <t>41212347.0</t>
  </si>
  <si>
    <t>37664271.0</t>
  </si>
  <si>
    <t>28076628.0</t>
  </si>
  <si>
    <t>88500.0</t>
  </si>
  <si>
    <t>76324.0</t>
  </si>
  <si>
    <t>234.31</t>
  </si>
  <si>
    <t>90.56</t>
  </si>
  <si>
    <t>82.76</t>
  </si>
  <si>
    <t>61.69</t>
  </si>
  <si>
    <t>1231.0</t>
  </si>
  <si>
    <t>106726561.0</t>
  </si>
  <si>
    <t>41213858.0</t>
  </si>
  <si>
    <t>37667923.0</t>
  </si>
  <si>
    <t>28163819.0</t>
  </si>
  <si>
    <t>92291.0</t>
  </si>
  <si>
    <t>75034.0</t>
  </si>
  <si>
    <t>234.51</t>
  </si>
  <si>
    <t>61.88</t>
  </si>
  <si>
    <t>106819065.0</t>
  </si>
  <si>
    <t>41215389.0</t>
  </si>
  <si>
    <t>37671509.0</t>
  </si>
  <si>
    <t>28251248.0</t>
  </si>
  <si>
    <t>92504.0</t>
  </si>
  <si>
    <t>73907.0</t>
  </si>
  <si>
    <t>234.71</t>
  </si>
  <si>
    <t>82.78</t>
  </si>
  <si>
    <t>62.08</t>
  </si>
  <si>
    <t>1624.0</t>
  </si>
  <si>
    <t>1190.0</t>
  </si>
  <si>
    <t>106911586.0</t>
  </si>
  <si>
    <t>41216763.0</t>
  </si>
  <si>
    <t>37674955.0</t>
  </si>
  <si>
    <t>28339007.0</t>
  </si>
  <si>
    <t>92521.0</t>
  </si>
  <si>
    <t>72756.0</t>
  </si>
  <si>
    <t>234.92</t>
  </si>
  <si>
    <t>90.57</t>
  </si>
  <si>
    <t>62.27</t>
  </si>
  <si>
    <t>1599.0</t>
  </si>
  <si>
    <t>107004525.0</t>
  </si>
  <si>
    <t>41218119.0</t>
  </si>
  <si>
    <t>37678225.0</t>
  </si>
  <si>
    <t>28427383.0</t>
  </si>
  <si>
    <t>92939.0</t>
  </si>
  <si>
    <t>71458.0</t>
  </si>
  <si>
    <t>235.12</t>
  </si>
  <si>
    <t>82.79</t>
  </si>
  <si>
    <t>62.46</t>
  </si>
  <si>
    <t>1570.0</t>
  </si>
  <si>
    <t>107025001.0</t>
  </si>
  <si>
    <t>41218383.0</t>
  </si>
  <si>
    <t>37678670.0</t>
  </si>
  <si>
    <t>28447156.0</t>
  </si>
  <si>
    <t>20476.0</t>
  </si>
  <si>
    <t>70534.0</t>
  </si>
  <si>
    <t>235.17</t>
  </si>
  <si>
    <t>62.51</t>
  </si>
  <si>
    <t>1550.0</t>
  </si>
  <si>
    <t>107037968.0</t>
  </si>
  <si>
    <t>41218520.0</t>
  </si>
  <si>
    <t>37678915.0</t>
  </si>
  <si>
    <t>28459741.0</t>
  </si>
  <si>
    <t>12967.0</t>
  </si>
  <si>
    <t>70314.0</t>
  </si>
  <si>
    <t>235.19</t>
  </si>
  <si>
    <t>62.53</t>
  </si>
  <si>
    <t>107114624.0</t>
  </si>
  <si>
    <t>41219827.0</t>
  </si>
  <si>
    <t>37681932.0</t>
  </si>
  <si>
    <t>28532119.0</t>
  </si>
  <si>
    <t>76656.0</t>
  </si>
  <si>
    <t>68622.0</t>
  </si>
  <si>
    <t>235.36</t>
  </si>
  <si>
    <t>82.8</t>
  </si>
  <si>
    <t>62.69</t>
  </si>
  <si>
    <t>1069.0</t>
  </si>
  <si>
    <t>107195209.0</t>
  </si>
  <si>
    <t>41221138.0</t>
  </si>
  <si>
    <t>37684960.0</t>
  </si>
  <si>
    <t>28608415.0</t>
  </si>
  <si>
    <t>80585.0</t>
  </si>
  <si>
    <t>66950.0</t>
  </si>
  <si>
    <t>235.54</t>
  </si>
  <si>
    <t>90.58</t>
  </si>
  <si>
    <t>82.81</t>
  </si>
  <si>
    <t>1471.0</t>
  </si>
  <si>
    <t>107274722.0</t>
  </si>
  <si>
    <t>41222440.0</t>
  </si>
  <si>
    <t>37688073.0</t>
  </si>
  <si>
    <t>28683571.0</t>
  </si>
  <si>
    <t>79513.0</t>
  </si>
  <si>
    <t>65094.0</t>
  </si>
  <si>
    <t>235.72</t>
  </si>
  <si>
    <t>1430.0</t>
  </si>
  <si>
    <t>107351241.0</t>
  </si>
  <si>
    <t>41223696.0</t>
  </si>
  <si>
    <t>37691245.0</t>
  </si>
  <si>
    <t>28755701.0</t>
  </si>
  <si>
    <t>76519.0</t>
  </si>
  <si>
    <t>62808.0</t>
  </si>
  <si>
    <t>235.88</t>
  </si>
  <si>
    <t>82.82</t>
  </si>
  <si>
    <t>63.19</t>
  </si>
  <si>
    <t>107420900.0</t>
  </si>
  <si>
    <t>41224795.0</t>
  </si>
  <si>
    <t>37693827.0</t>
  </si>
  <si>
    <t>28821721.0</t>
  </si>
  <si>
    <t>69659.0</t>
  </si>
  <si>
    <t>59482.0</t>
  </si>
  <si>
    <t>236.04</t>
  </si>
  <si>
    <t>63.33</t>
  </si>
  <si>
    <t>954.0</t>
  </si>
  <si>
    <t>107436510.0</t>
  </si>
  <si>
    <t>41224980.0</t>
  </si>
  <si>
    <t>37694263.0</t>
  </si>
  <si>
    <t>28836719.0</t>
  </si>
  <si>
    <t>15610.0</t>
  </si>
  <si>
    <t>58787.0</t>
  </si>
  <si>
    <t>236.07</t>
  </si>
  <si>
    <t>82.83</t>
  </si>
  <si>
    <t>1292.0</t>
  </si>
  <si>
    <t>107445861.0</t>
  </si>
  <si>
    <t>41225073.0</t>
  </si>
  <si>
    <t>37694481.0</t>
  </si>
  <si>
    <t>28845761.0</t>
  </si>
  <si>
    <t>58270.0</t>
  </si>
  <si>
    <t>236.09</t>
  </si>
  <si>
    <t>63.38</t>
  </si>
  <si>
    <t>107511130.0</t>
  </si>
  <si>
    <t>41226339.0</t>
  </si>
  <si>
    <t>37697370.0</t>
  </si>
  <si>
    <t>28906915.0</t>
  </si>
  <si>
    <t>65269.0</t>
  </si>
  <si>
    <t>56644.0</t>
  </si>
  <si>
    <t>236.23</t>
  </si>
  <si>
    <t>90.59</t>
  </si>
  <si>
    <t>63.52</t>
  </si>
  <si>
    <t>107584979.0</t>
  </si>
  <si>
    <t>41227700.0</t>
  </si>
  <si>
    <t>37700508.0</t>
  </si>
  <si>
    <t>28976307.0</t>
  </si>
  <si>
    <t>73849.0</t>
  </si>
  <si>
    <t>55681.0</t>
  </si>
  <si>
    <t>236.4</t>
  </si>
  <si>
    <t>82.84</t>
  </si>
  <si>
    <t>63.67</t>
  </si>
  <si>
    <t>107647726.0</t>
  </si>
  <si>
    <t>41228960.0</t>
  </si>
  <si>
    <t>37703306.0</t>
  </si>
  <si>
    <t>29035028.0</t>
  </si>
  <si>
    <t>62747.0</t>
  </si>
  <si>
    <t>53286.0</t>
  </si>
  <si>
    <t>236.53</t>
  </si>
  <si>
    <t>82.85</t>
  </si>
  <si>
    <t>63.8</t>
  </si>
  <si>
    <t>1171.0</t>
  </si>
  <si>
    <t>107712850.0</t>
  </si>
  <si>
    <t>41230211.0</t>
  </si>
  <si>
    <t>37706183.0</t>
  </si>
  <si>
    <t>29096061.0</t>
  </si>
  <si>
    <t>65124.0</t>
  </si>
  <si>
    <t>51658.0</t>
  </si>
  <si>
    <t>236.68</t>
  </si>
  <si>
    <t>90.6</t>
  </si>
  <si>
    <t>107786241.0</t>
  </si>
  <si>
    <t>41231669.0</t>
  </si>
  <si>
    <t>37709433.0</t>
  </si>
  <si>
    <t>29164801.0</t>
  </si>
  <si>
    <t>73391.0</t>
  </si>
  <si>
    <t>52192.0</t>
  </si>
  <si>
    <t>236.84</t>
  </si>
  <si>
    <t>82.86</t>
  </si>
  <si>
    <t>64.08</t>
  </si>
  <si>
    <t>1147.0</t>
  </si>
  <si>
    <t>107800770.0</t>
  </si>
  <si>
    <t>41231876.0</t>
  </si>
  <si>
    <t>37709922.0</t>
  </si>
  <si>
    <t>29178647.0</t>
  </si>
  <si>
    <t>14529.0</t>
  </si>
  <si>
    <t>52037.0</t>
  </si>
  <si>
    <t>236.87</t>
  </si>
  <si>
    <t>107807106.0</t>
  </si>
  <si>
    <t>41231945.0</t>
  </si>
  <si>
    <t>37710106.0</t>
  </si>
  <si>
    <t>29184732.0</t>
  </si>
  <si>
    <t>6336.0</t>
  </si>
  <si>
    <t>51606.0</t>
  </si>
  <si>
    <t>236.88</t>
  </si>
  <si>
    <t>107859696.0</t>
  </si>
  <si>
    <t>41232953.0</t>
  </si>
  <si>
    <t>37712400.0</t>
  </si>
  <si>
    <t>29234053.0</t>
  </si>
  <si>
    <t>52590.0</t>
  </si>
  <si>
    <t>49795.0</t>
  </si>
  <si>
    <t>82.87</t>
  </si>
  <si>
    <t>107924485.0</t>
  </si>
  <si>
    <t>41234294.0</t>
  </si>
  <si>
    <t>37715339.0</t>
  </si>
  <si>
    <t>29294595.0</t>
  </si>
  <si>
    <t>64789.0</t>
  </si>
  <si>
    <t>48501.0</t>
  </si>
  <si>
    <t>237.14</t>
  </si>
  <si>
    <t>107986140.0</t>
  </si>
  <si>
    <t>41235610.0</t>
  </si>
  <si>
    <t>37718117.0</t>
  </si>
  <si>
    <t>29352200.0</t>
  </si>
  <si>
    <t>61655.0</t>
  </si>
  <si>
    <t>48345.0</t>
  </si>
  <si>
    <t>237.28</t>
  </si>
  <si>
    <t>90.61</t>
  </si>
  <si>
    <t>82.88</t>
  </si>
  <si>
    <t>64.5</t>
  </si>
  <si>
    <t>108051147.0</t>
  </si>
  <si>
    <t>41236979.0</t>
  </si>
  <si>
    <t>37721102.0</t>
  </si>
  <si>
    <t>29412881.0</t>
  </si>
  <si>
    <t>65007.0</t>
  </si>
  <si>
    <t>48328.0</t>
  </si>
  <si>
    <t>237.42</t>
  </si>
  <si>
    <t>108126434.0</t>
  </si>
  <si>
    <t>41238549.0</t>
  </si>
  <si>
    <t>37724699.0</t>
  </si>
  <si>
    <t>29483068.0</t>
  </si>
  <si>
    <t>75287.0</t>
  </si>
  <si>
    <t>48599.0</t>
  </si>
  <si>
    <t>237.59</t>
  </si>
  <si>
    <t>82.89</t>
  </si>
  <si>
    <t>64.78</t>
  </si>
  <si>
    <t>1068.0</t>
  </si>
  <si>
    <t>108141936.0</t>
  </si>
  <si>
    <t>41238822.0</t>
  </si>
  <si>
    <t>37725350.0</t>
  </si>
  <si>
    <t>29497652.0</t>
  </si>
  <si>
    <t>15502.0</t>
  </si>
  <si>
    <t>48738.0</t>
  </si>
  <si>
    <t>237.62</t>
  </si>
  <si>
    <t>64.82</t>
  </si>
  <si>
    <t>108148730.0</t>
  </si>
  <si>
    <t>41238961.0</t>
  </si>
  <si>
    <t>37725591.0</t>
  </si>
  <si>
    <t>29504066.0</t>
  </si>
  <si>
    <t>6794.0</t>
  </si>
  <si>
    <t>48803.0</t>
  </si>
  <si>
    <t>237.64</t>
  </si>
  <si>
    <t>1072.0</t>
  </si>
  <si>
    <t>108195413.0</t>
  </si>
  <si>
    <t>41240128.0</t>
  </si>
  <si>
    <t>37728083.0</t>
  </si>
  <si>
    <t>29547149.0</t>
  </si>
  <si>
    <t>46683.0</t>
  </si>
  <si>
    <t>47960.0</t>
  </si>
  <si>
    <t>237.74</t>
  </si>
  <si>
    <t>90.62</t>
  </si>
  <si>
    <t>64.92</t>
  </si>
  <si>
    <t>108244053.0</t>
  </si>
  <si>
    <t>41241264.0</t>
  </si>
  <si>
    <t>37730631.0</t>
  </si>
  <si>
    <t>29592141.0</t>
  </si>
  <si>
    <t>48640.0</t>
  </si>
  <si>
    <t>45653.0</t>
  </si>
  <si>
    <t>237.85</t>
  </si>
  <si>
    <t>82.91</t>
  </si>
  <si>
    <t>65.02</t>
  </si>
  <si>
    <t>108289362.0</t>
  </si>
  <si>
    <t>41242928.0</t>
  </si>
  <si>
    <t>37733082.0</t>
  </si>
  <si>
    <t>29633381.0</t>
  </si>
  <si>
    <t>45309.0</t>
  </si>
  <si>
    <t>43317.0</t>
  </si>
  <si>
    <t>237.94</t>
  </si>
  <si>
    <t>108332114.0</t>
  </si>
  <si>
    <t>41244929.0</t>
  </si>
  <si>
    <t>37735375.0</t>
  </si>
  <si>
    <t>29671881.0</t>
  </si>
  <si>
    <t>42752.0</t>
  </si>
  <si>
    <t>40138.0</t>
  </si>
  <si>
    <t>238.04</t>
  </si>
  <si>
    <t>90.63</t>
  </si>
  <si>
    <t>108388538.0</t>
  </si>
  <si>
    <t>41247747.0</t>
  </si>
  <si>
    <t>37738342.0</t>
  </si>
  <si>
    <t>29722557.0</t>
  </si>
  <si>
    <t>56424.0</t>
  </si>
  <si>
    <t>37443.0</t>
  </si>
  <si>
    <t>238.16</t>
  </si>
  <si>
    <t>1314.0</t>
  </si>
  <si>
    <t>108398681.0</t>
  </si>
  <si>
    <t>41248179.0</t>
  </si>
  <si>
    <t>37738800.0</t>
  </si>
  <si>
    <t>29731813.0</t>
  </si>
  <si>
    <t>10143.0</t>
  </si>
  <si>
    <t>36678.0</t>
  </si>
  <si>
    <t>238.18</t>
  </si>
  <si>
    <t>806.0</t>
  </si>
  <si>
    <t>1337.0</t>
  </si>
  <si>
    <t>108403349.0</t>
  </si>
  <si>
    <t>41248340.0</t>
  </si>
  <si>
    <t>37739056.0</t>
  </si>
  <si>
    <t>29736069.0</t>
  </si>
  <si>
    <t>4668.0</t>
  </si>
  <si>
    <t>36374.0</t>
  </si>
  <si>
    <t>90.64</t>
  </si>
  <si>
    <t>1340.0</t>
  </si>
  <si>
    <t>108451372.0</t>
  </si>
  <si>
    <t>41250657.0</t>
  </si>
  <si>
    <t>37741434.0</t>
  </si>
  <si>
    <t>29779454.0</t>
  </si>
  <si>
    <t>48023.0</t>
  </si>
  <si>
    <t>36566.0</t>
  </si>
  <si>
    <t>238.3</t>
  </si>
  <si>
    <t>82.93</t>
  </si>
  <si>
    <t>65.43</t>
  </si>
  <si>
    <t>108500199.0</t>
  </si>
  <si>
    <t>41253415.0</t>
  </si>
  <si>
    <t>37743859.0</t>
  </si>
  <si>
    <t>29823151.0</t>
  </si>
  <si>
    <t>48827.0</t>
  </si>
  <si>
    <t>36592.0</t>
  </si>
  <si>
    <t>238.41</t>
  </si>
  <si>
    <t>90.65</t>
  </si>
  <si>
    <t>65.53</t>
  </si>
  <si>
    <t>108550819.0</t>
  </si>
  <si>
    <t>41256201.0</t>
  </si>
  <si>
    <t>37746586.0</t>
  </si>
  <si>
    <t>29868317.0</t>
  </si>
  <si>
    <t>50620.0</t>
  </si>
  <si>
    <t>37351.0</t>
  </si>
  <si>
    <t>238.52</t>
  </si>
  <si>
    <t>82.94</t>
  </si>
  <si>
    <t>65.63</t>
  </si>
  <si>
    <t>108600894.0</t>
  </si>
  <si>
    <t>41261250.0</t>
  </si>
  <si>
    <t>37749085.0</t>
  </si>
  <si>
    <t>29910916.0</t>
  </si>
  <si>
    <t>50075.0</t>
  </si>
  <si>
    <t>38397.0</t>
  </si>
  <si>
    <t>238.63</t>
  </si>
  <si>
    <t>90.66</t>
  </si>
  <si>
    <t>82.95</t>
  </si>
  <si>
    <t>65.72</t>
  </si>
  <si>
    <t>108658211.0</t>
  </si>
  <si>
    <t>41265779.0</t>
  </si>
  <si>
    <t>37751701.0</t>
  </si>
  <si>
    <t>29961137.0</t>
  </si>
  <si>
    <t>57317.0</t>
  </si>
  <si>
    <t>38525.0</t>
  </si>
  <si>
    <t>238.76</t>
  </si>
  <si>
    <t>90.67</t>
  </si>
  <si>
    <t>65.83</t>
  </si>
  <si>
    <t>108669536.0</t>
  </si>
  <si>
    <t>41266242.0</t>
  </si>
  <si>
    <t>37752144.0</t>
  </si>
  <si>
    <t>29971565.0</t>
  </si>
  <si>
    <t>11325.0</t>
  </si>
  <si>
    <t>38694.0</t>
  </si>
  <si>
    <t>238.78</t>
  </si>
  <si>
    <t>65.86</t>
  </si>
  <si>
    <t>108674420.0</t>
  </si>
  <si>
    <t>41266340.0</t>
  </si>
  <si>
    <t>37752287.0</t>
  </si>
  <si>
    <t>29976210.0</t>
  </si>
  <si>
    <t>38724.0</t>
  </si>
  <si>
    <t>238.79</t>
  </si>
  <si>
    <t>65.87</t>
  </si>
  <si>
    <t>108680815.0</t>
  </si>
  <si>
    <t>41266537.0</t>
  </si>
  <si>
    <t>37752564.0</t>
  </si>
  <si>
    <t>29982142.0</t>
  </si>
  <si>
    <t>32778.0</t>
  </si>
  <si>
    <t>238.8</t>
  </si>
  <si>
    <t>90.68</t>
  </si>
  <si>
    <t>65.88</t>
  </si>
  <si>
    <t>108725107.0</t>
  </si>
  <si>
    <t>41270055.0</t>
  </si>
  <si>
    <t>37754970.0</t>
  </si>
  <si>
    <t>30020559.0</t>
  </si>
  <si>
    <t>44292.0</t>
  </si>
  <si>
    <t>32130.0</t>
  </si>
  <si>
    <t>238.9</t>
  </si>
  <si>
    <t>82.96</t>
  </si>
  <si>
    <t>65.96</t>
  </si>
  <si>
    <t>2377.0</t>
  </si>
  <si>
    <t>108770078.0</t>
  </si>
  <si>
    <t>41272805.0</t>
  </si>
  <si>
    <t>37757025.0</t>
  </si>
  <si>
    <t>30060757.0</t>
  </si>
  <si>
    <t>44971.0</t>
  </si>
  <si>
    <t>31323.0</t>
  </si>
  <si>
    <t>90.69</t>
  </si>
  <si>
    <t>66.05</t>
  </si>
  <si>
    <t>2372.0</t>
  </si>
  <si>
    <t>108816108.0</t>
  </si>
  <si>
    <t>41275773.0</t>
  </si>
  <si>
    <t>37759446.0</t>
  </si>
  <si>
    <t>30101446.0</t>
  </si>
  <si>
    <t>46030.0</t>
  </si>
  <si>
    <t>30745.0</t>
  </si>
  <si>
    <t>239.1</t>
  </si>
  <si>
    <t>90.7</t>
  </si>
  <si>
    <t>82.97</t>
  </si>
  <si>
    <t>66.14</t>
  </si>
  <si>
    <t>108861763.0</t>
  </si>
  <si>
    <t>41278416.0</t>
  </si>
  <si>
    <t>37761758.0</t>
  </si>
  <si>
    <t>30142190.0</t>
  </si>
  <si>
    <t>45655.0</t>
  </si>
  <si>
    <t>29079.0</t>
  </si>
  <si>
    <t>239.2</t>
  </si>
  <si>
    <t>66.23</t>
  </si>
  <si>
    <t>108870645.0</t>
  </si>
  <si>
    <t>41278708.0</t>
  </si>
  <si>
    <t>37762093.0</t>
  </si>
  <si>
    <t>30150447.0</t>
  </si>
  <si>
    <t>28730.0</t>
  </si>
  <si>
    <t>239.22</t>
  </si>
  <si>
    <t>66.25</t>
  </si>
  <si>
    <t>108873726.0</t>
  </si>
  <si>
    <t>41278776.0</t>
  </si>
  <si>
    <t>37762198.0</t>
  </si>
  <si>
    <t>30153359.0</t>
  </si>
  <si>
    <t>28472.0</t>
  </si>
  <si>
    <t>239.23</t>
  </si>
  <si>
    <t>82.98</t>
  </si>
  <si>
    <t>66.26</t>
  </si>
  <si>
    <t>108916395.0</t>
  </si>
  <si>
    <t>41281087.0</t>
  </si>
  <si>
    <t>37764348.0</t>
  </si>
  <si>
    <t>30191642.0</t>
  </si>
  <si>
    <t>42669.0</t>
  </si>
  <si>
    <t>33654.0</t>
  </si>
  <si>
    <t>239.32</t>
  </si>
  <si>
    <t>90.71</t>
  </si>
  <si>
    <t>108957983.0</t>
  </si>
  <si>
    <t>41283539.0</t>
  </si>
  <si>
    <t>37766585.0</t>
  </si>
  <si>
    <t>30228580.0</t>
  </si>
  <si>
    <t>41588.0</t>
  </si>
  <si>
    <t>33268.0</t>
  </si>
  <si>
    <t>239.41</t>
  </si>
  <si>
    <t>109001154.0</t>
  </si>
  <si>
    <t>41286289.0</t>
  </si>
  <si>
    <t>37769089.0</t>
  </si>
  <si>
    <t>30266554.0</t>
  </si>
  <si>
    <t>43171.0</t>
  </si>
  <si>
    <t>33011.0</t>
  </si>
  <si>
    <t>239.51</t>
  </si>
  <si>
    <t>90.72</t>
  </si>
  <si>
    <t>82.99</t>
  </si>
  <si>
    <t>109039585.0</t>
  </si>
  <si>
    <t>41288850.0</t>
  </si>
  <si>
    <t>37771585.0</t>
  </si>
  <si>
    <t>30299972.0</t>
  </si>
  <si>
    <t>38431.0</t>
  </si>
  <si>
    <t>31925.0</t>
  </si>
  <si>
    <t>239.59</t>
  </si>
  <si>
    <t>66.58</t>
  </si>
  <si>
    <t>109079813.0</t>
  </si>
  <si>
    <t>41291449.0</t>
  </si>
  <si>
    <t>37773772.0</t>
  </si>
  <si>
    <t>30335452.0</t>
  </si>
  <si>
    <t>40228.0</t>
  </si>
  <si>
    <t>31150.0</t>
  </si>
  <si>
    <t>239.68</t>
  </si>
  <si>
    <t>90.73</t>
  </si>
  <si>
    <t>66.66</t>
  </si>
  <si>
    <t>109087307.0</t>
  </si>
  <si>
    <t>41291794.0</t>
  </si>
  <si>
    <t>37774148.0</t>
  </si>
  <si>
    <t>30342235.0</t>
  </si>
  <si>
    <t>7494.0</t>
  </si>
  <si>
    <t>30952.0</t>
  </si>
  <si>
    <t>239.7</t>
  </si>
  <si>
    <t>109090419.0</t>
  </si>
  <si>
    <t>41291891.0</t>
  </si>
  <si>
    <t>37774320.0</t>
  </si>
  <si>
    <t>30345078.0</t>
  </si>
  <si>
    <t>3112.0</t>
  </si>
  <si>
    <t>30956.0</t>
  </si>
  <si>
    <t>66.68</t>
  </si>
  <si>
    <t>109124166.0</t>
  </si>
  <si>
    <t>41294100.0</t>
  </si>
  <si>
    <t>37776328.0</t>
  </si>
  <si>
    <t>30374667.0</t>
  </si>
  <si>
    <t>33747.0</t>
  </si>
  <si>
    <t>29682.0</t>
  </si>
  <si>
    <t>239.78</t>
  </si>
  <si>
    <t>90.74</t>
  </si>
  <si>
    <t>83.01</t>
  </si>
  <si>
    <t>66.74</t>
  </si>
  <si>
    <t>109155518.0</t>
  </si>
  <si>
    <t>41296514.0</t>
  </si>
  <si>
    <t>37778346.0</t>
  </si>
  <si>
    <t>30401621.0</t>
  </si>
  <si>
    <t>31352.0</t>
  </si>
  <si>
    <t>28219.0</t>
  </si>
  <si>
    <t>239.85</t>
  </si>
  <si>
    <t>109187251.0</t>
  </si>
  <si>
    <t>41298879.0</t>
  </si>
  <si>
    <t>37780582.0</t>
  </si>
  <si>
    <t>30428779.0</t>
  </si>
  <si>
    <t>31733.0</t>
  </si>
  <si>
    <t>26585.0</t>
  </si>
  <si>
    <t>239.92</t>
  </si>
  <si>
    <t>90.75</t>
  </si>
  <si>
    <t>83.02</t>
  </si>
  <si>
    <t>66.86</t>
  </si>
  <si>
    <t>109215312.0</t>
  </si>
  <si>
    <t>41301427.0</t>
  </si>
  <si>
    <t>37782564.0</t>
  </si>
  <si>
    <t>30452363.0</t>
  </si>
  <si>
    <t>28061.0</t>
  </si>
  <si>
    <t>25104.0</t>
  </si>
  <si>
    <t>239.98</t>
  </si>
  <si>
    <t>109221391.0</t>
  </si>
  <si>
    <t>41302073.0</t>
  </si>
  <si>
    <t>37782973.0</t>
  </si>
  <si>
    <t>30457401.0</t>
  </si>
  <si>
    <t>20225.0</t>
  </si>
  <si>
    <t>239.99</t>
  </si>
  <si>
    <t>1518.0</t>
  </si>
  <si>
    <t>109227420.0</t>
  </si>
  <si>
    <t>41302334.0</t>
  </si>
  <si>
    <t>37783300.0</t>
  </si>
  <si>
    <t>30462851.0</t>
  </si>
  <si>
    <t>6029.0</t>
  </si>
  <si>
    <t>20016.0</t>
  </si>
  <si>
    <t>240.01</t>
  </si>
  <si>
    <t>109229426.0</t>
  </si>
  <si>
    <t>41302397.0</t>
  </si>
  <si>
    <t>37783378.0</t>
  </si>
  <si>
    <t>30464717.0</t>
  </si>
  <si>
    <t>2006.0</t>
  </si>
  <si>
    <t>19858.0</t>
  </si>
  <si>
    <t>109258528.0</t>
  </si>
  <si>
    <t>41304513.0</t>
  </si>
  <si>
    <t>37785411.0</t>
  </si>
  <si>
    <t>30489727.0</t>
  </si>
  <si>
    <t>29102.0</t>
  </si>
  <si>
    <t>19195.0</t>
  </si>
  <si>
    <t>240.07</t>
  </si>
  <si>
    <t>90.76</t>
  </si>
  <si>
    <t>83.03</t>
  </si>
  <si>
    <t>1488.0</t>
  </si>
  <si>
    <t>109289595.0</t>
  </si>
  <si>
    <t>41306772.0</t>
  </si>
  <si>
    <t>37787560.0</t>
  </si>
  <si>
    <t>30516435.0</t>
  </si>
  <si>
    <t>31067.0</t>
  </si>
  <si>
    <t>19154.0</t>
  </si>
  <si>
    <t>240.14</t>
  </si>
  <si>
    <t>67.05</t>
  </si>
  <si>
    <t>109319150.0</t>
  </si>
  <si>
    <t>41308720.0</t>
  </si>
  <si>
    <t>37789528.0</t>
  </si>
  <si>
    <t>30542106.0</t>
  </si>
  <si>
    <t>29555.0</t>
  </si>
  <si>
    <t>18843.0</t>
  </si>
  <si>
    <t>240.21</t>
  </si>
  <si>
    <t>90.77</t>
  </si>
  <si>
    <t>83.04</t>
  </si>
  <si>
    <t>67.11</t>
  </si>
  <si>
    <t>109346775.0</t>
  </si>
  <si>
    <t>41310732.0</t>
  </si>
  <si>
    <t>37791631.0</t>
  </si>
  <si>
    <t>30565669.0</t>
  </si>
  <si>
    <t>27625.0</t>
  </si>
  <si>
    <t>18780.0</t>
  </si>
  <si>
    <t>240.27</t>
  </si>
  <si>
    <t>67.16</t>
  </si>
  <si>
    <t>109376274.0</t>
  </si>
  <si>
    <t>41312789.0</t>
  </si>
  <si>
    <t>37794027.0</t>
  </si>
  <si>
    <t>30590753.0</t>
  </si>
  <si>
    <t>29499.0</t>
  </si>
  <si>
    <t>22126.0</t>
  </si>
  <si>
    <t>240.33</t>
  </si>
  <si>
    <t>90.78</t>
  </si>
  <si>
    <t>67.22</t>
  </si>
  <si>
    <t>109381994.0</t>
  </si>
  <si>
    <t>41313044.0</t>
  </si>
  <si>
    <t>37794364.0</t>
  </si>
  <si>
    <t>30595887.0</t>
  </si>
  <si>
    <t>22082.0</t>
  </si>
  <si>
    <t>240.35</t>
  </si>
  <si>
    <t>83.05</t>
  </si>
  <si>
    <t>67.23</t>
  </si>
  <si>
    <t>109383830.0</t>
  </si>
  <si>
    <t>41313094.0</t>
  </si>
  <si>
    <t>37794432.0</t>
  </si>
  <si>
    <t>30597608.0</t>
  </si>
  <si>
    <t>22058.0</t>
  </si>
  <si>
    <t>1528.0</t>
  </si>
  <si>
    <t>109409374.0</t>
  </si>
  <si>
    <t>41314784.0</t>
  </si>
  <si>
    <t>37796499.0</t>
  </si>
  <si>
    <t>30619437.0</t>
  </si>
  <si>
    <t>25544.0</t>
  </si>
  <si>
    <t>21549.0</t>
  </si>
  <si>
    <t>240.41</t>
  </si>
  <si>
    <t>1467.0</t>
  </si>
  <si>
    <t>109435569.0</t>
  </si>
  <si>
    <t>41316462.0</t>
  </si>
  <si>
    <t>37799143.0</t>
  </si>
  <si>
    <t>30641361.0</t>
  </si>
  <si>
    <t>26195.0</t>
  </si>
  <si>
    <t>20853.0</t>
  </si>
  <si>
    <t>240.46</t>
  </si>
  <si>
    <t>83.06</t>
  </si>
  <si>
    <t>67.33</t>
  </si>
  <si>
    <t>109461117.0</t>
  </si>
  <si>
    <t>41318233.0</t>
  </si>
  <si>
    <t>37801370.0</t>
  </si>
  <si>
    <t>30662947.0</t>
  </si>
  <si>
    <t>25548.0</t>
  </si>
  <si>
    <t>20281.0</t>
  </si>
  <si>
    <t>240.52</t>
  </si>
  <si>
    <t>90.79</t>
  </si>
  <si>
    <t>67.38</t>
  </si>
  <si>
    <t>109485492.0</t>
  </si>
  <si>
    <t>41319908.0</t>
  </si>
  <si>
    <t>37803523.0</t>
  </si>
  <si>
    <t>30683529.0</t>
  </si>
  <si>
    <t>24375.0</t>
  </si>
  <si>
    <t>19817.0</t>
  </si>
  <si>
    <t>240.57</t>
  </si>
  <si>
    <t>67.42</t>
  </si>
  <si>
    <t>1311.0</t>
  </si>
  <si>
    <t>109511555.0</t>
  </si>
  <si>
    <t>41321708.0</t>
  </si>
  <si>
    <t>37805853.0</t>
  </si>
  <si>
    <t>30705499.0</t>
  </si>
  <si>
    <t>26063.0</t>
  </si>
  <si>
    <t>19326.0</t>
  </si>
  <si>
    <t>240.63</t>
  </si>
  <si>
    <t>90.8</t>
  </si>
  <si>
    <t>67.47</t>
  </si>
  <si>
    <t>109515704.0</t>
  </si>
  <si>
    <t>41321925.0</t>
  </si>
  <si>
    <t>37806106.0</t>
  </si>
  <si>
    <t>30709185.0</t>
  </si>
  <si>
    <t>4149.0</t>
  </si>
  <si>
    <t>19101.0</t>
  </si>
  <si>
    <t>240.64</t>
  </si>
  <si>
    <t>67.48</t>
  </si>
  <si>
    <t>109517241.0</t>
  </si>
  <si>
    <t>41321989.0</t>
  </si>
  <si>
    <t>37806185.0</t>
  </si>
  <si>
    <t>30710581.0</t>
  </si>
  <si>
    <t>1537.0</t>
  </si>
  <si>
    <t>19059.0</t>
  </si>
  <si>
    <t>109538651.0</t>
  </si>
  <si>
    <t>41323288.0</t>
  </si>
  <si>
    <t>37807926.0</t>
  </si>
  <si>
    <t>30728996.0</t>
  </si>
  <si>
    <t>21410.0</t>
  </si>
  <si>
    <t>18468.0</t>
  </si>
  <si>
    <t>240.69</t>
  </si>
  <si>
    <t>83.08</t>
  </si>
  <si>
    <t>67.52</t>
  </si>
  <si>
    <t>109559810.0</t>
  </si>
  <si>
    <t>41324793.0</t>
  </si>
  <si>
    <t>37809957.0</t>
  </si>
  <si>
    <t>30746665.0</t>
  </si>
  <si>
    <t>21159.0</t>
  </si>
  <si>
    <t>17749.0</t>
  </si>
  <si>
    <t>240.74</t>
  </si>
  <si>
    <t>67.56</t>
  </si>
  <si>
    <t>109577099.0</t>
  </si>
  <si>
    <t>41326014.0</t>
  </si>
  <si>
    <t>37811435.0</t>
  </si>
  <si>
    <t>30761276.0</t>
  </si>
  <si>
    <t>17289.0</t>
  </si>
  <si>
    <t>16569.0</t>
  </si>
  <si>
    <t>240.77</t>
  </si>
  <si>
    <t>90.81</t>
  </si>
  <si>
    <t>67.59</t>
  </si>
  <si>
    <t>1112.0</t>
  </si>
  <si>
    <t>109601007.0</t>
  </si>
  <si>
    <t>41327498.0</t>
  </si>
  <si>
    <t>37813436.0</t>
  </si>
  <si>
    <t>30781730.0</t>
  </si>
  <si>
    <t>23908.0</t>
  </si>
  <si>
    <t>16502.0</t>
  </si>
  <si>
    <t>240.83</t>
  </si>
  <si>
    <t>83.09</t>
  </si>
  <si>
    <t>67.64</t>
  </si>
  <si>
    <t>109625097.0</t>
  </si>
  <si>
    <t>41329021.0</t>
  </si>
  <si>
    <t>37815480.0</t>
  </si>
  <si>
    <t>30802298.0</t>
  </si>
  <si>
    <t>24090.0</t>
  </si>
  <si>
    <t>16220.0</t>
  </si>
  <si>
    <t>240.88</t>
  </si>
  <si>
    <t>109628722.0</t>
  </si>
  <si>
    <t>41329196.0</t>
  </si>
  <si>
    <t>37815712.0</t>
  </si>
  <si>
    <t>30805521.0</t>
  </si>
  <si>
    <t>3625.0</t>
  </si>
  <si>
    <t>16145.0</t>
  </si>
  <si>
    <t>240.89</t>
  </si>
  <si>
    <t>67.69</t>
  </si>
  <si>
    <t>109630161.0</t>
  </si>
  <si>
    <t>41329226.0</t>
  </si>
  <si>
    <t>37815764.0</t>
  </si>
  <si>
    <t>30806880.0</t>
  </si>
  <si>
    <t>1439.0</t>
  </si>
  <si>
    <t>16131.0</t>
  </si>
  <si>
    <t>109650833.0</t>
  </si>
  <si>
    <t>41330670.0</t>
  </si>
  <si>
    <t>37817747.0</t>
  </si>
  <si>
    <t>30824154.0</t>
  </si>
  <si>
    <t>20672.0</t>
  </si>
  <si>
    <t>16026.0</t>
  </si>
  <si>
    <t>240.94</t>
  </si>
  <si>
    <t>90.82</t>
  </si>
  <si>
    <t>83.1</t>
  </si>
  <si>
    <t>67.73</t>
  </si>
  <si>
    <t>109669509.0</t>
  </si>
  <si>
    <t>41331991.0</t>
  </si>
  <si>
    <t>37819748.0</t>
  </si>
  <si>
    <t>30839537.0</t>
  </si>
  <si>
    <t>18676.0</t>
  </si>
  <si>
    <t>15671.0</t>
  </si>
  <si>
    <t>240.98</t>
  </si>
  <si>
    <t>67.76</t>
  </si>
  <si>
    <t>109686991.0</t>
  </si>
  <si>
    <t>41333219.0</t>
  </si>
  <si>
    <t>37821547.0</t>
  </si>
  <si>
    <t>30854014.0</t>
  </si>
  <si>
    <t>17482.0</t>
  </si>
  <si>
    <t>15699.0</t>
  </si>
  <si>
    <t>241.02</t>
  </si>
  <si>
    <t>109705767.0</t>
  </si>
  <si>
    <t>41334534.0</t>
  </si>
  <si>
    <t>37823597.0</t>
  </si>
  <si>
    <t>30869448.0</t>
  </si>
  <si>
    <t>18776.0</t>
  </si>
  <si>
    <t>14966.0</t>
  </si>
  <si>
    <t>241.06</t>
  </si>
  <si>
    <t>109724680.0</t>
  </si>
  <si>
    <t>41335793.0</t>
  </si>
  <si>
    <t>37825562.0</t>
  </si>
  <si>
    <t>30885154.0</t>
  </si>
  <si>
    <t>18913.0</t>
  </si>
  <si>
    <t>14226.0</t>
  </si>
  <si>
    <t>241.1</t>
  </si>
  <si>
    <t>90.83</t>
  </si>
  <si>
    <t>67.86</t>
  </si>
  <si>
    <t>109727469.0</t>
  </si>
  <si>
    <t>41336085.0</t>
  </si>
  <si>
    <t>37825844.0</t>
  </si>
  <si>
    <t>30887373.0</t>
  </si>
  <si>
    <t>67.87</t>
  </si>
  <si>
    <t>109728214.0</t>
  </si>
  <si>
    <t>41336151.0</t>
  </si>
  <si>
    <t>37825912.0</t>
  </si>
  <si>
    <t>30887985.0</t>
  </si>
  <si>
    <t>745.0</t>
  </si>
  <si>
    <t>14008.0</t>
  </si>
  <si>
    <t>241.11</t>
  </si>
  <si>
    <t>109744005.0</t>
  </si>
  <si>
    <t>41337518.0</t>
  </si>
  <si>
    <t>37827689.0</t>
  </si>
  <si>
    <t>30900669.0</t>
  </si>
  <si>
    <t>13310.0</t>
  </si>
  <si>
    <t>241.14</t>
  </si>
  <si>
    <t>67.9</t>
  </si>
  <si>
    <t>109759771.0</t>
  </si>
  <si>
    <t>41339110.0</t>
  </si>
  <si>
    <t>37829556.0</t>
  </si>
  <si>
    <t>30913004.0</t>
  </si>
  <si>
    <t>15766.0</t>
  </si>
  <si>
    <t>12895.0</t>
  </si>
  <si>
    <t>241.18</t>
  </si>
  <si>
    <t>109775316.0</t>
  </si>
  <si>
    <t>41340433.0</t>
  </si>
  <si>
    <t>37831369.0</t>
  </si>
  <si>
    <t>30925442.0</t>
  </si>
  <si>
    <t>15545.0</t>
  </si>
  <si>
    <t>12618.0</t>
  </si>
  <si>
    <t>241.21</t>
  </si>
  <si>
    <t>90.84</t>
  </si>
  <si>
    <t>83.13</t>
  </si>
  <si>
    <t>67.95</t>
  </si>
  <si>
    <t>109793203.0</t>
  </si>
  <si>
    <t>41341969.0</t>
  </si>
  <si>
    <t>37833332.0</t>
  </si>
  <si>
    <t>30939847.0</t>
  </si>
  <si>
    <t>17887.0</t>
  </si>
  <si>
    <t>12491.0</t>
  </si>
  <si>
    <t>241.25</t>
  </si>
  <si>
    <t>67.98</t>
  </si>
  <si>
    <t>109795751.0</t>
  </si>
  <si>
    <t>41342166.0</t>
  </si>
  <si>
    <t>37833587.0</t>
  </si>
  <si>
    <t>30941948.0</t>
  </si>
  <si>
    <t>2548.0</t>
  </si>
  <si>
    <t>10153.0</t>
  </si>
  <si>
    <t>67.99</t>
  </si>
  <si>
    <t>910.0</t>
  </si>
  <si>
    <t>109797592.0</t>
  </si>
  <si>
    <t>41342305.0</t>
  </si>
  <si>
    <t>37833737.0</t>
  </si>
  <si>
    <t>30943503.0</t>
  </si>
  <si>
    <t>10018.0</t>
  </si>
  <si>
    <t>241.26</t>
  </si>
  <si>
    <t>109798330.0</t>
  </si>
  <si>
    <t>41342354.0</t>
  </si>
  <si>
    <t>37833794.0</t>
  </si>
  <si>
    <t>30944135.0</t>
  </si>
  <si>
    <t>10017.0</t>
  </si>
  <si>
    <t>109799484.0</t>
  </si>
  <si>
    <t>41342454.0</t>
  </si>
  <si>
    <t>37833914.0</t>
  </si>
  <si>
    <t>30945069.0</t>
  </si>
  <si>
    <t>7926.0</t>
  </si>
  <si>
    <t>109813066.0</t>
  </si>
  <si>
    <t>41343639.0</t>
  </si>
  <si>
    <t>37835697.0</t>
  </si>
  <si>
    <t>30955689.0</t>
  </si>
  <si>
    <t>13582.0</t>
  </si>
  <si>
    <t>241.29</t>
  </si>
  <si>
    <t>83.14</t>
  </si>
  <si>
    <t>109826446.0</t>
  </si>
  <si>
    <t>41344932.0</t>
  </si>
  <si>
    <t>37837375.0</t>
  </si>
  <si>
    <t>30966101.0</t>
  </si>
  <si>
    <t>13380.0</t>
  </si>
  <si>
    <t>241.32</t>
  </si>
  <si>
    <t>90.85</t>
  </si>
  <si>
    <t>68.04</t>
  </si>
  <si>
    <t>109840254.0</t>
  </si>
  <si>
    <t>41346226.0</t>
  </si>
  <si>
    <t>37839125.0</t>
  </si>
  <si>
    <t>30976869.0</t>
  </si>
  <si>
    <t>13808.0</t>
  </si>
  <si>
    <t>6722.0</t>
  </si>
  <si>
    <t>241.35</t>
  </si>
  <si>
    <t>68.07</t>
  </si>
  <si>
    <t>109854400.0</t>
  </si>
  <si>
    <t>41347538.0</t>
  </si>
  <si>
    <t>37840883.0</t>
  </si>
  <si>
    <t>30987945.0</t>
  </si>
  <si>
    <t>14146.0</t>
  </si>
  <si>
    <t>241.38</t>
  </si>
  <si>
    <t>83.15</t>
  </si>
  <si>
    <t>68.09</t>
  </si>
  <si>
    <t>109856470.0</t>
  </si>
  <si>
    <t>41347684.0</t>
  </si>
  <si>
    <t>37841059.0</t>
  </si>
  <si>
    <t>30989693.0</t>
  </si>
  <si>
    <t>2070.0</t>
  </si>
  <si>
    <t>8411.0</t>
  </si>
  <si>
    <t>241.39</t>
  </si>
  <si>
    <t>109856836.0</t>
  </si>
  <si>
    <t>41347704.0</t>
  </si>
  <si>
    <t>37841079.0</t>
  </si>
  <si>
    <t>30990019.0</t>
  </si>
  <si>
    <t>8358.0</t>
  </si>
  <si>
    <t>109868417.0</t>
  </si>
  <si>
    <t>41348765.0</t>
  </si>
  <si>
    <t>37842541.0</t>
  </si>
  <si>
    <t>30999079.0</t>
  </si>
  <si>
    <t>11581.0</t>
  </si>
  <si>
    <t>9848.0</t>
  </si>
  <si>
    <t>241.41</t>
  </si>
  <si>
    <t>90.86</t>
  </si>
  <si>
    <t>109881396.0</t>
  </si>
  <si>
    <t>41350025.0</t>
  </si>
  <si>
    <t>37844132.0</t>
  </si>
  <si>
    <t>31009208.0</t>
  </si>
  <si>
    <t>12979.0</t>
  </si>
  <si>
    <t>9761.0</t>
  </si>
  <si>
    <t>241.44</t>
  </si>
  <si>
    <t>83.16</t>
  </si>
  <si>
    <t>68.14</t>
  </si>
  <si>
    <t>109895066.0</t>
  </si>
  <si>
    <t>41351358.0</t>
  </si>
  <si>
    <t>37845888.0</t>
  </si>
  <si>
    <t>31019790.0</t>
  </si>
  <si>
    <t>13670.0</t>
  </si>
  <si>
    <t>9803.0</t>
  </si>
  <si>
    <t>241.47</t>
  </si>
  <si>
    <t>109909193.0</t>
  </si>
  <si>
    <t>41352659.0</t>
  </si>
  <si>
    <t>37847609.0</t>
  </si>
  <si>
    <t>31030895.0</t>
  </si>
  <si>
    <t>14127.0</t>
  </si>
  <si>
    <t>241.5</t>
  </si>
  <si>
    <t>68.18</t>
  </si>
  <si>
    <t>109924587.0</t>
  </si>
  <si>
    <t>41354175.0</t>
  </si>
  <si>
    <t>37849482.0</t>
  </si>
  <si>
    <t>31042900.0</t>
  </si>
  <si>
    <t>15394.0</t>
  </si>
  <si>
    <t>10027.0</t>
  </si>
  <si>
    <t>241.54</t>
  </si>
  <si>
    <t>90.87</t>
  </si>
  <si>
    <t>83.17</t>
  </si>
  <si>
    <t>68.21</t>
  </si>
  <si>
    <t>948.0</t>
  </si>
  <si>
    <t>109927247.0</t>
  </si>
  <si>
    <t>41354408.0</t>
  </si>
  <si>
    <t>37849732.0</t>
  </si>
  <si>
    <t>31045078.0</t>
  </si>
  <si>
    <t>10111.0</t>
  </si>
  <si>
    <t>68.22</t>
  </si>
  <si>
    <t>109928170.0</t>
  </si>
  <si>
    <t>41354469.0</t>
  </si>
  <si>
    <t>37849802.0</t>
  </si>
  <si>
    <t>31045870.0</t>
  </si>
  <si>
    <t>241.55</t>
  </si>
  <si>
    <t>109940662.0</t>
  </si>
  <si>
    <t>41355618.0</t>
  </si>
  <si>
    <t>37851323.0</t>
  </si>
  <si>
    <t>31055693.0</t>
  </si>
  <si>
    <t>12492.0</t>
  </si>
  <si>
    <t>10321.0</t>
  </si>
  <si>
    <t>241.57</t>
  </si>
  <si>
    <t>109953583.0</t>
  </si>
  <si>
    <t>41356812.0</t>
  </si>
  <si>
    <t>37852873.0</t>
  </si>
  <si>
    <t>31065871.0</t>
  </si>
  <si>
    <t>12921.0</t>
  </si>
  <si>
    <t>10312.0</t>
  </si>
  <si>
    <t>241.6</t>
  </si>
  <si>
    <t>109964294.0</t>
  </si>
  <si>
    <t>41357823.0</t>
  </si>
  <si>
    <t>37854147.0</t>
  </si>
  <si>
    <t>31074298.0</t>
  </si>
  <si>
    <t>10711.0</t>
  </si>
  <si>
    <t>9890.0</t>
  </si>
  <si>
    <t>241.62</t>
  </si>
  <si>
    <t>90.88</t>
  </si>
  <si>
    <t>68.28</t>
  </si>
  <si>
    <t>109977028.0</t>
  </si>
  <si>
    <t>41359110.0</t>
  </si>
  <si>
    <t>37855798.0</t>
  </si>
  <si>
    <t>31084094.0</t>
  </si>
  <si>
    <t>12734.0</t>
  </si>
  <si>
    <t>9691.0</t>
  </si>
  <si>
    <t>241.65</t>
  </si>
  <si>
    <t>68.3</t>
  </si>
  <si>
    <t>109989320.0</t>
  </si>
  <si>
    <t>41360308.0</t>
  </si>
  <si>
    <t>37857319.0</t>
  </si>
  <si>
    <t>31093667.0</t>
  </si>
  <si>
    <t>12292.0</t>
  </si>
  <si>
    <t>9248.0</t>
  </si>
  <si>
    <t>241.68</t>
  </si>
  <si>
    <t>68.32</t>
  </si>
  <si>
    <t>109991007.0</t>
  </si>
  <si>
    <t>41360446.0</t>
  </si>
  <si>
    <t>37857483.0</t>
  </si>
  <si>
    <t>31095052.0</t>
  </si>
  <si>
    <t>1687.0</t>
  </si>
  <si>
    <t>9109.0</t>
  </si>
  <si>
    <t>68.33</t>
  </si>
  <si>
    <t>109991376.0</t>
  </si>
  <si>
    <t>41360475.0</t>
  </si>
  <si>
    <t>37857528.0</t>
  </si>
  <si>
    <t>31095347.0</t>
  </si>
  <si>
    <t>9029.0</t>
  </si>
  <si>
    <t>858.0</t>
  </si>
  <si>
    <t>110002609.0</t>
  </si>
  <si>
    <t>41361457.0</t>
  </si>
  <si>
    <t>37858815.0</t>
  </si>
  <si>
    <t>31104312.0</t>
  </si>
  <si>
    <t>8850.0</t>
  </si>
  <si>
    <t>241.71</t>
  </si>
  <si>
    <t>83.19</t>
  </si>
  <si>
    <t>110009870.0</t>
  </si>
  <si>
    <t>41361965.0</t>
  </si>
  <si>
    <t>37859573.0</t>
  </si>
  <si>
    <t>31110307.0</t>
  </si>
  <si>
    <t>7261.0</t>
  </si>
  <si>
    <t>241.73</t>
  </si>
  <si>
    <t>110024814.0</t>
  </si>
  <si>
    <t>41362828.0</t>
  </si>
  <si>
    <t>37860793.0</t>
  </si>
  <si>
    <t>31123168.0</t>
  </si>
  <si>
    <t>14944.0</t>
  </si>
  <si>
    <t>8646.0</t>
  </si>
  <si>
    <t>241.76</t>
  </si>
  <si>
    <t>90.89</t>
  </si>
  <si>
    <t>68.39</t>
  </si>
  <si>
    <t>110044343.0</t>
  </si>
  <si>
    <t>41363956.0</t>
  </si>
  <si>
    <t>37862145.0</t>
  </si>
  <si>
    <t>31140219.0</t>
  </si>
  <si>
    <t>19529.0</t>
  </si>
  <si>
    <t>9616.0</t>
  </si>
  <si>
    <t>241.8</t>
  </si>
  <si>
    <t>110068086.0</t>
  </si>
  <si>
    <t>41365315.0</t>
  </si>
  <si>
    <t>37863762.0</t>
  </si>
  <si>
    <t>31160986.0</t>
  </si>
  <si>
    <t>23743.0</t>
  </si>
  <si>
    <t>11252.0</t>
  </si>
  <si>
    <t>241.85</t>
  </si>
  <si>
    <t>83.2</t>
  </si>
  <si>
    <t>68.47</t>
  </si>
  <si>
    <t>110071993.0</t>
  </si>
  <si>
    <t>41365496.0</t>
  </si>
  <si>
    <t>37863972.0</t>
  </si>
  <si>
    <t>31164503.0</t>
  </si>
  <si>
    <t>3907.0</t>
  </si>
  <si>
    <t>11569.0</t>
  </si>
  <si>
    <t>241.86</t>
  </si>
  <si>
    <t>68.48</t>
  </si>
  <si>
    <t>110076674.0</t>
  </si>
  <si>
    <t>41365527.0</t>
  </si>
  <si>
    <t>37864011.0</t>
  </si>
  <si>
    <t>31169114.0</t>
  </si>
  <si>
    <t>12185.0</t>
  </si>
  <si>
    <t>241.87</t>
  </si>
  <si>
    <t>68.49</t>
  </si>
  <si>
    <t>110100427.0</t>
  </si>
  <si>
    <t>41366500.0</t>
  </si>
  <si>
    <t>37865213.0</t>
  </si>
  <si>
    <t>31190692.0</t>
  </si>
  <si>
    <t>23753.0</t>
  </si>
  <si>
    <t>13974.0</t>
  </si>
  <si>
    <t>241.92</t>
  </si>
  <si>
    <t>110124644.0</t>
  </si>
  <si>
    <t>41367613.0</t>
  </si>
  <si>
    <t>37866572.0</t>
  </si>
  <si>
    <t>31212437.0</t>
  </si>
  <si>
    <t>24217.0</t>
  </si>
  <si>
    <t>16396.0</t>
  </si>
  <si>
    <t>241.98</t>
  </si>
  <si>
    <t>68.58</t>
  </si>
  <si>
    <t>110150870.0</t>
  </si>
  <si>
    <t>41368759.0</t>
  </si>
  <si>
    <t>37867984.0</t>
  </si>
  <si>
    <t>31236105.0</t>
  </si>
  <si>
    <t>26226.0</t>
  </si>
  <si>
    <t>18008.0</t>
  </si>
  <si>
    <t>242.03</t>
  </si>
  <si>
    <t>83.21</t>
  </si>
  <si>
    <t>68.64</t>
  </si>
  <si>
    <t>110175660.0</t>
  </si>
  <si>
    <t>41369947.0</t>
  </si>
  <si>
    <t>37869374.0</t>
  </si>
  <si>
    <t>31258318.0</t>
  </si>
  <si>
    <t>24790.0</t>
  </si>
  <si>
    <t>18760.0</t>
  </si>
  <si>
    <t>242.09</t>
  </si>
  <si>
    <t>110202923.0</t>
  </si>
  <si>
    <t>41371121.0</t>
  </si>
  <si>
    <t>37870874.0</t>
  </si>
  <si>
    <t>31282907.0</t>
  </si>
  <si>
    <t>27263.0</t>
  </si>
  <si>
    <t>19262.0</t>
  </si>
  <si>
    <t>242.15</t>
  </si>
  <si>
    <t>110207102.0</t>
  </si>
  <si>
    <t>41371320.0</t>
  </si>
  <si>
    <t>37871095.0</t>
  </si>
  <si>
    <t>31286666.0</t>
  </si>
  <si>
    <t>4179.0</t>
  </si>
  <si>
    <t>19301.0</t>
  </si>
  <si>
    <t>242.16</t>
  </si>
  <si>
    <t>90.91</t>
  </si>
  <si>
    <t>68.75</t>
  </si>
  <si>
    <t>110208372.0</t>
  </si>
  <si>
    <t>41371354.0</t>
  </si>
  <si>
    <t>37871145.0</t>
  </si>
  <si>
    <t>31287852.0</t>
  </si>
  <si>
    <t>110233878.0</t>
  </si>
  <si>
    <t>41372371.0</t>
  </si>
  <si>
    <t>37872411.0</t>
  </si>
  <si>
    <t>31311075.0</t>
  </si>
  <si>
    <t>25506.0</t>
  </si>
  <si>
    <t>242.22</t>
  </si>
  <si>
    <t>83.22</t>
  </si>
  <si>
    <t>68.8</t>
  </si>
  <si>
    <t>110260410.0</t>
  </si>
  <si>
    <t>41373395.0</t>
  </si>
  <si>
    <t>37873783.0</t>
  </si>
  <si>
    <t>31335213.0</t>
  </si>
  <si>
    <t>26532.0</t>
  </si>
  <si>
    <t>19395.0</t>
  </si>
  <si>
    <t>242.28</t>
  </si>
  <si>
    <t>68.85</t>
  </si>
  <si>
    <t>110285575.0</t>
  </si>
  <si>
    <t>41374363.0</t>
  </si>
  <si>
    <t>37875043.0</t>
  </si>
  <si>
    <t>31358150.0</t>
  </si>
  <si>
    <t>25165.0</t>
  </si>
  <si>
    <t>19244.0</t>
  </si>
  <si>
    <t>242.33</t>
  </si>
  <si>
    <t>110308465.0</t>
  </si>
  <si>
    <t>41375245.0</t>
  </si>
  <si>
    <t>37876287.0</t>
  </si>
  <si>
    <t>31378914.0</t>
  </si>
  <si>
    <t>18972.0</t>
  </si>
  <si>
    <t>242.38</t>
  </si>
  <si>
    <t>83.23</t>
  </si>
  <si>
    <t>68.95</t>
  </si>
  <si>
    <t>110332624.0</t>
  </si>
  <si>
    <t>41376200.0</t>
  </si>
  <si>
    <t>37877508.0</t>
  </si>
  <si>
    <t>31400898.0</t>
  </si>
  <si>
    <t>24159.0</t>
  </si>
  <si>
    <t>18529.0</t>
  </si>
  <si>
    <t>242.43</t>
  </si>
  <si>
    <t>90.92</t>
  </si>
  <si>
    <t>110336931.0</t>
  </si>
  <si>
    <t>41376313.0</t>
  </si>
  <si>
    <t>37877689.0</t>
  </si>
  <si>
    <t>31404911.0</t>
  </si>
  <si>
    <t>18547.0</t>
  </si>
  <si>
    <t>242.44</t>
  </si>
  <si>
    <t>69.01</t>
  </si>
  <si>
    <t>110337709.0</t>
  </si>
  <si>
    <t>41376326.0</t>
  </si>
  <si>
    <t>37877714.0</t>
  </si>
  <si>
    <t>31405651.0</t>
  </si>
  <si>
    <t>242.45</t>
  </si>
  <si>
    <t>110339282.0</t>
  </si>
  <si>
    <t>41376358.0</t>
  </si>
  <si>
    <t>37877769.0</t>
  </si>
  <si>
    <t>31407137.0</t>
  </si>
  <si>
    <t>110357456.0</t>
  </si>
  <si>
    <t>41377055.0</t>
  </si>
  <si>
    <t>37878793.0</t>
  </si>
  <si>
    <t>31423591.0</t>
  </si>
  <si>
    <t>18174.0</t>
  </si>
  <si>
    <t>13864.0</t>
  </si>
  <si>
    <t>242.49</t>
  </si>
  <si>
    <t>110380513.0</t>
  </si>
  <si>
    <t>41377958.0</t>
  </si>
  <si>
    <t>37880122.0</t>
  </si>
  <si>
    <t>31444416.0</t>
  </si>
  <si>
    <t>23057.0</t>
  </si>
  <si>
    <t>13563.0</t>
  </si>
  <si>
    <t>242.54</t>
  </si>
  <si>
    <t>69.09</t>
  </si>
  <si>
    <t>110408152.0</t>
  </si>
  <si>
    <t>41378960.0</t>
  </si>
  <si>
    <t>37881433.0</t>
  </si>
  <si>
    <t>31469742.0</t>
  </si>
  <si>
    <t>27639.0</t>
  </si>
  <si>
    <t>14241.0</t>
  </si>
  <si>
    <t>242.6</t>
  </si>
  <si>
    <t>83.24</t>
  </si>
  <si>
    <t>69.15</t>
  </si>
  <si>
    <t>110439433.0</t>
  </si>
  <si>
    <t>41379680.0</t>
  </si>
  <si>
    <t>37882548.0</t>
  </si>
  <si>
    <t>31499188.0</t>
  </si>
  <si>
    <t>31281.0</t>
  </si>
  <si>
    <t>15258.0</t>
  </si>
  <si>
    <t>242.67</t>
  </si>
  <si>
    <t>69.21</t>
  </si>
  <si>
    <t>110443438.0</t>
  </si>
  <si>
    <t>41379745.0</t>
  </si>
  <si>
    <t>37882660.0</t>
  </si>
  <si>
    <t>31503016.0</t>
  </si>
  <si>
    <t>15215.0</t>
  </si>
  <si>
    <t>242.68</t>
  </si>
  <si>
    <t>69.22</t>
  </si>
  <si>
    <t>110445106.0</t>
  </si>
  <si>
    <t>41379763.0</t>
  </si>
  <si>
    <t>37882681.0</t>
  </si>
  <si>
    <t>31504645.0</t>
  </si>
  <si>
    <t>1668.0</t>
  </si>
  <si>
    <t>15342.0</t>
  </si>
  <si>
    <t>69.23</t>
  </si>
  <si>
    <t>110482481.0</t>
  </si>
  <si>
    <t>41380400.0</t>
  </si>
  <si>
    <t>37883723.0</t>
  </si>
  <si>
    <t>31540341.0</t>
  </si>
  <si>
    <t>37375.0</t>
  </si>
  <si>
    <t>20457.0</t>
  </si>
  <si>
    <t>242.76</t>
  </si>
  <si>
    <t>90.93</t>
  </si>
  <si>
    <t>69.3</t>
  </si>
  <si>
    <t>110541046.0</t>
  </si>
  <si>
    <t>41381233.0</t>
  </si>
  <si>
    <t>37884938.0</t>
  </si>
  <si>
    <t>31596858.0</t>
  </si>
  <si>
    <t>26227.0</t>
  </si>
  <si>
    <t>242.89</t>
  </si>
  <si>
    <t>69.43</t>
  </si>
  <si>
    <t>110608422.0</t>
  </si>
  <si>
    <t>41382021.0</t>
  </si>
  <si>
    <t>37885939.0</t>
  </si>
  <si>
    <t>31662446.0</t>
  </si>
  <si>
    <t>67376.0</t>
  </si>
  <si>
    <t>243.04</t>
  </si>
  <si>
    <t>69.57</t>
  </si>
  <si>
    <t>110678360.0</t>
  </si>
  <si>
    <t>41382806.0</t>
  </si>
  <si>
    <t>37887037.0</t>
  </si>
  <si>
    <t>31730501.0</t>
  </si>
  <si>
    <t>69938.0</t>
  </si>
  <si>
    <t>38601.0</t>
  </si>
  <si>
    <t>243.19</t>
  </si>
  <si>
    <t>110760552.0</t>
  </si>
  <si>
    <t>41383789.0</t>
  </si>
  <si>
    <t>37888168.0</t>
  </si>
  <si>
    <t>31810579.0</t>
  </si>
  <si>
    <t>82192.0</t>
  </si>
  <si>
    <t>45874.0</t>
  </si>
  <si>
    <t>243.37</t>
  </si>
  <si>
    <t>69.9</t>
  </si>
  <si>
    <t>110776670.0</t>
  </si>
  <si>
    <t>41383947.0</t>
  </si>
  <si>
    <t>37888369.0</t>
  </si>
  <si>
    <t>31826338.0</t>
  </si>
  <si>
    <t>16118.0</t>
  </si>
  <si>
    <t>47605.0</t>
  </si>
  <si>
    <t>243.41</t>
  </si>
  <si>
    <t>69.93</t>
  </si>
  <si>
    <t>110783428.0</t>
  </si>
  <si>
    <t>41383977.0</t>
  </si>
  <si>
    <t>37888416.0</t>
  </si>
  <si>
    <t>31833019.0</t>
  </si>
  <si>
    <t>6758.0</t>
  </si>
  <si>
    <t>48332.0</t>
  </si>
  <si>
    <t>243.42</t>
  </si>
  <si>
    <t>110881279.0</t>
  </si>
  <si>
    <t>41384884.0</t>
  </si>
  <si>
    <t>37889578.0</t>
  </si>
  <si>
    <t>31928806.0</t>
  </si>
  <si>
    <t>97851.0</t>
  </si>
  <si>
    <t>56971.0</t>
  </si>
  <si>
    <t>243.64</t>
  </si>
  <si>
    <t>90.94</t>
  </si>
  <si>
    <t>70.16</t>
  </si>
  <si>
    <t>111000542.0</t>
  </si>
  <si>
    <t>41386028.0</t>
  </si>
  <si>
    <t>37890941.0</t>
  </si>
  <si>
    <t>32045562.0</t>
  </si>
  <si>
    <t>119263.0</t>
  </si>
  <si>
    <t>65642.0</t>
  </si>
  <si>
    <t>243.9</t>
  </si>
  <si>
    <t>70.41</t>
  </si>
  <si>
    <t>1442.0</t>
  </si>
  <si>
    <t>111112719.0</t>
  </si>
  <si>
    <t>41387343.0</t>
  </si>
  <si>
    <t>37892489.0</t>
  </si>
  <si>
    <t>32154876.0</t>
  </si>
  <si>
    <t>112177.0</t>
  </si>
  <si>
    <t>72042.0</t>
  </si>
  <si>
    <t>244.15</t>
  </si>
  <si>
    <t>111129951.0</t>
  </si>
  <si>
    <t>41387443.0</t>
  </si>
  <si>
    <t>37892619.0</t>
  </si>
  <si>
    <t>32171878.0</t>
  </si>
  <si>
    <t>17232.0</t>
  </si>
  <si>
    <t>64513.0</t>
  </si>
  <si>
    <t>244.19</t>
  </si>
  <si>
    <t>70.69</t>
  </si>
  <si>
    <t>111144865.0</t>
  </si>
  <si>
    <t>41387555.0</t>
  </si>
  <si>
    <t>37892751.0</t>
  </si>
  <si>
    <t>32186548.0</t>
  </si>
  <si>
    <t>14914.0</t>
  </si>
  <si>
    <t>54902.0</t>
  </si>
  <si>
    <t>244.22</t>
  </si>
  <si>
    <t>70.72</t>
  </si>
  <si>
    <t>111169496.0</t>
  </si>
  <si>
    <t>41387753.0</t>
  </si>
  <si>
    <t>37892931.0</t>
  </si>
  <si>
    <t>32210801.0</t>
  </si>
  <si>
    <t>24631.0</t>
  </si>
  <si>
    <t>56118.0</t>
  </si>
  <si>
    <t>244.27</t>
  </si>
  <si>
    <t>111172049.0</t>
  </si>
  <si>
    <t>41387774.0</t>
  </si>
  <si>
    <t>37892967.0</t>
  </si>
  <si>
    <t>32213297.0</t>
  </si>
  <si>
    <t>55517.0</t>
  </si>
  <si>
    <t>244.28</t>
  </si>
  <si>
    <t>111295659.0</t>
  </si>
  <si>
    <t>41388877.0</t>
  </si>
  <si>
    <t>37894394.0</t>
  </si>
  <si>
    <t>32334378.0</t>
  </si>
  <si>
    <t>123610.0</t>
  </si>
  <si>
    <t>59197.0</t>
  </si>
  <si>
    <t>244.55</t>
  </si>
  <si>
    <t>83.27</t>
  </si>
  <si>
    <t>71.05</t>
  </si>
  <si>
    <t>111411915.0</t>
  </si>
  <si>
    <t>41389987.0</t>
  </si>
  <si>
    <t>37895805.0</t>
  </si>
  <si>
    <t>32448113.0</t>
  </si>
  <si>
    <t>116256.0</t>
  </si>
  <si>
    <t>58768.0</t>
  </si>
  <si>
    <t>244.81</t>
  </si>
  <si>
    <t>90.95</t>
  </si>
  <si>
    <t>71.3</t>
  </si>
  <si>
    <t>111534734.0</t>
  </si>
  <si>
    <t>41391318.0</t>
  </si>
  <si>
    <t>37897376.0</t>
  </si>
  <si>
    <t>32568030.0</t>
  </si>
  <si>
    <t>122819.0</t>
  </si>
  <si>
    <t>60288.0</t>
  </si>
  <si>
    <t>245.08</t>
  </si>
  <si>
    <t>71.56</t>
  </si>
  <si>
    <t>111657889.0</t>
  </si>
  <si>
    <t>41392876.0</t>
  </si>
  <si>
    <t>37899097.0</t>
  </si>
  <si>
    <t>32687906.0</t>
  </si>
  <si>
    <t>123155.0</t>
  </si>
  <si>
    <t>75420.0</t>
  </si>
  <si>
    <t>245.35</t>
  </si>
  <si>
    <t>83.28</t>
  </si>
  <si>
    <t>71.83</t>
  </si>
  <si>
    <t>111786266.0</t>
  </si>
  <si>
    <t>41394565.0</t>
  </si>
  <si>
    <t>37900920.0</t>
  </si>
  <si>
    <t>32812771.0</t>
  </si>
  <si>
    <t>128377.0</t>
  </si>
  <si>
    <t>91629.0</t>
  </si>
  <si>
    <t>245.63</t>
  </si>
  <si>
    <t>90.96</t>
  </si>
  <si>
    <t>2013.0</t>
  </si>
  <si>
    <t>1001.0</t>
  </si>
  <si>
    <t>111812094.0</t>
  </si>
  <si>
    <t>41394830.0</t>
  </si>
  <si>
    <t>37901194.0</t>
  </si>
  <si>
    <t>32838060.0</t>
  </si>
  <si>
    <t>91800.0</t>
  </si>
  <si>
    <t>245.69</t>
  </si>
  <si>
    <t>72.16</t>
  </si>
  <si>
    <t>111815991.0</t>
  </si>
  <si>
    <t>41394847.0</t>
  </si>
  <si>
    <t>37901221.0</t>
  </si>
  <si>
    <t>32841913.0</t>
  </si>
  <si>
    <t>91992.0</t>
  </si>
  <si>
    <t>2021.0</t>
  </si>
  <si>
    <t>111908374.0</t>
  </si>
  <si>
    <t>41395942.0</t>
  </si>
  <si>
    <t>37902550.0</t>
  </si>
  <si>
    <t>32931872.0</t>
  </si>
  <si>
    <t>92383.0</t>
  </si>
  <si>
    <t>87531.0</t>
  </si>
  <si>
    <t>245.9</t>
  </si>
  <si>
    <t>72.36</t>
  </si>
  <si>
    <t>111941879.0</t>
  </si>
  <si>
    <t>41396457.0</t>
  </si>
  <si>
    <t>37903199.0</t>
  </si>
  <si>
    <t>32964213.0</t>
  </si>
  <si>
    <t>33505.0</t>
  </si>
  <si>
    <t>75709.0</t>
  </si>
  <si>
    <t>245.97</t>
  </si>
  <si>
    <t>72.43</t>
  </si>
  <si>
    <t>112043192.0</t>
  </si>
  <si>
    <t>41397990.0</t>
  </si>
  <si>
    <t>37904939.0</t>
  </si>
  <si>
    <t>33062253.0</t>
  </si>
  <si>
    <t>101313.0</t>
  </si>
  <si>
    <t>72637.0</t>
  </si>
  <si>
    <t>246.19</t>
  </si>
  <si>
    <t>83.29</t>
  </si>
  <si>
    <t>72.65</t>
  </si>
  <si>
    <t>1596.0</t>
  </si>
  <si>
    <t>112130586.0</t>
  </si>
  <si>
    <t>41399406.0</t>
  </si>
  <si>
    <t>37906598.0</t>
  </si>
  <si>
    <t>33146572.0</t>
  </si>
  <si>
    <t>87394.0</t>
  </si>
  <si>
    <t>67528.0</t>
  </si>
  <si>
    <t>246.38</t>
  </si>
  <si>
    <t>112157999.0</t>
  </si>
  <si>
    <t>41399810.0</t>
  </si>
  <si>
    <t>37907048.0</t>
  </si>
  <si>
    <t>33173131.0</t>
  </si>
  <si>
    <t>27413.0</t>
  </si>
  <si>
    <t>53105.0</t>
  </si>
  <si>
    <t>246.45</t>
  </si>
  <si>
    <t>72.89</t>
  </si>
  <si>
    <t>112160627.0</t>
  </si>
  <si>
    <t>41399831.0</t>
  </si>
  <si>
    <t>37907082.0</t>
  </si>
  <si>
    <t>33175704.0</t>
  </si>
  <si>
    <t>2628.0</t>
  </si>
  <si>
    <t>49790.0</t>
  </si>
  <si>
    <t>72.9</t>
  </si>
  <si>
    <t>112160893.0</t>
  </si>
  <si>
    <t>37907085.0</t>
  </si>
  <si>
    <t>33175967.0</t>
  </si>
  <si>
    <t>49272.0</t>
  </si>
  <si>
    <t>112261808.0</t>
  </si>
  <si>
    <t>41401289.0</t>
  </si>
  <si>
    <t>37908756.0</t>
  </si>
  <si>
    <t>33273753.0</t>
  </si>
  <si>
    <t>100915.0</t>
  </si>
  <si>
    <t>50491.0</t>
  </si>
  <si>
    <t>246.67</t>
  </si>
  <si>
    <t>73.11</t>
  </si>
  <si>
    <t>112380277.0</t>
  </si>
  <si>
    <t>41402988.0</t>
  </si>
  <si>
    <t>37910792.0</t>
  </si>
  <si>
    <t>33388487.0</t>
  </si>
  <si>
    <t>118469.0</t>
  </si>
  <si>
    <t>62628.0</t>
  </si>
  <si>
    <t>246.93</t>
  </si>
  <si>
    <t>73.36</t>
  </si>
  <si>
    <t>112489495.0</t>
  </si>
  <si>
    <t>41404882.0</t>
  </si>
  <si>
    <t>37913107.0</t>
  </si>
  <si>
    <t>33493496.0</t>
  </si>
  <si>
    <t>109218.0</t>
  </si>
  <si>
    <t>63758.0</t>
  </si>
  <si>
    <t>247.17</t>
  </si>
  <si>
    <t>90.98</t>
  </si>
  <si>
    <t>83.31</t>
  </si>
  <si>
    <t>112575888.0</t>
  </si>
  <si>
    <t>41406532.0</t>
  </si>
  <si>
    <t>37915014.0</t>
  </si>
  <si>
    <t>33576332.0</t>
  </si>
  <si>
    <t>86393.0</t>
  </si>
  <si>
    <t>63615.0</t>
  </si>
  <si>
    <t>247.36</t>
  </si>
  <si>
    <t>73.78</t>
  </si>
  <si>
    <t>112596658.0</t>
  </si>
  <si>
    <t>41406897.0</t>
  </si>
  <si>
    <t>37915431.0</t>
  </si>
  <si>
    <t>33596320.0</t>
  </si>
  <si>
    <t>62666.0</t>
  </si>
  <si>
    <t>247.41</t>
  </si>
  <si>
    <t>73.82</t>
  </si>
  <si>
    <t>1377.0</t>
  </si>
  <si>
    <t>112597397.0</t>
  </si>
  <si>
    <t>41406906.0</t>
  </si>
  <si>
    <t>37915450.0</t>
  </si>
  <si>
    <t>33597031.0</t>
  </si>
  <si>
    <t>1371.0</t>
  </si>
  <si>
    <t>112598044.0</t>
  </si>
  <si>
    <t>41406913.0</t>
  </si>
  <si>
    <t>37915454.0</t>
  </si>
  <si>
    <t>33597667.0</t>
  </si>
  <si>
    <t>62450.0</t>
  </si>
  <si>
    <t>1372.0</t>
  </si>
  <si>
    <t>112674735.0</t>
  </si>
  <si>
    <t>41408089.0</t>
  </si>
  <si>
    <t>37916956.0</t>
  </si>
  <si>
    <t>33671680.0</t>
  </si>
  <si>
    <t>76691.0</t>
  </si>
  <si>
    <t>58990.0</t>
  </si>
  <si>
    <t>247.58</t>
  </si>
  <si>
    <t>90.99</t>
  </si>
  <si>
    <t>83.32</t>
  </si>
  <si>
    <t>73.99</t>
  </si>
  <si>
    <t>1296.0</t>
  </si>
  <si>
    <t>112762418.0</t>
  </si>
  <si>
    <t>41409463.0</t>
  </si>
  <si>
    <t>37918562.0</t>
  </si>
  <si>
    <t>33756383.0</t>
  </si>
  <si>
    <t>87683.0</t>
  </si>
  <si>
    <t>54592.0</t>
  </si>
  <si>
    <t>247.77</t>
  </si>
  <si>
    <t>74.17</t>
  </si>
  <si>
    <t>925.0</t>
  </si>
  <si>
    <t>112843019.0</t>
  </si>
  <si>
    <t>41410890.0</t>
  </si>
  <si>
    <t>37920203.0</t>
  </si>
  <si>
    <t>33833917.0</t>
  </si>
  <si>
    <t>80601.0</t>
  </si>
  <si>
    <t>50503.0</t>
  </si>
  <si>
    <t>247.95</t>
  </si>
  <si>
    <t>112843053.0</t>
  </si>
  <si>
    <t>37920204.0</t>
  </si>
  <si>
    <t>33833950.0</t>
  </si>
  <si>
    <t>38166.0</t>
  </si>
  <si>
    <t>ARM</t>
  </si>
  <si>
    <t>Armenia</t>
  </si>
  <si>
    <t>52.1</t>
  </si>
  <si>
    <t>176.6</t>
  </si>
  <si>
    <t>8.73</t>
  </si>
  <si>
    <t>63.5143961169183</t>
  </si>
  <si>
    <t>62.5</t>
  </si>
  <si>
    <t>71.4</t>
  </si>
  <si>
    <t>76.9</t>
  </si>
  <si>
    <t>1133.0</t>
  </si>
  <si>
    <t>2695.0</t>
  </si>
  <si>
    <t>3062.0</t>
  </si>
  <si>
    <t>156.7</t>
  </si>
  <si>
    <t>-0.86</t>
  </si>
  <si>
    <t>56.3573378908329</t>
  </si>
  <si>
    <t>3600.0</t>
  </si>
  <si>
    <t>3991.0</t>
  </si>
  <si>
    <t>4244.0</t>
  </si>
  <si>
    <t>1.521</t>
  </si>
  <si>
    <t>4663.0</t>
  </si>
  <si>
    <t>4926.0</t>
  </si>
  <si>
    <t>1.765</t>
  </si>
  <si>
    <t>5449.0</t>
  </si>
  <si>
    <t>1.952</t>
  </si>
  <si>
    <t>5820.0</t>
  </si>
  <si>
    <t>6080.0</t>
  </si>
  <si>
    <t>2.323</t>
  </si>
  <si>
    <t>7163.0</t>
  </si>
  <si>
    <t>2.566</t>
  </si>
  <si>
    <t>2.734</t>
  </si>
  <si>
    <t>8315.0</t>
  </si>
  <si>
    <t>2.979</t>
  </si>
  <si>
    <t>9094.0</t>
  </si>
  <si>
    <t>3.258</t>
  </si>
  <si>
    <t>15.9</t>
  </si>
  <si>
    <t>9631.0</t>
  </si>
  <si>
    <t>3.451</t>
  </si>
  <si>
    <t>3.867</t>
  </si>
  <si>
    <t>11795.0</t>
  </si>
  <si>
    <t>4.226</t>
  </si>
  <si>
    <t>12679.0</t>
  </si>
  <si>
    <t>4.543</t>
  </si>
  <si>
    <t>13372.0</t>
  </si>
  <si>
    <t>4.791</t>
  </si>
  <si>
    <t>13928.0</t>
  </si>
  <si>
    <t>5.362</t>
  </si>
  <si>
    <t>15860.0</t>
  </si>
  <si>
    <t>5.683</t>
  </si>
  <si>
    <t>5.931</t>
  </si>
  <si>
    <t>17342.0</t>
  </si>
  <si>
    <t>6.214</t>
  </si>
  <si>
    <t>17931.0</t>
  </si>
  <si>
    <t>6.425</t>
  </si>
  <si>
    <t>6.645</t>
  </si>
  <si>
    <t>19296.0</t>
  </si>
  <si>
    <t>6.914</t>
  </si>
  <si>
    <t>20189.0</t>
  </si>
  <si>
    <t>7.234</t>
  </si>
  <si>
    <t>21125.0</t>
  </si>
  <si>
    <t>7.569</t>
  </si>
  <si>
    <t>22177.0</t>
  </si>
  <si>
    <t>7.946</t>
  </si>
  <si>
    <t>2.54</t>
  </si>
  <si>
    <t>3.72</t>
  </si>
  <si>
    <t>84.1583731107524</t>
  </si>
  <si>
    <t>23142.0</t>
  </si>
  <si>
    <t>8.292</t>
  </si>
  <si>
    <t>24177.0</t>
  </si>
  <si>
    <t>8.663</t>
  </si>
  <si>
    <t>24942.0</t>
  </si>
  <si>
    <t>8.937</t>
  </si>
  <si>
    <t>25846.0</t>
  </si>
  <si>
    <t>9.261</t>
  </si>
  <si>
    <t>26929.0</t>
  </si>
  <si>
    <t>9.649</t>
  </si>
  <si>
    <t>28017.0</t>
  </si>
  <si>
    <t>10.038</t>
  </si>
  <si>
    <t>29205.0</t>
  </si>
  <si>
    <t>10.464</t>
  </si>
  <si>
    <t>30397.0</t>
  </si>
  <si>
    <t>10.891</t>
  </si>
  <si>
    <t>31590.0</t>
  </si>
  <si>
    <t>11.319</t>
  </si>
  <si>
    <t>32561.0</t>
  </si>
  <si>
    <t>11.667</t>
  </si>
  <si>
    <t>33313.0</t>
  </si>
  <si>
    <t>11.936</t>
  </si>
  <si>
    <t>34766.0</t>
  </si>
  <si>
    <t>12.457</t>
  </si>
  <si>
    <t>36016.0</t>
  </si>
  <si>
    <t>1250.0</t>
  </si>
  <si>
    <t>12.904</t>
  </si>
  <si>
    <t>37476.0</t>
  </si>
  <si>
    <t>13.428</t>
  </si>
  <si>
    <t>39005.0</t>
  </si>
  <si>
    <t>1529.0</t>
  </si>
  <si>
    <t>13.975</t>
  </si>
  <si>
    <t>1230.0</t>
  </si>
  <si>
    <t>40230.0</t>
  </si>
  <si>
    <t>0.442</t>
  </si>
  <si>
    <t>41850.0</t>
  </si>
  <si>
    <t>14.995</t>
  </si>
  <si>
    <t>43041.0</t>
  </si>
  <si>
    <t>15.421</t>
  </si>
  <si>
    <t>44071.0</t>
  </si>
  <si>
    <t>15.791</t>
  </si>
  <si>
    <t>45822.0</t>
  </si>
  <si>
    <t>16.418</t>
  </si>
  <si>
    <t>47654.0</t>
  </si>
  <si>
    <t>17.074</t>
  </si>
  <si>
    <t>49080.0</t>
  </si>
  <si>
    <t>1426.0</t>
  </si>
  <si>
    <t>17.585</t>
  </si>
  <si>
    <t>50397.0</t>
  </si>
  <si>
    <t>18.057</t>
  </si>
  <si>
    <t>51594.0</t>
  </si>
  <si>
    <t>18.486</t>
  </si>
  <si>
    <t>0.429</t>
  </si>
  <si>
    <t>1392.0</t>
  </si>
  <si>
    <t>52554.0</t>
  </si>
  <si>
    <t>18.83</t>
  </si>
  <si>
    <t>53678.0</t>
  </si>
  <si>
    <t>1124.0</t>
  </si>
  <si>
    <t>19.233</t>
  </si>
  <si>
    <t>54931.0</t>
  </si>
  <si>
    <t>19.682</t>
  </si>
  <si>
    <t>56042.0</t>
  </si>
  <si>
    <t>57081.0</t>
  </si>
  <si>
    <t>20.452</t>
  </si>
  <si>
    <t>58065.0</t>
  </si>
  <si>
    <t>20.805</t>
  </si>
  <si>
    <t>58668.0</t>
  </si>
  <si>
    <t>21.021</t>
  </si>
  <si>
    <t>-0.46</t>
  </si>
  <si>
    <t>80.6697567894947</t>
  </si>
  <si>
    <t>59917.0</t>
  </si>
  <si>
    <t>61650.0</t>
  </si>
  <si>
    <t>22.089</t>
  </si>
  <si>
    <t>63459.0</t>
  </si>
  <si>
    <t>1809.0</t>
  </si>
  <si>
    <t>22.737</t>
  </si>
  <si>
    <t>65161.0</t>
  </si>
  <si>
    <t>23.347</t>
  </si>
  <si>
    <t>0.467</t>
  </si>
  <si>
    <t>66674.0</t>
  </si>
  <si>
    <t>23.889</t>
  </si>
  <si>
    <t>1370.0</t>
  </si>
  <si>
    <t>69171.0</t>
  </si>
  <si>
    <t>24.784</t>
  </si>
  <si>
    <t>0.895</t>
  </si>
  <si>
    <t>70000.0</t>
  </si>
  <si>
    <t>25.081</t>
  </si>
  <si>
    <t>1619.0</t>
  </si>
  <si>
    <t>71405.0</t>
  </si>
  <si>
    <t>25.584</t>
  </si>
  <si>
    <t>1641.0</t>
  </si>
  <si>
    <t>0.588</t>
  </si>
  <si>
    <t>73156.0</t>
  </si>
  <si>
    <t>26.212</t>
  </si>
  <si>
    <t>1644.0</t>
  </si>
  <si>
    <t>75389.0</t>
  </si>
  <si>
    <t>27.012</t>
  </si>
  <si>
    <t>77686.0</t>
  </si>
  <si>
    <t>27.835</t>
  </si>
  <si>
    <t>80130.0</t>
  </si>
  <si>
    <t>82324.0</t>
  </si>
  <si>
    <t>29.497</t>
  </si>
  <si>
    <t>1879.0</t>
  </si>
  <si>
    <t>83600.0</t>
  </si>
  <si>
    <t>85556.0</t>
  </si>
  <si>
    <t>1956.0</t>
  </si>
  <si>
    <t>30.655</t>
  </si>
  <si>
    <t>87600.0</t>
  </si>
  <si>
    <t>31.387</t>
  </si>
  <si>
    <t>89992.0</t>
  </si>
  <si>
    <t>32.244</t>
  </si>
  <si>
    <t>91943.0</t>
  </si>
  <si>
    <t>32.943</t>
  </si>
  <si>
    <t>93786.0</t>
  </si>
  <si>
    <t>33.603</t>
  </si>
  <si>
    <t>95754.0</t>
  </si>
  <si>
    <t>34.308</t>
  </si>
  <si>
    <t>96843.0</t>
  </si>
  <si>
    <t>34.699</t>
  </si>
  <si>
    <t>1892.0</t>
  </si>
  <si>
    <t>0.678</t>
  </si>
  <si>
    <t>98117.0</t>
  </si>
  <si>
    <t>35.155</t>
  </si>
  <si>
    <t>100400.0</t>
  </si>
  <si>
    <t>35.973</t>
  </si>
  <si>
    <t>102736.0</t>
  </si>
  <si>
    <t>2336.0</t>
  </si>
  <si>
    <t>36.81</t>
  </si>
  <si>
    <t>105046.0</t>
  </si>
  <si>
    <t>37.638</t>
  </si>
  <si>
    <t>1872.0</t>
  </si>
  <si>
    <t>107108.0</t>
  </si>
  <si>
    <t>2062.0</t>
  </si>
  <si>
    <t>38.377</t>
  </si>
  <si>
    <t>1903.0</t>
  </si>
  <si>
    <t>109173.0</t>
  </si>
  <si>
    <t>2065.0</t>
  </si>
  <si>
    <t>39.116</t>
  </si>
  <si>
    <t>110571.0</t>
  </si>
  <si>
    <t>39.617</t>
  </si>
  <si>
    <t>111844.0</t>
  </si>
  <si>
    <t>1273.0</t>
  </si>
  <si>
    <t>40.073</t>
  </si>
  <si>
    <t>113665.0</t>
  </si>
  <si>
    <t>40.726</t>
  </si>
  <si>
    <t>0.679</t>
  </si>
  <si>
    <t>1156.8</t>
  </si>
  <si>
    <t>8.72</t>
  </si>
  <si>
    <t>48.15</t>
  </si>
  <si>
    <t>416.044470147515</t>
  </si>
  <si>
    <t>41.478</t>
  </si>
  <si>
    <t>0.752</t>
  </si>
  <si>
    <t>118102.0</t>
  </si>
  <si>
    <t>42.316</t>
  </si>
  <si>
    <t>120245.0</t>
  </si>
  <si>
    <t>43.084</t>
  </si>
  <si>
    <t>0.768</t>
  </si>
  <si>
    <t>122682.0</t>
  </si>
  <si>
    <t>2437.0</t>
  </si>
  <si>
    <t>43.957</t>
  </si>
  <si>
    <t>0.692</t>
  </si>
  <si>
    <t>123815.0</t>
  </si>
  <si>
    <t>44.363</t>
  </si>
  <si>
    <t>125088.0</t>
  </si>
  <si>
    <t>44.819</t>
  </si>
  <si>
    <t>127171.0</t>
  </si>
  <si>
    <t>45.565</t>
  </si>
  <si>
    <t>1929.0</t>
  </si>
  <si>
    <t>129166.0</t>
  </si>
  <si>
    <t>46.28</t>
  </si>
  <si>
    <t>131216.0</t>
  </si>
  <si>
    <t>47.014</t>
  </si>
  <si>
    <t>1873.0</t>
  </si>
  <si>
    <t>47.691</t>
  </si>
  <si>
    <t>134989.0</t>
  </si>
  <si>
    <t>48.366</t>
  </si>
  <si>
    <t>1758.0</t>
  </si>
  <si>
    <t>135687.0</t>
  </si>
  <si>
    <t>48.616</t>
  </si>
  <si>
    <t>136802.0</t>
  </si>
  <si>
    <t>49.016</t>
  </si>
  <si>
    <t>139220.0</t>
  </si>
  <si>
    <t>49.882</t>
  </si>
  <si>
    <t>141410.0</t>
  </si>
  <si>
    <t>2190.0</t>
  </si>
  <si>
    <t>50.667</t>
  </si>
  <si>
    <t>143114.0</t>
  </si>
  <si>
    <t>51.277</t>
  </si>
  <si>
    <t>1700.0</t>
  </si>
  <si>
    <t>145083.0</t>
  </si>
  <si>
    <t>51.983</t>
  </si>
  <si>
    <t>146717.0</t>
  </si>
  <si>
    <t>52.568</t>
  </si>
  <si>
    <t>147108.0</t>
  </si>
  <si>
    <t>52.708</t>
  </si>
  <si>
    <t>1632.0</t>
  </si>
  <si>
    <t>148180.0</t>
  </si>
  <si>
    <t>53.093</t>
  </si>
  <si>
    <t>149898.0</t>
  </si>
  <si>
    <t>53.708</t>
  </si>
  <si>
    <t>151879.0</t>
  </si>
  <si>
    <t>1981.0</t>
  </si>
  <si>
    <t>54.418</t>
  </si>
  <si>
    <t>1935.0</t>
  </si>
  <si>
    <t>55.111</t>
  </si>
  <si>
    <t>155664.0</t>
  </si>
  <si>
    <t>55.774</t>
  </si>
  <si>
    <t>157152.0</t>
  </si>
  <si>
    <t>56.307</t>
  </si>
  <si>
    <t>157466.0</t>
  </si>
  <si>
    <t>56.42</t>
  </si>
  <si>
    <t>158527.0</t>
  </si>
  <si>
    <t>56.8</t>
  </si>
  <si>
    <t>160380.0</t>
  </si>
  <si>
    <t>57.464</t>
  </si>
  <si>
    <t>1497.0</t>
  </si>
  <si>
    <t>161754.0</t>
  </si>
  <si>
    <t>57.956</t>
  </si>
  <si>
    <t>1411.0</t>
  </si>
  <si>
    <t>163736.0</t>
  </si>
  <si>
    <t>58.666</t>
  </si>
  <si>
    <t>1417.0</t>
  </si>
  <si>
    <t>165656.0</t>
  </si>
  <si>
    <t>59.354</t>
  </si>
  <si>
    <t>1427.0</t>
  </si>
  <si>
    <t>1865.9</t>
  </si>
  <si>
    <t>35.28</t>
  </si>
  <si>
    <t>671.073112766466</t>
  </si>
  <si>
    <t>166701.0</t>
  </si>
  <si>
    <t>59.729</t>
  </si>
  <si>
    <t>167095.0</t>
  </si>
  <si>
    <t>168164.0</t>
  </si>
  <si>
    <t>60.253</t>
  </si>
  <si>
    <t>170012.0</t>
  </si>
  <si>
    <t>60.915</t>
  </si>
  <si>
    <t>171600.0</t>
  </si>
  <si>
    <t>1588.0</t>
  </si>
  <si>
    <t>61.484</t>
  </si>
  <si>
    <t>172994.0</t>
  </si>
  <si>
    <t>61.983</t>
  </si>
  <si>
    <t>0.474</t>
  </si>
  <si>
    <t>174438.0</t>
  </si>
  <si>
    <t>62.501</t>
  </si>
  <si>
    <t>1255.0</t>
  </si>
  <si>
    <t>176014.0</t>
  </si>
  <si>
    <t>1576.0</t>
  </si>
  <si>
    <t>63.065</t>
  </si>
  <si>
    <t>176354.0</t>
  </si>
  <si>
    <t>63.187</t>
  </si>
  <si>
    <t>177322.0</t>
  </si>
  <si>
    <t>63.534</t>
  </si>
  <si>
    <t>179032.0</t>
  </si>
  <si>
    <t>1710.0</t>
  </si>
  <si>
    <t>64.147</t>
  </si>
  <si>
    <t>180497.0</t>
  </si>
  <si>
    <t>64.672</t>
  </si>
  <si>
    <t>181962.0</t>
  </si>
  <si>
    <t>65.197</t>
  </si>
  <si>
    <t>183789.0</t>
  </si>
  <si>
    <t>65.851</t>
  </si>
  <si>
    <t>1336.0</t>
  </si>
  <si>
    <t>185310.0</t>
  </si>
  <si>
    <t>1521.0</t>
  </si>
  <si>
    <t>66.396</t>
  </si>
  <si>
    <t>185594.0</t>
  </si>
  <si>
    <t>66.498</t>
  </si>
  <si>
    <t>1320.0</t>
  </si>
  <si>
    <t>186661.0</t>
  </si>
  <si>
    <t>66.88</t>
  </si>
  <si>
    <t>188567.0</t>
  </si>
  <si>
    <t>67.563</t>
  </si>
  <si>
    <t>190560.0</t>
  </si>
  <si>
    <t>68.277</t>
  </si>
  <si>
    <t>192199.0</t>
  </si>
  <si>
    <t>1639.0</t>
  </si>
  <si>
    <t>68.864</t>
  </si>
  <si>
    <t>193693.0</t>
  </si>
  <si>
    <t>1494.0</t>
  </si>
  <si>
    <t>195194.0</t>
  </si>
  <si>
    <t>69.938</t>
  </si>
  <si>
    <t>195574.0</t>
  </si>
  <si>
    <t>70.074</t>
  </si>
  <si>
    <t>196873.0</t>
  </si>
  <si>
    <t>1299.0</t>
  </si>
  <si>
    <t>70.539</t>
  </si>
  <si>
    <t>198569.0</t>
  </si>
  <si>
    <t>71.147</t>
  </si>
  <si>
    <t>200507.0</t>
  </si>
  <si>
    <t>1938.0</t>
  </si>
  <si>
    <t>71.841</t>
  </si>
  <si>
    <t>202253.0</t>
  </si>
  <si>
    <t>1746.0</t>
  </si>
  <si>
    <t>203979.0</t>
  </si>
  <si>
    <t>73.085</t>
  </si>
  <si>
    <t>1469.0</t>
  </si>
  <si>
    <t>205450.0</t>
  </si>
  <si>
    <t>73.612</t>
  </si>
  <si>
    <t>205940.0</t>
  </si>
  <si>
    <t>73.788</t>
  </si>
  <si>
    <t>1481.0</t>
  </si>
  <si>
    <t>0.531</t>
  </si>
  <si>
    <t>206929.0</t>
  </si>
  <si>
    <t>74.142</t>
  </si>
  <si>
    <t>1437.0</t>
  </si>
  <si>
    <t>2030.4</t>
  </si>
  <si>
    <t>730.23572976099</t>
  </si>
  <si>
    <t>209389.0</t>
  </si>
  <si>
    <t>2460.0</t>
  </si>
  <si>
    <t>75.024</t>
  </si>
  <si>
    <t>211281.0</t>
  </si>
  <si>
    <t>75.702</t>
  </si>
  <si>
    <t>76.548</t>
  </si>
  <si>
    <t>215810.0</t>
  </si>
  <si>
    <t>2166.0</t>
  </si>
  <si>
    <t>77.324</t>
  </si>
  <si>
    <t>1690.0</t>
  </si>
  <si>
    <t>218139.0</t>
  </si>
  <si>
    <t>78.159</t>
  </si>
  <si>
    <t>1813.0</t>
  </si>
  <si>
    <t>219177.0</t>
  </si>
  <si>
    <t>78.531</t>
  </si>
  <si>
    <t>221041.0</t>
  </si>
  <si>
    <t>79.199</t>
  </si>
  <si>
    <t>0.722</t>
  </si>
  <si>
    <t>224559.0</t>
  </si>
  <si>
    <t>80.459</t>
  </si>
  <si>
    <t>2167.0</t>
  </si>
  <si>
    <t>227809.0</t>
  </si>
  <si>
    <t>3250.0</t>
  </si>
  <si>
    <t>81.623</t>
  </si>
  <si>
    <t>2361.0</t>
  </si>
  <si>
    <t>231259.0</t>
  </si>
  <si>
    <t>1.236</t>
  </si>
  <si>
    <t>234631.0</t>
  </si>
  <si>
    <t>84.068</t>
  </si>
  <si>
    <t>1.208</t>
  </si>
  <si>
    <t>2689.0</t>
  </si>
  <si>
    <t>238312.0</t>
  </si>
  <si>
    <t>85.387</t>
  </si>
  <si>
    <t>240943.0</t>
  </si>
  <si>
    <t>86.329</t>
  </si>
  <si>
    <t>243704.0</t>
  </si>
  <si>
    <t>2761.0</t>
  </si>
  <si>
    <t>87.319</t>
  </si>
  <si>
    <t>3238.0</t>
  </si>
  <si>
    <t>247839.0</t>
  </si>
  <si>
    <t>4135.0</t>
  </si>
  <si>
    <t>88.8</t>
  </si>
  <si>
    <t>3326.0</t>
  </si>
  <si>
    <t>1.192</t>
  </si>
  <si>
    <t>252158.0</t>
  </si>
  <si>
    <t>90.348</t>
  </si>
  <si>
    <t>1.547</t>
  </si>
  <si>
    <t>1.246</t>
  </si>
  <si>
    <t>255927.0</t>
  </si>
  <si>
    <t>3769.0</t>
  </si>
  <si>
    <t>91.698</t>
  </si>
  <si>
    <t>259664.0</t>
  </si>
  <si>
    <t>3737.0</t>
  </si>
  <si>
    <t>93.037</t>
  </si>
  <si>
    <t>1.339</t>
  </si>
  <si>
    <t>1.281</t>
  </si>
  <si>
    <t>263608.0</t>
  </si>
  <si>
    <t>3944.0</t>
  </si>
  <si>
    <t>94.45</t>
  </si>
  <si>
    <t>1.413</t>
  </si>
  <si>
    <t>265241.0</t>
  </si>
  <si>
    <t>95.035</t>
  </si>
  <si>
    <t>266066.0</t>
  </si>
  <si>
    <t>95.331</t>
  </si>
  <si>
    <t>268322.0</t>
  </si>
  <si>
    <t>2256.0</t>
  </si>
  <si>
    <t>96.139</t>
  </si>
  <si>
    <t>272235.0</t>
  </si>
  <si>
    <t>97.541</t>
  </si>
  <si>
    <t>1.402</t>
  </si>
  <si>
    <t>276077.0</t>
  </si>
  <si>
    <t>98.918</t>
  </si>
  <si>
    <t>1.377</t>
  </si>
  <si>
    <t>280366.0</t>
  </si>
  <si>
    <t>4289.0</t>
  </si>
  <si>
    <t>100.455</t>
  </si>
  <si>
    <t>1.537</t>
  </si>
  <si>
    <t>284226.0</t>
  </si>
  <si>
    <t>3860.0</t>
  </si>
  <si>
    <t>101.838</t>
  </si>
  <si>
    <t>286161.0</t>
  </si>
  <si>
    <t>102.531</t>
  </si>
  <si>
    <t>289047.0</t>
  </si>
  <si>
    <t>103.565</t>
  </si>
  <si>
    <t>3283.0</t>
  </si>
  <si>
    <t>292193.0</t>
  </si>
  <si>
    <t>104.692</t>
  </si>
  <si>
    <t>3410.0</t>
  </si>
  <si>
    <t>1.222</t>
  </si>
  <si>
    <t>296327.0</t>
  </si>
  <si>
    <t>4134.0</t>
  </si>
  <si>
    <t>106.173</t>
  </si>
  <si>
    <t>3442.0</t>
  </si>
  <si>
    <t>1.233</t>
  </si>
  <si>
    <t>2402.5</t>
  </si>
  <si>
    <t>12.72</t>
  </si>
  <si>
    <t>22.28</t>
  </si>
  <si>
    <t>864.061929053772</t>
  </si>
  <si>
    <t>300224.0</t>
  </si>
  <si>
    <t>107.57</t>
  </si>
  <si>
    <t>1.396</t>
  </si>
  <si>
    <t>303707.0</t>
  </si>
  <si>
    <t>108.818</t>
  </si>
  <si>
    <t>3334.0</t>
  </si>
  <si>
    <t>306965.0</t>
  </si>
  <si>
    <t>109.985</t>
  </si>
  <si>
    <t>3248.0</t>
  </si>
  <si>
    <t>308019.0</t>
  </si>
  <si>
    <t>110.363</t>
  </si>
  <si>
    <t>309945.0</t>
  </si>
  <si>
    <t>111.053</t>
  </si>
  <si>
    <t>312823.0</t>
  </si>
  <si>
    <t>112.084</t>
  </si>
  <si>
    <t>2947.0</t>
  </si>
  <si>
    <t>316479.0</t>
  </si>
  <si>
    <t>3656.0</t>
  </si>
  <si>
    <t>113.394</t>
  </si>
  <si>
    <t>319791.0</t>
  </si>
  <si>
    <t>114.58</t>
  </si>
  <si>
    <t>1.187</t>
  </si>
  <si>
    <t>2795.0</t>
  </si>
  <si>
    <t>322528.0</t>
  </si>
  <si>
    <t>115.561</t>
  </si>
  <si>
    <t>0.981</t>
  </si>
  <si>
    <t>325894.0</t>
  </si>
  <si>
    <t>116.767</t>
  </si>
  <si>
    <t>1.206</t>
  </si>
  <si>
    <t>2704.0</t>
  </si>
  <si>
    <t>327163.0</t>
  </si>
  <si>
    <t>117.222</t>
  </si>
  <si>
    <t>329277.0</t>
  </si>
  <si>
    <t>117.979</t>
  </si>
  <si>
    <t>332154.0</t>
  </si>
  <si>
    <t>119.01</t>
  </si>
  <si>
    <t>336111.0</t>
  </si>
  <si>
    <t>120.428</t>
  </si>
  <si>
    <t>1.418</t>
  </si>
  <si>
    <t>2805.0</t>
  </si>
  <si>
    <t>340116.0</t>
  </si>
  <si>
    <t>121.863</t>
  </si>
  <si>
    <t>1.435</t>
  </si>
  <si>
    <t>344053.0</t>
  </si>
  <si>
    <t>123.273</t>
  </si>
  <si>
    <t>3075.0</t>
  </si>
  <si>
    <t>348149.0</t>
  </si>
  <si>
    <t>124.741</t>
  </si>
  <si>
    <t>1.468</t>
  </si>
  <si>
    <t>3179.0</t>
  </si>
  <si>
    <t>349871.0</t>
  </si>
  <si>
    <t>1722.0</t>
  </si>
  <si>
    <t>125.358</t>
  </si>
  <si>
    <t>352764.0</t>
  </si>
  <si>
    <t>126.395</t>
  </si>
  <si>
    <t>3355.0</t>
  </si>
  <si>
    <t>357104.0</t>
  </si>
  <si>
    <t>127.95</t>
  </si>
  <si>
    <t>1.277</t>
  </si>
  <si>
    <t>362293.0</t>
  </si>
  <si>
    <t>5189.0</t>
  </si>
  <si>
    <t>129.809</t>
  </si>
  <si>
    <t>3740.0</t>
  </si>
  <si>
    <t>0.414</t>
  </si>
  <si>
    <t>368053.0</t>
  </si>
  <si>
    <t>131.873</t>
  </si>
  <si>
    <t>2.064</t>
  </si>
  <si>
    <t>372550.0</t>
  </si>
  <si>
    <t>4497.0</t>
  </si>
  <si>
    <t>133.484</t>
  </si>
  <si>
    <t>1.611</t>
  </si>
  <si>
    <t>4071.0</t>
  </si>
  <si>
    <t>377340.0</t>
  </si>
  <si>
    <t>4790.0</t>
  </si>
  <si>
    <t>135.2</t>
  </si>
  <si>
    <t>1.716</t>
  </si>
  <si>
    <t>379541.0</t>
  </si>
  <si>
    <t>2201.0</t>
  </si>
  <si>
    <t>135.989</t>
  </si>
  <si>
    <t>0.789</t>
  </si>
  <si>
    <t>4239.0</t>
  </si>
  <si>
    <t>1.519</t>
  </si>
  <si>
    <t>382938.0</t>
  </si>
  <si>
    <t>3397.0</t>
  </si>
  <si>
    <t>137.206</t>
  </si>
  <si>
    <t>1.217</t>
  </si>
  <si>
    <t>4311.0</t>
  </si>
  <si>
    <t>387633.0</t>
  </si>
  <si>
    <t>4695.0</t>
  </si>
  <si>
    <t>138.888</t>
  </si>
  <si>
    <t>1.682</t>
  </si>
  <si>
    <t>4361.0</t>
  </si>
  <si>
    <t>1.563</t>
  </si>
  <si>
    <t>392660.0</t>
  </si>
  <si>
    <t>5027.0</t>
  </si>
  <si>
    <t>140.689</t>
  </si>
  <si>
    <t>4338.0</t>
  </si>
  <si>
    <t>1.554</t>
  </si>
  <si>
    <t>397596.0</t>
  </si>
  <si>
    <t>4936.0</t>
  </si>
  <si>
    <t>142.458</t>
  </si>
  <si>
    <t>1.769</t>
  </si>
  <si>
    <t>4220.0</t>
  </si>
  <si>
    <t>402588.0</t>
  </si>
  <si>
    <t>4992.0</t>
  </si>
  <si>
    <t>144.246</t>
  </si>
  <si>
    <t>4291.0</t>
  </si>
  <si>
    <t>407980.0</t>
  </si>
  <si>
    <t>5392.0</t>
  </si>
  <si>
    <t>146.178</t>
  </si>
  <si>
    <t>1.568</t>
  </si>
  <si>
    <t>4061.0</t>
  </si>
  <si>
    <t>84.04</t>
  </si>
  <si>
    <t>1460.54338975541</t>
  </si>
  <si>
    <t>410524.0</t>
  </si>
  <si>
    <t>4426.0</t>
  </si>
  <si>
    <t>1.586</t>
  </si>
  <si>
    <t>413515.0</t>
  </si>
  <si>
    <t>148.162</t>
  </si>
  <si>
    <t>1.565</t>
  </si>
  <si>
    <t>418080.0</t>
  </si>
  <si>
    <t>4565.0</t>
  </si>
  <si>
    <t>149.797</t>
  </si>
  <si>
    <t>1.636</t>
  </si>
  <si>
    <t>1.559</t>
  </si>
  <si>
    <t>423485.0</t>
  </si>
  <si>
    <t>151.734</t>
  </si>
  <si>
    <t>4404.0</t>
  </si>
  <si>
    <t>1.578</t>
  </si>
  <si>
    <t>428687.0</t>
  </si>
  <si>
    <t>5202.0</t>
  </si>
  <si>
    <t>153.598</t>
  </si>
  <si>
    <t>4442.0</t>
  </si>
  <si>
    <t>1.592</t>
  </si>
  <si>
    <t>434026.0</t>
  </si>
  <si>
    <t>155.511</t>
  </si>
  <si>
    <t>438816.0</t>
  </si>
  <si>
    <t>157.227</t>
  </si>
  <si>
    <t>4405.0</t>
  </si>
  <si>
    <t>441174.0</t>
  </si>
  <si>
    <t>2358.0</t>
  </si>
  <si>
    <t>158.072</t>
  </si>
  <si>
    <t>444224.0</t>
  </si>
  <si>
    <t>159.165</t>
  </si>
  <si>
    <t>1.572</t>
  </si>
  <si>
    <t>448450.0</t>
  </si>
  <si>
    <t>4226.0</t>
  </si>
  <si>
    <t>160.679</t>
  </si>
  <si>
    <t>1.514</t>
  </si>
  <si>
    <t>4339.0</t>
  </si>
  <si>
    <t>453033.0</t>
  </si>
  <si>
    <t>162.321</t>
  </si>
  <si>
    <t>1.642</t>
  </si>
  <si>
    <t>456909.0</t>
  </si>
  <si>
    <t>3876.0</t>
  </si>
  <si>
    <t>163.71</t>
  </si>
  <si>
    <t>1.389</t>
  </si>
  <si>
    <t>4032.0</t>
  </si>
  <si>
    <t>1.445</t>
  </si>
  <si>
    <t>460606.0</t>
  </si>
  <si>
    <t>165.034</t>
  </si>
  <si>
    <t>464001.0</t>
  </si>
  <si>
    <t>3395.0</t>
  </si>
  <si>
    <t>166.251</t>
  </si>
  <si>
    <t>0.433</t>
  </si>
  <si>
    <t>465551.0</t>
  </si>
  <si>
    <t>166.806</t>
  </si>
  <si>
    <t>468081.0</t>
  </si>
  <si>
    <t>167.712</t>
  </si>
  <si>
    <t>3408.0</t>
  </si>
  <si>
    <t>472190.0</t>
  </si>
  <si>
    <t>169.185</t>
  </si>
  <si>
    <t>3391.0</t>
  </si>
  <si>
    <t>475986.0</t>
  </si>
  <si>
    <t>170.545</t>
  </si>
  <si>
    <t>1.175</t>
  </si>
  <si>
    <t>480445.0</t>
  </si>
  <si>
    <t>4459.0</t>
  </si>
  <si>
    <t>172.142</t>
  </si>
  <si>
    <t>483652.0</t>
  </si>
  <si>
    <t>173.291</t>
  </si>
  <si>
    <t>3292.0</t>
  </si>
  <si>
    <t>487088.0</t>
  </si>
  <si>
    <t>174.523</t>
  </si>
  <si>
    <t>488393.0</t>
  </si>
  <si>
    <t>1305.0</t>
  </si>
  <si>
    <t>174.99</t>
  </si>
  <si>
    <t>490370.0</t>
  </si>
  <si>
    <t>1977.0</t>
  </si>
  <si>
    <t>175.699</t>
  </si>
  <si>
    <t>494568.0</t>
  </si>
  <si>
    <t>177.203</t>
  </si>
  <si>
    <t>1.504</t>
  </si>
  <si>
    <t>498951.0</t>
  </si>
  <si>
    <t>4383.0</t>
  </si>
  <si>
    <t>178.773</t>
  </si>
  <si>
    <t>3281.0</t>
  </si>
  <si>
    <t>502607.0</t>
  </si>
  <si>
    <t>180.083</t>
  </si>
  <si>
    <t>3166.0</t>
  </si>
  <si>
    <t>1.134</t>
  </si>
  <si>
    <t>505965.0</t>
  </si>
  <si>
    <t>3358.0</t>
  </si>
  <si>
    <t>181.286</t>
  </si>
  <si>
    <t>509029.0</t>
  </si>
  <si>
    <t>182.384</t>
  </si>
  <si>
    <t>1.123</t>
  </si>
  <si>
    <t>510127.0</t>
  </si>
  <si>
    <t>182.777</t>
  </si>
  <si>
    <t>512617.0</t>
  </si>
  <si>
    <t>183.67</t>
  </si>
  <si>
    <t>7945.9</t>
  </si>
  <si>
    <t>178.61</t>
  </si>
  <si>
    <t>2857.75220897747</t>
  </si>
  <si>
    <t>515992.0</t>
  </si>
  <si>
    <t>3375.0</t>
  </si>
  <si>
    <t>184.879</t>
  </si>
  <si>
    <t>3061.0</t>
  </si>
  <si>
    <t>519445.0</t>
  </si>
  <si>
    <t>3453.0</t>
  </si>
  <si>
    <t>186.116</t>
  </si>
  <si>
    <t>2928.0</t>
  </si>
  <si>
    <t>522843.0</t>
  </si>
  <si>
    <t>3398.0</t>
  </si>
  <si>
    <t>187.334</t>
  </si>
  <si>
    <t>2891.0</t>
  </si>
  <si>
    <t>526148.0</t>
  </si>
  <si>
    <t>188.518</t>
  </si>
  <si>
    <t>1.184</t>
  </si>
  <si>
    <t>528876.0</t>
  </si>
  <si>
    <t>189.495</t>
  </si>
  <si>
    <t>2835.0</t>
  </si>
  <si>
    <t>530225.0</t>
  </si>
  <si>
    <t>189.978</t>
  </si>
  <si>
    <t>2871.0</t>
  </si>
  <si>
    <t>532527.0</t>
  </si>
  <si>
    <t>190.803</t>
  </si>
  <si>
    <t>2844.0</t>
  </si>
  <si>
    <t>535833.0</t>
  </si>
  <si>
    <t>191.988</t>
  </si>
  <si>
    <t>1.015</t>
  </si>
  <si>
    <t>539337.0</t>
  </si>
  <si>
    <t>193.243</t>
  </si>
  <si>
    <t>2842.0</t>
  </si>
  <si>
    <t>542394.0</t>
  </si>
  <si>
    <t>194.339</t>
  </si>
  <si>
    <t>545240.0</t>
  </si>
  <si>
    <t>2846.0</t>
  </si>
  <si>
    <t>195.358</t>
  </si>
  <si>
    <t>2727.0</t>
  </si>
  <si>
    <t>548359.0</t>
  </si>
  <si>
    <t>196.476</t>
  </si>
  <si>
    <t>549732.0</t>
  </si>
  <si>
    <t>196.968</t>
  </si>
  <si>
    <t>2787.0</t>
  </si>
  <si>
    <t>551637.0</t>
  </si>
  <si>
    <t>1905.0</t>
  </si>
  <si>
    <t>197.65</t>
  </si>
  <si>
    <t>554909.0</t>
  </si>
  <si>
    <t>198.823</t>
  </si>
  <si>
    <t>2725.0</t>
  </si>
  <si>
    <t>0.976</t>
  </si>
  <si>
    <t>558446.0</t>
  </si>
  <si>
    <t>200.09</t>
  </si>
  <si>
    <t>561013.0</t>
  </si>
  <si>
    <t>2567.0</t>
  </si>
  <si>
    <t>201.01</t>
  </si>
  <si>
    <t>564183.0</t>
  </si>
  <si>
    <t>202.146</t>
  </si>
  <si>
    <t>2706.0</t>
  </si>
  <si>
    <t>566746.0</t>
  </si>
  <si>
    <t>203.064</t>
  </si>
  <si>
    <t>2627.0</t>
  </si>
  <si>
    <t>0.941</t>
  </si>
  <si>
    <t>567755.0</t>
  </si>
  <si>
    <t>203.425</t>
  </si>
  <si>
    <t>2575.0</t>
  </si>
  <si>
    <t>570214.0</t>
  </si>
  <si>
    <t>2459.0</t>
  </si>
  <si>
    <t>204.306</t>
  </si>
  <si>
    <t>573167.0</t>
  </si>
  <si>
    <t>205.365</t>
  </si>
  <si>
    <t>0.934</t>
  </si>
  <si>
    <t>575910.0</t>
  </si>
  <si>
    <t>2743.0</t>
  </si>
  <si>
    <t>206.347</t>
  </si>
  <si>
    <t>2495.0</t>
  </si>
  <si>
    <t>578776.0</t>
  </si>
  <si>
    <t>207.374</t>
  </si>
  <si>
    <t>581386.0</t>
  </si>
  <si>
    <t>2610.0</t>
  </si>
  <si>
    <t>208.309</t>
  </si>
  <si>
    <t>583644.0</t>
  </si>
  <si>
    <t>209.118</t>
  </si>
  <si>
    <t>2414.0</t>
  </si>
  <si>
    <t>585057.0</t>
  </si>
  <si>
    <t>209.625</t>
  </si>
  <si>
    <t>587540.0</t>
  </si>
  <si>
    <t>2483.0</t>
  </si>
  <si>
    <t>210.514</t>
  </si>
  <si>
    <t>591048.0</t>
  </si>
  <si>
    <t>211.771</t>
  </si>
  <si>
    <t>2554.0</t>
  </si>
  <si>
    <t>593903.0</t>
  </si>
  <si>
    <t>2855.0</t>
  </si>
  <si>
    <t>212.794</t>
  </si>
  <si>
    <t>595876.0</t>
  </si>
  <si>
    <t>213.501</t>
  </si>
  <si>
    <t>10024.0</t>
  </si>
  <si>
    <t>39.55</t>
  </si>
  <si>
    <t>3605.14329941104</t>
  </si>
  <si>
    <t>596416.0</t>
  </si>
  <si>
    <t>213.695</t>
  </si>
  <si>
    <t>0.769</t>
  </si>
  <si>
    <t>597504.0</t>
  </si>
  <si>
    <t>214.084</t>
  </si>
  <si>
    <t>598705.0</t>
  </si>
  <si>
    <t>214.515</t>
  </si>
  <si>
    <t>1950.0</t>
  </si>
  <si>
    <t>600306.0</t>
  </si>
  <si>
    <t>215.088</t>
  </si>
  <si>
    <t>1824.0</t>
  </si>
  <si>
    <t>601768.0</t>
  </si>
  <si>
    <t>215.612</t>
  </si>
  <si>
    <t>602986.0</t>
  </si>
  <si>
    <t>216.049</t>
  </si>
  <si>
    <t>1298.0</t>
  </si>
  <si>
    <t>604686.0</t>
  </si>
  <si>
    <t>216.658</t>
  </si>
  <si>
    <t>606809.0</t>
  </si>
  <si>
    <t>217.418</t>
  </si>
  <si>
    <t>0.761</t>
  </si>
  <si>
    <t>1485.0</t>
  </si>
  <si>
    <t>608905.0</t>
  </si>
  <si>
    <t>218.169</t>
  </si>
  <si>
    <t>1629.0</t>
  </si>
  <si>
    <t>609930.0</t>
  </si>
  <si>
    <t>218.537</t>
  </si>
  <si>
    <t>611815.0</t>
  </si>
  <si>
    <t>219.212</t>
  </si>
  <si>
    <t>613908.0</t>
  </si>
  <si>
    <t>2093.0</t>
  </si>
  <si>
    <t>219.962</t>
  </si>
  <si>
    <t>616520.0</t>
  </si>
  <si>
    <t>220.898</t>
  </si>
  <si>
    <t>619066.0</t>
  </si>
  <si>
    <t>221.81</t>
  </si>
  <si>
    <t>620704.0</t>
  </si>
  <si>
    <t>222.397</t>
  </si>
  <si>
    <t>1985.0</t>
  </si>
  <si>
    <t>623311.0</t>
  </si>
  <si>
    <t>223.331</t>
  </si>
  <si>
    <t>2058.0</t>
  </si>
  <si>
    <t>624153.0</t>
  </si>
  <si>
    <t>223.633</t>
  </si>
  <si>
    <t>626377.0</t>
  </si>
  <si>
    <t>224.43</t>
  </si>
  <si>
    <t>2080.0</t>
  </si>
  <si>
    <t>628405.0</t>
  </si>
  <si>
    <t>2028.0</t>
  </si>
  <si>
    <t>225.156</t>
  </si>
  <si>
    <t>2071.0</t>
  </si>
  <si>
    <t>630604.0</t>
  </si>
  <si>
    <t>2199.0</t>
  </si>
  <si>
    <t>225.944</t>
  </si>
  <si>
    <t>0.788</t>
  </si>
  <si>
    <t>632646.0</t>
  </si>
  <si>
    <t>226.676</t>
  </si>
  <si>
    <t>634812.0</t>
  </si>
  <si>
    <t>227.452</t>
  </si>
  <si>
    <t>636765.0</t>
  </si>
  <si>
    <t>228.152</t>
  </si>
  <si>
    <t>637544.0</t>
  </si>
  <si>
    <t>228.431</t>
  </si>
  <si>
    <t>1913.0</t>
  </si>
  <si>
    <t>639482.0</t>
  </si>
  <si>
    <t>229.125</t>
  </si>
  <si>
    <t>641626.0</t>
  </si>
  <si>
    <t>229.893</t>
  </si>
  <si>
    <t>0.677</t>
  </si>
  <si>
    <t>643606.0</t>
  </si>
  <si>
    <t>230.603</t>
  </si>
  <si>
    <t>644796.0</t>
  </si>
  <si>
    <t>231.029</t>
  </si>
  <si>
    <t>646563.0</t>
  </si>
  <si>
    <t>231.662</t>
  </si>
  <si>
    <t>648520.0</t>
  </si>
  <si>
    <t>1957.0</t>
  </si>
  <si>
    <t>232.363</t>
  </si>
  <si>
    <t>649993.0</t>
  </si>
  <si>
    <t>1473.0</t>
  </si>
  <si>
    <t>232.891</t>
  </si>
  <si>
    <t>10498.3</t>
  </si>
  <si>
    <t>37.65</t>
  </si>
  <si>
    <t>3775.72584798552</t>
  </si>
  <si>
    <t>651914.0</t>
  </si>
  <si>
    <t>233.579</t>
  </si>
  <si>
    <t>1776.0</t>
  </si>
  <si>
    <t>654494.0</t>
  </si>
  <si>
    <t>234.504</t>
  </si>
  <si>
    <t>1838.0</t>
  </si>
  <si>
    <t>656323.0</t>
  </si>
  <si>
    <t>235.159</t>
  </si>
  <si>
    <t>1817.0</t>
  </si>
  <si>
    <t>659181.0</t>
  </si>
  <si>
    <t>236.183</t>
  </si>
  <si>
    <t>661749.0</t>
  </si>
  <si>
    <t>237.103</t>
  </si>
  <si>
    <t>0.777</t>
  </si>
  <si>
    <t>664325.0</t>
  </si>
  <si>
    <t>238.026</t>
  </si>
  <si>
    <t>666195.0</t>
  </si>
  <si>
    <t>238.696</t>
  </si>
  <si>
    <t>2315.0</t>
  </si>
  <si>
    <t>668464.0</t>
  </si>
  <si>
    <t>239.509</t>
  </si>
  <si>
    <t>671038.0</t>
  </si>
  <si>
    <t>240.431</t>
  </si>
  <si>
    <t>673538.0</t>
  </si>
  <si>
    <t>2500.0</t>
  </si>
  <si>
    <t>241.327</t>
  </si>
  <si>
    <t>0.896</t>
  </si>
  <si>
    <t>676431.0</t>
  </si>
  <si>
    <t>242.364</t>
  </si>
  <si>
    <t>679135.0</t>
  </si>
  <si>
    <t>243.333</t>
  </si>
  <si>
    <t>2484.0</t>
  </si>
  <si>
    <t>681838.0</t>
  </si>
  <si>
    <t>244.301</t>
  </si>
  <si>
    <t>2502.0</t>
  </si>
  <si>
    <t>684640.0</t>
  </si>
  <si>
    <t>2802.0</t>
  </si>
  <si>
    <t>245.305</t>
  </si>
  <si>
    <t>687715.0</t>
  </si>
  <si>
    <t>246.407</t>
  </si>
  <si>
    <t>691146.0</t>
  </si>
  <si>
    <t>3431.0</t>
  </si>
  <si>
    <t>247.636</t>
  </si>
  <si>
    <t>1.229</t>
  </si>
  <si>
    <t>2873.0</t>
  </si>
  <si>
    <t>694357.0</t>
  </si>
  <si>
    <t>3211.0</t>
  </si>
  <si>
    <t>248.787</t>
  </si>
  <si>
    <t>2974.0</t>
  </si>
  <si>
    <t>697288.0</t>
  </si>
  <si>
    <t>249.837</t>
  </si>
  <si>
    <t>700797.0</t>
  </si>
  <si>
    <t>251.094</t>
  </si>
  <si>
    <t>704131.0</t>
  </si>
  <si>
    <t>252.289</t>
  </si>
  <si>
    <t>3185.0</t>
  </si>
  <si>
    <t>707329.0</t>
  </si>
  <si>
    <t>3198.0</t>
  </si>
  <si>
    <t>253.434</t>
  </si>
  <si>
    <t>710201.0</t>
  </si>
  <si>
    <t>254.463</t>
  </si>
  <si>
    <t>713194.0</t>
  </si>
  <si>
    <t>255.536</t>
  </si>
  <si>
    <t>716682.0</t>
  </si>
  <si>
    <t>256.786</t>
  </si>
  <si>
    <t>720629.0</t>
  </si>
  <si>
    <t>258.2</t>
  </si>
  <si>
    <t>1.414</t>
  </si>
  <si>
    <t>724606.0</t>
  </si>
  <si>
    <t>259.625</t>
  </si>
  <si>
    <t>1.219</t>
  </si>
  <si>
    <t>729267.0</t>
  </si>
  <si>
    <t>261.295</t>
  </si>
  <si>
    <t>1.287</t>
  </si>
  <si>
    <t>733639.0</t>
  </si>
  <si>
    <t>262.861</t>
  </si>
  <si>
    <t>3857.25876757615</t>
  </si>
  <si>
    <t>736590.0</t>
  </si>
  <si>
    <t>2951.0</t>
  </si>
  <si>
    <t>263.919</t>
  </si>
  <si>
    <t>3770.0</t>
  </si>
  <si>
    <t>739116.0</t>
  </si>
  <si>
    <t>264.824</t>
  </si>
  <si>
    <t>742038.0</t>
  </si>
  <si>
    <t>2922.0</t>
  </si>
  <si>
    <t>265.871</t>
  </si>
  <si>
    <t>3622.0</t>
  </si>
  <si>
    <t>744863.0</t>
  </si>
  <si>
    <t>266.883</t>
  </si>
  <si>
    <t>747879.0</t>
  </si>
  <si>
    <t>3016.0</t>
  </si>
  <si>
    <t>267.963</t>
  </si>
  <si>
    <t>3325.0</t>
  </si>
  <si>
    <t>751240.0</t>
  </si>
  <si>
    <t>3361.0</t>
  </si>
  <si>
    <t>269.168</t>
  </si>
  <si>
    <t>3139.0</t>
  </si>
  <si>
    <t>753705.0</t>
  </si>
  <si>
    <t>2465.0</t>
  </si>
  <si>
    <t>270.051</t>
  </si>
  <si>
    <t>2867.0</t>
  </si>
  <si>
    <t>755348.0</t>
  </si>
  <si>
    <t>1643.0</t>
  </si>
  <si>
    <t>270.64</t>
  </si>
  <si>
    <t>757660.0</t>
  </si>
  <si>
    <t>2312.0</t>
  </si>
  <si>
    <t>271.468</t>
  </si>
  <si>
    <t>761945.0</t>
  </si>
  <si>
    <t>4285.0</t>
  </si>
  <si>
    <t>273.003</t>
  </si>
  <si>
    <t>1.535</t>
  </si>
  <si>
    <t>765879.0</t>
  </si>
  <si>
    <t>274.413</t>
  </si>
  <si>
    <t>3002.0</t>
  </si>
  <si>
    <t>1.076</t>
  </si>
  <si>
    <t>770343.0</t>
  </si>
  <si>
    <t>276.012</t>
  </si>
  <si>
    <t>774383.0</t>
  </si>
  <si>
    <t>277.46</t>
  </si>
  <si>
    <t>776843.0</t>
  </si>
  <si>
    <t>278.341</t>
  </si>
  <si>
    <t>780085.0</t>
  </si>
  <si>
    <t>279.503</t>
  </si>
  <si>
    <t>784266.0</t>
  </si>
  <si>
    <t>281.001</t>
  </si>
  <si>
    <t>3801.0</t>
  </si>
  <si>
    <t>1.362</t>
  </si>
  <si>
    <t>788953.0</t>
  </si>
  <si>
    <t>4687.0</t>
  </si>
  <si>
    <t>282.68</t>
  </si>
  <si>
    <t>1.679</t>
  </si>
  <si>
    <t>3858.0</t>
  </si>
  <si>
    <t>1.382</t>
  </si>
  <si>
    <t>793678.0</t>
  </si>
  <si>
    <t>4725.0</t>
  </si>
  <si>
    <t>284.373</t>
  </si>
  <si>
    <t>799637.0</t>
  </si>
  <si>
    <t>5959.0</t>
  </si>
  <si>
    <t>286.508</t>
  </si>
  <si>
    <t>4185.0</t>
  </si>
  <si>
    <t>804602.0</t>
  </si>
  <si>
    <t>4965.0</t>
  </si>
  <si>
    <t>288.287</t>
  </si>
  <si>
    <t>1.779</t>
  </si>
  <si>
    <t>4317.0</t>
  </si>
  <si>
    <t>808355.0</t>
  </si>
  <si>
    <t>289.632</t>
  </si>
  <si>
    <t>1.345</t>
  </si>
  <si>
    <t>4502.0</t>
  </si>
  <si>
    <t>812076.0</t>
  </si>
  <si>
    <t>3721.0</t>
  </si>
  <si>
    <t>290.965</t>
  </si>
  <si>
    <t>4570.0</t>
  </si>
  <si>
    <t>817406.0</t>
  </si>
  <si>
    <t>292.875</t>
  </si>
  <si>
    <t>1.696</t>
  </si>
  <si>
    <t>822634.0</t>
  </si>
  <si>
    <t>294.748</t>
  </si>
  <si>
    <t>828159.0</t>
  </si>
  <si>
    <t>296.728</t>
  </si>
  <si>
    <t>833912.0</t>
  </si>
  <si>
    <t>298.789</t>
  </si>
  <si>
    <t>2.061</t>
  </si>
  <si>
    <t>4896.0</t>
  </si>
  <si>
    <t>1.754</t>
  </si>
  <si>
    <t>838839.0</t>
  </si>
  <si>
    <t>4927.0</t>
  </si>
  <si>
    <t>300.554</t>
  </si>
  <si>
    <t>4891.0</t>
  </si>
  <si>
    <t>842817.0</t>
  </si>
  <si>
    <t>301.98</t>
  </si>
  <si>
    <t>4923.0</t>
  </si>
  <si>
    <t>847475.0</t>
  </si>
  <si>
    <t>4658.0</t>
  </si>
  <si>
    <t>303.648</t>
  </si>
  <si>
    <t>1.669</t>
  </si>
  <si>
    <t>5057.0</t>
  </si>
  <si>
    <t>853829.0</t>
  </si>
  <si>
    <t>305.925</t>
  </si>
  <si>
    <t>2.277</t>
  </si>
  <si>
    <t>5203.0</t>
  </si>
  <si>
    <t>860046.0</t>
  </si>
  <si>
    <t>6217.0</t>
  </si>
  <si>
    <t>308.153</t>
  </si>
  <si>
    <t>2.228</t>
  </si>
  <si>
    <t>5345.0</t>
  </si>
  <si>
    <t>11300.3</t>
  </si>
  <si>
    <t>34.94</t>
  </si>
  <si>
    <t>25.45</t>
  </si>
  <si>
    <t>4064.16608403178</t>
  </si>
  <si>
    <t>864876.0</t>
  </si>
  <si>
    <t>4830.0</t>
  </si>
  <si>
    <t>309.883</t>
  </si>
  <si>
    <t>5245.0</t>
  </si>
  <si>
    <t>869852.0</t>
  </si>
  <si>
    <t>311.666</t>
  </si>
  <si>
    <t>873239.0</t>
  </si>
  <si>
    <t>312.88</t>
  </si>
  <si>
    <t>1.761</t>
  </si>
  <si>
    <t>876820.0</t>
  </si>
  <si>
    <t>314.163</t>
  </si>
  <si>
    <t>880290.0</t>
  </si>
  <si>
    <t>3470.0</t>
  </si>
  <si>
    <t>315.406</t>
  </si>
  <si>
    <t>4688.0</t>
  </si>
  <si>
    <t>884929.0</t>
  </si>
  <si>
    <t>317.068</t>
  </si>
  <si>
    <t>1.662</t>
  </si>
  <si>
    <t>889872.0</t>
  </si>
  <si>
    <t>4943.0</t>
  </si>
  <si>
    <t>318.839</t>
  </si>
  <si>
    <t>1.527</t>
  </si>
  <si>
    <t>894461.0</t>
  </si>
  <si>
    <t>4589.0</t>
  </si>
  <si>
    <t>320.483</t>
  </si>
  <si>
    <t>1.644</t>
  </si>
  <si>
    <t>899290.0</t>
  </si>
  <si>
    <t>322.214</t>
  </si>
  <si>
    <t>4205.0</t>
  </si>
  <si>
    <t>1.507</t>
  </si>
  <si>
    <t>902716.0</t>
  </si>
  <si>
    <t>3426.0</t>
  </si>
  <si>
    <t>323.441</t>
  </si>
  <si>
    <t>4211.0</t>
  </si>
  <si>
    <t>1.509</t>
  </si>
  <si>
    <t>906177.0</t>
  </si>
  <si>
    <t>324.681</t>
  </si>
  <si>
    <t>1.503</t>
  </si>
  <si>
    <t>909604.0</t>
  </si>
  <si>
    <t>3427.0</t>
  </si>
  <si>
    <t>325.909</t>
  </si>
  <si>
    <t>915473.0</t>
  </si>
  <si>
    <t>328.012</t>
  </si>
  <si>
    <t>2.103</t>
  </si>
  <si>
    <t>4363.0</t>
  </si>
  <si>
    <t>920423.0</t>
  </si>
  <si>
    <t>4950.0</t>
  </si>
  <si>
    <t>329.786</t>
  </si>
  <si>
    <t>1.774</t>
  </si>
  <si>
    <t>4364.0</t>
  </si>
  <si>
    <t>1.564</t>
  </si>
  <si>
    <t>926293.0</t>
  </si>
  <si>
    <t>5870.0</t>
  </si>
  <si>
    <t>331.889</t>
  </si>
  <si>
    <t>4547.0</t>
  </si>
  <si>
    <t>1.629</t>
  </si>
  <si>
    <t>931583.0</t>
  </si>
  <si>
    <t>5290.0</t>
  </si>
  <si>
    <t>333.784</t>
  </si>
  <si>
    <t>1.895</t>
  </si>
  <si>
    <t>4613.0</t>
  </si>
  <si>
    <t>1.653</t>
  </si>
  <si>
    <t>935427.0</t>
  </si>
  <si>
    <t>3844.0</t>
  </si>
  <si>
    <t>335.161</t>
  </si>
  <si>
    <t>937603.0</t>
  </si>
  <si>
    <t>2176.0</t>
  </si>
  <si>
    <t>335.941</t>
  </si>
  <si>
    <t>4489.0</t>
  </si>
  <si>
    <t>1.608</t>
  </si>
  <si>
    <t>942001.0</t>
  </si>
  <si>
    <t>4398.0</t>
  </si>
  <si>
    <t>337.517</t>
  </si>
  <si>
    <t>946642.0</t>
  </si>
  <si>
    <t>339.18</t>
  </si>
  <si>
    <t>1.663</t>
  </si>
  <si>
    <t>4453.0</t>
  </si>
  <si>
    <t>951500.0</t>
  </si>
  <si>
    <t>340.92</t>
  </si>
  <si>
    <t>4440.0</t>
  </si>
  <si>
    <t>955515.0</t>
  </si>
  <si>
    <t>342.359</t>
  </si>
  <si>
    <t>1.439</t>
  </si>
  <si>
    <t>4175.0</t>
  </si>
  <si>
    <t>960067.0</t>
  </si>
  <si>
    <t>343.99</t>
  </si>
  <si>
    <t>1.631</t>
  </si>
  <si>
    <t>4069.0</t>
  </si>
  <si>
    <t>1.458</t>
  </si>
  <si>
    <t>963225.0</t>
  </si>
  <si>
    <t>3158.0</t>
  </si>
  <si>
    <t>345.121</t>
  </si>
  <si>
    <t>965692.0</t>
  </si>
  <si>
    <t>346.005</t>
  </si>
  <si>
    <t>1.438</t>
  </si>
  <si>
    <t>969969.0</t>
  </si>
  <si>
    <t>4277.0</t>
  </si>
  <si>
    <t>347.538</t>
  </si>
  <si>
    <t>1.532</t>
  </si>
  <si>
    <t>974776.0</t>
  </si>
  <si>
    <t>4807.0</t>
  </si>
  <si>
    <t>349.26</t>
  </si>
  <si>
    <t>4019.0</t>
  </si>
  <si>
    <t>979060.0</t>
  </si>
  <si>
    <t>350.795</t>
  </si>
  <si>
    <t>983656.0</t>
  </si>
  <si>
    <t>352.442</t>
  </si>
  <si>
    <t>1.647</t>
  </si>
  <si>
    <t>988086.0</t>
  </si>
  <si>
    <t>354.029</t>
  </si>
  <si>
    <t>1.587</t>
  </si>
  <si>
    <t>4003.0</t>
  </si>
  <si>
    <t>1.434</t>
  </si>
  <si>
    <t>12629.8</t>
  </si>
  <si>
    <t>65.44</t>
  </si>
  <si>
    <t>4542.32231074436</t>
  </si>
  <si>
    <t>991027.0</t>
  </si>
  <si>
    <t>355.083</t>
  </si>
  <si>
    <t>3972.0</t>
  </si>
  <si>
    <t>993612.0</t>
  </si>
  <si>
    <t>356.009</t>
  </si>
  <si>
    <t>3989.0</t>
  </si>
  <si>
    <t>996955.0</t>
  </si>
  <si>
    <t>3343.0</t>
  </si>
  <si>
    <t>357.207</t>
  </si>
  <si>
    <t>1.198</t>
  </si>
  <si>
    <t>3855.0</t>
  </si>
  <si>
    <t>1000909.0</t>
  </si>
  <si>
    <t>3954.0</t>
  </si>
  <si>
    <t>358.624</t>
  </si>
  <si>
    <t>1.417</t>
  </si>
  <si>
    <t>3733.0</t>
  </si>
  <si>
    <t>1.338</t>
  </si>
  <si>
    <t>1004873.0</t>
  </si>
  <si>
    <t>3964.0</t>
  </si>
  <si>
    <t>360.044</t>
  </si>
  <si>
    <t>1.321</t>
  </si>
  <si>
    <t>1008307.0</t>
  </si>
  <si>
    <t>361.274</t>
  </si>
  <si>
    <t>1.262</t>
  </si>
  <si>
    <t>1012538.0</t>
  </si>
  <si>
    <t>4231.0</t>
  </si>
  <si>
    <t>362.79</t>
  </si>
  <si>
    <t>1.516</t>
  </si>
  <si>
    <t>1.252</t>
  </si>
  <si>
    <t>1014891.0</t>
  </si>
  <si>
    <t>363.633</t>
  </si>
  <si>
    <t>3409.0</t>
  </si>
  <si>
    <t>1016681.0</t>
  </si>
  <si>
    <t>1790.0</t>
  </si>
  <si>
    <t>364.275</t>
  </si>
  <si>
    <t>3296.0</t>
  </si>
  <si>
    <t>10727.0</t>
  </si>
  <si>
    <t>1019359.0</t>
  </si>
  <si>
    <t>365.234</t>
  </si>
  <si>
    <t>3201.0</t>
  </si>
  <si>
    <t>1023251.0</t>
  </si>
  <si>
    <t>3892.0</t>
  </si>
  <si>
    <t>366.629</t>
  </si>
  <si>
    <t>1.394</t>
  </si>
  <si>
    <t>1026974.0</t>
  </si>
  <si>
    <t>367.963</t>
  </si>
  <si>
    <t>1030335.0</t>
  </si>
  <si>
    <t>369.167</t>
  </si>
  <si>
    <t>3147.0</t>
  </si>
  <si>
    <t>1033513.0</t>
  </si>
  <si>
    <t>370.305</t>
  </si>
  <si>
    <t>2996.0</t>
  </si>
  <si>
    <t>1036673.0</t>
  </si>
  <si>
    <t>371.438</t>
  </si>
  <si>
    <t>1039050.0</t>
  </si>
  <si>
    <t>372.289</t>
  </si>
  <si>
    <t>3196.0</t>
  </si>
  <si>
    <t>19249.0</t>
  </si>
  <si>
    <t>1042821.0</t>
  </si>
  <si>
    <t>3771.0</t>
  </si>
  <si>
    <t>373.641</t>
  </si>
  <si>
    <t>3352.0</t>
  </si>
  <si>
    <t>1046412.0</t>
  </si>
  <si>
    <t>374.927</t>
  </si>
  <si>
    <t>1050075.0</t>
  </si>
  <si>
    <t>3663.0</t>
  </si>
  <si>
    <t>376.24</t>
  </si>
  <si>
    <t>1.312</t>
  </si>
  <si>
    <t>3300.0</t>
  </si>
  <si>
    <t>1053007.0</t>
  </si>
  <si>
    <t>377.29</t>
  </si>
  <si>
    <t>3239.0</t>
  </si>
  <si>
    <t>1057145.0</t>
  </si>
  <si>
    <t>4138.0</t>
  </si>
  <si>
    <t>378.773</t>
  </si>
  <si>
    <t>1.483</t>
  </si>
  <si>
    <t>3376.0</t>
  </si>
  <si>
    <t>1060108.0</t>
  </si>
  <si>
    <t>2963.0</t>
  </si>
  <si>
    <t>379.834</t>
  </si>
  <si>
    <t>1062006.0</t>
  </si>
  <si>
    <t>380.514</t>
  </si>
  <si>
    <t>26562.0</t>
  </si>
  <si>
    <t>1065211.0</t>
  </si>
  <si>
    <t>3205.0</t>
  </si>
  <si>
    <t>381.663</t>
  </si>
  <si>
    <t>3199.0</t>
  </si>
  <si>
    <t>1069112.0</t>
  </si>
  <si>
    <t>383.061</t>
  </si>
  <si>
    <t>1072615.0</t>
  </si>
  <si>
    <t>3503.0</t>
  </si>
  <si>
    <t>384.316</t>
  </si>
  <si>
    <t>1.154</t>
  </si>
  <si>
    <t>1075450.0</t>
  </si>
  <si>
    <t>385.331</t>
  </si>
  <si>
    <t>3206.0</t>
  </si>
  <si>
    <t>1078534.0</t>
  </si>
  <si>
    <t>386.436</t>
  </si>
  <si>
    <t>1081305.0</t>
  </si>
  <si>
    <t>387.429</t>
  </si>
  <si>
    <t>1083960.0</t>
  </si>
  <si>
    <t>388.381</t>
  </si>
  <si>
    <t>33529.0</t>
  </si>
  <si>
    <t>1087240.0</t>
  </si>
  <si>
    <t>389.556</t>
  </si>
  <si>
    <t>13197.3</t>
  </si>
  <si>
    <t>36.22</t>
  </si>
  <si>
    <t>27.48</t>
  </si>
  <si>
    <t>4746.42434809629</t>
  </si>
  <si>
    <t>1090156.0</t>
  </si>
  <si>
    <t>390.601</t>
  </si>
  <si>
    <t>3006.0</t>
  </si>
  <si>
    <t>1093012.0</t>
  </si>
  <si>
    <t>2856.0</t>
  </si>
  <si>
    <t>391.624</t>
  </si>
  <si>
    <t>1363.0</t>
  </si>
  <si>
    <t>1096581.0</t>
  </si>
  <si>
    <t>3569.0</t>
  </si>
  <si>
    <t>392.903</t>
  </si>
  <si>
    <t>1.279</t>
  </si>
  <si>
    <t>1099797.0</t>
  </si>
  <si>
    <t>394.055</t>
  </si>
  <si>
    <t>1102551.0</t>
  </si>
  <si>
    <t>2754.0</t>
  </si>
  <si>
    <t>395.042</t>
  </si>
  <si>
    <t>1731.0</t>
  </si>
  <si>
    <t>1104999.0</t>
  </si>
  <si>
    <t>2448.0</t>
  </si>
  <si>
    <t>395.919</t>
  </si>
  <si>
    <t>46503.0</t>
  </si>
  <si>
    <t>1108066.0</t>
  </si>
  <si>
    <t>397.018</t>
  </si>
  <si>
    <t>1750.0</t>
  </si>
  <si>
    <t>1650.0</t>
  </si>
  <si>
    <t>1111596.0</t>
  </si>
  <si>
    <t>398.282</t>
  </si>
  <si>
    <t>3063.0</t>
  </si>
  <si>
    <t>1114887.0</t>
  </si>
  <si>
    <t>1544.0</t>
  </si>
  <si>
    <t>1243.0</t>
  </si>
  <si>
    <t>1118753.0</t>
  </si>
  <si>
    <t>400.847</t>
  </si>
  <si>
    <t>1.135</t>
  </si>
  <si>
    <t>1441.0</t>
  </si>
  <si>
    <t>1122295.0</t>
  </si>
  <si>
    <t>3542.0</t>
  </si>
  <si>
    <t>402.116</t>
  </si>
  <si>
    <t>1125102.0</t>
  </si>
  <si>
    <t>403.122</t>
  </si>
  <si>
    <t>1235.0</t>
  </si>
  <si>
    <t>1127455.0</t>
  </si>
  <si>
    <t>403.965</t>
  </si>
  <si>
    <t>1131239.0</t>
  </si>
  <si>
    <t>3784.0</t>
  </si>
  <si>
    <t>405.321</t>
  </si>
  <si>
    <t>1.356</t>
  </si>
  <si>
    <t>55557.0</t>
  </si>
  <si>
    <t>1134905.0</t>
  </si>
  <si>
    <t>3666.0</t>
  </si>
  <si>
    <t>406.634</t>
  </si>
  <si>
    <t>3330.0</t>
  </si>
  <si>
    <t>1178.0</t>
  </si>
  <si>
    <t>1138719.0</t>
  </si>
  <si>
    <t>408.001</t>
  </si>
  <si>
    <t>3405.0</t>
  </si>
  <si>
    <t>1224.0</t>
  </si>
  <si>
    <t>1142332.0</t>
  </si>
  <si>
    <t>409.295</t>
  </si>
  <si>
    <t>1.207</t>
  </si>
  <si>
    <t>1146453.0</t>
  </si>
  <si>
    <t>410.772</t>
  </si>
  <si>
    <t>3451.0</t>
  </si>
  <si>
    <t>1149863.0</t>
  </si>
  <si>
    <t>411.993</t>
  </si>
  <si>
    <t>1152631.0</t>
  </si>
  <si>
    <t>412.985</t>
  </si>
  <si>
    <t>64293.0</t>
  </si>
  <si>
    <t>52509.0</t>
  </si>
  <si>
    <t>11784.0</t>
  </si>
  <si>
    <t>1156409.0</t>
  </si>
  <si>
    <t>414.339</t>
  </si>
  <si>
    <t>1160290.0</t>
  </si>
  <si>
    <t>415.729</t>
  </si>
  <si>
    <t>1.391</t>
  </si>
  <si>
    <t>1.299</t>
  </si>
  <si>
    <t>1163742.0</t>
  </si>
  <si>
    <t>416.966</t>
  </si>
  <si>
    <t>1167466.0</t>
  </si>
  <si>
    <t>3724.0</t>
  </si>
  <si>
    <t>418.301</t>
  </si>
  <si>
    <t>1475.0</t>
  </si>
  <si>
    <t>1171097.0</t>
  </si>
  <si>
    <t>419.602</t>
  </si>
  <si>
    <t>1174852.0</t>
  </si>
  <si>
    <t>420.947</t>
  </si>
  <si>
    <t>1177814.0</t>
  </si>
  <si>
    <t>422.008</t>
  </si>
  <si>
    <t>74714.0</t>
  </si>
  <si>
    <t>58518.0</t>
  </si>
  <si>
    <t>16196.0</t>
  </si>
  <si>
    <t>1181291.0</t>
  </si>
  <si>
    <t>3477.0</t>
  </si>
  <si>
    <t>423.254</t>
  </si>
  <si>
    <t>1.274</t>
  </si>
  <si>
    <t>1617.0</t>
  </si>
  <si>
    <t>1185002.0</t>
  </si>
  <si>
    <t>424.584</t>
  </si>
  <si>
    <t>1745.0</t>
  </si>
  <si>
    <t>1188922.0</t>
  </si>
  <si>
    <t>3920.0</t>
  </si>
  <si>
    <t>425.988</t>
  </si>
  <si>
    <t>13598.0</t>
  </si>
  <si>
    <t>21.21</t>
  </si>
  <si>
    <t>4890.53657076928</t>
  </si>
  <si>
    <t>1192578.0</t>
  </si>
  <si>
    <t>427.298</t>
  </si>
  <si>
    <t>3587.0</t>
  </si>
  <si>
    <t>1197651.0</t>
  </si>
  <si>
    <t>5073.0</t>
  </si>
  <si>
    <t>429.116</t>
  </si>
  <si>
    <t>1.818</t>
  </si>
  <si>
    <t>3793.0</t>
  </si>
  <si>
    <t>2129.0</t>
  </si>
  <si>
    <t>1201725.0</t>
  </si>
  <si>
    <t>430.575</t>
  </si>
  <si>
    <t>3839.0</t>
  </si>
  <si>
    <t>2257.0</t>
  </si>
  <si>
    <t>1282.0</t>
  </si>
  <si>
    <t>1205632.0</t>
  </si>
  <si>
    <t>431.975</t>
  </si>
  <si>
    <t>1352.0</t>
  </si>
  <si>
    <t>1209287.0</t>
  </si>
  <si>
    <t>433.285</t>
  </si>
  <si>
    <t>1215373.0</t>
  </si>
  <si>
    <t>6086.0</t>
  </si>
  <si>
    <t>435.466</t>
  </si>
  <si>
    <t>2.181</t>
  </si>
  <si>
    <t>1220466.0</t>
  </si>
  <si>
    <t>437.29</t>
  </si>
  <si>
    <t>4506.0</t>
  </si>
  <si>
    <t>1.614</t>
  </si>
  <si>
    <t>1224512.0</t>
  </si>
  <si>
    <t>4046.0</t>
  </si>
  <si>
    <t>438.74</t>
  </si>
  <si>
    <t>1.635</t>
  </si>
  <si>
    <t>1230065.0</t>
  </si>
  <si>
    <t>5553.0</t>
  </si>
  <si>
    <t>440.73</t>
  </si>
  <si>
    <t>4631.0</t>
  </si>
  <si>
    <t>1.659</t>
  </si>
  <si>
    <t>1234695.0</t>
  </si>
  <si>
    <t>4630.0</t>
  </si>
  <si>
    <t>442.389</t>
  </si>
  <si>
    <t>4710.0</t>
  </si>
  <si>
    <t>1.688</t>
  </si>
  <si>
    <t>1238211.0</t>
  </si>
  <si>
    <t>443.648</t>
  </si>
  <si>
    <t>4654.0</t>
  </si>
  <si>
    <t>1.668</t>
  </si>
  <si>
    <t>108107.0</t>
  </si>
  <si>
    <t>77449.0</t>
  </si>
  <si>
    <t>30658.0</t>
  </si>
  <si>
    <t>3.89</t>
  </si>
  <si>
    <t>1242361.0</t>
  </si>
  <si>
    <t>445.135</t>
  </si>
  <si>
    <t>1.487</t>
  </si>
  <si>
    <t>2513.0</t>
  </si>
  <si>
    <t>1247362.0</t>
  </si>
  <si>
    <t>446.927</t>
  </si>
  <si>
    <t>1.792</t>
  </si>
  <si>
    <t>2641.0</t>
  </si>
  <si>
    <t>1253024.0</t>
  </si>
  <si>
    <t>448.956</t>
  </si>
  <si>
    <t>1.666</t>
  </si>
  <si>
    <t>1257724.0</t>
  </si>
  <si>
    <t>450.64</t>
  </si>
  <si>
    <t>1.684</t>
  </si>
  <si>
    <t>4745.0</t>
  </si>
  <si>
    <t>2898.0</t>
  </si>
  <si>
    <t>1263393.0</t>
  </si>
  <si>
    <t>452.671</t>
  </si>
  <si>
    <t>2.031</t>
  </si>
  <si>
    <t>4761.0</t>
  </si>
  <si>
    <t>1.706</t>
  </si>
  <si>
    <t>1267617.0</t>
  </si>
  <si>
    <t>4224.0</t>
  </si>
  <si>
    <t>454.184</t>
  </si>
  <si>
    <t>1.513</t>
  </si>
  <si>
    <t>4703.0</t>
  </si>
  <si>
    <t>1.685</t>
  </si>
  <si>
    <t>1271171.0</t>
  </si>
  <si>
    <t>455.458</t>
  </si>
  <si>
    <t>4709.0</t>
  </si>
  <si>
    <t>131080.0</t>
  </si>
  <si>
    <t>94560.0</t>
  </si>
  <si>
    <t>36520.0</t>
  </si>
  <si>
    <t>3282.0</t>
  </si>
  <si>
    <t>1277470.0</t>
  </si>
  <si>
    <t>6299.0</t>
  </si>
  <si>
    <t>457.715</t>
  </si>
  <si>
    <t>2.257</t>
  </si>
  <si>
    <t>5016.0</t>
  </si>
  <si>
    <t>1282345.0</t>
  </si>
  <si>
    <t>459.461</t>
  </si>
  <si>
    <t>4998.0</t>
  </si>
  <si>
    <t>1.791</t>
  </si>
  <si>
    <t>1287379.0</t>
  </si>
  <si>
    <t>5034.0</t>
  </si>
  <si>
    <t>461.265</t>
  </si>
  <si>
    <t>1.759</t>
  </si>
  <si>
    <t>1293032.0</t>
  </si>
  <si>
    <t>5653.0</t>
  </si>
  <si>
    <t>463.291</t>
  </si>
  <si>
    <t>2.025</t>
  </si>
  <si>
    <t>5044.0</t>
  </si>
  <si>
    <t>1.807</t>
  </si>
  <si>
    <t>1299559.0</t>
  </si>
  <si>
    <t>465.629</t>
  </si>
  <si>
    <t>2.339</t>
  </si>
  <si>
    <t>5167.0</t>
  </si>
  <si>
    <t>1305307.0</t>
  </si>
  <si>
    <t>5748.0</t>
  </si>
  <si>
    <t>467.689</t>
  </si>
  <si>
    <t>2077.0</t>
  </si>
  <si>
    <t>1310356.0</t>
  </si>
  <si>
    <t>5049.0</t>
  </si>
  <si>
    <t>469.498</t>
  </si>
  <si>
    <t>5598.0</t>
  </si>
  <si>
    <t>2.006</t>
  </si>
  <si>
    <t>152529.0</t>
  </si>
  <si>
    <t>108674.0</t>
  </si>
  <si>
    <t>43855.0</t>
  </si>
  <si>
    <t>5.49</t>
  </si>
  <si>
    <t>1315245.0</t>
  </si>
  <si>
    <t>4889.0</t>
  </si>
  <si>
    <t>471.249</t>
  </si>
  <si>
    <t>1.933</t>
  </si>
  <si>
    <t>3022.0</t>
  </si>
  <si>
    <t>1322177.0</t>
  </si>
  <si>
    <t>6932.0</t>
  </si>
  <si>
    <t>473.733</t>
  </si>
  <si>
    <t>2.484</t>
  </si>
  <si>
    <t>2.039</t>
  </si>
  <si>
    <t>2979.0</t>
  </si>
  <si>
    <t>1328107.0</t>
  </si>
  <si>
    <t>5930.0</t>
  </si>
  <si>
    <t>475.858</t>
  </si>
  <si>
    <t>2.125</t>
  </si>
  <si>
    <t>1334007.0</t>
  </si>
  <si>
    <t>5900.0</t>
  </si>
  <si>
    <t>477.972</t>
  </si>
  <si>
    <t>2.114</t>
  </si>
  <si>
    <t>2.097</t>
  </si>
  <si>
    <t>2894.0</t>
  </si>
  <si>
    <t>1812.0</t>
  </si>
  <si>
    <t>1340258.0</t>
  </si>
  <si>
    <t>6251.0</t>
  </si>
  <si>
    <t>480.212</t>
  </si>
  <si>
    <t>2.083</t>
  </si>
  <si>
    <t>1761.0</t>
  </si>
  <si>
    <t>1346335.0</t>
  </si>
  <si>
    <t>6077.0</t>
  </si>
  <si>
    <t>482.389</t>
  </si>
  <si>
    <t>5861.0</t>
  </si>
  <si>
    <t>13882.3</t>
  </si>
  <si>
    <t>34.46</t>
  </si>
  <si>
    <t>14.49</t>
  </si>
  <si>
    <t>4992.78539758717</t>
  </si>
  <si>
    <t>1350559.0</t>
  </si>
  <si>
    <t>483.902</t>
  </si>
  <si>
    <t>5743.0</t>
  </si>
  <si>
    <t>2.058</t>
  </si>
  <si>
    <t>171890.0</t>
  </si>
  <si>
    <t>120285.0</t>
  </si>
  <si>
    <t>51605.0</t>
  </si>
  <si>
    <t>6.18</t>
  </si>
  <si>
    <t>1659.0</t>
  </si>
  <si>
    <t>1357957.0</t>
  </si>
  <si>
    <t>486.553</t>
  </si>
  <si>
    <t>2.186</t>
  </si>
  <si>
    <t>1364854.0</t>
  </si>
  <si>
    <t>6897.0</t>
  </si>
  <si>
    <t>489.024</t>
  </si>
  <si>
    <t>2.471</t>
  </si>
  <si>
    <t>6097.0</t>
  </si>
  <si>
    <t>1372405.0</t>
  </si>
  <si>
    <t>7551.0</t>
  </si>
  <si>
    <t>491.73</t>
  </si>
  <si>
    <t>6328.0</t>
  </si>
  <si>
    <t>2.267</t>
  </si>
  <si>
    <t>1378897.0</t>
  </si>
  <si>
    <t>6492.0</t>
  </si>
  <si>
    <t>494.056</t>
  </si>
  <si>
    <t>2.326</t>
  </si>
  <si>
    <t>6413.0</t>
  </si>
  <si>
    <t>2.298</t>
  </si>
  <si>
    <t>1385302.0</t>
  </si>
  <si>
    <t>6405.0</t>
  </si>
  <si>
    <t>496.351</t>
  </si>
  <si>
    <t>2.295</t>
  </si>
  <si>
    <t>6435.0</t>
  </si>
  <si>
    <t>1723.0</t>
  </si>
  <si>
    <t>1392050.0</t>
  </si>
  <si>
    <t>498.769</t>
  </si>
  <si>
    <t>2.418</t>
  </si>
  <si>
    <t>6531.0</t>
  </si>
  <si>
    <t>1396508.0</t>
  </si>
  <si>
    <t>500.366</t>
  </si>
  <si>
    <t>1.597</t>
  </si>
  <si>
    <t>2.352</t>
  </si>
  <si>
    <t>194902.0</t>
  </si>
  <si>
    <t>132529.0</t>
  </si>
  <si>
    <t>62373.0</t>
  </si>
  <si>
    <t>1402666.0</t>
  </si>
  <si>
    <t>6158.0</t>
  </si>
  <si>
    <t>502.572</t>
  </si>
  <si>
    <t>3335.0</t>
  </si>
  <si>
    <t>1409091.0</t>
  </si>
  <si>
    <t>504.874</t>
  </si>
  <si>
    <t>2.302</t>
  </si>
  <si>
    <t>6320.0</t>
  </si>
  <si>
    <t>2.264</t>
  </si>
  <si>
    <t>1741.0</t>
  </si>
  <si>
    <t>1415538.0</t>
  </si>
  <si>
    <t>507.184</t>
  </si>
  <si>
    <t>6162.0</t>
  </si>
  <si>
    <t>2.208</t>
  </si>
  <si>
    <t>3430.0</t>
  </si>
  <si>
    <t>1421593.0</t>
  </si>
  <si>
    <t>6055.0</t>
  </si>
  <si>
    <t>509.354</t>
  </si>
  <si>
    <t>2.169</t>
  </si>
  <si>
    <t>1251.0</t>
  </si>
  <si>
    <t>1428670.0</t>
  </si>
  <si>
    <t>7077.0</t>
  </si>
  <si>
    <t>511.889</t>
  </si>
  <si>
    <t>2.536</t>
  </si>
  <si>
    <t>6195.0</t>
  </si>
  <si>
    <t>1434732.0</t>
  </si>
  <si>
    <t>6062.0</t>
  </si>
  <si>
    <t>514.061</t>
  </si>
  <si>
    <t>2.172</t>
  </si>
  <si>
    <t>1440147.0</t>
  </si>
  <si>
    <t>5415.0</t>
  </si>
  <si>
    <t>516.002</t>
  </si>
  <si>
    <t>6234.0</t>
  </si>
  <si>
    <t>2.234</t>
  </si>
  <si>
    <t>220236.0</t>
  </si>
  <si>
    <t>144573.0</t>
  </si>
  <si>
    <t>75663.0</t>
  </si>
  <si>
    <t>1446731.0</t>
  </si>
  <si>
    <t>6584.0</t>
  </si>
  <si>
    <t>518.361</t>
  </si>
  <si>
    <t>2.359</t>
  </si>
  <si>
    <t>3492.0</t>
  </si>
  <si>
    <t>1453950.0</t>
  </si>
  <si>
    <t>7219.0</t>
  </si>
  <si>
    <t>520.947</t>
  </si>
  <si>
    <t>2.587</t>
  </si>
  <si>
    <t>6408.0</t>
  </si>
  <si>
    <t>2.296</t>
  </si>
  <si>
    <t>3365.0</t>
  </si>
  <si>
    <t>1461464.0</t>
  </si>
  <si>
    <t>7514.0</t>
  </si>
  <si>
    <t>523.639</t>
  </si>
  <si>
    <t>2.692</t>
  </si>
  <si>
    <t>6561.0</t>
  </si>
  <si>
    <t>2.351</t>
  </si>
  <si>
    <t>1469328.0</t>
  </si>
  <si>
    <t>7864.0</t>
  </si>
  <si>
    <t>526.457</t>
  </si>
  <si>
    <t>2.818</t>
  </si>
  <si>
    <t>6819.0</t>
  </si>
  <si>
    <t>2.443</t>
  </si>
  <si>
    <t>3111.0</t>
  </si>
  <si>
    <t>1476957.0</t>
  </si>
  <si>
    <t>7629.0</t>
  </si>
  <si>
    <t>529.191</t>
  </si>
  <si>
    <t>2.472</t>
  </si>
  <si>
    <t>1073.0</t>
  </si>
  <si>
    <t>1483890.0</t>
  </si>
  <si>
    <t>531.675</t>
  </si>
  <si>
    <t>7023.0</t>
  </si>
  <si>
    <t>2857.0</t>
  </si>
  <si>
    <t>1489110.0</t>
  </si>
  <si>
    <t>5220.0</t>
  </si>
  <si>
    <t>533.545</t>
  </si>
  <si>
    <t>2.506</t>
  </si>
  <si>
    <t>239342.0</t>
  </si>
  <si>
    <t>153888.0</t>
  </si>
  <si>
    <t>85454.0</t>
  </si>
  <si>
    <t>2729.0</t>
  </si>
  <si>
    <t>8.61</t>
  </si>
  <si>
    <t>3.07</t>
  </si>
  <si>
    <t>1331.0</t>
  </si>
  <si>
    <t>1495669.0</t>
  </si>
  <si>
    <t>6559.0</t>
  </si>
  <si>
    <t>535.895</t>
  </si>
  <si>
    <t>6991.0</t>
  </si>
  <si>
    <t>1504185.0</t>
  </si>
  <si>
    <t>8516.0</t>
  </si>
  <si>
    <t>538.946</t>
  </si>
  <si>
    <t>3.051</t>
  </si>
  <si>
    <t>7176.0</t>
  </si>
  <si>
    <t>2.571</t>
  </si>
  <si>
    <t>1511103.0</t>
  </si>
  <si>
    <t>6918.0</t>
  </si>
  <si>
    <t>541.425</t>
  </si>
  <si>
    <t>2.479</t>
  </si>
  <si>
    <t>7091.0</t>
  </si>
  <si>
    <t>2.541</t>
  </si>
  <si>
    <t>2148.0</t>
  </si>
  <si>
    <t>1517486.0</t>
  </si>
  <si>
    <t>543.712</t>
  </si>
  <si>
    <t>2.287</t>
  </si>
  <si>
    <t>6880.0</t>
  </si>
  <si>
    <t>2.465</t>
  </si>
  <si>
    <t>1524481.0</t>
  </si>
  <si>
    <t>546.218</t>
  </si>
  <si>
    <t>6789.0</t>
  </si>
  <si>
    <t>4432.0</t>
  </si>
  <si>
    <t>1530099.0</t>
  </si>
  <si>
    <t>5618.0</t>
  </si>
  <si>
    <t>548.231</t>
  </si>
  <si>
    <t>1534770.0</t>
  </si>
  <si>
    <t>549.905</t>
  </si>
  <si>
    <t>6523.0</t>
  </si>
  <si>
    <t>2.337</t>
  </si>
  <si>
    <t>275138.0</t>
  </si>
  <si>
    <t>176552.0</t>
  </si>
  <si>
    <t>98586.0</t>
  </si>
  <si>
    <t>5114.0</t>
  </si>
  <si>
    <t>6.35</t>
  </si>
  <si>
    <t>3.55</t>
  </si>
  <si>
    <t>1540436.0</t>
  </si>
  <si>
    <t>5666.0</t>
  </si>
  <si>
    <t>551.935</t>
  </si>
  <si>
    <t>4958.0</t>
  </si>
  <si>
    <t>1783.0</t>
  </si>
  <si>
    <t>1547898.0</t>
  </si>
  <si>
    <t>7462.0</t>
  </si>
  <si>
    <t>554.609</t>
  </si>
  <si>
    <t>6245.0</t>
  </si>
  <si>
    <t>4803.0</t>
  </si>
  <si>
    <t>14229.0</t>
  </si>
  <si>
    <t>5117.4764572346</t>
  </si>
  <si>
    <t>1554292.0</t>
  </si>
  <si>
    <t>6394.0</t>
  </si>
  <si>
    <t>556.899</t>
  </si>
  <si>
    <t>2.211</t>
  </si>
  <si>
    <t>1560430.0</t>
  </si>
  <si>
    <t>559.099</t>
  </si>
  <si>
    <t>6135.0</t>
  </si>
  <si>
    <t>2.198</t>
  </si>
  <si>
    <t>4493.0</t>
  </si>
  <si>
    <t>2917.0</t>
  </si>
  <si>
    <t>1567094.0</t>
  </si>
  <si>
    <t>6664.0</t>
  </si>
  <si>
    <t>561.486</t>
  </si>
  <si>
    <t>2.388</t>
  </si>
  <si>
    <t>6088.0</t>
  </si>
  <si>
    <t>4337.0</t>
  </si>
  <si>
    <t>1560.0</t>
  </si>
  <si>
    <t>2837.0</t>
  </si>
  <si>
    <t>1572855.0</t>
  </si>
  <si>
    <t>5761.0</t>
  </si>
  <si>
    <t>563.551</t>
  </si>
  <si>
    <t>6108.0</t>
  </si>
  <si>
    <t>4182.0</t>
  </si>
  <si>
    <t>1577162.0</t>
  </si>
  <si>
    <t>565.094</t>
  </si>
  <si>
    <t>1.543</t>
  </si>
  <si>
    <t>303325.0</t>
  </si>
  <si>
    <t>195290.0</t>
  </si>
  <si>
    <t>108035.0</t>
  </si>
  <si>
    <t>4027.0</t>
  </si>
  <si>
    <t>1448.0</t>
  </si>
  <si>
    <t>1581821.0</t>
  </si>
  <si>
    <t>4659.0</t>
  </si>
  <si>
    <t>566.763</t>
  </si>
  <si>
    <t>5912.0</t>
  </si>
  <si>
    <t>2.118</t>
  </si>
  <si>
    <t>4113.0</t>
  </si>
  <si>
    <t>1588480.0</t>
  </si>
  <si>
    <t>6659.0</t>
  </si>
  <si>
    <t>569.149</t>
  </si>
  <si>
    <t>4199.0</t>
  </si>
  <si>
    <t>1594150.0</t>
  </si>
  <si>
    <t>571.181</t>
  </si>
  <si>
    <t>2.032</t>
  </si>
  <si>
    <t>1541.0</t>
  </si>
  <si>
    <t>1600933.0</t>
  </si>
  <si>
    <t>573.611</t>
  </si>
  <si>
    <t>2.073</t>
  </si>
  <si>
    <t>4370.0</t>
  </si>
  <si>
    <t>1607444.0</t>
  </si>
  <si>
    <t>6511.0</t>
  </si>
  <si>
    <t>575.944</t>
  </si>
  <si>
    <t>5764.0</t>
  </si>
  <si>
    <t>2.065</t>
  </si>
  <si>
    <t>1612671.0</t>
  </si>
  <si>
    <t>5227.0</t>
  </si>
  <si>
    <t>577.817</t>
  </si>
  <si>
    <t>5688.0</t>
  </si>
  <si>
    <t>4542.0</t>
  </si>
  <si>
    <t>1616849.0</t>
  </si>
  <si>
    <t>579.314</t>
  </si>
  <si>
    <t>335721.0</t>
  </si>
  <si>
    <t>215278.0</t>
  </si>
  <si>
    <t>120443.0</t>
  </si>
  <si>
    <t>12.07</t>
  </si>
  <si>
    <t>1621916.0</t>
  </si>
  <si>
    <t>581.129</t>
  </si>
  <si>
    <t>5728.0</t>
  </si>
  <si>
    <t>4601.0</t>
  </si>
  <si>
    <t>1627538.0</t>
  </si>
  <si>
    <t>583.143</t>
  </si>
  <si>
    <t>2.014</t>
  </si>
  <si>
    <t>5580.0</t>
  </si>
  <si>
    <t>1633587.0</t>
  </si>
  <si>
    <t>6049.0</t>
  </si>
  <si>
    <t>585.311</t>
  </si>
  <si>
    <t>2.167</t>
  </si>
  <si>
    <t>4546.0</t>
  </si>
  <si>
    <t>1639000.0</t>
  </si>
  <si>
    <t>5413.0</t>
  </si>
  <si>
    <t>587.25</t>
  </si>
  <si>
    <t>1.948</t>
  </si>
  <si>
    <t>4519.0</t>
  </si>
  <si>
    <t>3034.0</t>
  </si>
  <si>
    <t>1646018.0</t>
  </si>
  <si>
    <t>7018.0</t>
  </si>
  <si>
    <t>589.765</t>
  </si>
  <si>
    <t>2.515</t>
  </si>
  <si>
    <t>5511.0</t>
  </si>
  <si>
    <t>1615.0</t>
  </si>
  <si>
    <t>1651454.0</t>
  </si>
  <si>
    <t>591.712</t>
  </si>
  <si>
    <t>1.985</t>
  </si>
  <si>
    <t>1655479.0</t>
  </si>
  <si>
    <t>4025.0</t>
  </si>
  <si>
    <t>593.155</t>
  </si>
  <si>
    <t>1.442</t>
  </si>
  <si>
    <t>5519.0</t>
  </si>
  <si>
    <t>366779.0</t>
  </si>
  <si>
    <t>237454.0</t>
  </si>
  <si>
    <t>129325.0</t>
  </si>
  <si>
    <t>4437.0</t>
  </si>
  <si>
    <t>13.19</t>
  </si>
  <si>
    <t>1660016.0</t>
  </si>
  <si>
    <t>4537.0</t>
  </si>
  <si>
    <t>594.78</t>
  </si>
  <si>
    <t>1.626</t>
  </si>
  <si>
    <t>4655.0</t>
  </si>
  <si>
    <t>1664154.0</t>
  </si>
  <si>
    <t>596.263</t>
  </si>
  <si>
    <t>5231.0</t>
  </si>
  <si>
    <t>1.874</t>
  </si>
  <si>
    <t>4874.0</t>
  </si>
  <si>
    <t>1669977.0</t>
  </si>
  <si>
    <t>5823.0</t>
  </si>
  <si>
    <t>598.349</t>
  </si>
  <si>
    <t>2.086</t>
  </si>
  <si>
    <t>1.863</t>
  </si>
  <si>
    <t>1676198.0</t>
  </si>
  <si>
    <t>6221.0</t>
  </si>
  <si>
    <t>600.578</t>
  </si>
  <si>
    <t>5314.0</t>
  </si>
  <si>
    <t>1.904</t>
  </si>
  <si>
    <t>5310.0</t>
  </si>
  <si>
    <t>1910.0</t>
  </si>
  <si>
    <t>1682804.0</t>
  </si>
  <si>
    <t>6606.0</t>
  </si>
  <si>
    <t>602.945</t>
  </si>
  <si>
    <t>5528.0</t>
  </si>
  <si>
    <t>1988.0</t>
  </si>
  <si>
    <t>3685.0</t>
  </si>
  <si>
    <t>1688640.0</t>
  </si>
  <si>
    <t>605.036</t>
  </si>
  <si>
    <t>2.091</t>
  </si>
  <si>
    <t>5312.0</t>
  </si>
  <si>
    <t>1693823.0</t>
  </si>
  <si>
    <t>606.893</t>
  </si>
  <si>
    <t>1.857</t>
  </si>
  <si>
    <t>5478.0</t>
  </si>
  <si>
    <t>408535.0</t>
  </si>
  <si>
    <t>264695.0</t>
  </si>
  <si>
    <t>143840.0</t>
  </si>
  <si>
    <t>5965.0</t>
  </si>
  <si>
    <t>14.69</t>
  </si>
  <si>
    <t>1699872.0</t>
  </si>
  <si>
    <t>609.06</t>
  </si>
  <si>
    <t>6120.0</t>
  </si>
  <si>
    <t>1706274.0</t>
  </si>
  <si>
    <t>611.354</t>
  </si>
  <si>
    <t>6017.0</t>
  </si>
  <si>
    <t>1713746.0</t>
  </si>
  <si>
    <t>7472.0</t>
  </si>
  <si>
    <t>614.032</t>
  </si>
  <si>
    <t>2.677</t>
  </si>
  <si>
    <t>6253.0</t>
  </si>
  <si>
    <t>6429.0</t>
  </si>
  <si>
    <t>4490.0</t>
  </si>
  <si>
    <t>1725131.0</t>
  </si>
  <si>
    <t>618.111</t>
  </si>
  <si>
    <t>6990.0</t>
  </si>
  <si>
    <t>2368.0</t>
  </si>
  <si>
    <t>4690.0</t>
  </si>
  <si>
    <t>15165.3</t>
  </si>
  <si>
    <t>34.62</t>
  </si>
  <si>
    <t>57.7</t>
  </si>
  <si>
    <t>5454.21784502775</t>
  </si>
  <si>
    <t>1734787.0</t>
  </si>
  <si>
    <t>621.57</t>
  </si>
  <si>
    <t>7426.0</t>
  </si>
  <si>
    <t>2.661</t>
  </si>
  <si>
    <t>6738.0</t>
  </si>
  <si>
    <t>4890.0</t>
  </si>
  <si>
    <t>1748591.0</t>
  </si>
  <si>
    <t>13804.0</t>
  </si>
  <si>
    <t>626.516</t>
  </si>
  <si>
    <t>4.946</t>
  </si>
  <si>
    <t>8564.0</t>
  </si>
  <si>
    <t>3.068</t>
  </si>
  <si>
    <t>6893.0</t>
  </si>
  <si>
    <t>2479.0</t>
  </si>
  <si>
    <t>5089.0</t>
  </si>
  <si>
    <t>1756124.0</t>
  </si>
  <si>
    <t>7533.0</t>
  </si>
  <si>
    <t>629.215</t>
  </si>
  <si>
    <t>2.699</t>
  </si>
  <si>
    <t>3.189</t>
  </si>
  <si>
    <t>5289.0</t>
  </si>
  <si>
    <t>1763028.0</t>
  </si>
  <si>
    <t>6904.0</t>
  </si>
  <si>
    <t>631.689</t>
  </si>
  <si>
    <t>2.474</t>
  </si>
  <si>
    <t>3.233</t>
  </si>
  <si>
    <t>1771975.0</t>
  </si>
  <si>
    <t>634.895</t>
  </si>
  <si>
    <t>9386.0</t>
  </si>
  <si>
    <t>3.363</t>
  </si>
  <si>
    <t>1781573.0</t>
  </si>
  <si>
    <t>638.334</t>
  </si>
  <si>
    <t>3.439</t>
  </si>
  <si>
    <t>3.472</t>
  </si>
  <si>
    <t>1790149.0</t>
  </si>
  <si>
    <t>8576.0</t>
  </si>
  <si>
    <t>641.407</t>
  </si>
  <si>
    <t>3.073</t>
  </si>
  <si>
    <t>1798577.0</t>
  </si>
  <si>
    <t>644.426</t>
  </si>
  <si>
    <t>9113.0</t>
  </si>
  <si>
    <t>3.265</t>
  </si>
  <si>
    <t>1806378.0</t>
  </si>
  <si>
    <t>7801.0</t>
  </si>
  <si>
    <t>647.221</t>
  </si>
  <si>
    <t>2.795</t>
  </si>
  <si>
    <t>8255.0</t>
  </si>
  <si>
    <t>2.958</t>
  </si>
  <si>
    <t>1812192.0</t>
  </si>
  <si>
    <t>649.305</t>
  </si>
  <si>
    <t>2.87</t>
  </si>
  <si>
    <t>1819664.0</t>
  </si>
  <si>
    <t>651.982</t>
  </si>
  <si>
    <t>8091.0</t>
  </si>
  <si>
    <t>2.899</t>
  </si>
  <si>
    <t>514241.0</t>
  </si>
  <si>
    <t>344029.0</t>
  </si>
  <si>
    <t>170212.0</t>
  </si>
  <si>
    <t>6.12</t>
  </si>
  <si>
    <t>1828161.0</t>
  </si>
  <si>
    <t>8497.0</t>
  </si>
  <si>
    <t>655.026</t>
  </si>
  <si>
    <t>3.044</t>
  </si>
  <si>
    <t>8027.0</t>
  </si>
  <si>
    <t>2.876</t>
  </si>
  <si>
    <t>8575.0</t>
  </si>
  <si>
    <t>1840683.0</t>
  </si>
  <si>
    <t>12522.0</t>
  </si>
  <si>
    <t>659.513</t>
  </si>
  <si>
    <t>4.487</t>
  </si>
  <si>
    <t>8444.0</t>
  </si>
  <si>
    <t>3.025</t>
  </si>
  <si>
    <t>10103.0</t>
  </si>
  <si>
    <t>8092.0</t>
  </si>
  <si>
    <t>1856299.0</t>
  </si>
  <si>
    <t>15616.0</t>
  </si>
  <si>
    <t>665.108</t>
  </si>
  <si>
    <t>5.595</t>
  </si>
  <si>
    <t>9450.0</t>
  </si>
  <si>
    <t>3.386</t>
  </si>
  <si>
    <t>11631.0</t>
  </si>
  <si>
    <t>1875659.0</t>
  </si>
  <si>
    <t>19360.0</t>
  </si>
  <si>
    <t>672.045</t>
  </si>
  <si>
    <t>6.937</t>
  </si>
  <si>
    <t>11012.0</t>
  </si>
  <si>
    <t>13159.0</t>
  </si>
  <si>
    <t>4733.0</t>
  </si>
  <si>
    <t>10894.0</t>
  </si>
  <si>
    <t>1887125.0</t>
  </si>
  <si>
    <t>11466.0</t>
  </si>
  <si>
    <t>676.153</t>
  </si>
  <si>
    <t>4.108</t>
  </si>
  <si>
    <t>11535.0</t>
  </si>
  <si>
    <t>4.133</t>
  </si>
  <si>
    <t>14687.0</t>
  </si>
  <si>
    <t>12295.0</t>
  </si>
  <si>
    <t>1898329.0</t>
  </si>
  <si>
    <t>11204.0</t>
  </si>
  <si>
    <t>680.167</t>
  </si>
  <si>
    <t>4.014</t>
  </si>
  <si>
    <t>12305.0</t>
  </si>
  <si>
    <t>4.409</t>
  </si>
  <si>
    <t>620698.0</t>
  </si>
  <si>
    <t>434617.0</t>
  </si>
  <si>
    <t>186081.0</t>
  </si>
  <si>
    <t>22.32</t>
  </si>
  <si>
    <t>6.69</t>
  </si>
  <si>
    <t>13697.0</t>
  </si>
  <si>
    <t>1911262.0</t>
  </si>
  <si>
    <t>12933.0</t>
  </si>
  <si>
    <t>684.801</t>
  </si>
  <si>
    <t>4.634</t>
  </si>
  <si>
    <t>13085.0</t>
  </si>
  <si>
    <t>4.688</t>
  </si>
  <si>
    <t>17017.0</t>
  </si>
  <si>
    <t>14234.0</t>
  </si>
  <si>
    <t>1926327.0</t>
  </si>
  <si>
    <t>15065.0</t>
  </si>
  <si>
    <t>690.199</t>
  </si>
  <si>
    <t>5.398</t>
  </si>
  <si>
    <t>14024.0</t>
  </si>
  <si>
    <t>5.025</t>
  </si>
  <si>
    <t>16292.0</t>
  </si>
  <si>
    <t>5859.0</t>
  </si>
  <si>
    <t>13370.0</t>
  </si>
  <si>
    <t>1941255.0</t>
  </si>
  <si>
    <t>695.548</t>
  </si>
  <si>
    <t>5.349</t>
  </si>
  <si>
    <t>5.148</t>
  </si>
  <si>
    <t>15566.0</t>
  </si>
  <si>
    <t>12506.0</t>
  </si>
  <si>
    <t>1959853.0</t>
  </si>
  <si>
    <t>18598.0</t>
  </si>
  <si>
    <t>702.211</t>
  </si>
  <si>
    <t>6.664</t>
  </si>
  <si>
    <t>14793.0</t>
  </si>
  <si>
    <t>14841.0</t>
  </si>
  <si>
    <t>5338.0</t>
  </si>
  <si>
    <t>11642.0</t>
  </si>
  <si>
    <t>0.419</t>
  </si>
  <si>
    <t>1976741.0</t>
  </si>
  <si>
    <t>16888.0</t>
  </si>
  <si>
    <t>708.262</t>
  </si>
  <si>
    <t>6.051</t>
  </si>
  <si>
    <t>14440.0</t>
  </si>
  <si>
    <t>5.174</t>
  </si>
  <si>
    <t>10778.0</t>
  </si>
  <si>
    <t>1993656.0</t>
  </si>
  <si>
    <t>16915.0</t>
  </si>
  <si>
    <t>714.323</t>
  </si>
  <si>
    <t>15219.0</t>
  </si>
  <si>
    <t>13389.0</t>
  </si>
  <si>
    <t>9914.0</t>
  </si>
  <si>
    <t>2007693.0</t>
  </si>
  <si>
    <t>14037.0</t>
  </si>
  <si>
    <t>719.352</t>
  </si>
  <si>
    <t>5.029</t>
  </si>
  <si>
    <t>15623.0</t>
  </si>
  <si>
    <t>5.598</t>
  </si>
  <si>
    <t>709345.0</t>
  </si>
  <si>
    <t>497971.0</t>
  </si>
  <si>
    <t>211374.0</t>
  </si>
  <si>
    <t>12664.0</t>
  </si>
  <si>
    <t>17.91</t>
  </si>
  <si>
    <t>4555.0</t>
  </si>
  <si>
    <t>9051.0</t>
  </si>
  <si>
    <t>2019675.0</t>
  </si>
  <si>
    <t>11982.0</t>
  </si>
  <si>
    <t>723.645</t>
  </si>
  <si>
    <t>4.293</t>
  </si>
  <si>
    <t>15488.0</t>
  </si>
  <si>
    <t>5.549</t>
  </si>
  <si>
    <t>13355.0</t>
  </si>
  <si>
    <t>9419.0</t>
  </si>
  <si>
    <t>2033371.0</t>
  </si>
  <si>
    <t>728.552</t>
  </si>
  <si>
    <t>4.907</t>
  </si>
  <si>
    <t>15292.0</t>
  </si>
  <si>
    <t>5.479</t>
  </si>
  <si>
    <t>14046.0</t>
  </si>
  <si>
    <t>5052.0</t>
  </si>
  <si>
    <t>9787.0</t>
  </si>
  <si>
    <t>2049189.0</t>
  </si>
  <si>
    <t>15818.0</t>
  </si>
  <si>
    <t>734.22</t>
  </si>
  <si>
    <t>5.668</t>
  </si>
  <si>
    <t>15419.0</t>
  </si>
  <si>
    <t>5.525</t>
  </si>
  <si>
    <t>14737.0</t>
  </si>
  <si>
    <t>5300.0</t>
  </si>
  <si>
    <t>10155.0</t>
  </si>
  <si>
    <t>2067330.0</t>
  </si>
  <si>
    <t>18141.0</t>
  </si>
  <si>
    <t>740.72</t>
  </si>
  <si>
    <t>15354.0</t>
  </si>
  <si>
    <t>5.501</t>
  </si>
  <si>
    <t>15428.0</t>
  </si>
  <si>
    <t>5549.0</t>
  </si>
  <si>
    <t>2081904.0</t>
  </si>
  <si>
    <t>14574.0</t>
  </si>
  <si>
    <t>745.942</t>
  </si>
  <si>
    <t>5.222</t>
  </si>
  <si>
    <t>15023.0</t>
  </si>
  <si>
    <t>5.383</t>
  </si>
  <si>
    <t>16119.0</t>
  </si>
  <si>
    <t>10891.0</t>
  </si>
  <si>
    <t>2098482.0</t>
  </si>
  <si>
    <t>16578.0</t>
  </si>
  <si>
    <t>751.882</t>
  </si>
  <si>
    <t>14975.0</t>
  </si>
  <si>
    <t>5.366</t>
  </si>
  <si>
    <t>16810.0</t>
  </si>
  <si>
    <t>11259.0</t>
  </si>
  <si>
    <t>2111317.0</t>
  </si>
  <si>
    <t>12835.0</t>
  </si>
  <si>
    <t>756.48</t>
  </si>
  <si>
    <t>4.599</t>
  </si>
  <si>
    <t>14803.0</t>
  </si>
  <si>
    <t>5.304</t>
  </si>
  <si>
    <t>831856.0</t>
  </si>
  <si>
    <t>579360.0</t>
  </si>
  <si>
    <t>252496.0</t>
  </si>
  <si>
    <t>17502.0</t>
  </si>
  <si>
    <t>20.84</t>
  </si>
  <si>
    <t>9.08</t>
  </si>
  <si>
    <t>11627.0</t>
  </si>
  <si>
    <t>16701.0</t>
  </si>
  <si>
    <t>36.52</t>
  </si>
  <si>
    <t>79.72</t>
  </si>
  <si>
    <t>6006.5341424046</t>
  </si>
  <si>
    <t>2121598.0</t>
  </si>
  <si>
    <t>760.164</t>
  </si>
  <si>
    <t>3.684</t>
  </si>
  <si>
    <t>14560.0</t>
  </si>
  <si>
    <t>5.217</t>
  </si>
  <si>
    <t>16204.0</t>
  </si>
  <si>
    <t>5828.0</t>
  </si>
  <si>
    <t>10670.0</t>
  </si>
  <si>
    <t>2134782.0</t>
  </si>
  <si>
    <t>13184.0</t>
  </si>
  <si>
    <t>764.888</t>
  </si>
  <si>
    <t>4.724</t>
  </si>
  <si>
    <t>14487.0</t>
  </si>
  <si>
    <t>5.191</t>
  </si>
  <si>
    <t>14907.0</t>
  </si>
  <si>
    <t>9713.0</t>
  </si>
  <si>
    <t>2146970.0</t>
  </si>
  <si>
    <t>12188.0</t>
  </si>
  <si>
    <t>769.255</t>
  </si>
  <si>
    <t>4.367</t>
  </si>
  <si>
    <t>13969.0</t>
  </si>
  <si>
    <t>5.005</t>
  </si>
  <si>
    <t>13610.0</t>
  </si>
  <si>
    <t>4895.0</t>
  </si>
  <si>
    <t>8756.0</t>
  </si>
  <si>
    <t>2158503.0</t>
  </si>
  <si>
    <t>11533.0</t>
  </si>
  <si>
    <t>773.387</t>
  </si>
  <si>
    <t>4.132</t>
  </si>
  <si>
    <t>13025.0</t>
  </si>
  <si>
    <t>4.667</t>
  </si>
  <si>
    <t>4428.0</t>
  </si>
  <si>
    <t>2168972.0</t>
  </si>
  <si>
    <t>10469.0</t>
  </si>
  <si>
    <t>777.138</t>
  </si>
  <si>
    <t>3.751</t>
  </si>
  <si>
    <t>12438.0</t>
  </si>
  <si>
    <t>4.457</t>
  </si>
  <si>
    <t>11015.0</t>
  </si>
  <si>
    <t>3962.0</t>
  </si>
  <si>
    <t>6841.0</t>
  </si>
  <si>
    <t>2177959.0</t>
  </si>
  <si>
    <t>780.358</t>
  </si>
  <si>
    <t>4.068</t>
  </si>
  <si>
    <t>9717.0</t>
  </si>
  <si>
    <t>3495.0</t>
  </si>
  <si>
    <t>2184179.0</t>
  </si>
  <si>
    <t>6220.0</t>
  </si>
  <si>
    <t>782.587</t>
  </si>
  <si>
    <t>10409.0</t>
  </si>
  <si>
    <t>890797.0</t>
  </si>
  <si>
    <t>613849.0</t>
  </si>
  <si>
    <t>276948.0</t>
  </si>
  <si>
    <t>8420.0</t>
  </si>
  <si>
    <t>32.04</t>
  </si>
  <si>
    <t>2193331.0</t>
  </si>
  <si>
    <t>9152.0</t>
  </si>
  <si>
    <t>785.866</t>
  </si>
  <si>
    <t>3.279</t>
  </si>
  <si>
    <t>10248.0</t>
  </si>
  <si>
    <t>3.672</t>
  </si>
  <si>
    <t>9538.0</t>
  </si>
  <si>
    <t>2203383.0</t>
  </si>
  <si>
    <t>789.467</t>
  </si>
  <si>
    <t>3.602</t>
  </si>
  <si>
    <t>3.511</t>
  </si>
  <si>
    <t>10655.0</t>
  </si>
  <si>
    <t>3832.0</t>
  </si>
  <si>
    <t>2216693.0</t>
  </si>
  <si>
    <t>794.236</t>
  </si>
  <si>
    <t>4.769</t>
  </si>
  <si>
    <t>11772.0</t>
  </si>
  <si>
    <t>6999.0</t>
  </si>
  <si>
    <t>2228124.0</t>
  </si>
  <si>
    <t>11431.0</t>
  </si>
  <si>
    <t>798.332</t>
  </si>
  <si>
    <t>4.096</t>
  </si>
  <si>
    <t>9946.0</t>
  </si>
  <si>
    <t>3.564</t>
  </si>
  <si>
    <t>12890.0</t>
  </si>
  <si>
    <t>4636.0</t>
  </si>
  <si>
    <t>7690.0</t>
  </si>
  <si>
    <t>2238462.0</t>
  </si>
  <si>
    <t>802.036</t>
  </si>
  <si>
    <t>3.704</t>
  </si>
  <si>
    <t>9927.0</t>
  </si>
  <si>
    <t>3.557</t>
  </si>
  <si>
    <t>14007.0</t>
  </si>
  <si>
    <t>8381.0</t>
  </si>
  <si>
    <t>2247664.0</t>
  </si>
  <si>
    <t>805.333</t>
  </si>
  <si>
    <t>9958.0</t>
  </si>
  <si>
    <t>15125.0</t>
  </si>
  <si>
    <t>5440.0</t>
  </si>
  <si>
    <t>9072.0</t>
  </si>
  <si>
    <t>2253630.0</t>
  </si>
  <si>
    <t>807.471</t>
  </si>
  <si>
    <t>9922.0</t>
  </si>
  <si>
    <t>1004493.0</t>
  </si>
  <si>
    <t>682188.0</t>
  </si>
  <si>
    <t>322305.0</t>
  </si>
  <si>
    <t>16242.0</t>
  </si>
  <si>
    <t>36.13</t>
  </si>
  <si>
    <t>24.53</t>
  </si>
  <si>
    <t>5841.0</t>
  </si>
  <si>
    <t>9763.0</t>
  </si>
  <si>
    <t>2261329.0</t>
  </si>
  <si>
    <t>7699.0</t>
  </si>
  <si>
    <t>810.229</t>
  </si>
  <si>
    <t>2.759</t>
  </si>
  <si>
    <t>3.481</t>
  </si>
  <si>
    <t>9525.0</t>
  </si>
  <si>
    <t>2272199.0</t>
  </si>
  <si>
    <t>814.124</t>
  </si>
  <si>
    <t>9831.0</t>
  </si>
  <si>
    <t>3.522</t>
  </si>
  <si>
    <t>15944.0</t>
  </si>
  <si>
    <t>2282273.0</t>
  </si>
  <si>
    <t>10074.0</t>
  </si>
  <si>
    <t>817.734</t>
  </si>
  <si>
    <t>3.609</t>
  </si>
  <si>
    <t>9369.0</t>
  </si>
  <si>
    <t>3.357</t>
  </si>
  <si>
    <t>15795.0</t>
  </si>
  <si>
    <t>5681.0</t>
  </si>
  <si>
    <t>2290421.0</t>
  </si>
  <si>
    <t>8148.0</t>
  </si>
  <si>
    <t>820.653</t>
  </si>
  <si>
    <t>2.919</t>
  </si>
  <si>
    <t>15647.0</t>
  </si>
  <si>
    <t>8813.0</t>
  </si>
  <si>
    <t>2300081.0</t>
  </si>
  <si>
    <t>9660.0</t>
  </si>
  <si>
    <t>824.114</t>
  </si>
  <si>
    <t>3.461</t>
  </si>
  <si>
    <t>8803.0</t>
  </si>
  <si>
    <t>3.154</t>
  </si>
  <si>
    <t>15498.0</t>
  </si>
  <si>
    <t>5574.0</t>
  </si>
  <si>
    <t>2307517.0</t>
  </si>
  <si>
    <t>7436.0</t>
  </si>
  <si>
    <t>826.778</t>
  </si>
  <si>
    <t>2.664</t>
  </si>
  <si>
    <t>3.063</t>
  </si>
  <si>
    <t>15349.0</t>
  </si>
  <si>
    <t>8337.0</t>
  </si>
  <si>
    <t>2312247.0</t>
  </si>
  <si>
    <t>828.473</t>
  </si>
  <si>
    <t>1.695</t>
  </si>
  <si>
    <t>8374.0</t>
  </si>
  <si>
    <t>1110891.0</t>
  </si>
  <si>
    <t>738887.0</t>
  </si>
  <si>
    <t>372004.0</t>
  </si>
  <si>
    <t>15200.0</t>
  </si>
  <si>
    <t>39.95</t>
  </si>
  <si>
    <t>5467.0</t>
  </si>
  <si>
    <t>2319613.0</t>
  </si>
  <si>
    <t>831.112</t>
  </si>
  <si>
    <t>2.639</t>
  </si>
  <si>
    <t>8326.0</t>
  </si>
  <si>
    <t>2.983</t>
  </si>
  <si>
    <t>15587.0</t>
  </si>
  <si>
    <t>8178.0</t>
  </si>
  <si>
    <t>2327926.0</t>
  </si>
  <si>
    <t>8313.0</t>
  </si>
  <si>
    <t>834.091</t>
  </si>
  <si>
    <t>7961.0</t>
  </si>
  <si>
    <t>2.852</t>
  </si>
  <si>
    <t>15974.0</t>
  </si>
  <si>
    <t>5745.0</t>
  </si>
  <si>
    <t>8256.0</t>
  </si>
  <si>
    <t>2335592.0</t>
  </si>
  <si>
    <t>7666.0</t>
  </si>
  <si>
    <t>836.838</t>
  </si>
  <si>
    <t>2.747</t>
  </si>
  <si>
    <t>2.729</t>
  </si>
  <si>
    <t>16361.0</t>
  </si>
  <si>
    <t>8334.0</t>
  </si>
  <si>
    <t>2343337.0</t>
  </si>
  <si>
    <t>839.613</t>
  </si>
  <si>
    <t>2.775</t>
  </si>
  <si>
    <t>16749.0</t>
  </si>
  <si>
    <t>6024.0</t>
  </si>
  <si>
    <t>2349968.0</t>
  </si>
  <si>
    <t>6631.0</t>
  </si>
  <si>
    <t>841.988</t>
  </si>
  <si>
    <t>2.376</t>
  </si>
  <si>
    <t>7127.0</t>
  </si>
  <si>
    <t>2.554</t>
  </si>
  <si>
    <t>17136.0</t>
  </si>
  <si>
    <t>8489.0</t>
  </si>
  <si>
    <t>2357137.0</t>
  </si>
  <si>
    <t>844.557</t>
  </si>
  <si>
    <t>7089.0</t>
  </si>
  <si>
    <t>17523.0</t>
  </si>
  <si>
    <t>6302.0</t>
  </si>
  <si>
    <t>8567.0</t>
  </si>
  <si>
    <t>2361309.0</t>
  </si>
  <si>
    <t>4172.0</t>
  </si>
  <si>
    <t>846.052</t>
  </si>
  <si>
    <t>1.495</t>
  </si>
  <si>
    <t>7009.0</t>
  </si>
  <si>
    <t>2.511</t>
  </si>
  <si>
    <t>1236264.0</t>
  </si>
  <si>
    <t>799403.0</t>
  </si>
  <si>
    <t>436861.0</t>
  </si>
  <si>
    <t>17910.0</t>
  </si>
  <si>
    <t>28.75</t>
  </si>
  <si>
    <t>6441.0</t>
  </si>
  <si>
    <t>8645.0</t>
  </si>
  <si>
    <t>2367771.0</t>
  </si>
  <si>
    <t>6462.0</t>
  </si>
  <si>
    <t>848.367</t>
  </si>
  <si>
    <t>17433.0</t>
  </si>
  <si>
    <t>6270.0</t>
  </si>
  <si>
    <t>2375050.0</t>
  </si>
  <si>
    <t>7279.0</t>
  </si>
  <si>
    <t>850.975</t>
  </si>
  <si>
    <t>2.608</t>
  </si>
  <si>
    <t>16955.0</t>
  </si>
  <si>
    <t>6098.0</t>
  </si>
  <si>
    <t>7476.0</t>
  </si>
  <si>
    <t>19150.1</t>
  </si>
  <si>
    <t>40.01</t>
  </si>
  <si>
    <t>115.09</t>
  </si>
  <si>
    <t>6887.35581584709</t>
  </si>
  <si>
    <t>2384063.0</t>
  </si>
  <si>
    <t>9013.0</t>
  </si>
  <si>
    <t>854.205</t>
  </si>
  <si>
    <t>3.229</t>
  </si>
  <si>
    <t>6924.0</t>
  </si>
  <si>
    <t>2.481</t>
  </si>
  <si>
    <t>16478.0</t>
  </si>
  <si>
    <t>5926.0</t>
  </si>
  <si>
    <t>6891.0</t>
  </si>
  <si>
    <t>2390547.0</t>
  </si>
  <si>
    <t>856.528</t>
  </si>
  <si>
    <t>16000.0</t>
  </si>
  <si>
    <t>6306.0</t>
  </si>
  <si>
    <t>2397985.0</t>
  </si>
  <si>
    <t>7438.0</t>
  </si>
  <si>
    <t>859.193</t>
  </si>
  <si>
    <t>2.665</t>
  </si>
  <si>
    <t>6860.0</t>
  </si>
  <si>
    <t>2.458</t>
  </si>
  <si>
    <t>15523.0</t>
  </si>
  <si>
    <t>5583.0</t>
  </si>
  <si>
    <t>2403062.0</t>
  </si>
  <si>
    <t>861.012</t>
  </si>
  <si>
    <t>15045.0</t>
  </si>
  <si>
    <t>5411.0</t>
  </si>
  <si>
    <t>5136.0</t>
  </si>
  <si>
    <t>2406370.0</t>
  </si>
  <si>
    <t>862.197</t>
  </si>
  <si>
    <t>6437.0</t>
  </si>
  <si>
    <t>14568.0</t>
  </si>
  <si>
    <t>5239.0</t>
  </si>
  <si>
    <t>2412376.0</t>
  </si>
  <si>
    <t>6006.0</t>
  </si>
  <si>
    <t>864.349</t>
  </si>
  <si>
    <t>6372.0</t>
  </si>
  <si>
    <t>2.283</t>
  </si>
  <si>
    <t>835816.0</t>
  </si>
  <si>
    <t>516989.0</t>
  </si>
  <si>
    <t>48.65</t>
  </si>
  <si>
    <t>18.59</t>
  </si>
  <si>
    <t>2420861.0</t>
  </si>
  <si>
    <t>8485.0</t>
  </si>
  <si>
    <t>867.389</t>
  </si>
  <si>
    <t>14857.0</t>
  </si>
  <si>
    <t>2428602.0</t>
  </si>
  <si>
    <t>7741.0</t>
  </si>
  <si>
    <t>870.163</t>
  </si>
  <si>
    <t>2.774</t>
  </si>
  <si>
    <t>6363.0</t>
  </si>
  <si>
    <t>15147.0</t>
  </si>
  <si>
    <t>2435018.0</t>
  </si>
  <si>
    <t>6416.0</t>
  </si>
  <si>
    <t>872.462</t>
  </si>
  <si>
    <t>2.299</t>
  </si>
  <si>
    <t>6353.0</t>
  </si>
  <si>
    <t>2.276</t>
  </si>
  <si>
    <t>15436.0</t>
  </si>
  <si>
    <t>2441718.0</t>
  </si>
  <si>
    <t>874.862</t>
  </si>
  <si>
    <t>2.401</t>
  </si>
  <si>
    <t>6248.0</t>
  </si>
  <si>
    <t>2.239</t>
  </si>
  <si>
    <t>15726.0</t>
  </si>
  <si>
    <t>2448853.0</t>
  </si>
  <si>
    <t>877.419</t>
  </si>
  <si>
    <t>2.344</t>
  </si>
  <si>
    <t>16016.0</t>
  </si>
  <si>
    <t>5340.0</t>
  </si>
  <si>
    <t>2452472.0</t>
  </si>
  <si>
    <t>878.715</t>
  </si>
  <si>
    <t>6586.0</t>
  </si>
  <si>
    <t>1452374.0</t>
  </si>
  <si>
    <t>869750.0</t>
  </si>
  <si>
    <t>582624.0</t>
  </si>
  <si>
    <t>16305.0</t>
  </si>
  <si>
    <t>52.23</t>
  </si>
  <si>
    <t>31.28</t>
  </si>
  <si>
    <t>2458039.0</t>
  </si>
  <si>
    <t>880.71</t>
  </si>
  <si>
    <t>16148.0</t>
  </si>
  <si>
    <t>5808.0</t>
  </si>
  <si>
    <t>2465840.0</t>
  </si>
  <si>
    <t>883.505</t>
  </si>
  <si>
    <t>15701.0</t>
  </si>
  <si>
    <t>5647.0</t>
  </si>
  <si>
    <t>2473411.0</t>
  </si>
  <si>
    <t>886.218</t>
  </si>
  <si>
    <t>2.713</t>
  </si>
  <si>
    <t>6401.0</t>
  </si>
  <si>
    <t>15254.0</t>
  </si>
  <si>
    <t>5486.0</t>
  </si>
  <si>
    <t>5308.0</t>
  </si>
  <si>
    <t>2480480.0</t>
  </si>
  <si>
    <t>7069.0</t>
  </si>
  <si>
    <t>888.751</t>
  </si>
  <si>
    <t>2.533</t>
  </si>
  <si>
    <t>2.327</t>
  </si>
  <si>
    <t>14807.0</t>
  </si>
  <si>
    <t>2487029.0</t>
  </si>
  <si>
    <t>6549.0</t>
  </si>
  <si>
    <t>891.097</t>
  </si>
  <si>
    <t>2.346</t>
  </si>
  <si>
    <t>14360.0</t>
  </si>
  <si>
    <t>2493301.0</t>
  </si>
  <si>
    <t>6272.0</t>
  </si>
  <si>
    <t>893.344</t>
  </si>
  <si>
    <t>2.247</t>
  </si>
  <si>
    <t>6350.0</t>
  </si>
  <si>
    <t>5003.0</t>
  </si>
  <si>
    <t>4960.0</t>
  </si>
  <si>
    <t>2498198.0</t>
  </si>
  <si>
    <t>4897.0</t>
  </si>
  <si>
    <t>895.099</t>
  </si>
  <si>
    <t>1.755</t>
  </si>
  <si>
    <t>1546632.0</t>
  </si>
  <si>
    <t>903661.0</t>
  </si>
  <si>
    <t>642971.0</t>
  </si>
  <si>
    <t>13465.0</t>
  </si>
  <si>
    <t>55.62</t>
  </si>
  <si>
    <t>23.12</t>
  </si>
  <si>
    <t>4843.0</t>
  </si>
  <si>
    <t>2504130.0</t>
  </si>
  <si>
    <t>897.224</t>
  </si>
  <si>
    <t>13177.0</t>
  </si>
  <si>
    <t>4739.0</t>
  </si>
  <si>
    <t>2510886.0</t>
  </si>
  <si>
    <t>6756.0</t>
  </si>
  <si>
    <t>899.645</t>
  </si>
  <si>
    <t>2.421</t>
  </si>
  <si>
    <t>2517771.0</t>
  </si>
  <si>
    <t>6885.0</t>
  </si>
  <si>
    <t>902.112</t>
  </si>
  <si>
    <t>6337.0</t>
  </si>
  <si>
    <t>2.271</t>
  </si>
  <si>
    <t>12599.0</t>
  </si>
  <si>
    <t>4531.0</t>
  </si>
  <si>
    <t>4627.0</t>
  </si>
  <si>
    <t>2524007.0</t>
  </si>
  <si>
    <t>904.346</t>
  </si>
  <si>
    <t>6218.0</t>
  </si>
  <si>
    <t>12310.0</t>
  </si>
  <si>
    <t>4427.0</t>
  </si>
  <si>
    <t>2531091.0</t>
  </si>
  <si>
    <t>906.884</t>
  </si>
  <si>
    <t>2.538</t>
  </si>
  <si>
    <t>12021.0</t>
  </si>
  <si>
    <t>4323.0</t>
  </si>
  <si>
    <t>4483.0</t>
  </si>
  <si>
    <t>2536741.0</t>
  </si>
  <si>
    <t>908.909</t>
  </si>
  <si>
    <t>2.224</t>
  </si>
  <si>
    <t>11733.0</t>
  </si>
  <si>
    <t>4410.0</t>
  </si>
  <si>
    <t>2541410.0</t>
  </si>
  <si>
    <t>4669.0</t>
  </si>
  <si>
    <t>910.582</t>
  </si>
  <si>
    <t>1.673</t>
  </si>
  <si>
    <t>2.212</t>
  </si>
  <si>
    <t>1626738.0</t>
  </si>
  <si>
    <t>934028.0</t>
  </si>
  <si>
    <t>692082.0</t>
  </si>
  <si>
    <t>11444.0</t>
  </si>
  <si>
    <t>58.51</t>
  </si>
  <si>
    <t>33.59</t>
  </si>
  <si>
    <t>24.89</t>
  </si>
  <si>
    <t>2547957.0</t>
  </si>
  <si>
    <t>6547.0</t>
  </si>
  <si>
    <t>912.928</t>
  </si>
  <si>
    <t>6261.0</t>
  </si>
  <si>
    <t>2.243</t>
  </si>
  <si>
    <t>10493.0</t>
  </si>
  <si>
    <t>2554745.0</t>
  </si>
  <si>
    <t>915.36</t>
  </si>
  <si>
    <t>6266.0</t>
  </si>
  <si>
    <t>9542.0</t>
  </si>
  <si>
    <t>2561961.0</t>
  </si>
  <si>
    <t>7216.0</t>
  </si>
  <si>
    <t>917.945</t>
  </si>
  <si>
    <t>6313.0</t>
  </si>
  <si>
    <t>2.262</t>
  </si>
  <si>
    <t>8591.0</t>
  </si>
  <si>
    <t>3090.0</t>
  </si>
  <si>
    <t>2569539.0</t>
  </si>
  <si>
    <t>7578.0</t>
  </si>
  <si>
    <t>920.66</t>
  </si>
  <si>
    <t>2.331</t>
  </si>
  <si>
    <t>66.7</t>
  </si>
  <si>
    <t>7641.0</t>
  </si>
  <si>
    <t>2748.0</t>
  </si>
  <si>
    <t>2573937.0</t>
  </si>
  <si>
    <t>922.236</t>
  </si>
  <si>
    <t>2.193</t>
  </si>
  <si>
    <t>19881.4</t>
  </si>
  <si>
    <t>39.66</t>
  </si>
  <si>
    <t>32.22</t>
  </si>
  <si>
    <t>7150.36871437655</t>
  </si>
  <si>
    <t>2575788.0</t>
  </si>
  <si>
    <t>922.899</t>
  </si>
  <si>
    <t>5578.0</t>
  </si>
  <si>
    <t>2064.0</t>
  </si>
  <si>
    <t>2578628.0</t>
  </si>
  <si>
    <t>923.917</t>
  </si>
  <si>
    <t>1660256.0</t>
  </si>
  <si>
    <t>944784.0</t>
  </si>
  <si>
    <t>714685.0</t>
  </si>
  <si>
    <t>4788.0</t>
  </si>
  <si>
    <t>59.71</t>
  </si>
  <si>
    <t>2582664.0</t>
  </si>
  <si>
    <t>4036.0</t>
  </si>
  <si>
    <t>925.363</t>
  </si>
  <si>
    <t>1.446</t>
  </si>
  <si>
    <t>1.776</t>
  </si>
  <si>
    <t>2587828.0</t>
  </si>
  <si>
    <t>927.213</t>
  </si>
  <si>
    <t>4726.0</t>
  </si>
  <si>
    <t>4819.0</t>
  </si>
  <si>
    <t>1425.0</t>
  </si>
  <si>
    <t>2592048.0</t>
  </si>
  <si>
    <t>928.725</t>
  </si>
  <si>
    <t>2595947.0</t>
  </si>
  <si>
    <t>3899.0</t>
  </si>
  <si>
    <t>930.122</t>
  </si>
  <si>
    <t>1.397</t>
  </si>
  <si>
    <t>3773.0</t>
  </si>
  <si>
    <t>1.352</t>
  </si>
  <si>
    <t>2600932.0</t>
  </si>
  <si>
    <t>931.908</t>
  </si>
  <si>
    <t>1.786</t>
  </si>
  <si>
    <t>2605807.0</t>
  </si>
  <si>
    <t>933.655</t>
  </si>
  <si>
    <t>4288.0</t>
  </si>
  <si>
    <t>4879.0</t>
  </si>
  <si>
    <t>1755.0</t>
  </si>
  <si>
    <t>1203.0</t>
  </si>
  <si>
    <t>2609240.0</t>
  </si>
  <si>
    <t>934.885</t>
  </si>
  <si>
    <t>4373.0</t>
  </si>
  <si>
    <t>1.567</t>
  </si>
  <si>
    <t>1694518.0</t>
  </si>
  <si>
    <t>952813.0</t>
  </si>
  <si>
    <t>740489.0</t>
  </si>
  <si>
    <t>60.94</t>
  </si>
  <si>
    <t>34.27</t>
  </si>
  <si>
    <t>2615146.0</t>
  </si>
  <si>
    <t>5906.0</t>
  </si>
  <si>
    <t>937.001</t>
  </si>
  <si>
    <t>2.116</t>
  </si>
  <si>
    <t>1939.0</t>
  </si>
  <si>
    <t>1360.0</t>
  </si>
  <si>
    <t>2621280.0</t>
  </si>
  <si>
    <t>939.199</t>
  </si>
  <si>
    <t>5889.0</t>
  </si>
  <si>
    <t>2118.0</t>
  </si>
  <si>
    <t>2627043.0</t>
  </si>
  <si>
    <t>5763.0</t>
  </si>
  <si>
    <t>941.264</t>
  </si>
  <si>
    <t>4999.0</t>
  </si>
  <si>
    <t>2631854.0</t>
  </si>
  <si>
    <t>4811.0</t>
  </si>
  <si>
    <t>942.988</t>
  </si>
  <si>
    <t>5130.0</t>
  </si>
  <si>
    <t>1.838</t>
  </si>
  <si>
    <t>6884.0</t>
  </si>
  <si>
    <t>2637489.0</t>
  </si>
  <si>
    <t>5635.0</t>
  </si>
  <si>
    <t>945.007</t>
  </si>
  <si>
    <t>1.871</t>
  </si>
  <si>
    <t>7382.0</t>
  </si>
  <si>
    <t>2641706.0</t>
  </si>
  <si>
    <t>946.518</t>
  </si>
  <si>
    <t>1.511</t>
  </si>
  <si>
    <t>5128.0</t>
  </si>
  <si>
    <t>1.837</t>
  </si>
  <si>
    <t>2645746.0</t>
  </si>
  <si>
    <t>947.965</t>
  </si>
  <si>
    <t>5215.0</t>
  </si>
  <si>
    <t>1.869</t>
  </si>
  <si>
    <t>8376.0</t>
  </si>
  <si>
    <t>2650343.0</t>
  </si>
  <si>
    <t>4597.0</t>
  </si>
  <si>
    <t>949.612</t>
  </si>
  <si>
    <t>5028.0</t>
  </si>
  <si>
    <t>1.802</t>
  </si>
  <si>
    <t>1761529.0</t>
  </si>
  <si>
    <t>973944.0</t>
  </si>
  <si>
    <t>784849.0</t>
  </si>
  <si>
    <t>2736.0</t>
  </si>
  <si>
    <t>63.35</t>
  </si>
  <si>
    <t>35.03</t>
  </si>
  <si>
    <t>2655628.0</t>
  </si>
  <si>
    <t>951.506</t>
  </si>
  <si>
    <t>2661466.0</t>
  </si>
  <si>
    <t>953.598</t>
  </si>
  <si>
    <t>2.092</t>
  </si>
  <si>
    <t>4918.0</t>
  </si>
  <si>
    <t>1.762</t>
  </si>
  <si>
    <t>9024.0</t>
  </si>
  <si>
    <t>3245.0</t>
  </si>
  <si>
    <t>3122.0</t>
  </si>
  <si>
    <t>2665071.0</t>
  </si>
  <si>
    <t>954.889</t>
  </si>
  <si>
    <t>9347.0</t>
  </si>
  <si>
    <t>2670883.0</t>
  </si>
  <si>
    <t>956.972</t>
  </si>
  <si>
    <t>4771.0</t>
  </si>
  <si>
    <t>1.709</t>
  </si>
  <si>
    <t>9671.0</t>
  </si>
  <si>
    <t>3603.0</t>
  </si>
  <si>
    <t>2676004.0</t>
  </si>
  <si>
    <t>5121.0</t>
  </si>
  <si>
    <t>958.806</t>
  </si>
  <si>
    <t>4900.0</t>
  </si>
  <si>
    <t>1.756</t>
  </si>
  <si>
    <t>9995.0</t>
  </si>
  <si>
    <t>2680616.0</t>
  </si>
  <si>
    <t>4612.0</t>
  </si>
  <si>
    <t>960.459</t>
  </si>
  <si>
    <t>1825382.0</t>
  </si>
  <si>
    <t>999891.0</t>
  </si>
  <si>
    <t>819841.0</t>
  </si>
  <si>
    <t>10318.0</t>
  </si>
  <si>
    <t>35.96</t>
  </si>
  <si>
    <t>2686329.0</t>
  </si>
  <si>
    <t>5713.0</t>
  </si>
  <si>
    <t>962.506</t>
  </si>
  <si>
    <t>5141.0</t>
  </si>
  <si>
    <t>10306.0</t>
  </si>
  <si>
    <t>4367.0</t>
  </si>
  <si>
    <t>2694050.0</t>
  </si>
  <si>
    <t>965.272</t>
  </si>
  <si>
    <t>2.766</t>
  </si>
  <si>
    <t>5489.0</t>
  </si>
  <si>
    <t>9970.0</t>
  </si>
  <si>
    <t>2701457.0</t>
  </si>
  <si>
    <t>7407.0</t>
  </si>
  <si>
    <t>967.926</t>
  </si>
  <si>
    <t>2.654</t>
  </si>
  <si>
    <t>9634.0</t>
  </si>
  <si>
    <t>3465.0</t>
  </si>
  <si>
    <t>4452.0</t>
  </si>
  <si>
    <t>2710164.0</t>
  </si>
  <si>
    <t>971.046</t>
  </si>
  <si>
    <t>6442.0</t>
  </si>
  <si>
    <t>9298.0</t>
  </si>
  <si>
    <t>4495.0</t>
  </si>
  <si>
    <t>2717506.0</t>
  </si>
  <si>
    <t>7342.0</t>
  </si>
  <si>
    <t>973.677</t>
  </si>
  <si>
    <t>2.631</t>
  </si>
  <si>
    <t>6660.0</t>
  </si>
  <si>
    <t>8962.0</t>
  </si>
  <si>
    <t>3223.0</t>
  </si>
  <si>
    <t>2723406.0</t>
  </si>
  <si>
    <t>975.791</t>
  </si>
  <si>
    <t>2.426</t>
  </si>
  <si>
    <t>8626.0</t>
  </si>
  <si>
    <t>3102.0</t>
  </si>
  <si>
    <t>4580.0</t>
  </si>
  <si>
    <t>2728079.0</t>
  </si>
  <si>
    <t>977.465</t>
  </si>
  <si>
    <t>6780.0</t>
  </si>
  <si>
    <t>1883413.0</t>
  </si>
  <si>
    <t>1032249.0</t>
  </si>
  <si>
    <t>842213.0</t>
  </si>
  <si>
    <t>8951.0</t>
  </si>
  <si>
    <t>8290.0</t>
  </si>
  <si>
    <t>67.74</t>
  </si>
  <si>
    <t>37.12</t>
  </si>
  <si>
    <t>4623.0</t>
  </si>
  <si>
    <t>2735969.0</t>
  </si>
  <si>
    <t>980.292</t>
  </si>
  <si>
    <t>2.827</t>
  </si>
  <si>
    <t>20179.0</t>
  </si>
  <si>
    <t>38.35</t>
  </si>
  <si>
    <t>11.95</t>
  </si>
  <si>
    <t>7257.4009017174</t>
  </si>
  <si>
    <t>2745627.0</t>
  </si>
  <si>
    <t>9658.0</t>
  </si>
  <si>
    <t>983.752</t>
  </si>
  <si>
    <t>7642.0</t>
  </si>
  <si>
    <t>4197.0</t>
  </si>
  <si>
    <t>2755222.0</t>
  </si>
  <si>
    <t>9595.0</t>
  </si>
  <si>
    <t>987.19</t>
  </si>
  <si>
    <t>3.438</t>
  </si>
  <si>
    <t>7681.0</t>
  </si>
  <si>
    <t>2.752</t>
  </si>
  <si>
    <t>3984.0</t>
  </si>
  <si>
    <t>2764079.0</t>
  </si>
  <si>
    <t>8857.0</t>
  </si>
  <si>
    <t>990.364</t>
  </si>
  <si>
    <t>3.173</t>
  </si>
  <si>
    <t>7702.0</t>
  </si>
  <si>
    <t>6993.0</t>
  </si>
  <si>
    <t>2515.0</t>
  </si>
  <si>
    <t>2772936.0</t>
  </si>
  <si>
    <t>993.537</t>
  </si>
  <si>
    <t>7919.0</t>
  </si>
  <si>
    <t>2.837</t>
  </si>
  <si>
    <t>6669.0</t>
  </si>
  <si>
    <t>2399.0</t>
  </si>
  <si>
    <t>3558.0</t>
  </si>
  <si>
    <t>2779576.0</t>
  </si>
  <si>
    <t>6640.0</t>
  </si>
  <si>
    <t>995.916</t>
  </si>
  <si>
    <t>2.379</t>
  </si>
  <si>
    <t>8024.0</t>
  </si>
  <si>
    <t>2.875</t>
  </si>
  <si>
    <t>6345.0</t>
  </si>
  <si>
    <t>2784379.0</t>
  </si>
  <si>
    <t>997.637</t>
  </si>
  <si>
    <t>1.721</t>
  </si>
  <si>
    <t>8043.0</t>
  </si>
  <si>
    <t>2.882</t>
  </si>
  <si>
    <t>1925556.0</t>
  </si>
  <si>
    <t>1054178.0</t>
  </si>
  <si>
    <t>858981.0</t>
  </si>
  <si>
    <t>12397.0</t>
  </si>
  <si>
    <t>69.25</t>
  </si>
  <si>
    <t>37.91</t>
  </si>
  <si>
    <t>30.89</t>
  </si>
  <si>
    <t>2791186.0</t>
  </si>
  <si>
    <t>6807.0</t>
  </si>
  <si>
    <t>1000.076</t>
  </si>
  <si>
    <t>7888.0</t>
  </si>
  <si>
    <t>2.826</t>
  </si>
  <si>
    <t>2798483.0</t>
  </si>
  <si>
    <t>7297.0</t>
  </si>
  <si>
    <t>1002.69</t>
  </si>
  <si>
    <t>2.614</t>
  </si>
  <si>
    <t>6178.0</t>
  </si>
  <si>
    <t>2806119.0</t>
  </si>
  <si>
    <t>7636.0</t>
  </si>
  <si>
    <t>1005.426</t>
  </si>
  <si>
    <t>2.736</t>
  </si>
  <si>
    <t>2.605</t>
  </si>
  <si>
    <t>6257.0</t>
  </si>
  <si>
    <t>3396.0</t>
  </si>
  <si>
    <t>2812862.0</t>
  </si>
  <si>
    <t>6743.0</t>
  </si>
  <si>
    <t>1007.842</t>
  </si>
  <si>
    <t>6969.0</t>
  </si>
  <si>
    <t>2.497</t>
  </si>
  <si>
    <t>2820111.0</t>
  </si>
  <si>
    <t>7249.0</t>
  </si>
  <si>
    <t>1010.44</t>
  </si>
  <si>
    <t>2.597</t>
  </si>
  <si>
    <t>2.415</t>
  </si>
  <si>
    <t>6415.0</t>
  </si>
  <si>
    <t>2307.0</t>
  </si>
  <si>
    <t>2825300.0</t>
  </si>
  <si>
    <t>1012.299</t>
  </si>
  <si>
    <t>3659.0</t>
  </si>
  <si>
    <t>2829545.0</t>
  </si>
  <si>
    <t>1013.82</t>
  </si>
  <si>
    <t>1971565.0</t>
  </si>
  <si>
    <t>1080404.0</t>
  </si>
  <si>
    <t>872336.0</t>
  </si>
  <si>
    <t>6573.0</t>
  </si>
  <si>
    <t>70.91</t>
  </si>
  <si>
    <t>38.86</t>
  </si>
  <si>
    <t>2834904.0</t>
  </si>
  <si>
    <t>1015.74</t>
  </si>
  <si>
    <t>6069.0</t>
  </si>
  <si>
    <t>2841534.0</t>
  </si>
  <si>
    <t>1018.116</t>
  </si>
  <si>
    <t>2.204</t>
  </si>
  <si>
    <t>2847268.0</t>
  </si>
  <si>
    <t>1020.17</t>
  </si>
  <si>
    <t>2.106</t>
  </si>
  <si>
    <t>5062.0</t>
  </si>
  <si>
    <t>2852927.0</t>
  </si>
  <si>
    <t>5659.0</t>
  </si>
  <si>
    <t>1022.198</t>
  </si>
  <si>
    <t>2.051</t>
  </si>
  <si>
    <t>4558.0</t>
  </si>
  <si>
    <t>2858806.0</t>
  </si>
  <si>
    <t>1024.304</t>
  </si>
  <si>
    <t>2862770.0</t>
  </si>
  <si>
    <t>1025.724</t>
  </si>
  <si>
    <t>5353.0</t>
  </si>
  <si>
    <t>1.918</t>
  </si>
  <si>
    <t>2865962.0</t>
  </si>
  <si>
    <t>1026.868</t>
  </si>
  <si>
    <t>1992891.0</t>
  </si>
  <si>
    <t>896723.0</t>
  </si>
  <si>
    <t>18849.0</t>
  </si>
  <si>
    <t>3047.0</t>
  </si>
  <si>
    <t>71.67</t>
  </si>
  <si>
    <t>32.25</t>
  </si>
  <si>
    <t>2871550.0</t>
  </si>
  <si>
    <t>5588.0</t>
  </si>
  <si>
    <t>1028.87</t>
  </si>
  <si>
    <t>2876309.0</t>
  </si>
  <si>
    <t>4759.0</t>
  </si>
  <si>
    <t>1030.575</t>
  </si>
  <si>
    <t>1.705</t>
  </si>
  <si>
    <t>4968.0</t>
  </si>
  <si>
    <t>4206.0</t>
  </si>
  <si>
    <t>2880776.0</t>
  </si>
  <si>
    <t>4467.0</t>
  </si>
  <si>
    <t>1032.176</t>
  </si>
  <si>
    <t>1.601</t>
  </si>
  <si>
    <t>4787.0</t>
  </si>
  <si>
    <t>1.715</t>
  </si>
  <si>
    <t>4785.0</t>
  </si>
  <si>
    <t>2885418.0</t>
  </si>
  <si>
    <t>4642.0</t>
  </si>
  <si>
    <t>1033.839</t>
  </si>
  <si>
    <t>2889601.0</t>
  </si>
  <si>
    <t>1035.338</t>
  </si>
  <si>
    <t>4399.0</t>
  </si>
  <si>
    <t>5944.0</t>
  </si>
  <si>
    <t>2892875.0</t>
  </si>
  <si>
    <t>1036.511</t>
  </si>
  <si>
    <t>4301.0</t>
  </si>
  <si>
    <t>1.541</t>
  </si>
  <si>
    <t>6524.0</t>
  </si>
  <si>
    <t>2346.0</t>
  </si>
  <si>
    <t>2895679.0</t>
  </si>
  <si>
    <t>1037.516</t>
  </si>
  <si>
    <t>2042616.0</t>
  </si>
  <si>
    <t>1100694.0</t>
  </si>
  <si>
    <t>919397.0</t>
  </si>
  <si>
    <t>7104.0</t>
  </si>
  <si>
    <t>73.46</t>
  </si>
  <si>
    <t>39.59</t>
  </si>
  <si>
    <t>2899755.0</t>
  </si>
  <si>
    <t>4076.0</t>
  </si>
  <si>
    <t>1038.976</t>
  </si>
  <si>
    <t>1.444</t>
  </si>
  <si>
    <t>6562.0</t>
  </si>
  <si>
    <t>21274.0</t>
  </si>
  <si>
    <t>7651.21892973567</t>
  </si>
  <si>
    <t>2903775.0</t>
  </si>
  <si>
    <t>1040.416</t>
  </si>
  <si>
    <t>3924.0</t>
  </si>
  <si>
    <t>2907157.0</t>
  </si>
  <si>
    <t>1041.628</t>
  </si>
  <si>
    <t>2911004.0</t>
  </si>
  <si>
    <t>1043.006</t>
  </si>
  <si>
    <t>2914018.0</t>
  </si>
  <si>
    <t>1044.086</t>
  </si>
  <si>
    <t>2917440.0</t>
  </si>
  <si>
    <t>1045.312</t>
  </si>
  <si>
    <t>3852.0</t>
  </si>
  <si>
    <t>1385.0</t>
  </si>
  <si>
    <t>2920038.0</t>
  </si>
  <si>
    <t>2598.0</t>
  </si>
  <si>
    <t>1046.243</t>
  </si>
  <si>
    <t>3480.0</t>
  </si>
  <si>
    <t>2922841.0</t>
  </si>
  <si>
    <t>1047.248</t>
  </si>
  <si>
    <t>2925644.0</t>
  </si>
  <si>
    <t>1048.252</t>
  </si>
  <si>
    <t>2928413.0</t>
  </si>
  <si>
    <t>1049.244</t>
  </si>
  <si>
    <t>3037.0</t>
  </si>
  <si>
    <t>1.088</t>
  </si>
  <si>
    <t>2931172.0</t>
  </si>
  <si>
    <t>1050.233</t>
  </si>
  <si>
    <t>2881.0</t>
  </si>
  <si>
    <t>2934111.0</t>
  </si>
  <si>
    <t>1051.286</t>
  </si>
  <si>
    <t>2936133.0</t>
  </si>
  <si>
    <t>1052.01</t>
  </si>
  <si>
    <t>2937565.0</t>
  </si>
  <si>
    <t>1432.0</t>
  </si>
  <si>
    <t>1052.523</t>
  </si>
  <si>
    <t>0.513</t>
  </si>
  <si>
    <t>2088962.0</t>
  </si>
  <si>
    <t>1113472.0</t>
  </si>
  <si>
    <t>948778.0</t>
  </si>
  <si>
    <t>31064.0</t>
  </si>
  <si>
    <t>75.13</t>
  </si>
  <si>
    <t>34.12</t>
  </si>
  <si>
    <t>2939735.0</t>
  </si>
  <si>
    <t>1053.301</t>
  </si>
  <si>
    <t>2942928.0</t>
  </si>
  <si>
    <t>1054.445</t>
  </si>
  <si>
    <t>1116.0</t>
  </si>
  <si>
    <t>2945408.0</t>
  </si>
  <si>
    <t>1055.333</t>
  </si>
  <si>
    <t>2947804.0</t>
  </si>
  <si>
    <t>1056.192</t>
  </si>
  <si>
    <t>2376.0</t>
  </si>
  <si>
    <t>816.0</t>
  </si>
  <si>
    <t>2950220.0</t>
  </si>
  <si>
    <t>1057.058</t>
  </si>
  <si>
    <t>2301.0</t>
  </si>
  <si>
    <t>2951929.0</t>
  </si>
  <si>
    <t>1057.67</t>
  </si>
  <si>
    <t>2686.0</t>
  </si>
  <si>
    <t>2953681.0</t>
  </si>
  <si>
    <t>1058.298</t>
  </si>
  <si>
    <t>2107032.0</t>
  </si>
  <si>
    <t>1118674.0</t>
  </si>
  <si>
    <t>959116.0</t>
  </si>
  <si>
    <t>33978.0</t>
  </si>
  <si>
    <t>40.23</t>
  </si>
  <si>
    <t>34.49</t>
  </si>
  <si>
    <t>2955939.0</t>
  </si>
  <si>
    <t>1059.107</t>
  </si>
  <si>
    <t>2958420.0</t>
  </si>
  <si>
    <t>1059.996</t>
  </si>
  <si>
    <t>2557.0</t>
  </si>
  <si>
    <t>2960651.0</t>
  </si>
  <si>
    <t>2231.0</t>
  </si>
  <si>
    <t>1060.795</t>
  </si>
  <si>
    <t>2963081.0</t>
  </si>
  <si>
    <t>1061.666</t>
  </si>
  <si>
    <t>0.782</t>
  </si>
  <si>
    <t>2965689.0</t>
  </si>
  <si>
    <t>1062.6</t>
  </si>
  <si>
    <t>2967479.0</t>
  </si>
  <si>
    <t>1063.241</t>
  </si>
  <si>
    <t>2507.0</t>
  </si>
  <si>
    <t>2969876.0</t>
  </si>
  <si>
    <t>2397.0</t>
  </si>
  <si>
    <t>1064.1</t>
  </si>
  <si>
    <t>111.1</t>
  </si>
  <si>
    <t>2972292.0</t>
  </si>
  <si>
    <t>1064.966</t>
  </si>
  <si>
    <t>2974290.0</t>
  </si>
  <si>
    <t>1998.0</t>
  </si>
  <si>
    <t>1065.682</t>
  </si>
  <si>
    <t>0.716</t>
  </si>
  <si>
    <t>142.9</t>
  </si>
  <si>
    <t>2976314.0</t>
  </si>
  <si>
    <t>1066.407</t>
  </si>
  <si>
    <t>2978377.0</t>
  </si>
  <si>
    <t>1067.146</t>
  </si>
  <si>
    <t>2185.0</t>
  </si>
  <si>
    <t>0.783</t>
  </si>
  <si>
    <t>21739.6</t>
  </si>
  <si>
    <t>38.16</t>
  </si>
  <si>
    <t>7818.67251315604</t>
  </si>
  <si>
    <t>2980522.0</t>
  </si>
  <si>
    <t>1067.915</t>
  </si>
  <si>
    <t>2982306.0</t>
  </si>
  <si>
    <t>1068.554</t>
  </si>
  <si>
    <t>2984354.0</t>
  </si>
  <si>
    <t>1069.288</t>
  </si>
  <si>
    <t>2141957.0</t>
  </si>
  <si>
    <t>1128072.0</t>
  </si>
  <si>
    <t>980101.0</t>
  </si>
  <si>
    <t>39849.0</t>
  </si>
  <si>
    <t>77.04</t>
  </si>
  <si>
    <t>40.57</t>
  </si>
  <si>
    <t>2987087.0</t>
  </si>
  <si>
    <t>1070.267</t>
  </si>
  <si>
    <t>2212.0</t>
  </si>
  <si>
    <t>2989566.0</t>
  </si>
  <si>
    <t>1071.155</t>
  </si>
  <si>
    <t>0.888</t>
  </si>
  <si>
    <t>2992249.0</t>
  </si>
  <si>
    <t>1072.116</t>
  </si>
  <si>
    <t>2994295.0</t>
  </si>
  <si>
    <t>2046.0</t>
  </si>
  <si>
    <t>1072.849</t>
  </si>
  <si>
    <t>166.7</t>
  </si>
  <si>
    <t>2997148.0</t>
  </si>
  <si>
    <t>2853.0</t>
  </si>
  <si>
    <t>1073.872</t>
  </si>
  <si>
    <t>2375.0</t>
  </si>
  <si>
    <t>2999503.0</t>
  </si>
  <si>
    <t>1074.715</t>
  </si>
  <si>
    <t>0.844</t>
  </si>
  <si>
    <t>800.0</t>
  </si>
  <si>
    <t>3001424.0</t>
  </si>
  <si>
    <t>1075.404</t>
  </si>
  <si>
    <t>984868.0</t>
  </si>
  <si>
    <t>3004262.0</t>
  </si>
  <si>
    <t>2838.0</t>
  </si>
  <si>
    <t>1076.421</t>
  </si>
  <si>
    <t>3006802.0</t>
  </si>
  <si>
    <t>1077.331</t>
  </si>
  <si>
    <t>2462.0</t>
  </si>
  <si>
    <t>3008932.0</t>
  </si>
  <si>
    <t>1078.094</t>
  </si>
  <si>
    <t>0.854</t>
  </si>
  <si>
    <t>3012103.0</t>
  </si>
  <si>
    <t>1079.23</t>
  </si>
  <si>
    <t>3014744.0</t>
  </si>
  <si>
    <t>1080.176</t>
  </si>
  <si>
    <t>2514.0</t>
  </si>
  <si>
    <t>3016965.0</t>
  </si>
  <si>
    <t>1080.972</t>
  </si>
  <si>
    <t>3018644.0</t>
  </si>
  <si>
    <t>1081.574</t>
  </si>
  <si>
    <t>2149195.0</t>
  </si>
  <si>
    <t>40460.0</t>
  </si>
  <si>
    <t>77.3</t>
  </si>
  <si>
    <t>3021976.0</t>
  </si>
  <si>
    <t>3332.0</t>
  </si>
  <si>
    <t>1082.768</t>
  </si>
  <si>
    <t>3024442.0</t>
  </si>
  <si>
    <t>2466.0</t>
  </si>
  <si>
    <t>1083.651</t>
  </si>
  <si>
    <t>3027729.0</t>
  </si>
  <si>
    <t>1084.829</t>
  </si>
  <si>
    <t>2685.0</t>
  </si>
  <si>
    <t>3030852.0</t>
  </si>
  <si>
    <t>1085.948</t>
  </si>
  <si>
    <t>3033280.0</t>
  </si>
  <si>
    <t>1086.818</t>
  </si>
  <si>
    <t>3036205.0</t>
  </si>
  <si>
    <t>1087.866</t>
  </si>
  <si>
    <t>333.3</t>
  </si>
  <si>
    <t>3038391.0</t>
  </si>
  <si>
    <t>1088.649</t>
  </si>
  <si>
    <t>3041035.0</t>
  </si>
  <si>
    <t>1089.596</t>
  </si>
  <si>
    <t>3043809.0</t>
  </si>
  <si>
    <t>1090.59</t>
  </si>
  <si>
    <t>2767.0</t>
  </si>
  <si>
    <t>3046355.0</t>
  </si>
  <si>
    <t>1091.502</t>
  </si>
  <si>
    <t>3049532.0</t>
  </si>
  <si>
    <t>3177.0</t>
  </si>
  <si>
    <t>1092.641</t>
  </si>
  <si>
    <t>1.138</t>
  </si>
  <si>
    <t>3052365.0</t>
  </si>
  <si>
    <t>1093.656</t>
  </si>
  <si>
    <t>2726.0</t>
  </si>
  <si>
    <t>3054994.0</t>
  </si>
  <si>
    <t>2629.0</t>
  </si>
  <si>
    <t>1094.598</t>
  </si>
  <si>
    <t>21748.4</t>
  </si>
  <si>
    <t>36.89</t>
  </si>
  <si>
    <t>7821.83744342687</t>
  </si>
  <si>
    <t>3057058.0</t>
  </si>
  <si>
    <t>1095.337</t>
  </si>
  <si>
    <t>2667.0</t>
  </si>
  <si>
    <t>3058803.0</t>
  </si>
  <si>
    <t>1095.963</t>
  </si>
  <si>
    <t>3060433.0</t>
  </si>
  <si>
    <t>1096.547</t>
  </si>
  <si>
    <t>3062059.0</t>
  </si>
  <si>
    <t>1097.129</t>
  </si>
  <si>
    <t>3064272.0</t>
  </si>
  <si>
    <t>1097.922</t>
  </si>
  <si>
    <t>3066075.0</t>
  </si>
  <si>
    <t>1098.568</t>
  </si>
  <si>
    <t>1959.0</t>
  </si>
  <si>
    <t>3067915.0</t>
  </si>
  <si>
    <t>1840.0</t>
  </si>
  <si>
    <t>1099.227</t>
  </si>
  <si>
    <t>3069318.0</t>
  </si>
  <si>
    <t>1099.73</t>
  </si>
  <si>
    <t>3070341.0</t>
  </si>
  <si>
    <t>1100.097</t>
  </si>
  <si>
    <t>1648.0</t>
  </si>
  <si>
    <t>3072015.0</t>
  </si>
  <si>
    <t>1100.696</t>
  </si>
  <si>
    <t>3073360.0</t>
  </si>
  <si>
    <t>1101.178</t>
  </si>
  <si>
    <t>0.578</t>
  </si>
  <si>
    <t>3075245.0</t>
  </si>
  <si>
    <t>1101.854</t>
  </si>
  <si>
    <t>3076479.0</t>
  </si>
  <si>
    <t>1102.296</t>
  </si>
  <si>
    <t>3077952.0</t>
  </si>
  <si>
    <t>1102.824</t>
  </si>
  <si>
    <t>1434.0</t>
  </si>
  <si>
    <t>0.514</t>
  </si>
  <si>
    <t>3079375.0</t>
  </si>
  <si>
    <t>1103.333</t>
  </si>
  <si>
    <t>2149233.0</t>
  </si>
  <si>
    <t>1129504.0</t>
  </si>
  <si>
    <t>985251.0</t>
  </si>
  <si>
    <t>40567.0</t>
  </si>
  <si>
    <t>40.62</t>
  </si>
  <si>
    <t>35.43</t>
  </si>
  <si>
    <t>3081193.0</t>
  </si>
  <si>
    <t>1818.0</t>
  </si>
  <si>
    <t>1103.985</t>
  </si>
  <si>
    <t>3082813.0</t>
  </si>
  <si>
    <t>1104.565</t>
  </si>
  <si>
    <t>1543.0</t>
  </si>
  <si>
    <t>3084117.0</t>
  </si>
  <si>
    <t>1105.033</t>
  </si>
  <si>
    <t>3085743.0</t>
  </si>
  <si>
    <t>1105.615</t>
  </si>
  <si>
    <t>3087335.0</t>
  </si>
  <si>
    <t>1106.186</t>
  </si>
  <si>
    <t>1551.0</t>
  </si>
  <si>
    <t>3089337.0</t>
  </si>
  <si>
    <t>1106.903</t>
  </si>
  <si>
    <t>3090493.0</t>
  </si>
  <si>
    <t>1107.317</t>
  </si>
  <si>
    <t>2150112.0</t>
  </si>
  <si>
    <t>1129669.0</t>
  </si>
  <si>
    <t>985807.0</t>
  </si>
  <si>
    <t>40725.0</t>
  </si>
  <si>
    <t>77.33</t>
  </si>
  <si>
    <t>3091996.0</t>
  </si>
  <si>
    <t>1107.856</t>
  </si>
  <si>
    <t>3093519.0</t>
  </si>
  <si>
    <t>1523.0</t>
  </si>
  <si>
    <t>1108.401</t>
  </si>
  <si>
    <t>3095122.0</t>
  </si>
  <si>
    <t>1108.976</t>
  </si>
  <si>
    <t>3096641.0</t>
  </si>
  <si>
    <t>1519.0</t>
  </si>
  <si>
    <t>1109.52</t>
  </si>
  <si>
    <t>3098405.0</t>
  </si>
  <si>
    <t>1110.152</t>
  </si>
  <si>
    <t>1581.0</t>
  </si>
  <si>
    <t>3099693.0</t>
  </si>
  <si>
    <t>1288.0</t>
  </si>
  <si>
    <t>1110.613</t>
  </si>
  <si>
    <t>3100800.0</t>
  </si>
  <si>
    <t>1111.01</t>
  </si>
  <si>
    <t>3102267.0</t>
  </si>
  <si>
    <t>1111.536</t>
  </si>
  <si>
    <t>21830.2</t>
  </si>
  <si>
    <t>35.8</t>
  </si>
  <si>
    <t>4.05</t>
  </si>
  <si>
    <t>7851.25690889892</t>
  </si>
  <si>
    <t>21867.2</t>
  </si>
  <si>
    <t>34.81</t>
  </si>
  <si>
    <t>7864.5640020831</t>
  </si>
  <si>
    <t>21820.8</t>
  </si>
  <si>
    <t>33.71</t>
  </si>
  <si>
    <t>-2.42</t>
  </si>
  <si>
    <t>7847.8761879278</t>
  </si>
  <si>
    <t>21979.8</t>
  </si>
  <si>
    <t>33.01</t>
  </si>
  <si>
    <t>7905.06072350306</t>
  </si>
  <si>
    <t>22447.4</t>
  </si>
  <si>
    <t>32.93</t>
  </si>
  <si>
    <t>29.68</t>
  </si>
  <si>
    <t>8073.2336092577</t>
  </si>
  <si>
    <t>22550.4</t>
  </si>
  <si>
    <t>32.2</t>
  </si>
  <si>
    <t>5.48</t>
  </si>
  <si>
    <t>8110.27767947312</t>
  </si>
  <si>
    <t>ABW</t>
  </si>
  <si>
    <t>Aruba</t>
  </si>
  <si>
    <t>27.81</t>
  </si>
  <si>
    <t>243.28614771884</t>
  </si>
  <si>
    <t>249.861449008539</t>
  </si>
  <si>
    <t>-24.32</t>
  </si>
  <si>
    <t>108.022806902188</t>
  </si>
  <si>
    <t>15.61</t>
  </si>
  <si>
    <t>184.108436111555</t>
  </si>
  <si>
    <t>-13.76</t>
  </si>
  <si>
    <t>113.658779436215</t>
  </si>
  <si>
    <t>4.34</t>
  </si>
  <si>
    <t>13.92</t>
  </si>
  <si>
    <t>185.987093622897</t>
  </si>
  <si>
    <t>474.361021613955</t>
  </si>
  <si>
    <t>621.835636254333</t>
  </si>
  <si>
    <t>10.38</t>
  </si>
  <si>
    <t>-2.9</t>
  </si>
  <si>
    <t>605.867047407922</t>
  </si>
  <si>
    <t>60.8</t>
  </si>
  <si>
    <t>-6.1</t>
  </si>
  <si>
    <t>571.111883448088</t>
  </si>
  <si>
    <t>71.9</t>
  </si>
  <si>
    <t>9.73</t>
  </si>
  <si>
    <t>19.51</t>
  </si>
  <si>
    <t>675.377375327591</t>
  </si>
  <si>
    <t>102.2</t>
  </si>
  <si>
    <t>53.44</t>
  </si>
  <si>
    <t>959.993988295964</t>
  </si>
  <si>
    <t>25766.0</t>
  </si>
  <si>
    <t>15600.0</t>
  </si>
  <si>
    <t>12005.0</t>
  </si>
  <si>
    <t>125.1</t>
  </si>
  <si>
    <t>40.11</t>
  </si>
  <si>
    <t>1175.10027334467</t>
  </si>
  <si>
    <t>41096.0</t>
  </si>
  <si>
    <t>29197.0</t>
  </si>
  <si>
    <t>11899.0</t>
  </si>
  <si>
    <t>38.6</t>
  </si>
  <si>
    <t>27.43</t>
  </si>
  <si>
    <t>11.18</t>
  </si>
  <si>
    <t>11610.0</t>
  </si>
  <si>
    <t>43073.0</t>
  </si>
  <si>
    <t>31139.0</t>
  </si>
  <si>
    <t>11934.0</t>
  </si>
  <si>
    <t>1195.0</t>
  </si>
  <si>
    <t>40.46</t>
  </si>
  <si>
    <t>11.21</t>
  </si>
  <si>
    <t>11225.0</t>
  </si>
  <si>
    <t>45588.0</t>
  </si>
  <si>
    <t>33563.0</t>
  </si>
  <si>
    <t>42.82</t>
  </si>
  <si>
    <t>31.53</t>
  </si>
  <si>
    <t>48200.0</t>
  </si>
  <si>
    <t>36058.0</t>
  </si>
  <si>
    <t>12142.0</t>
  </si>
  <si>
    <t>33.87</t>
  </si>
  <si>
    <t>11.41</t>
  </si>
  <si>
    <t>14672.0</t>
  </si>
  <si>
    <t>1466.0</t>
  </si>
  <si>
    <t>50546.0</t>
  </si>
  <si>
    <t>37981.0</t>
  </si>
  <si>
    <t>12565.0</t>
  </si>
  <si>
    <t>1715.0</t>
  </si>
  <si>
    <t>47.48</t>
  </si>
  <si>
    <t>35.68</t>
  </si>
  <si>
    <t>16109.0</t>
  </si>
  <si>
    <t>52955.0</t>
  </si>
  <si>
    <t>39961.0</t>
  </si>
  <si>
    <t>12994.0</t>
  </si>
  <si>
    <t>2409.0</t>
  </si>
  <si>
    <t>49.74</t>
  </si>
  <si>
    <t>12.21</t>
  </si>
  <si>
    <t>55582.0</t>
  </si>
  <si>
    <t>41770.0</t>
  </si>
  <si>
    <t>13812.0</t>
  </si>
  <si>
    <t>52.21</t>
  </si>
  <si>
    <t>12.97</t>
  </si>
  <si>
    <t>19435.0</t>
  </si>
  <si>
    <t>55651.0</t>
  </si>
  <si>
    <t>41837.0</t>
  </si>
  <si>
    <t>13814.0</t>
  </si>
  <si>
    <t>52.27</t>
  </si>
  <si>
    <t>39.3</t>
  </si>
  <si>
    <t>18204.0</t>
  </si>
  <si>
    <t>1667.0</t>
  </si>
  <si>
    <t>58178.0</t>
  </si>
  <si>
    <t>43266.0</t>
  </si>
  <si>
    <t>14912.0</t>
  </si>
  <si>
    <t>2527.0</t>
  </si>
  <si>
    <t>2158.0</t>
  </si>
  <si>
    <t>54.65</t>
  </si>
  <si>
    <t>14.01</t>
  </si>
  <si>
    <t>20271.0</t>
  </si>
  <si>
    <t>1.627</t>
  </si>
  <si>
    <t>60379.0</t>
  </si>
  <si>
    <t>43945.0</t>
  </si>
  <si>
    <t>16434.0</t>
  </si>
  <si>
    <t>2113.0</t>
  </si>
  <si>
    <t>56.72</t>
  </si>
  <si>
    <t>19848.0</t>
  </si>
  <si>
    <t>1.393</t>
  </si>
  <si>
    <t>62342.0</t>
  </si>
  <si>
    <t>44421.0</t>
  </si>
  <si>
    <t>17921.0</t>
  </si>
  <si>
    <t>58.56</t>
  </si>
  <si>
    <t>41.73</t>
  </si>
  <si>
    <t>16.83</t>
  </si>
  <si>
    <t>18974.0</t>
  </si>
  <si>
    <t>64288.0</t>
  </si>
  <si>
    <t>45097.0</t>
  </si>
  <si>
    <t>19191.0</t>
  </si>
  <si>
    <t>1946.0</t>
  </si>
  <si>
    <t>60.39</t>
  </si>
  <si>
    <t>42.36</t>
  </si>
  <si>
    <t>18.03</t>
  </si>
  <si>
    <t>18439.0</t>
  </si>
  <si>
    <t>67950.0</t>
  </si>
  <si>
    <t>48061.0</t>
  </si>
  <si>
    <t>63.83</t>
  </si>
  <si>
    <t>45.15</t>
  </si>
  <si>
    <t>20120.0</t>
  </si>
  <si>
    <t>1157.0</t>
  </si>
  <si>
    <t>69279.0</t>
  </si>
  <si>
    <t>49351.0</t>
  </si>
  <si>
    <t>19928.0</t>
  </si>
  <si>
    <t>65.08</t>
  </si>
  <si>
    <t>46.36</t>
  </si>
  <si>
    <t>18383.0</t>
  </si>
  <si>
    <t>73103.0</t>
  </si>
  <si>
    <t>53161.0</t>
  </si>
  <si>
    <t>19942.0</t>
  </si>
  <si>
    <t>68.67</t>
  </si>
  <si>
    <t>49.94</t>
  </si>
  <si>
    <t>23417.0</t>
  </si>
  <si>
    <t>73360.0</t>
  </si>
  <si>
    <t>20116.0</t>
  </si>
  <si>
    <t>68.91</t>
  </si>
  <si>
    <t>50.01</t>
  </si>
  <si>
    <t>20374.0</t>
  </si>
  <si>
    <t>18298.0</t>
  </si>
  <si>
    <t>1369.0</t>
  </si>
  <si>
    <t>74668.0</t>
  </si>
  <si>
    <t>53813.0</t>
  </si>
  <si>
    <t>20855.0</t>
  </si>
  <si>
    <t>70.14</t>
  </si>
  <si>
    <t>50.55</t>
  </si>
  <si>
    <t>1342.0</t>
  </si>
  <si>
    <t>54095.0</t>
  </si>
  <si>
    <t>21751.0</t>
  </si>
  <si>
    <t>71.24</t>
  </si>
  <si>
    <t>50.81</t>
  </si>
  <si>
    <t>15508.0</t>
  </si>
  <si>
    <t>76865.0</t>
  </si>
  <si>
    <t>54306.0</t>
  </si>
  <si>
    <t>22559.0</t>
  </si>
  <si>
    <t>51.01</t>
  </si>
  <si>
    <t>21.19</t>
  </si>
  <si>
    <t>0.838</t>
  </si>
  <si>
    <t>161.6</t>
  </si>
  <si>
    <t>1517.95526916465</t>
  </si>
  <si>
    <t>1125.0</t>
  </si>
  <si>
    <t>10567.0</t>
  </si>
  <si>
    <t>77728.0</t>
  </si>
  <si>
    <t>54614.0</t>
  </si>
  <si>
    <t>23114.0</t>
  </si>
  <si>
    <t>73.01</t>
  </si>
  <si>
    <t>21.71</t>
  </si>
  <si>
    <t>78956.0</t>
  </si>
  <si>
    <t>55152.0</t>
  </si>
  <si>
    <t>22.36</t>
  </si>
  <si>
    <t>6632.0</t>
  </si>
  <si>
    <t>79502.0</t>
  </si>
  <si>
    <t>55359.0</t>
  </si>
  <si>
    <t>24143.0</t>
  </si>
  <si>
    <t>74.68</t>
  </si>
  <si>
    <t>22.68</t>
  </si>
  <si>
    <t>6491.0</t>
  </si>
  <si>
    <t>79553.0</t>
  </si>
  <si>
    <t>55371.0</t>
  </si>
  <si>
    <t>74.73</t>
  </si>
  <si>
    <t>52.01</t>
  </si>
  <si>
    <t>80258.0</t>
  </si>
  <si>
    <t>55625.0</t>
  </si>
  <si>
    <t>24633.0</t>
  </si>
  <si>
    <t>75.39</t>
  </si>
  <si>
    <t>23.14</t>
  </si>
  <si>
    <t>4556.0</t>
  </si>
  <si>
    <t>80699.0</t>
  </si>
  <si>
    <t>55744.0</t>
  </si>
  <si>
    <t>75.8</t>
  </si>
  <si>
    <t>52.36</t>
  </si>
  <si>
    <t>23.44</t>
  </si>
  <si>
    <t>4988.0</t>
  </si>
  <si>
    <t>81616.0</t>
  </si>
  <si>
    <t>56009.0</t>
  </si>
  <si>
    <t>25607.0</t>
  </si>
  <si>
    <t>76.66</t>
  </si>
  <si>
    <t>52.61</t>
  </si>
  <si>
    <t>5213.0</t>
  </si>
  <si>
    <t>82877.0</t>
  </si>
  <si>
    <t>56288.0</t>
  </si>
  <si>
    <t>26589.0</t>
  </si>
  <si>
    <t>1261.0</t>
  </si>
  <si>
    <t>77.85</t>
  </si>
  <si>
    <t>52.87</t>
  </si>
  <si>
    <t>24.98</t>
  </si>
  <si>
    <t>5260.0</t>
  </si>
  <si>
    <t>84239.0</t>
  </si>
  <si>
    <t>56594.0</t>
  </si>
  <si>
    <t>27645.0</t>
  </si>
  <si>
    <t>79.13</t>
  </si>
  <si>
    <t>53.16</t>
  </si>
  <si>
    <t>6359.0</t>
  </si>
  <si>
    <t>85441.0</t>
  </si>
  <si>
    <t>56932.0</t>
  </si>
  <si>
    <t>28509.0</t>
  </si>
  <si>
    <t>1202.0</t>
  </si>
  <si>
    <t>80.26</t>
  </si>
  <si>
    <t>53.48</t>
  </si>
  <si>
    <t>87536.0</t>
  </si>
  <si>
    <t>57314.0</t>
  </si>
  <si>
    <t>30222.0</t>
  </si>
  <si>
    <t>53.84</t>
  </si>
  <si>
    <t>9769.0</t>
  </si>
  <si>
    <t>88602.0</t>
  </si>
  <si>
    <t>57481.0</t>
  </si>
  <si>
    <t>31121.0</t>
  </si>
  <si>
    <t>53.99</t>
  </si>
  <si>
    <t>29.23</t>
  </si>
  <si>
    <t>10605.0</t>
  </si>
  <si>
    <t>11601.0</t>
  </si>
  <si>
    <t>91006.0</t>
  </si>
  <si>
    <t>57936.0</t>
  </si>
  <si>
    <t>33070.0</t>
  </si>
  <si>
    <t>85.48</t>
  </si>
  <si>
    <t>54.42</t>
  </si>
  <si>
    <t>12596.0</t>
  </si>
  <si>
    <t>93734.0</t>
  </si>
  <si>
    <t>58344.0</t>
  </si>
  <si>
    <t>35390.0</t>
  </si>
  <si>
    <t>88.05</t>
  </si>
  <si>
    <t>54.8</t>
  </si>
  <si>
    <t>33.24</t>
  </si>
  <si>
    <t>14569.0</t>
  </si>
  <si>
    <t>96007.0</t>
  </si>
  <si>
    <t>58683.0</t>
  </si>
  <si>
    <t>55.12</t>
  </si>
  <si>
    <t>15790.0</t>
  </si>
  <si>
    <t>97921.0</t>
  </si>
  <si>
    <t>58953.0</t>
  </si>
  <si>
    <t>38968.0</t>
  </si>
  <si>
    <t>91.98</t>
  </si>
  <si>
    <t>55.38</t>
  </si>
  <si>
    <t>36.6</t>
  </si>
  <si>
    <t>16748.0</t>
  </si>
  <si>
    <t>100003.0</t>
  </si>
  <si>
    <t>59341.0</t>
  </si>
  <si>
    <t>40662.0</t>
  </si>
  <si>
    <t>93.94</t>
  </si>
  <si>
    <t>55.74</t>
  </si>
  <si>
    <t>38.19</t>
  </si>
  <si>
    <t>16729.0</t>
  </si>
  <si>
    <t>103395.0</t>
  </si>
  <si>
    <t>60005.0</t>
  </si>
  <si>
    <t>43390.0</t>
  </si>
  <si>
    <t>3392.0</t>
  </si>
  <si>
    <t>97.12</t>
  </si>
  <si>
    <t>108471.0</t>
  </si>
  <si>
    <t>61242.0</t>
  </si>
  <si>
    <t>47229.0</t>
  </si>
  <si>
    <t>101.89</t>
  </si>
  <si>
    <t>57.53</t>
  </si>
  <si>
    <t>44.36</t>
  </si>
  <si>
    <t>25052.0</t>
  </si>
  <si>
    <t>109756.0</t>
  </si>
  <si>
    <t>61548.0</t>
  </si>
  <si>
    <t>48208.0</t>
  </si>
  <si>
    <t>103.1</t>
  </si>
  <si>
    <t>57.81</t>
  </si>
  <si>
    <t>111377.0</t>
  </si>
  <si>
    <t>62143.0</t>
  </si>
  <si>
    <t>49234.0</t>
  </si>
  <si>
    <t>104.62</t>
  </si>
  <si>
    <t>46.25</t>
  </si>
  <si>
    <t>23671.0</t>
  </si>
  <si>
    <t>111665.0</t>
  </si>
  <si>
    <t>62244.0</t>
  </si>
  <si>
    <t>49421.0</t>
  </si>
  <si>
    <t>104.89</t>
  </si>
  <si>
    <t>58.47</t>
  </si>
  <si>
    <t>46.42</t>
  </si>
  <si>
    <t>21013.0</t>
  </si>
  <si>
    <t>112316.0</t>
  </si>
  <si>
    <t>62498.0</t>
  </si>
  <si>
    <t>49818.0</t>
  </si>
  <si>
    <t>105.5</t>
  </si>
  <si>
    <t>46.8</t>
  </si>
  <si>
    <t>19313.0</t>
  </si>
  <si>
    <t>113098.0</t>
  </si>
  <si>
    <t>62698.0</t>
  </si>
  <si>
    <t>50400.0</t>
  </si>
  <si>
    <t>1871.0</t>
  </si>
  <si>
    <t>106.24</t>
  </si>
  <si>
    <t>17575.0</t>
  </si>
  <si>
    <t>113662.0</t>
  </si>
  <si>
    <t>62914.0</t>
  </si>
  <si>
    <t>50748.0</t>
  </si>
  <si>
    <t>106.77</t>
  </si>
  <si>
    <t>59.1</t>
  </si>
  <si>
    <t>47.67</t>
  </si>
  <si>
    <t>13780.0</t>
  </si>
  <si>
    <t>7299.0</t>
  </si>
  <si>
    <t>114154.0</t>
  </si>
  <si>
    <t>63113.0</t>
  </si>
  <si>
    <t>51041.0</t>
  </si>
  <si>
    <t>107.23</t>
  </si>
  <si>
    <t>59.28</t>
  </si>
  <si>
    <t>47.94</t>
  </si>
  <si>
    <t>169.3</t>
  </si>
  <si>
    <t>17.41</t>
  </si>
  <si>
    <t>12.56</t>
  </si>
  <si>
    <t>1590.28358335134</t>
  </si>
  <si>
    <t>114632.0</t>
  </si>
  <si>
    <t>63277.0</t>
  </si>
  <si>
    <t>51355.0</t>
  </si>
  <si>
    <t>107.68</t>
  </si>
  <si>
    <t>59.44</t>
  </si>
  <si>
    <t>48.24</t>
  </si>
  <si>
    <t>115144.0</t>
  </si>
  <si>
    <t>63456.0</t>
  </si>
  <si>
    <t>51688.0</t>
  </si>
  <si>
    <t>108.16</t>
  </si>
  <si>
    <t>59.61</t>
  </si>
  <si>
    <t>48.55</t>
  </si>
  <si>
    <t>116563.0</t>
  </si>
  <si>
    <t>64004.0</t>
  </si>
  <si>
    <t>52559.0</t>
  </si>
  <si>
    <t>109.49</t>
  </si>
  <si>
    <t>60.12</t>
  </si>
  <si>
    <t>49.37</t>
  </si>
  <si>
    <t>116577.0</t>
  </si>
  <si>
    <t>64010.0</t>
  </si>
  <si>
    <t>52567.0</t>
  </si>
  <si>
    <t>109.5</t>
  </si>
  <si>
    <t>49.38</t>
  </si>
  <si>
    <t>116579.0</t>
  </si>
  <si>
    <t>64011.0</t>
  </si>
  <si>
    <t>52568.0</t>
  </si>
  <si>
    <t>109.51</t>
  </si>
  <si>
    <t>3588.0</t>
  </si>
  <si>
    <t>117036.0</t>
  </si>
  <si>
    <t>64184.0</t>
  </si>
  <si>
    <t>109.94</t>
  </si>
  <si>
    <t>60.29</t>
  </si>
  <si>
    <t>49.65</t>
  </si>
  <si>
    <t>117696.0</t>
  </si>
  <si>
    <t>64473.0</t>
  </si>
  <si>
    <t>53223.0</t>
  </si>
  <si>
    <t>110.56</t>
  </si>
  <si>
    <t>60.56</t>
  </si>
  <si>
    <t>49.99</t>
  </si>
  <si>
    <t>4114.0</t>
  </si>
  <si>
    <t>118316.0</t>
  </si>
  <si>
    <t>64765.0</t>
  </si>
  <si>
    <t>53551.0</t>
  </si>
  <si>
    <t>111.14</t>
  </si>
  <si>
    <t>60.84</t>
  </si>
  <si>
    <t>50.3</t>
  </si>
  <si>
    <t>4255.0</t>
  </si>
  <si>
    <t>118873.0</t>
  </si>
  <si>
    <t>65022.0</t>
  </si>
  <si>
    <t>53851.0</t>
  </si>
  <si>
    <t>111.66</t>
  </si>
  <si>
    <t>61.08</t>
  </si>
  <si>
    <t>50.58</t>
  </si>
  <si>
    <t>3100.0</t>
  </si>
  <si>
    <t>119395.0</t>
  </si>
  <si>
    <t>65239.0</t>
  </si>
  <si>
    <t>54156.0</t>
  </si>
  <si>
    <t>112.15</t>
  </si>
  <si>
    <t>61.28</t>
  </si>
  <si>
    <t>3785.0</t>
  </si>
  <si>
    <t>121471.0</t>
  </si>
  <si>
    <t>66046.0</t>
  </si>
  <si>
    <t>55425.0</t>
  </si>
  <si>
    <t>52.06</t>
  </si>
  <si>
    <t>6566.0</t>
  </si>
  <si>
    <t>6838.0</t>
  </si>
  <si>
    <t>121874.0</t>
  </si>
  <si>
    <t>66185.0</t>
  </si>
  <si>
    <t>55689.0</t>
  </si>
  <si>
    <t>114.48</t>
  </si>
  <si>
    <t>62.17</t>
  </si>
  <si>
    <t>52.31</t>
  </si>
  <si>
    <t>122269.0</t>
  </si>
  <si>
    <t>66336.0</t>
  </si>
  <si>
    <t>55933.0</t>
  </si>
  <si>
    <t>114.85</t>
  </si>
  <si>
    <t>62.31</t>
  </si>
  <si>
    <t>52.54</t>
  </si>
  <si>
    <t>122680.0</t>
  </si>
  <si>
    <t>66466.0</t>
  </si>
  <si>
    <t>56214.0</t>
  </si>
  <si>
    <t>115.24</t>
  </si>
  <si>
    <t>62.43</t>
  </si>
  <si>
    <t>5852.0</t>
  </si>
  <si>
    <t>66614.0</t>
  </si>
  <si>
    <t>56501.0</t>
  </si>
  <si>
    <t>115.65</t>
  </si>
  <si>
    <t>62.57</t>
  </si>
  <si>
    <t>53.07</t>
  </si>
  <si>
    <t>123571.0</t>
  </si>
  <si>
    <t>66774.0</t>
  </si>
  <si>
    <t>56797.0</t>
  </si>
  <si>
    <t>116.07</t>
  </si>
  <si>
    <t>62.72</t>
  </si>
  <si>
    <t>53.35</t>
  </si>
  <si>
    <t>123890.0</t>
  </si>
  <si>
    <t>66865.0</t>
  </si>
  <si>
    <t>57025.0</t>
  </si>
  <si>
    <t>116.37</t>
  </si>
  <si>
    <t>62.81</t>
  </si>
  <si>
    <t>53.57</t>
  </si>
  <si>
    <t>124313.0</t>
  </si>
  <si>
    <t>66991.0</t>
  </si>
  <si>
    <t>57322.0</t>
  </si>
  <si>
    <t>116.77</t>
  </si>
  <si>
    <t>62.93</t>
  </si>
  <si>
    <t>3269.0</t>
  </si>
  <si>
    <t>124332.0</t>
  </si>
  <si>
    <t>67004.0</t>
  </si>
  <si>
    <t>57328.0</t>
  </si>
  <si>
    <t>116.79</t>
  </si>
  <si>
    <t>62.94</t>
  </si>
  <si>
    <t>53.85</t>
  </si>
  <si>
    <t>124856.0</t>
  </si>
  <si>
    <t>67126.0</t>
  </si>
  <si>
    <t>117.28</t>
  </si>
  <si>
    <t>63.05</t>
  </si>
  <si>
    <t>54.23</t>
  </si>
  <si>
    <t>125289.0</t>
  </si>
  <si>
    <t>67278.0</t>
  </si>
  <si>
    <t>58011.0</t>
  </si>
  <si>
    <t>117.69</t>
  </si>
  <si>
    <t>63.2</t>
  </si>
  <si>
    <t>54.49</t>
  </si>
  <si>
    <t>125290.0</t>
  </si>
  <si>
    <t>58012.0</t>
  </si>
  <si>
    <t>125875.0</t>
  </si>
  <si>
    <t>67457.0</t>
  </si>
  <si>
    <t>58418.0</t>
  </si>
  <si>
    <t>118.24</t>
  </si>
  <si>
    <t>54.87</t>
  </si>
  <si>
    <t>3.426</t>
  </si>
  <si>
    <t>126387.0</t>
  </si>
  <si>
    <t>67610.0</t>
  </si>
  <si>
    <t>58777.0</t>
  </si>
  <si>
    <t>118.72</t>
  </si>
  <si>
    <t>63.51</t>
  </si>
  <si>
    <t>7.443</t>
  </si>
  <si>
    <t>4.017</t>
  </si>
  <si>
    <t>127256.0</t>
  </si>
  <si>
    <t>67827.0</t>
  </si>
  <si>
    <t>59429.0</t>
  </si>
  <si>
    <t>119.54</t>
  </si>
  <si>
    <t>63.71</t>
  </si>
  <si>
    <t>55.82</t>
  </si>
  <si>
    <t>163.2</t>
  </si>
  <si>
    <t>15.94</t>
  </si>
  <si>
    <t>-11.94</t>
  </si>
  <si>
    <t>1532.98452925539</t>
  </si>
  <si>
    <t>127416.0</t>
  </si>
  <si>
    <t>67890.0</t>
  </si>
  <si>
    <t>59526.0</t>
  </si>
  <si>
    <t>119.69</t>
  </si>
  <si>
    <t>55.91</t>
  </si>
  <si>
    <t>127984.0</t>
  </si>
  <si>
    <t>68087.0</t>
  </si>
  <si>
    <t>59897.0</t>
  </si>
  <si>
    <t>120.22</t>
  </si>
  <si>
    <t>56.26</t>
  </si>
  <si>
    <t>4142.0</t>
  </si>
  <si>
    <t>128575.0</t>
  </si>
  <si>
    <t>68241.0</t>
  </si>
  <si>
    <t>60334.0</t>
  </si>
  <si>
    <t>120.77</t>
  </si>
  <si>
    <t>64.1</t>
  </si>
  <si>
    <t>56.67</t>
  </si>
  <si>
    <t>129162.0</t>
  </si>
  <si>
    <t>68478.0</t>
  </si>
  <si>
    <t>60684.0</t>
  </si>
  <si>
    <t>121.33</t>
  </si>
  <si>
    <t>64.32</t>
  </si>
  <si>
    <t>3720.0</t>
  </si>
  <si>
    <t>129646.0</t>
  </si>
  <si>
    <t>68664.0</t>
  </si>
  <si>
    <t>60982.0</t>
  </si>
  <si>
    <t>121.78</t>
  </si>
  <si>
    <t>57.28</t>
  </si>
  <si>
    <t>3203.0</t>
  </si>
  <si>
    <t>130121.0</t>
  </si>
  <si>
    <t>68855.0</t>
  </si>
  <si>
    <t>61266.0</t>
  </si>
  <si>
    <t>122.23</t>
  </si>
  <si>
    <t>64.68</t>
  </si>
  <si>
    <t>57.55</t>
  </si>
  <si>
    <t>130670.0</t>
  </si>
  <si>
    <t>69031.0</t>
  </si>
  <si>
    <t>61639.0</t>
  </si>
  <si>
    <t>122.74</t>
  </si>
  <si>
    <t>57.9</t>
  </si>
  <si>
    <t>131930.0</t>
  </si>
  <si>
    <t>70174.0</t>
  </si>
  <si>
    <t>61756.0</t>
  </si>
  <si>
    <t>123.93</t>
  </si>
  <si>
    <t>65.92</t>
  </si>
  <si>
    <t>132344.0</t>
  </si>
  <si>
    <t>70353.0</t>
  </si>
  <si>
    <t>61991.0</t>
  </si>
  <si>
    <t>124.31</t>
  </si>
  <si>
    <t>66.08</t>
  </si>
  <si>
    <t>58.23</t>
  </si>
  <si>
    <t>132715.0</t>
  </si>
  <si>
    <t>70539.0</t>
  </si>
  <si>
    <t>62176.0</t>
  </si>
  <si>
    <t>124.66</t>
  </si>
  <si>
    <t>58.4</t>
  </si>
  <si>
    <t>133180.0</t>
  </si>
  <si>
    <t>70755.0</t>
  </si>
  <si>
    <t>62425.0</t>
  </si>
  <si>
    <t>58.64</t>
  </si>
  <si>
    <t>4744.0</t>
  </si>
  <si>
    <t>133727.0</t>
  </si>
  <si>
    <t>71025.0</t>
  </si>
  <si>
    <t>62702.0</t>
  </si>
  <si>
    <t>125.61</t>
  </si>
  <si>
    <t>66.72</t>
  </si>
  <si>
    <t>4838.0</t>
  </si>
  <si>
    <t>133750.0</t>
  </si>
  <si>
    <t>71035.0</t>
  </si>
  <si>
    <t>62715.0</t>
  </si>
  <si>
    <t>125.64</t>
  </si>
  <si>
    <t>58.91</t>
  </si>
  <si>
    <t>4133.0</t>
  </si>
  <si>
    <t>2780.0</t>
  </si>
  <si>
    <t>134510.0</t>
  </si>
  <si>
    <t>71409.0</t>
  </si>
  <si>
    <t>63101.0</t>
  </si>
  <si>
    <t>126.35</t>
  </si>
  <si>
    <t>67.08</t>
  </si>
  <si>
    <t>134521.0</t>
  </si>
  <si>
    <t>71415.0</t>
  </si>
  <si>
    <t>63106.0</t>
  </si>
  <si>
    <t>126.36</t>
  </si>
  <si>
    <t>134983.0</t>
  </si>
  <si>
    <t>71650.0</t>
  </si>
  <si>
    <t>63333.0</t>
  </si>
  <si>
    <t>126.79</t>
  </si>
  <si>
    <t>67.3</t>
  </si>
  <si>
    <t>59.49</t>
  </si>
  <si>
    <t>135450.0</t>
  </si>
  <si>
    <t>71894.0</t>
  </si>
  <si>
    <t>63556.0</t>
  </si>
  <si>
    <t>127.23</t>
  </si>
  <si>
    <t>67.53</t>
  </si>
  <si>
    <t>59.7</t>
  </si>
  <si>
    <t>135509.0</t>
  </si>
  <si>
    <t>71913.0</t>
  </si>
  <si>
    <t>63596.0</t>
  </si>
  <si>
    <t>127.29</t>
  </si>
  <si>
    <t>67.55</t>
  </si>
  <si>
    <t>135988.0</t>
  </si>
  <si>
    <t>72151.0</t>
  </si>
  <si>
    <t>63837.0</t>
  </si>
  <si>
    <t>127.74</t>
  </si>
  <si>
    <t>67.77</t>
  </si>
  <si>
    <t>59.96</t>
  </si>
  <si>
    <t>136496.0</t>
  </si>
  <si>
    <t>72440.0</t>
  </si>
  <si>
    <t>64056.0</t>
  </si>
  <si>
    <t>128.21</t>
  </si>
  <si>
    <t>60.17</t>
  </si>
  <si>
    <t>136907.0</t>
  </si>
  <si>
    <t>72598.0</t>
  </si>
  <si>
    <t>64309.0</t>
  </si>
  <si>
    <t>128.6</t>
  </si>
  <si>
    <t>68.19</t>
  </si>
  <si>
    <t>137305.0</t>
  </si>
  <si>
    <t>72758.0</t>
  </si>
  <si>
    <t>64547.0</t>
  </si>
  <si>
    <t>128.97</t>
  </si>
  <si>
    <t>137598.0</t>
  </si>
  <si>
    <t>72787.0</t>
  </si>
  <si>
    <t>64811.0</t>
  </si>
  <si>
    <t>129.25</t>
  </si>
  <si>
    <t>68.37</t>
  </si>
  <si>
    <t>60.88</t>
  </si>
  <si>
    <t>138509.0</t>
  </si>
  <si>
    <t>72793.0</t>
  </si>
  <si>
    <t>65716.0</t>
  </si>
  <si>
    <t>130.11</t>
  </si>
  <si>
    <t>68.38</t>
  </si>
  <si>
    <t>179.5</t>
  </si>
  <si>
    <t>16.66</t>
  </si>
  <si>
    <t>1686.0951164298</t>
  </si>
  <si>
    <t>138513.0</t>
  </si>
  <si>
    <t>72795.0</t>
  </si>
  <si>
    <t>65718.0</t>
  </si>
  <si>
    <t>138688.0</t>
  </si>
  <si>
    <t>72813.0</t>
  </si>
  <si>
    <t>65875.0</t>
  </si>
  <si>
    <t>130.27</t>
  </si>
  <si>
    <t>139043.0</t>
  </si>
  <si>
    <t>72843.0</t>
  </si>
  <si>
    <t>66200.0</t>
  </si>
  <si>
    <t>130.61</t>
  </si>
  <si>
    <t>62.18</t>
  </si>
  <si>
    <t>139122.0</t>
  </si>
  <si>
    <t>72858.0</t>
  </si>
  <si>
    <t>66264.0</t>
  </si>
  <si>
    <t>130.68</t>
  </si>
  <si>
    <t>68.44</t>
  </si>
  <si>
    <t>62.24</t>
  </si>
  <si>
    <t>139303.0</t>
  </si>
  <si>
    <t>72908.0</t>
  </si>
  <si>
    <t>66395.0</t>
  </si>
  <si>
    <t>130.85</t>
  </si>
  <si>
    <t>62.37</t>
  </si>
  <si>
    <t>139566.0</t>
  </si>
  <si>
    <t>72991.0</t>
  </si>
  <si>
    <t>66575.0</t>
  </si>
  <si>
    <t>131.1</t>
  </si>
  <si>
    <t>62.54</t>
  </si>
  <si>
    <t>139887.0</t>
  </si>
  <si>
    <t>73125.0</t>
  </si>
  <si>
    <t>66762.0</t>
  </si>
  <si>
    <t>131.4</t>
  </si>
  <si>
    <t>68.69</t>
  </si>
  <si>
    <t>62.71</t>
  </si>
  <si>
    <t>140304.0</t>
  </si>
  <si>
    <t>73394.0</t>
  </si>
  <si>
    <t>66910.0</t>
  </si>
  <si>
    <t>131.79</t>
  </si>
  <si>
    <t>68.94</t>
  </si>
  <si>
    <t>62.85</t>
  </si>
  <si>
    <t>1691.0</t>
  </si>
  <si>
    <t>140901.0</t>
  </si>
  <si>
    <t>73738.0</t>
  </si>
  <si>
    <t>67163.0</t>
  </si>
  <si>
    <t>132.35</t>
  </si>
  <si>
    <t>69.26</t>
  </si>
  <si>
    <t>63.09</t>
  </si>
  <si>
    <t>141116.0</t>
  </si>
  <si>
    <t>73843.0</t>
  </si>
  <si>
    <t>67273.0</t>
  </si>
  <si>
    <t>132.55</t>
  </si>
  <si>
    <t>69.36</t>
  </si>
  <si>
    <t>141611.0</t>
  </si>
  <si>
    <t>74089.0</t>
  </si>
  <si>
    <t>67522.0</t>
  </si>
  <si>
    <t>133.02</t>
  </si>
  <si>
    <t>63.43</t>
  </si>
  <si>
    <t>142033.0</t>
  </si>
  <si>
    <t>74271.0</t>
  </si>
  <si>
    <t>67762.0</t>
  </si>
  <si>
    <t>133.42</t>
  </si>
  <si>
    <t>69.76</t>
  </si>
  <si>
    <t>63.65</t>
  </si>
  <si>
    <t>142606.0</t>
  </si>
  <si>
    <t>74555.0</t>
  </si>
  <si>
    <t>68051.0</t>
  </si>
  <si>
    <t>70.03</t>
  </si>
  <si>
    <t>143030.0</t>
  </si>
  <si>
    <t>74788.0</t>
  </si>
  <si>
    <t>68242.0</t>
  </si>
  <si>
    <t>134.35</t>
  </si>
  <si>
    <t>70.25</t>
  </si>
  <si>
    <t>143396.0</t>
  </si>
  <si>
    <t>74987.0</t>
  </si>
  <si>
    <t>68409.0</t>
  </si>
  <si>
    <t>134.7</t>
  </si>
  <si>
    <t>70.44</t>
  </si>
  <si>
    <t>64.26</t>
  </si>
  <si>
    <t>143661.0</t>
  </si>
  <si>
    <t>75163.0</t>
  </si>
  <si>
    <t>68498.0</t>
  </si>
  <si>
    <t>134.94</t>
  </si>
  <si>
    <t>70.6</t>
  </si>
  <si>
    <t>4086.0</t>
  </si>
  <si>
    <t>145934.0</t>
  </si>
  <si>
    <t>77278.0</t>
  </si>
  <si>
    <t>68656.0</t>
  </si>
  <si>
    <t>137.08</t>
  </si>
  <si>
    <t>72.59</t>
  </si>
  <si>
    <t>64.49</t>
  </si>
  <si>
    <t>146254.0</t>
  </si>
  <si>
    <t>77540.0</t>
  </si>
  <si>
    <t>68714.0</t>
  </si>
  <si>
    <t>137.38</t>
  </si>
  <si>
    <t>72.84</t>
  </si>
  <si>
    <t>64.55</t>
  </si>
  <si>
    <t>5664.0</t>
  </si>
  <si>
    <t>146496.0</t>
  </si>
  <si>
    <t>77745.0</t>
  </si>
  <si>
    <t>68751.0</t>
  </si>
  <si>
    <t>137.61</t>
  </si>
  <si>
    <t>73.03</t>
  </si>
  <si>
    <t>64.58</t>
  </si>
  <si>
    <t>146793.0</t>
  </si>
  <si>
    <t>77973.0</t>
  </si>
  <si>
    <t>68820.0</t>
  </si>
  <si>
    <t>137.89</t>
  </si>
  <si>
    <t>64.64</t>
  </si>
  <si>
    <t>147080.0</t>
  </si>
  <si>
    <t>78173.0</t>
  </si>
  <si>
    <t>68907.0</t>
  </si>
  <si>
    <t>138.16</t>
  </si>
  <si>
    <t>73.43</t>
  </si>
  <si>
    <t>4941.0</t>
  </si>
  <si>
    <t>147363.0</t>
  </si>
  <si>
    <t>78344.0</t>
  </si>
  <si>
    <t>69019.0</t>
  </si>
  <si>
    <t>138.42</t>
  </si>
  <si>
    <t>73.59</t>
  </si>
  <si>
    <t>147577.0</t>
  </si>
  <si>
    <t>78460.0</t>
  </si>
  <si>
    <t>69117.0</t>
  </si>
  <si>
    <t>138.62</t>
  </si>
  <si>
    <t>73.7</t>
  </si>
  <si>
    <t>147653.0</t>
  </si>
  <si>
    <t>78503.0</t>
  </si>
  <si>
    <t>69150.0</t>
  </si>
  <si>
    <t>138.69</t>
  </si>
  <si>
    <t>73.74</t>
  </si>
  <si>
    <t>148225.0</t>
  </si>
  <si>
    <t>78669.0</t>
  </si>
  <si>
    <t>69556.0</t>
  </si>
  <si>
    <t>139.23</t>
  </si>
  <si>
    <t>73.9</t>
  </si>
  <si>
    <t>21.64</t>
  </si>
  <si>
    <t>120.18</t>
  </si>
  <si>
    <t>2301.35545139443</t>
  </si>
  <si>
    <t>148632.0</t>
  </si>
  <si>
    <t>78853.0</t>
  </si>
  <si>
    <t>69779.0</t>
  </si>
  <si>
    <t>139.61</t>
  </si>
  <si>
    <t>74.07</t>
  </si>
  <si>
    <t>65.55</t>
  </si>
  <si>
    <t>148867.0</t>
  </si>
  <si>
    <t>78935.0</t>
  </si>
  <si>
    <t>69932.0</t>
  </si>
  <si>
    <t>139.84</t>
  </si>
  <si>
    <t>74.15</t>
  </si>
  <si>
    <t>65.69</t>
  </si>
  <si>
    <t>2395.0</t>
  </si>
  <si>
    <t>149047.0</t>
  </si>
  <si>
    <t>78997.0</t>
  </si>
  <si>
    <t>70050.0</t>
  </si>
  <si>
    <t>74.2</t>
  </si>
  <si>
    <t>65.8</t>
  </si>
  <si>
    <t>149590.0</t>
  </si>
  <si>
    <t>79209.0</t>
  </si>
  <si>
    <t>70381.0</t>
  </si>
  <si>
    <t>140.51</t>
  </si>
  <si>
    <t>74.4</t>
  </si>
  <si>
    <t>66.11</t>
  </si>
  <si>
    <t>149690.0</t>
  </si>
  <si>
    <t>79261.0</t>
  </si>
  <si>
    <t>70429.0</t>
  </si>
  <si>
    <t>140.61</t>
  </si>
  <si>
    <t>74.45</t>
  </si>
  <si>
    <t>66.16</t>
  </si>
  <si>
    <t>149974.0</t>
  </si>
  <si>
    <t>79341.0</t>
  </si>
  <si>
    <t>70633.0</t>
  </si>
  <si>
    <t>140.87</t>
  </si>
  <si>
    <t>74.53</t>
  </si>
  <si>
    <t>150216.0</t>
  </si>
  <si>
    <t>79400.0</t>
  </si>
  <si>
    <t>70816.0</t>
  </si>
  <si>
    <t>141.1</t>
  </si>
  <si>
    <t>74.58</t>
  </si>
  <si>
    <t>66.52</t>
  </si>
  <si>
    <t>150466.0</t>
  </si>
  <si>
    <t>79475.0</t>
  </si>
  <si>
    <t>70991.0</t>
  </si>
  <si>
    <t>141.34</t>
  </si>
  <si>
    <t>74.65</t>
  </si>
  <si>
    <t>151287.0</t>
  </si>
  <si>
    <t>79801.0</t>
  </si>
  <si>
    <t>71486.0</t>
  </si>
  <si>
    <t>142.11</t>
  </si>
  <si>
    <t>67.15</t>
  </si>
  <si>
    <t>153189.0</t>
  </si>
  <si>
    <t>80344.0</t>
  </si>
  <si>
    <t>72845.0</t>
  </si>
  <si>
    <t>68.43</t>
  </si>
  <si>
    <t>5072.0</t>
  </si>
  <si>
    <t>153193.0</t>
  </si>
  <si>
    <t>80346.0</t>
  </si>
  <si>
    <t>72847.0</t>
  </si>
  <si>
    <t>143.9</t>
  </si>
  <si>
    <t>153597.0</t>
  </si>
  <si>
    <t>80425.0</t>
  </si>
  <si>
    <t>558.0</t>
  </si>
  <si>
    <t>144.28</t>
  </si>
  <si>
    <t>75.55</t>
  </si>
  <si>
    <t>68.73</t>
  </si>
  <si>
    <t>5241.0</t>
  </si>
  <si>
    <t>154061.0</t>
  </si>
  <si>
    <t>80518.0</t>
  </si>
  <si>
    <t>73543.0</t>
  </si>
  <si>
    <t>144.71</t>
  </si>
  <si>
    <t>154447.0</t>
  </si>
  <si>
    <t>80606.0</t>
  </si>
  <si>
    <t>73841.0</t>
  </si>
  <si>
    <t>145.08</t>
  </si>
  <si>
    <t>75.72</t>
  </si>
  <si>
    <t>5674.0</t>
  </si>
  <si>
    <t>5429.0</t>
  </si>
  <si>
    <t>1944.0</t>
  </si>
  <si>
    <t>154700.0</t>
  </si>
  <si>
    <t>80707.0</t>
  </si>
  <si>
    <t>73993.0</t>
  </si>
  <si>
    <t>145.31</t>
  </si>
  <si>
    <t>75.81</t>
  </si>
  <si>
    <t>69.5</t>
  </si>
  <si>
    <t>155093.0</t>
  </si>
  <si>
    <t>80888.0</t>
  </si>
  <si>
    <t>74205.0</t>
  </si>
  <si>
    <t>145.68</t>
  </si>
  <si>
    <t>75.98</t>
  </si>
  <si>
    <t>69.7</t>
  </si>
  <si>
    <t>155119.0</t>
  </si>
  <si>
    <t>80907.0</t>
  </si>
  <si>
    <t>145.71</t>
  </si>
  <si>
    <t>69.71</t>
  </si>
  <si>
    <t>155336.0</t>
  </si>
  <si>
    <t>80976.0</t>
  </si>
  <si>
    <t>74360.0</t>
  </si>
  <si>
    <t>145.91</t>
  </si>
  <si>
    <t>76.06</t>
  </si>
  <si>
    <t>69.85</t>
  </si>
  <si>
    <t>155501.0</t>
  </si>
  <si>
    <t>81036.0</t>
  </si>
  <si>
    <t>74465.0</t>
  </si>
  <si>
    <t>146.07</t>
  </si>
  <si>
    <t>76.12</t>
  </si>
  <si>
    <t>155609.0</t>
  </si>
  <si>
    <t>81124.0</t>
  </si>
  <si>
    <t>74485.0</t>
  </si>
  <si>
    <t>146.17</t>
  </si>
  <si>
    <t>76.2</t>
  </si>
  <si>
    <t>69.97</t>
  </si>
  <si>
    <t>155660.0</t>
  </si>
  <si>
    <t>81149.0</t>
  </si>
  <si>
    <t>74511.0</t>
  </si>
  <si>
    <t>146.22</t>
  </si>
  <si>
    <t>76.23</t>
  </si>
  <si>
    <t>155753.0</t>
  </si>
  <si>
    <t>81187.0</t>
  </si>
  <si>
    <t>74566.0</t>
  </si>
  <si>
    <t>146.3</t>
  </si>
  <si>
    <t>76.26</t>
  </si>
  <si>
    <t>70.04</t>
  </si>
  <si>
    <t>155908.0</t>
  </si>
  <si>
    <t>81238.0</t>
  </si>
  <si>
    <t>74670.0</t>
  </si>
  <si>
    <t>146.45</t>
  </si>
  <si>
    <t>76.31</t>
  </si>
  <si>
    <t>156061.0</t>
  </si>
  <si>
    <t>81319.0</t>
  </si>
  <si>
    <t>74742.0</t>
  </si>
  <si>
    <t>146.59</t>
  </si>
  <si>
    <t>76.39</t>
  </si>
  <si>
    <t>70.21</t>
  </si>
  <si>
    <t>156179.0</t>
  </si>
  <si>
    <t>81374.0</t>
  </si>
  <si>
    <t>74805.0</t>
  </si>
  <si>
    <t>146.7</t>
  </si>
  <si>
    <t>76.44</t>
  </si>
  <si>
    <t>70.27</t>
  </si>
  <si>
    <t>286.5</t>
  </si>
  <si>
    <t>24.23</t>
  </si>
  <si>
    <t>82.18</t>
  </si>
  <si>
    <t>2691.17688499798</t>
  </si>
  <si>
    <t>156355.0</t>
  </si>
  <si>
    <t>81461.0</t>
  </si>
  <si>
    <t>74894.0</t>
  </si>
  <si>
    <t>146.87</t>
  </si>
  <si>
    <t>76.52</t>
  </si>
  <si>
    <t>156357.0</t>
  </si>
  <si>
    <t>81462.0</t>
  </si>
  <si>
    <t>74895.0</t>
  </si>
  <si>
    <t>156561.0</t>
  </si>
  <si>
    <t>81514.0</t>
  </si>
  <si>
    <t>75047.0</t>
  </si>
  <si>
    <t>147.06</t>
  </si>
  <si>
    <t>76.57</t>
  </si>
  <si>
    <t>70.49</t>
  </si>
  <si>
    <t>156764.0</t>
  </si>
  <si>
    <t>81564.0</t>
  </si>
  <si>
    <t>75200.0</t>
  </si>
  <si>
    <t>147.25</t>
  </si>
  <si>
    <t>76.62</t>
  </si>
  <si>
    <t>70.64</t>
  </si>
  <si>
    <t>157007.0</t>
  </si>
  <si>
    <t>81641.0</t>
  </si>
  <si>
    <t>75366.0</t>
  </si>
  <si>
    <t>147.48</t>
  </si>
  <si>
    <t>76.69</t>
  </si>
  <si>
    <t>70.79</t>
  </si>
  <si>
    <t>157212.0</t>
  </si>
  <si>
    <t>81700.0</t>
  </si>
  <si>
    <t>75512.0</t>
  </si>
  <si>
    <t>147.67</t>
  </si>
  <si>
    <t>76.74</t>
  </si>
  <si>
    <t>70.93</t>
  </si>
  <si>
    <t>157355.0</t>
  </si>
  <si>
    <t>81761.0</t>
  </si>
  <si>
    <t>75594.0</t>
  </si>
  <si>
    <t>147.81</t>
  </si>
  <si>
    <t>76.8</t>
  </si>
  <si>
    <t>71.01</t>
  </si>
  <si>
    <t>1343.0</t>
  </si>
  <si>
    <t>75595.0</t>
  </si>
  <si>
    <t>157541.0</t>
  </si>
  <si>
    <t>81871.0</t>
  </si>
  <si>
    <t>75670.0</t>
  </si>
  <si>
    <t>147.98</t>
  </si>
  <si>
    <t>71.08</t>
  </si>
  <si>
    <t>1456.0</t>
  </si>
  <si>
    <t>157665.0</t>
  </si>
  <si>
    <t>81916.0</t>
  </si>
  <si>
    <t>75749.0</t>
  </si>
  <si>
    <t>148.1</t>
  </si>
  <si>
    <t>71.15</t>
  </si>
  <si>
    <t>1212.0</t>
  </si>
  <si>
    <t>157866.0</t>
  </si>
  <si>
    <t>81987.0</t>
  </si>
  <si>
    <t>75879.0</t>
  </si>
  <si>
    <t>148.29</t>
  </si>
  <si>
    <t>77.01</t>
  </si>
  <si>
    <t>71.28</t>
  </si>
  <si>
    <t>157952.0</t>
  </si>
  <si>
    <t>82015.0</t>
  </si>
  <si>
    <t>75937.0</t>
  </si>
  <si>
    <t>148.37</t>
  </si>
  <si>
    <t>71.33</t>
  </si>
  <si>
    <t>158065.0</t>
  </si>
  <si>
    <t>82054.0</t>
  </si>
  <si>
    <t>76011.0</t>
  </si>
  <si>
    <t>148.47</t>
  </si>
  <si>
    <t>158219.0</t>
  </si>
  <si>
    <t>82107.0</t>
  </si>
  <si>
    <t>76112.0</t>
  </si>
  <si>
    <t>148.62</t>
  </si>
  <si>
    <t>77.13</t>
  </si>
  <si>
    <t>71.49</t>
  </si>
  <si>
    <t>158440.0</t>
  </si>
  <si>
    <t>82193.0</t>
  </si>
  <si>
    <t>76247.0</t>
  </si>
  <si>
    <t>148.83</t>
  </si>
  <si>
    <t>77.21</t>
  </si>
  <si>
    <t>71.62</t>
  </si>
  <si>
    <t>158552.0</t>
  </si>
  <si>
    <t>82236.0</t>
  </si>
  <si>
    <t>76316.0</t>
  </si>
  <si>
    <t>148.93</t>
  </si>
  <si>
    <t>77.25</t>
  </si>
  <si>
    <t>158665.0</t>
  </si>
  <si>
    <t>82294.0</t>
  </si>
  <si>
    <t>76371.0</t>
  </si>
  <si>
    <t>149.04</t>
  </si>
  <si>
    <t>71.74</t>
  </si>
  <si>
    <t>158815.0</t>
  </si>
  <si>
    <t>82370.0</t>
  </si>
  <si>
    <t>76445.0</t>
  </si>
  <si>
    <t>77.37</t>
  </si>
  <si>
    <t>71.81</t>
  </si>
  <si>
    <t>158921.0</t>
  </si>
  <si>
    <t>82417.0</t>
  </si>
  <si>
    <t>76504.0</t>
  </si>
  <si>
    <t>149.28</t>
  </si>
  <si>
    <t>77.42</t>
  </si>
  <si>
    <t>71.86</t>
  </si>
  <si>
    <t>159016.0</t>
  </si>
  <si>
    <t>82459.0</t>
  </si>
  <si>
    <t>76557.0</t>
  </si>
  <si>
    <t>149.37</t>
  </si>
  <si>
    <t>77.46</t>
  </si>
  <si>
    <t>71.91</t>
  </si>
  <si>
    <t>159175.0</t>
  </si>
  <si>
    <t>82535.0</t>
  </si>
  <si>
    <t>76640.0</t>
  </si>
  <si>
    <t>149.52</t>
  </si>
  <si>
    <t>77.53</t>
  </si>
  <si>
    <t>71.99</t>
  </si>
  <si>
    <t>159250.0</t>
  </si>
  <si>
    <t>82562.0</t>
  </si>
  <si>
    <t>76688.0</t>
  </si>
  <si>
    <t>149.59</t>
  </si>
  <si>
    <t>77.55</t>
  </si>
  <si>
    <t>159406.0</t>
  </si>
  <si>
    <t>82650.0</t>
  </si>
  <si>
    <t>76756.0</t>
  </si>
  <si>
    <t>149.73</t>
  </si>
  <si>
    <t>77.64</t>
  </si>
  <si>
    <t>26.27</t>
  </si>
  <si>
    <t>3052.81845593139</t>
  </si>
  <si>
    <t>159537.0</t>
  </si>
  <si>
    <t>82682.0</t>
  </si>
  <si>
    <t>76855.0</t>
  </si>
  <si>
    <t>149.86</t>
  </si>
  <si>
    <t>72.19</t>
  </si>
  <si>
    <t>159631.0</t>
  </si>
  <si>
    <t>76902.0</t>
  </si>
  <si>
    <t>149.95</t>
  </si>
  <si>
    <t>77.71</t>
  </si>
  <si>
    <t>72.24</t>
  </si>
  <si>
    <t>159864.0</t>
  </si>
  <si>
    <t>82849.0</t>
  </si>
  <si>
    <t>77015.0</t>
  </si>
  <si>
    <t>150.16</t>
  </si>
  <si>
    <t>77.82</t>
  </si>
  <si>
    <t>72.34</t>
  </si>
  <si>
    <t>160012.0</t>
  </si>
  <si>
    <t>82934.0</t>
  </si>
  <si>
    <t>77078.0</t>
  </si>
  <si>
    <t>150.3</t>
  </si>
  <si>
    <t>77.9</t>
  </si>
  <si>
    <t>160097.0</t>
  </si>
  <si>
    <t>82974.0</t>
  </si>
  <si>
    <t>77123.0</t>
  </si>
  <si>
    <t>150.38</t>
  </si>
  <si>
    <t>77.94</t>
  </si>
  <si>
    <t>160170.0</t>
  </si>
  <si>
    <t>83010.0</t>
  </si>
  <si>
    <t>77160.0</t>
  </si>
  <si>
    <t>150.45</t>
  </si>
  <si>
    <t>77.97</t>
  </si>
  <si>
    <t>160328.0</t>
  </si>
  <si>
    <t>77251.0</t>
  </si>
  <si>
    <t>150.6</t>
  </si>
  <si>
    <t>78.04</t>
  </si>
  <si>
    <t>72.56</t>
  </si>
  <si>
    <t>160438.0</t>
  </si>
  <si>
    <t>83125.0</t>
  </si>
  <si>
    <t>77313.0</t>
  </si>
  <si>
    <t>72.62</t>
  </si>
  <si>
    <t>160561.0</t>
  </si>
  <si>
    <t>83183.0</t>
  </si>
  <si>
    <t>77378.0</t>
  </si>
  <si>
    <t>150.82</t>
  </si>
  <si>
    <t>78.14</t>
  </si>
  <si>
    <t>160659.0</t>
  </si>
  <si>
    <t>77431.0</t>
  </si>
  <si>
    <t>150.91</t>
  </si>
  <si>
    <t>72.73</t>
  </si>
  <si>
    <t>160750.0</t>
  </si>
  <si>
    <t>83272.0</t>
  </si>
  <si>
    <t>77478.0</t>
  </si>
  <si>
    <t>78.22</t>
  </si>
  <si>
    <t>72.78</t>
  </si>
  <si>
    <t>780.0</t>
  </si>
  <si>
    <t>160871.0</t>
  </si>
  <si>
    <t>83309.0</t>
  </si>
  <si>
    <t>77562.0</t>
  </si>
  <si>
    <t>151.11</t>
  </si>
  <si>
    <t>78.25</t>
  </si>
  <si>
    <t>72.86</t>
  </si>
  <si>
    <t>160951.0</t>
  </si>
  <si>
    <t>83346.0</t>
  </si>
  <si>
    <t>77605.0</t>
  </si>
  <si>
    <t>151.19</t>
  </si>
  <si>
    <t>78.29</t>
  </si>
  <si>
    <t>161112.0</t>
  </si>
  <si>
    <t>83424.0</t>
  </si>
  <si>
    <t>77688.0</t>
  </si>
  <si>
    <t>151.34</t>
  </si>
  <si>
    <t>78.36</t>
  </si>
  <si>
    <t>72.97</t>
  </si>
  <si>
    <t>161113.0</t>
  </si>
  <si>
    <t>77689.0</t>
  </si>
  <si>
    <t>72.98</t>
  </si>
  <si>
    <t>161200.0</t>
  </si>
  <si>
    <t>83456.0</t>
  </si>
  <si>
    <t>77744.0</t>
  </si>
  <si>
    <t>151.42</t>
  </si>
  <si>
    <t>78.39</t>
  </si>
  <si>
    <t>161207.0</t>
  </si>
  <si>
    <t>83457.0</t>
  </si>
  <si>
    <t>77750.0</t>
  </si>
  <si>
    <t>151.43</t>
  </si>
  <si>
    <t>161336.0</t>
  </si>
  <si>
    <t>83504.0</t>
  </si>
  <si>
    <t>77832.0</t>
  </si>
  <si>
    <t>151.55</t>
  </si>
  <si>
    <t>161401.0</t>
  </si>
  <si>
    <t>83524.0</t>
  </si>
  <si>
    <t>77877.0</t>
  </si>
  <si>
    <t>151.61</t>
  </si>
  <si>
    <t>73.15</t>
  </si>
  <si>
    <t>161559.0</t>
  </si>
  <si>
    <t>83592.0</t>
  </si>
  <si>
    <t>77967.0</t>
  </si>
  <si>
    <t>151.76</t>
  </si>
  <si>
    <t>161593.0</t>
  </si>
  <si>
    <t>83604.0</t>
  </si>
  <si>
    <t>77989.0</t>
  </si>
  <si>
    <t>151.79</t>
  </si>
  <si>
    <t>78.53</t>
  </si>
  <si>
    <t>73.26</t>
  </si>
  <si>
    <t>161611.0</t>
  </si>
  <si>
    <t>83619.0</t>
  </si>
  <si>
    <t>77992.0</t>
  </si>
  <si>
    <t>151.81</t>
  </si>
  <si>
    <t>78.55</t>
  </si>
  <si>
    <t>161635.0</t>
  </si>
  <si>
    <t>83637.0</t>
  </si>
  <si>
    <t>77998.0</t>
  </si>
  <si>
    <t>151.83</t>
  </si>
  <si>
    <t>78.56</t>
  </si>
  <si>
    <t>73.27</t>
  </si>
  <si>
    <t>161639.0</t>
  </si>
  <si>
    <t>83638.0</t>
  </si>
  <si>
    <t>78001.0</t>
  </si>
  <si>
    <t>161643.0</t>
  </si>
  <si>
    <t>83640.0</t>
  </si>
  <si>
    <t>78003.0</t>
  </si>
  <si>
    <t>151.84</t>
  </si>
  <si>
    <t>78.57</t>
  </si>
  <si>
    <t>345.1</t>
  </si>
  <si>
    <t>3241.6235358213</t>
  </si>
  <si>
    <t>161648.0</t>
  </si>
  <si>
    <t>83641.0</t>
  </si>
  <si>
    <t>78007.0</t>
  </si>
  <si>
    <t>161779.0</t>
  </si>
  <si>
    <t>83688.0</t>
  </si>
  <si>
    <t>78091.0</t>
  </si>
  <si>
    <t>151.96</t>
  </si>
  <si>
    <t>78.61</t>
  </si>
  <si>
    <t>73.35</t>
  </si>
  <si>
    <t>161913.0</t>
  </si>
  <si>
    <t>83754.0</t>
  </si>
  <si>
    <t>78159.0</t>
  </si>
  <si>
    <t>152.09</t>
  </si>
  <si>
    <t>78.67</t>
  </si>
  <si>
    <t>162010.0</t>
  </si>
  <si>
    <t>83795.0</t>
  </si>
  <si>
    <t>78215.0</t>
  </si>
  <si>
    <t>152.18</t>
  </si>
  <si>
    <t>78.71</t>
  </si>
  <si>
    <t>73.47</t>
  </si>
  <si>
    <t>162121.0</t>
  </si>
  <si>
    <t>83844.0</t>
  </si>
  <si>
    <t>78277.0</t>
  </si>
  <si>
    <t>152.28</t>
  </si>
  <si>
    <t>73.53</t>
  </si>
  <si>
    <t>162199.0</t>
  </si>
  <si>
    <t>83876.0</t>
  </si>
  <si>
    <t>78323.0</t>
  </si>
  <si>
    <t>152.36</t>
  </si>
  <si>
    <t>78.79</t>
  </si>
  <si>
    <t>73.57</t>
  </si>
  <si>
    <t>162275.0</t>
  </si>
  <si>
    <t>83902.0</t>
  </si>
  <si>
    <t>78373.0</t>
  </si>
  <si>
    <t>152.43</t>
  </si>
  <si>
    <t>78.81</t>
  </si>
  <si>
    <t>73.62</t>
  </si>
  <si>
    <t>162343.0</t>
  </si>
  <si>
    <t>83936.0</t>
  </si>
  <si>
    <t>78407.0</t>
  </si>
  <si>
    <t>152.49</t>
  </si>
  <si>
    <t>78.84</t>
  </si>
  <si>
    <t>73.65</t>
  </si>
  <si>
    <t>162443.0</t>
  </si>
  <si>
    <t>83985.0</t>
  </si>
  <si>
    <t>78458.0</t>
  </si>
  <si>
    <t>152.59</t>
  </si>
  <si>
    <t>78.89</t>
  </si>
  <si>
    <t>162487.0</t>
  </si>
  <si>
    <t>84014.0</t>
  </si>
  <si>
    <t>78473.0</t>
  </si>
  <si>
    <t>152.63</t>
  </si>
  <si>
    <t>78.92</t>
  </si>
  <si>
    <t>73.71</t>
  </si>
  <si>
    <t>162566.0</t>
  </si>
  <si>
    <t>84051.0</t>
  </si>
  <si>
    <t>78515.0</t>
  </si>
  <si>
    <t>152.7</t>
  </si>
  <si>
    <t>78.95</t>
  </si>
  <si>
    <t>73.75</t>
  </si>
  <si>
    <t>162623.0</t>
  </si>
  <si>
    <t>84084.0</t>
  </si>
  <si>
    <t>78539.0</t>
  </si>
  <si>
    <t>152.76</t>
  </si>
  <si>
    <t>78.98</t>
  </si>
  <si>
    <t>162818.0</t>
  </si>
  <si>
    <t>84191.0</t>
  </si>
  <si>
    <t>78627.0</t>
  </si>
  <si>
    <t>152.94</t>
  </si>
  <si>
    <t>79.08</t>
  </si>
  <si>
    <t>73.86</t>
  </si>
  <si>
    <t>163047.0</t>
  </si>
  <si>
    <t>84345.0</t>
  </si>
  <si>
    <t>78702.0</t>
  </si>
  <si>
    <t>153.15</t>
  </si>
  <si>
    <t>79.23</t>
  </si>
  <si>
    <t>73.93</t>
  </si>
  <si>
    <t>163181.0</t>
  </si>
  <si>
    <t>84430.0</t>
  </si>
  <si>
    <t>78751.0</t>
  </si>
  <si>
    <t>153.28</t>
  </si>
  <si>
    <t>79.31</t>
  </si>
  <si>
    <t>73.97</t>
  </si>
  <si>
    <t>163322.0</t>
  </si>
  <si>
    <t>84513.0</t>
  </si>
  <si>
    <t>153.41</t>
  </si>
  <si>
    <t>79.39</t>
  </si>
  <si>
    <t>74.03</t>
  </si>
  <si>
    <t>163323.0</t>
  </si>
  <si>
    <t>78810.0</t>
  </si>
  <si>
    <t>163444.0</t>
  </si>
  <si>
    <t>84567.0</t>
  </si>
  <si>
    <t>78877.0</t>
  </si>
  <si>
    <t>153.53</t>
  </si>
  <si>
    <t>79.44</t>
  </si>
  <si>
    <t>74.09</t>
  </si>
  <si>
    <t>163652.0</t>
  </si>
  <si>
    <t>84694.0</t>
  </si>
  <si>
    <t>78958.0</t>
  </si>
  <si>
    <t>153.72</t>
  </si>
  <si>
    <t>79.56</t>
  </si>
  <si>
    <t>163759.0</t>
  </si>
  <si>
    <t>84751.0</t>
  </si>
  <si>
    <t>79008.0</t>
  </si>
  <si>
    <t>153.82</t>
  </si>
  <si>
    <t>74.21</t>
  </si>
  <si>
    <t>352.2</t>
  </si>
  <si>
    <t>11.85</t>
  </si>
  <si>
    <t>3308.31587747396</t>
  </si>
  <si>
    <t>163843.0</t>
  </si>
  <si>
    <t>84813.0</t>
  </si>
  <si>
    <t>79030.0</t>
  </si>
  <si>
    <t>79.67</t>
  </si>
  <si>
    <t>74.24</t>
  </si>
  <si>
    <t>163956.0</t>
  </si>
  <si>
    <t>84884.0</t>
  </si>
  <si>
    <t>79072.0</t>
  </si>
  <si>
    <t>154.01</t>
  </si>
  <si>
    <t>79.73</t>
  </si>
  <si>
    <t>74.27</t>
  </si>
  <si>
    <t>164103.0</t>
  </si>
  <si>
    <t>84970.0</t>
  </si>
  <si>
    <t>79133.0</t>
  </si>
  <si>
    <t>79.81</t>
  </si>
  <si>
    <t>74.33</t>
  </si>
  <si>
    <t>164165.0</t>
  </si>
  <si>
    <t>85004.0</t>
  </si>
  <si>
    <t>79161.0</t>
  </si>
  <si>
    <t>154.2</t>
  </si>
  <si>
    <t>74.36</t>
  </si>
  <si>
    <t>164295.0</t>
  </si>
  <si>
    <t>85073.0</t>
  </si>
  <si>
    <t>79222.0</t>
  </si>
  <si>
    <t>154.33</t>
  </si>
  <si>
    <t>79.91</t>
  </si>
  <si>
    <t>74.42</t>
  </si>
  <si>
    <t>164348.0</t>
  </si>
  <si>
    <t>85106.0</t>
  </si>
  <si>
    <t>79242.0</t>
  </si>
  <si>
    <t>154.38</t>
  </si>
  <si>
    <t>79.94</t>
  </si>
  <si>
    <t>74.43</t>
  </si>
  <si>
    <t>164494.0</t>
  </si>
  <si>
    <t>85168.0</t>
  </si>
  <si>
    <t>79326.0</t>
  </si>
  <si>
    <t>154.51</t>
  </si>
  <si>
    <t>74.51</t>
  </si>
  <si>
    <t>164546.0</t>
  </si>
  <si>
    <t>85191.0</t>
  </si>
  <si>
    <t>79355.0</t>
  </si>
  <si>
    <t>154.56</t>
  </si>
  <si>
    <t>80.02</t>
  </si>
  <si>
    <t>74.54</t>
  </si>
  <si>
    <t>164625.0</t>
  </si>
  <si>
    <t>85237.0</t>
  </si>
  <si>
    <t>79388.0</t>
  </si>
  <si>
    <t>154.64</t>
  </si>
  <si>
    <t>80.07</t>
  </si>
  <si>
    <t>74.57</t>
  </si>
  <si>
    <t>164635.0</t>
  </si>
  <si>
    <t>85244.0</t>
  </si>
  <si>
    <t>79391.0</t>
  </si>
  <si>
    <t>154.65</t>
  </si>
  <si>
    <t>164725.0</t>
  </si>
  <si>
    <t>85307.0</t>
  </si>
  <si>
    <t>79418.0</t>
  </si>
  <si>
    <t>154.73</t>
  </si>
  <si>
    <t>80.13</t>
  </si>
  <si>
    <t>164833.0</t>
  </si>
  <si>
    <t>85362.0</t>
  </si>
  <si>
    <t>79471.0</t>
  </si>
  <si>
    <t>154.83</t>
  </si>
  <si>
    <t>80.18</t>
  </si>
  <si>
    <t>164933.0</t>
  </si>
  <si>
    <t>85415.0</t>
  </si>
  <si>
    <t>79518.0</t>
  </si>
  <si>
    <t>154.93</t>
  </si>
  <si>
    <t>74.69</t>
  </si>
  <si>
    <t>165016.0</t>
  </si>
  <si>
    <t>85460.0</t>
  </si>
  <si>
    <t>79556.0</t>
  </si>
  <si>
    <t>80.28</t>
  </si>
  <si>
    <t>165593.0</t>
  </si>
  <si>
    <t>85962.0</t>
  </si>
  <si>
    <t>79631.0</t>
  </si>
  <si>
    <t>155.55</t>
  </si>
  <si>
    <t>74.8</t>
  </si>
  <si>
    <t>165703.0</t>
  </si>
  <si>
    <t>86072.0</t>
  </si>
  <si>
    <t>155.65</t>
  </si>
  <si>
    <t>166004.0</t>
  </si>
  <si>
    <t>86373.0</t>
  </si>
  <si>
    <t>155.93</t>
  </si>
  <si>
    <t>166117.0</t>
  </si>
  <si>
    <t>86444.0</t>
  </si>
  <si>
    <t>79673.0</t>
  </si>
  <si>
    <t>156.04</t>
  </si>
  <si>
    <t>81.2</t>
  </si>
  <si>
    <t>74.84</t>
  </si>
  <si>
    <t>166235.0</t>
  </si>
  <si>
    <t>86509.0</t>
  </si>
  <si>
    <t>79726.0</t>
  </si>
  <si>
    <t>156.15</t>
  </si>
  <si>
    <t>81.26</t>
  </si>
  <si>
    <t>74.89</t>
  </si>
  <si>
    <t>166344.0</t>
  </si>
  <si>
    <t>86579.0</t>
  </si>
  <si>
    <t>79765.0</t>
  </si>
  <si>
    <t>156.25</t>
  </si>
  <si>
    <t>74.93</t>
  </si>
  <si>
    <t>166440.0</t>
  </si>
  <si>
    <t>86627.0</t>
  </si>
  <si>
    <t>79813.0</t>
  </si>
  <si>
    <t>156.34</t>
  </si>
  <si>
    <t>74.97</t>
  </si>
  <si>
    <t>166531.0</t>
  </si>
  <si>
    <t>86667.0</t>
  </si>
  <si>
    <t>79864.0</t>
  </si>
  <si>
    <t>156.43</t>
  </si>
  <si>
    <t>75.02</t>
  </si>
  <si>
    <t>166610.0</t>
  </si>
  <si>
    <t>86709.0</t>
  </si>
  <si>
    <t>79901.0</t>
  </si>
  <si>
    <t>81.45</t>
  </si>
  <si>
    <t>75.05</t>
  </si>
  <si>
    <t>166692.0</t>
  </si>
  <si>
    <t>86761.0</t>
  </si>
  <si>
    <t>79931.0</t>
  </si>
  <si>
    <t>156.58</t>
  </si>
  <si>
    <t>75.08</t>
  </si>
  <si>
    <t>166780.0</t>
  </si>
  <si>
    <t>86815.0</t>
  </si>
  <si>
    <t>79965.0</t>
  </si>
  <si>
    <t>156.66</t>
  </si>
  <si>
    <t>75.11</t>
  </si>
  <si>
    <t>166865.0</t>
  </si>
  <si>
    <t>86871.0</t>
  </si>
  <si>
    <t>79994.0</t>
  </si>
  <si>
    <t>156.74</t>
  </si>
  <si>
    <t>75.14</t>
  </si>
  <si>
    <t>166939.0</t>
  </si>
  <si>
    <t>86912.0</t>
  </si>
  <si>
    <t>80027.0</t>
  </si>
  <si>
    <t>156.81</t>
  </si>
  <si>
    <t>75.17</t>
  </si>
  <si>
    <t>167042.0</t>
  </si>
  <si>
    <t>86972.0</t>
  </si>
  <si>
    <t>80070.0</t>
  </si>
  <si>
    <t>156.91</t>
  </si>
  <si>
    <t>81.7</t>
  </si>
  <si>
    <t>75.21</t>
  </si>
  <si>
    <t>167119.0</t>
  </si>
  <si>
    <t>87014.0</t>
  </si>
  <si>
    <t>80105.0</t>
  </si>
  <si>
    <t>156.98</t>
  </si>
  <si>
    <t>75.24</t>
  </si>
  <si>
    <t>167205.0</t>
  </si>
  <si>
    <t>87062.0</t>
  </si>
  <si>
    <t>80143.0</t>
  </si>
  <si>
    <t>157.06</t>
  </si>
  <si>
    <t>75.28</t>
  </si>
  <si>
    <t>167267.0</t>
  </si>
  <si>
    <t>87094.0</t>
  </si>
  <si>
    <t>80173.0</t>
  </si>
  <si>
    <t>157.12</t>
  </si>
  <si>
    <t>75.31</t>
  </si>
  <si>
    <t>167315.0</t>
  </si>
  <si>
    <t>87115.0</t>
  </si>
  <si>
    <t>80200.0</t>
  </si>
  <si>
    <t>157.16</t>
  </si>
  <si>
    <t>81.83</t>
  </si>
  <si>
    <t>75.33</t>
  </si>
  <si>
    <t>167391.0</t>
  </si>
  <si>
    <t>87157.0</t>
  </si>
  <si>
    <t>157.24</t>
  </si>
  <si>
    <t>75.37</t>
  </si>
  <si>
    <t>167471.0</t>
  </si>
  <si>
    <t>87200.0</t>
  </si>
  <si>
    <t>80271.0</t>
  </si>
  <si>
    <t>157.31</t>
  </si>
  <si>
    <t>81.91</t>
  </si>
  <si>
    <t>75.4</t>
  </si>
  <si>
    <t>167581.0</t>
  </si>
  <si>
    <t>87259.0</t>
  </si>
  <si>
    <t>80322.0</t>
  </si>
  <si>
    <t>157.41</t>
  </si>
  <si>
    <t>81.96</t>
  </si>
  <si>
    <t>75.45</t>
  </si>
  <si>
    <t>167634.0</t>
  </si>
  <si>
    <t>87292.0</t>
  </si>
  <si>
    <t>80342.0</t>
  </si>
  <si>
    <t>157.46</t>
  </si>
  <si>
    <t>167681.0</t>
  </si>
  <si>
    <t>87311.0</t>
  </si>
  <si>
    <t>80370.0</t>
  </si>
  <si>
    <t>157.51</t>
  </si>
  <si>
    <t>82.01</t>
  </si>
  <si>
    <t>75.49</t>
  </si>
  <si>
    <t>167717.0</t>
  </si>
  <si>
    <t>87330.0</t>
  </si>
  <si>
    <t>80387.0</t>
  </si>
  <si>
    <t>157.54</t>
  </si>
  <si>
    <t>82.03</t>
  </si>
  <si>
    <t>75.51</t>
  </si>
  <si>
    <t>167759.0</t>
  </si>
  <si>
    <t>87350.0</t>
  </si>
  <si>
    <t>80409.0</t>
  </si>
  <si>
    <t>157.58</t>
  </si>
  <si>
    <t>82.05</t>
  </si>
  <si>
    <t>75.53</t>
  </si>
  <si>
    <t>167820.0</t>
  </si>
  <si>
    <t>87378.0</t>
  </si>
  <si>
    <t>80442.0</t>
  </si>
  <si>
    <t>157.64</t>
  </si>
  <si>
    <t>75.56</t>
  </si>
  <si>
    <t>167903.0</t>
  </si>
  <si>
    <t>87419.0</t>
  </si>
  <si>
    <t>80484.0</t>
  </si>
  <si>
    <t>157.72</t>
  </si>
  <si>
    <t>82.12</t>
  </si>
  <si>
    <t>75.6</t>
  </si>
  <si>
    <t>167957.0</t>
  </si>
  <si>
    <t>87447.0</t>
  </si>
  <si>
    <t>80510.0</t>
  </si>
  <si>
    <t>157.77</t>
  </si>
  <si>
    <t>167993.0</t>
  </si>
  <si>
    <t>87465.0</t>
  </si>
  <si>
    <t>80528.0</t>
  </si>
  <si>
    <t>157.8</t>
  </si>
  <si>
    <t>75.64</t>
  </si>
  <si>
    <t>168036.0</t>
  </si>
  <si>
    <t>87485.0</t>
  </si>
  <si>
    <t>80551.0</t>
  </si>
  <si>
    <t>157.84</t>
  </si>
  <si>
    <t>168040.0</t>
  </si>
  <si>
    <t>87487.0</t>
  </si>
  <si>
    <t>80553.0</t>
  </si>
  <si>
    <t>75.67</t>
  </si>
  <si>
    <t>168093.0</t>
  </si>
  <si>
    <t>87511.0</t>
  </si>
  <si>
    <t>80582.0</t>
  </si>
  <si>
    <t>157.89</t>
  </si>
  <si>
    <t>75.69</t>
  </si>
  <si>
    <t>168150.0</t>
  </si>
  <si>
    <t>87542.0</t>
  </si>
  <si>
    <t>80608.0</t>
  </si>
  <si>
    <t>157.95</t>
  </si>
  <si>
    <t>168196.0</t>
  </si>
  <si>
    <t>87563.0</t>
  </si>
  <si>
    <t>80633.0</t>
  </si>
  <si>
    <t>157.99</t>
  </si>
  <si>
    <t>75.74</t>
  </si>
  <si>
    <t>168309.0</t>
  </si>
  <si>
    <t>87620.0</t>
  </si>
  <si>
    <t>80689.0</t>
  </si>
  <si>
    <t>158.1</t>
  </si>
  <si>
    <t>75.79</t>
  </si>
  <si>
    <t>168314.0</t>
  </si>
  <si>
    <t>87621.0</t>
  </si>
  <si>
    <t>80693.0</t>
  </si>
  <si>
    <t>168364.0</t>
  </si>
  <si>
    <t>87651.0</t>
  </si>
  <si>
    <t>80713.0</t>
  </si>
  <si>
    <t>158.15</t>
  </si>
  <si>
    <t>75.82</t>
  </si>
  <si>
    <t>168404.0</t>
  </si>
  <si>
    <t>87676.0</t>
  </si>
  <si>
    <t>80728.0</t>
  </si>
  <si>
    <t>158.19</t>
  </si>
  <si>
    <t>82.36</t>
  </si>
  <si>
    <t>75.83</t>
  </si>
  <si>
    <t>168442.0</t>
  </si>
  <si>
    <t>87694.0</t>
  </si>
  <si>
    <t>80748.0</t>
  </si>
  <si>
    <t>158.22</t>
  </si>
  <si>
    <t>75.85</t>
  </si>
  <si>
    <t>168495.0</t>
  </si>
  <si>
    <t>87725.0</t>
  </si>
  <si>
    <t>80770.0</t>
  </si>
  <si>
    <t>158.27</t>
  </si>
  <si>
    <t>75.87</t>
  </si>
  <si>
    <t>168599.0</t>
  </si>
  <si>
    <t>80856.0</t>
  </si>
  <si>
    <t>75.95</t>
  </si>
  <si>
    <t>168695.0</t>
  </si>
  <si>
    <t>87761.0</t>
  </si>
  <si>
    <t>80934.0</t>
  </si>
  <si>
    <t>158.46</t>
  </si>
  <si>
    <t>76.02</t>
  </si>
  <si>
    <t>168816.0</t>
  </si>
  <si>
    <t>87789.0</t>
  </si>
  <si>
    <t>81027.0</t>
  </si>
  <si>
    <t>158.57</t>
  </si>
  <si>
    <t>76.11</t>
  </si>
  <si>
    <t>168887.0</t>
  </si>
  <si>
    <t>87804.0</t>
  </si>
  <si>
    <t>81083.0</t>
  </si>
  <si>
    <t>158.64</t>
  </si>
  <si>
    <t>82.48</t>
  </si>
  <si>
    <t>76.16</t>
  </si>
  <si>
    <t>169010.0</t>
  </si>
  <si>
    <t>87829.0</t>
  </si>
  <si>
    <t>81181.0</t>
  </si>
  <si>
    <t>158.76</t>
  </si>
  <si>
    <t>169017.0</t>
  </si>
  <si>
    <t>87833.0</t>
  </si>
  <si>
    <t>81184.0</t>
  </si>
  <si>
    <t>169131.0</t>
  </si>
  <si>
    <t>87854.0</t>
  </si>
  <si>
    <t>81277.0</t>
  </si>
  <si>
    <t>158.87</t>
  </si>
  <si>
    <t>82.52</t>
  </si>
  <si>
    <t>76.35</t>
  </si>
  <si>
    <t>169231.0</t>
  </si>
  <si>
    <t>87884.0</t>
  </si>
  <si>
    <t>81347.0</t>
  </si>
  <si>
    <t>158.96</t>
  </si>
  <si>
    <t>76.41</t>
  </si>
  <si>
    <t>169304.0</t>
  </si>
  <si>
    <t>87905.0</t>
  </si>
  <si>
    <t>81399.0</t>
  </si>
  <si>
    <t>159.03</t>
  </si>
  <si>
    <t>76.46</t>
  </si>
  <si>
    <t>169341.0</t>
  </si>
  <si>
    <t>87919.0</t>
  </si>
  <si>
    <t>81422.0</t>
  </si>
  <si>
    <t>159.07</t>
  </si>
  <si>
    <t>76.48</t>
  </si>
  <si>
    <t>169420.0</t>
  </si>
  <si>
    <t>87959.0</t>
  </si>
  <si>
    <t>159.14</t>
  </si>
  <si>
    <t>169468.0</t>
  </si>
  <si>
    <t>87972.0</t>
  </si>
  <si>
    <t>81496.0</t>
  </si>
  <si>
    <t>159.19</t>
  </si>
  <si>
    <t>169526.0</t>
  </si>
  <si>
    <t>87991.0</t>
  </si>
  <si>
    <t>81535.0</t>
  </si>
  <si>
    <t>159.24</t>
  </si>
  <si>
    <t>76.59</t>
  </si>
  <si>
    <t>169559.0</t>
  </si>
  <si>
    <t>88006.0</t>
  </si>
  <si>
    <t>81553.0</t>
  </si>
  <si>
    <t>159.27</t>
  </si>
  <si>
    <t>76.61</t>
  </si>
  <si>
    <t>169591.0</t>
  </si>
  <si>
    <t>88013.0</t>
  </si>
  <si>
    <t>81578.0</t>
  </si>
  <si>
    <t>159.3</t>
  </si>
  <si>
    <t>76.63</t>
  </si>
  <si>
    <t>169674.0</t>
  </si>
  <si>
    <t>88051.0</t>
  </si>
  <si>
    <t>81623.0</t>
  </si>
  <si>
    <t>159.38</t>
  </si>
  <si>
    <t>169728.0</t>
  </si>
  <si>
    <t>88073.0</t>
  </si>
  <si>
    <t>81655.0</t>
  </si>
  <si>
    <t>159.43</t>
  </si>
  <si>
    <t>169782.0</t>
  </si>
  <si>
    <t>88103.0</t>
  </si>
  <si>
    <t>81679.0</t>
  </si>
  <si>
    <t>159.48</t>
  </si>
  <si>
    <t>76.72</t>
  </si>
  <si>
    <t>169859.0</t>
  </si>
  <si>
    <t>88141.0</t>
  </si>
  <si>
    <t>81718.0</t>
  </si>
  <si>
    <t>159.55</t>
  </si>
  <si>
    <t>169887.0</t>
  </si>
  <si>
    <t>88155.0</t>
  </si>
  <si>
    <t>81732.0</t>
  </si>
  <si>
    <t>159.58</t>
  </si>
  <si>
    <t>76.77</t>
  </si>
  <si>
    <t>169961.0</t>
  </si>
  <si>
    <t>88187.0</t>
  </si>
  <si>
    <t>81774.0</t>
  </si>
  <si>
    <t>159.65</t>
  </si>
  <si>
    <t>76.81</t>
  </si>
  <si>
    <t>170016.0</t>
  </si>
  <si>
    <t>88216.0</t>
  </si>
  <si>
    <t>81800.0</t>
  </si>
  <si>
    <t>159.7</t>
  </si>
  <si>
    <t>76.84</t>
  </si>
  <si>
    <t>170084.0</t>
  </si>
  <si>
    <t>88258.0</t>
  </si>
  <si>
    <t>81826.0</t>
  </si>
  <si>
    <t>159.76</t>
  </si>
  <si>
    <t>76.86</t>
  </si>
  <si>
    <t>170149.0</t>
  </si>
  <si>
    <t>88293.0</t>
  </si>
  <si>
    <t>81856.0</t>
  </si>
  <si>
    <t>159.83</t>
  </si>
  <si>
    <t>170205.0</t>
  </si>
  <si>
    <t>88325.0</t>
  </si>
  <si>
    <t>81880.0</t>
  </si>
  <si>
    <t>159.88</t>
  </si>
  <si>
    <t>76.91</t>
  </si>
  <si>
    <t>170252.0</t>
  </si>
  <si>
    <t>88348.0</t>
  </si>
  <si>
    <t>81904.0</t>
  </si>
  <si>
    <t>170254.0</t>
  </si>
  <si>
    <t>88350.0</t>
  </si>
  <si>
    <t>170293.0</t>
  </si>
  <si>
    <t>88370.0</t>
  </si>
  <si>
    <t>81923.0</t>
  </si>
  <si>
    <t>159.96</t>
  </si>
  <si>
    <t>170323.0</t>
  </si>
  <si>
    <t>88386.0</t>
  </si>
  <si>
    <t>81937.0</t>
  </si>
  <si>
    <t>159.99</t>
  </si>
  <si>
    <t>76.97</t>
  </si>
  <si>
    <t>170371.0</t>
  </si>
  <si>
    <t>88408.0</t>
  </si>
  <si>
    <t>81963.0</t>
  </si>
  <si>
    <t>160.03</t>
  </si>
  <si>
    <t>76.99</t>
  </si>
  <si>
    <t>170421.0</t>
  </si>
  <si>
    <t>88437.0</t>
  </si>
  <si>
    <t>81984.0</t>
  </si>
  <si>
    <t>160.08</t>
  </si>
  <si>
    <t>170457.0</t>
  </si>
  <si>
    <t>88452.0</t>
  </si>
  <si>
    <t>82005.0</t>
  </si>
  <si>
    <t>160.12</t>
  </si>
  <si>
    <t>77.03</t>
  </si>
  <si>
    <t>170501.0</t>
  </si>
  <si>
    <t>88488.0</t>
  </si>
  <si>
    <t>82013.0</t>
  </si>
  <si>
    <t>160.16</t>
  </si>
  <si>
    <t>170532.0</t>
  </si>
  <si>
    <t>88511.0</t>
  </si>
  <si>
    <t>82021.0</t>
  </si>
  <si>
    <t>160.19</t>
  </si>
  <si>
    <t>170575.0</t>
  </si>
  <si>
    <t>88532.0</t>
  </si>
  <si>
    <t>82043.0</t>
  </si>
  <si>
    <t>160.23</t>
  </si>
  <si>
    <t>170621.0</t>
  </si>
  <si>
    <t>88558.0</t>
  </si>
  <si>
    <t>82063.0</t>
  </si>
  <si>
    <t>160.27</t>
  </si>
  <si>
    <t>170670.0</t>
  </si>
  <si>
    <t>88581.0</t>
  </si>
  <si>
    <t>82089.0</t>
  </si>
  <si>
    <t>160.32</t>
  </si>
  <si>
    <t>77.11</t>
  </si>
  <si>
    <t>170732.0</t>
  </si>
  <si>
    <t>88606.0</t>
  </si>
  <si>
    <t>82126.0</t>
  </si>
  <si>
    <t>160.37</t>
  </si>
  <si>
    <t>77.14</t>
  </si>
  <si>
    <t>170772.0</t>
  </si>
  <si>
    <t>82154.0</t>
  </si>
  <si>
    <t>160.41</t>
  </si>
  <si>
    <t>77.17</t>
  </si>
  <si>
    <t>170813.0</t>
  </si>
  <si>
    <t>88638.0</t>
  </si>
  <si>
    <t>82175.0</t>
  </si>
  <si>
    <t>160.45</t>
  </si>
  <si>
    <t>77.19</t>
  </si>
  <si>
    <t>170854.0</t>
  </si>
  <si>
    <t>88659.0</t>
  </si>
  <si>
    <t>82195.0</t>
  </si>
  <si>
    <t>160.49</t>
  </si>
  <si>
    <t>170890.0</t>
  </si>
  <si>
    <t>88672.0</t>
  </si>
  <si>
    <t>82218.0</t>
  </si>
  <si>
    <t>160.52</t>
  </si>
  <si>
    <t>77.23</t>
  </si>
  <si>
    <t>170938.0</t>
  </si>
  <si>
    <t>88702.0</t>
  </si>
  <si>
    <t>160.57</t>
  </si>
  <si>
    <t>170979.0</t>
  </si>
  <si>
    <t>88731.0</t>
  </si>
  <si>
    <t>82248.0</t>
  </si>
  <si>
    <t>160.61</t>
  </si>
  <si>
    <t>83.35</t>
  </si>
  <si>
    <t>77.26</t>
  </si>
  <si>
    <t>171017.0</t>
  </si>
  <si>
    <t>88744.0</t>
  </si>
  <si>
    <t>82273.0</t>
  </si>
  <si>
    <t>160.64</t>
  </si>
  <si>
    <t>77.28</t>
  </si>
  <si>
    <t>171064.0</t>
  </si>
  <si>
    <t>88772.0</t>
  </si>
  <si>
    <t>82292.0</t>
  </si>
  <si>
    <t>160.69</t>
  </si>
  <si>
    <t>83.39</t>
  </si>
  <si>
    <t>171109.0</t>
  </si>
  <si>
    <t>88792.0</t>
  </si>
  <si>
    <t>82317.0</t>
  </si>
  <si>
    <t>160.73</t>
  </si>
  <si>
    <t>83.4</t>
  </si>
  <si>
    <t>77.32</t>
  </si>
  <si>
    <t>171159.0</t>
  </si>
  <si>
    <t>88814.0</t>
  </si>
  <si>
    <t>82345.0</t>
  </si>
  <si>
    <t>160.77</t>
  </si>
  <si>
    <t>77.35</t>
  </si>
  <si>
    <t>171192.0</t>
  </si>
  <si>
    <t>88828.0</t>
  </si>
  <si>
    <t>82364.0</t>
  </si>
  <si>
    <t>160.81</t>
  </si>
  <si>
    <t>83.44</t>
  </si>
  <si>
    <t>171229.0</t>
  </si>
  <si>
    <t>88842.0</t>
  </si>
  <si>
    <t>82387.0</t>
  </si>
  <si>
    <t>160.84</t>
  </si>
  <si>
    <t>83.45</t>
  </si>
  <si>
    <t>77.39</t>
  </si>
  <si>
    <t>171356.0</t>
  </si>
  <si>
    <t>88901.0</t>
  </si>
  <si>
    <t>82455.0</t>
  </si>
  <si>
    <t>160.96</t>
  </si>
  <si>
    <t>83.51</t>
  </si>
  <si>
    <t>77.45</t>
  </si>
  <si>
    <t>171424.0</t>
  </si>
  <si>
    <t>88939.0</t>
  </si>
  <si>
    <t>82485.0</t>
  </si>
  <si>
    <t>161.02</t>
  </si>
  <si>
    <t>83.54</t>
  </si>
  <si>
    <t>77.48</t>
  </si>
  <si>
    <t>171457.0</t>
  </si>
  <si>
    <t>88955.0</t>
  </si>
  <si>
    <t>82502.0</t>
  </si>
  <si>
    <t>161.05</t>
  </si>
  <si>
    <t>83.56</t>
  </si>
  <si>
    <t>77.5</t>
  </si>
  <si>
    <t>171507.0</t>
  </si>
  <si>
    <t>88971.0</t>
  </si>
  <si>
    <t>82536.0</t>
  </si>
  <si>
    <t>161.1</t>
  </si>
  <si>
    <t>83.57</t>
  </si>
  <si>
    <t>171522.0</t>
  </si>
  <si>
    <t>88977.0</t>
  </si>
  <si>
    <t>82545.0</t>
  </si>
  <si>
    <t>161.12</t>
  </si>
  <si>
    <t>77.54</t>
  </si>
  <si>
    <t>171589.0</t>
  </si>
  <si>
    <t>89001.0</t>
  </si>
  <si>
    <t>82588.0</t>
  </si>
  <si>
    <t>161.18</t>
  </si>
  <si>
    <t>83.6</t>
  </si>
  <si>
    <t>77.58</t>
  </si>
  <si>
    <t>171641.0</t>
  </si>
  <si>
    <t>89027.0</t>
  </si>
  <si>
    <t>82614.0</t>
  </si>
  <si>
    <t>161.23</t>
  </si>
  <si>
    <t>83.63</t>
  </si>
  <si>
    <t>77.6</t>
  </si>
  <si>
    <t>171682.0</t>
  </si>
  <si>
    <t>89048.0</t>
  </si>
  <si>
    <t>82634.0</t>
  </si>
  <si>
    <t>161.27</t>
  </si>
  <si>
    <t>83.65</t>
  </si>
  <si>
    <t>171706.0</t>
  </si>
  <si>
    <t>89056.0</t>
  </si>
  <si>
    <t>161.29</t>
  </si>
  <si>
    <t>171732.0</t>
  </si>
  <si>
    <t>89068.0</t>
  </si>
  <si>
    <t>82664.0</t>
  </si>
  <si>
    <t>161.31</t>
  </si>
  <si>
    <t>83.66</t>
  </si>
  <si>
    <t>77.65</t>
  </si>
  <si>
    <t>171770.0</t>
  </si>
  <si>
    <t>89081.0</t>
  </si>
  <si>
    <t>161.35</t>
  </si>
  <si>
    <t>171817.0</t>
  </si>
  <si>
    <t>89106.0</t>
  </si>
  <si>
    <t>82711.0</t>
  </si>
  <si>
    <t>161.39</t>
  </si>
  <si>
    <t>83.7</t>
  </si>
  <si>
    <t>77.69</t>
  </si>
  <si>
    <t>171851.0</t>
  </si>
  <si>
    <t>89118.0</t>
  </si>
  <si>
    <t>82733.0</t>
  </si>
  <si>
    <t>161.42</t>
  </si>
  <si>
    <t>171879.0</t>
  </si>
  <si>
    <t>89127.0</t>
  </si>
  <si>
    <t>82752.0</t>
  </si>
  <si>
    <t>161.45</t>
  </si>
  <si>
    <t>83.72</t>
  </si>
  <si>
    <t>171902.0</t>
  </si>
  <si>
    <t>89133.0</t>
  </si>
  <si>
    <t>82769.0</t>
  </si>
  <si>
    <t>161.47</t>
  </si>
  <si>
    <t>83.73</t>
  </si>
  <si>
    <t>77.75</t>
  </si>
  <si>
    <t>171951.0</t>
  </si>
  <si>
    <t>89153.0</t>
  </si>
  <si>
    <t>82798.0</t>
  </si>
  <si>
    <t>161.52</t>
  </si>
  <si>
    <t>83.74</t>
  </si>
  <si>
    <t>171985.0</t>
  </si>
  <si>
    <t>89167.0</t>
  </si>
  <si>
    <t>82818.0</t>
  </si>
  <si>
    <t>161.55</t>
  </si>
  <si>
    <t>83.76</t>
  </si>
  <si>
    <t>172014.0</t>
  </si>
  <si>
    <t>89179.0</t>
  </si>
  <si>
    <t>82835.0</t>
  </si>
  <si>
    <t>161.58</t>
  </si>
  <si>
    <t>83.77</t>
  </si>
  <si>
    <t>77.81</t>
  </si>
  <si>
    <t>172049.0</t>
  </si>
  <si>
    <t>89190.0</t>
  </si>
  <si>
    <t>82859.0</t>
  </si>
  <si>
    <t>161.61</t>
  </si>
  <si>
    <t>83.78</t>
  </si>
  <si>
    <t>77.83</t>
  </si>
  <si>
    <t>172051.0</t>
  </si>
  <si>
    <t>89191.0</t>
  </si>
  <si>
    <t>82860.0</t>
  </si>
  <si>
    <t>172094.0</t>
  </si>
  <si>
    <t>89201.0</t>
  </si>
  <si>
    <t>82893.0</t>
  </si>
  <si>
    <t>161.65</t>
  </si>
  <si>
    <t>83.79</t>
  </si>
  <si>
    <t>77.86</t>
  </si>
  <si>
    <t>172125.0</t>
  </si>
  <si>
    <t>89215.0</t>
  </si>
  <si>
    <t>82910.0</t>
  </si>
  <si>
    <t>161.68</t>
  </si>
  <si>
    <t>83.8</t>
  </si>
  <si>
    <t>77.88</t>
  </si>
  <si>
    <t>172154.0</t>
  </si>
  <si>
    <t>89226.0</t>
  </si>
  <si>
    <t>82928.0</t>
  </si>
  <si>
    <t>161.71</t>
  </si>
  <si>
    <t>83.81</t>
  </si>
  <si>
    <t>172180.0</t>
  </si>
  <si>
    <t>89235.0</t>
  </si>
  <si>
    <t>82945.0</t>
  </si>
  <si>
    <t>161.73</t>
  </si>
  <si>
    <t>83.82</t>
  </si>
  <si>
    <t>172216.0</t>
  </si>
  <si>
    <t>89244.0</t>
  </si>
  <si>
    <t>82972.0</t>
  </si>
  <si>
    <t>161.77</t>
  </si>
  <si>
    <t>83.83</t>
  </si>
  <si>
    <t>172259.0</t>
  </si>
  <si>
    <t>89263.0</t>
  </si>
  <si>
    <t>82996.0</t>
  </si>
  <si>
    <t>161.81</t>
  </si>
  <si>
    <t>83.85</t>
  </si>
  <si>
    <t>77.96</t>
  </si>
  <si>
    <t>172300.0</t>
  </si>
  <si>
    <t>89288.0</t>
  </si>
  <si>
    <t>83012.0</t>
  </si>
  <si>
    <t>161.85</t>
  </si>
  <si>
    <t>83.87</t>
  </si>
  <si>
    <t>172327.0</t>
  </si>
  <si>
    <t>89304.0</t>
  </si>
  <si>
    <t>83023.0</t>
  </si>
  <si>
    <t>161.87</t>
  </si>
  <si>
    <t>83.89</t>
  </si>
  <si>
    <t>77.99</t>
  </si>
  <si>
    <t>172368.0</t>
  </si>
  <si>
    <t>89331.0</t>
  </si>
  <si>
    <t>83037.0</t>
  </si>
  <si>
    <t>161.91</t>
  </si>
  <si>
    <t>83.91</t>
  </si>
  <si>
    <t>172406.0</t>
  </si>
  <si>
    <t>89351.0</t>
  </si>
  <si>
    <t>83055.0</t>
  </si>
  <si>
    <t>161.95</t>
  </si>
  <si>
    <t>83.93</t>
  </si>
  <si>
    <t>78.02</t>
  </si>
  <si>
    <t>172436.0</t>
  </si>
  <si>
    <t>89358.0</t>
  </si>
  <si>
    <t>83078.0</t>
  </si>
  <si>
    <t>161.97</t>
  </si>
  <si>
    <t>83.94</t>
  </si>
  <si>
    <t>172461.0</t>
  </si>
  <si>
    <t>83093.0</t>
  </si>
  <si>
    <t>83.95</t>
  </si>
  <si>
    <t>172471.0</t>
  </si>
  <si>
    <t>89373.0</t>
  </si>
  <si>
    <t>83098.0</t>
  </si>
  <si>
    <t>162.01</t>
  </si>
  <si>
    <t>78.06</t>
  </si>
  <si>
    <t>172507.0</t>
  </si>
  <si>
    <t>89394.0</t>
  </si>
  <si>
    <t>83113.0</t>
  </si>
  <si>
    <t>162.04</t>
  </si>
  <si>
    <t>83.97</t>
  </si>
  <si>
    <t>172535.0</t>
  </si>
  <si>
    <t>89409.0</t>
  </si>
  <si>
    <t>83126.0</t>
  </si>
  <si>
    <t>162.07</t>
  </si>
  <si>
    <t>83.98</t>
  </si>
  <si>
    <t>172574.0</t>
  </si>
  <si>
    <t>89432.0</t>
  </si>
  <si>
    <t>83142.0</t>
  </si>
  <si>
    <t>162.1</t>
  </si>
  <si>
    <t>84.01</t>
  </si>
  <si>
    <t>78.1</t>
  </si>
  <si>
    <t>172610.0</t>
  </si>
  <si>
    <t>89446.0</t>
  </si>
  <si>
    <t>83164.0</t>
  </si>
  <si>
    <t>162.14</t>
  </si>
  <si>
    <t>84.02</t>
  </si>
  <si>
    <t>78.12</t>
  </si>
  <si>
    <t>172627.0</t>
  </si>
  <si>
    <t>89448.0</t>
  </si>
  <si>
    <t>83179.0</t>
  </si>
  <si>
    <t>162.15</t>
  </si>
  <si>
    <t>78.13</t>
  </si>
  <si>
    <t>172653.0</t>
  </si>
  <si>
    <t>89458.0</t>
  </si>
  <si>
    <t>83195.0</t>
  </si>
  <si>
    <t>162.18</t>
  </si>
  <si>
    <t>78.15</t>
  </si>
  <si>
    <t>172668.0</t>
  </si>
  <si>
    <t>89464.0</t>
  </si>
  <si>
    <t>83204.0</t>
  </si>
  <si>
    <t>162.19</t>
  </si>
  <si>
    <t>78.16</t>
  </si>
  <si>
    <t>172704.0</t>
  </si>
  <si>
    <t>89489.0</t>
  </si>
  <si>
    <t>83215.0</t>
  </si>
  <si>
    <t>162.23</t>
  </si>
  <si>
    <t>84.06</t>
  </si>
  <si>
    <t>78.17</t>
  </si>
  <si>
    <t>172740.0</t>
  </si>
  <si>
    <t>89508.0</t>
  </si>
  <si>
    <t>83232.0</t>
  </si>
  <si>
    <t>162.26</t>
  </si>
  <si>
    <t>84.08</t>
  </si>
  <si>
    <t>172764.0</t>
  </si>
  <si>
    <t>89517.0</t>
  </si>
  <si>
    <t>83247.0</t>
  </si>
  <si>
    <t>162.28</t>
  </si>
  <si>
    <t>84.09</t>
  </si>
  <si>
    <t>78.2</t>
  </si>
  <si>
    <t>172781.0</t>
  </si>
  <si>
    <t>89527.0</t>
  </si>
  <si>
    <t>83254.0</t>
  </si>
  <si>
    <t>84.1</t>
  </si>
  <si>
    <t>172809.0</t>
  </si>
  <si>
    <t>89543.0</t>
  </si>
  <si>
    <t>83266.0</t>
  </si>
  <si>
    <t>162.32</t>
  </si>
  <si>
    <t>84.11</t>
  </si>
  <si>
    <t>78.21</t>
  </si>
  <si>
    <t>172830.0</t>
  </si>
  <si>
    <t>89555.0</t>
  </si>
  <si>
    <t>83275.0</t>
  </si>
  <si>
    <t>162.34</t>
  </si>
  <si>
    <t>172852.0</t>
  </si>
  <si>
    <t>89569.0</t>
  </si>
  <si>
    <t>83283.0</t>
  </si>
  <si>
    <t>162.36</t>
  </si>
  <si>
    <t>84.13</t>
  </si>
  <si>
    <t>78.23</t>
  </si>
  <si>
    <t>172867.0</t>
  </si>
  <si>
    <t>89574.0</t>
  </si>
  <si>
    <t>83293.0</t>
  </si>
  <si>
    <t>162.38</t>
  </si>
  <si>
    <t>84.14</t>
  </si>
  <si>
    <t>78.24</t>
  </si>
  <si>
    <t>172894.0</t>
  </si>
  <si>
    <t>89581.0</t>
  </si>
  <si>
    <t>83313.0</t>
  </si>
  <si>
    <t>162.4</t>
  </si>
  <si>
    <t>78.26</t>
  </si>
  <si>
    <t>172920.0</t>
  </si>
  <si>
    <t>89593.0</t>
  </si>
  <si>
    <t>83327.0</t>
  </si>
  <si>
    <t>162.43</t>
  </si>
  <si>
    <t>84.16</t>
  </si>
  <si>
    <t>78.27</t>
  </si>
  <si>
    <t>172939.0</t>
  </si>
  <si>
    <t>89600.0</t>
  </si>
  <si>
    <t>83339.0</t>
  </si>
  <si>
    <t>162.45</t>
  </si>
  <si>
    <t>78.28</t>
  </si>
  <si>
    <t>172966.0</t>
  </si>
  <si>
    <t>89618.0</t>
  </si>
  <si>
    <t>83348.0</t>
  </si>
  <si>
    <t>162.47</t>
  </si>
  <si>
    <t>84.18</t>
  </si>
  <si>
    <t>172979.0</t>
  </si>
  <si>
    <t>89622.0</t>
  </si>
  <si>
    <t>83357.0</t>
  </si>
  <si>
    <t>162.48</t>
  </si>
  <si>
    <t>172988.0</t>
  </si>
  <si>
    <t>89628.0</t>
  </si>
  <si>
    <t>83360.0</t>
  </si>
  <si>
    <t>162.49</t>
  </si>
  <si>
    <t>84.19</t>
  </si>
  <si>
    <t>173005.0</t>
  </si>
  <si>
    <t>89635.0</t>
  </si>
  <si>
    <t>83370.0</t>
  </si>
  <si>
    <t>162.51</t>
  </si>
  <si>
    <t>84.2</t>
  </si>
  <si>
    <t>173010.0</t>
  </si>
  <si>
    <t>89637.0</t>
  </si>
  <si>
    <t>83373.0</t>
  </si>
  <si>
    <t>173027.0</t>
  </si>
  <si>
    <t>89643.0</t>
  </si>
  <si>
    <t>162.53</t>
  </si>
  <si>
    <t>78.32</t>
  </si>
  <si>
    <t>173041.0</t>
  </si>
  <si>
    <t>89649.0</t>
  </si>
  <si>
    <t>83392.0</t>
  </si>
  <si>
    <t>162.54</t>
  </si>
  <si>
    <t>84.21</t>
  </si>
  <si>
    <t>173059.0</t>
  </si>
  <si>
    <t>89656.0</t>
  </si>
  <si>
    <t>83403.0</t>
  </si>
  <si>
    <t>162.56</t>
  </si>
  <si>
    <t>84.22</t>
  </si>
  <si>
    <t>78.34</t>
  </si>
  <si>
    <t>173076.0</t>
  </si>
  <si>
    <t>89662.0</t>
  </si>
  <si>
    <t>83414.0</t>
  </si>
  <si>
    <t>162.58</t>
  </si>
  <si>
    <t>78.35</t>
  </si>
  <si>
    <t>173096.0</t>
  </si>
  <si>
    <t>89672.0</t>
  </si>
  <si>
    <t>162.59</t>
  </si>
  <si>
    <t>84.23</t>
  </si>
  <si>
    <t>173113.0</t>
  </si>
  <si>
    <t>89680.0</t>
  </si>
  <si>
    <t>83433.0</t>
  </si>
  <si>
    <t>162.61</t>
  </si>
  <si>
    <t>84.24</t>
  </si>
  <si>
    <t>78.37</t>
  </si>
  <si>
    <t>173120.0</t>
  </si>
  <si>
    <t>89681.0</t>
  </si>
  <si>
    <t>83439.0</t>
  </si>
  <si>
    <t>162.62</t>
  </si>
  <si>
    <t>78.38</t>
  </si>
  <si>
    <t>173128.0</t>
  </si>
  <si>
    <t>89682.0</t>
  </si>
  <si>
    <t>83446.0</t>
  </si>
  <si>
    <t>173146.0</t>
  </si>
  <si>
    <t>89684.0</t>
  </si>
  <si>
    <t>83462.0</t>
  </si>
  <si>
    <t>162.64</t>
  </si>
  <si>
    <t>173161.0</t>
  </si>
  <si>
    <t>89691.0</t>
  </si>
  <si>
    <t>83470.0</t>
  </si>
  <si>
    <t>162.66</t>
  </si>
  <si>
    <t>84.25</t>
  </si>
  <si>
    <t>78.41</t>
  </si>
  <si>
    <t>173197.0</t>
  </si>
  <si>
    <t>89708.0</t>
  </si>
  <si>
    <t>83489.0</t>
  </si>
  <si>
    <t>162.69</t>
  </si>
  <si>
    <t>84.27</t>
  </si>
  <si>
    <t>78.42</t>
  </si>
  <si>
    <t>173211.0</t>
  </si>
  <si>
    <t>89714.0</t>
  </si>
  <si>
    <t>83497.0</t>
  </si>
  <si>
    <t>162.7</t>
  </si>
  <si>
    <t>78.43</t>
  </si>
  <si>
    <t>173231.0</t>
  </si>
  <si>
    <t>89724.0</t>
  </si>
  <si>
    <t>83507.0</t>
  </si>
  <si>
    <t>162.72</t>
  </si>
  <si>
    <t>84.28</t>
  </si>
  <si>
    <t>173244.0</t>
  </si>
  <si>
    <t>89733.0</t>
  </si>
  <si>
    <t>83511.0</t>
  </si>
  <si>
    <t>162.73</t>
  </si>
  <si>
    <t>84.29</t>
  </si>
  <si>
    <t>173263.0</t>
  </si>
  <si>
    <t>89742.0</t>
  </si>
  <si>
    <t>83521.0</t>
  </si>
  <si>
    <t>162.75</t>
  </si>
  <si>
    <t>84.3</t>
  </si>
  <si>
    <t>78.45</t>
  </si>
  <si>
    <t>173271.0</t>
  </si>
  <si>
    <t>89744.0</t>
  </si>
  <si>
    <t>162.76</t>
  </si>
  <si>
    <t>173283.0</t>
  </si>
  <si>
    <t>89751.0</t>
  </si>
  <si>
    <t>83532.0</t>
  </si>
  <si>
    <t>162.77</t>
  </si>
  <si>
    <t>84.31</t>
  </si>
  <si>
    <t>173306.0</t>
  </si>
  <si>
    <t>89761.0</t>
  </si>
  <si>
    <t>83545.0</t>
  </si>
  <si>
    <t>162.79</t>
  </si>
  <si>
    <t>84.32</t>
  </si>
  <si>
    <t>78.48</t>
  </si>
  <si>
    <t>173334.0</t>
  </si>
  <si>
    <t>89777.0</t>
  </si>
  <si>
    <t>83557.0</t>
  </si>
  <si>
    <t>162.82</t>
  </si>
  <si>
    <t>84.33</t>
  </si>
  <si>
    <t>173355.0</t>
  </si>
  <si>
    <t>89784.0</t>
  </si>
  <si>
    <t>162.84</t>
  </si>
  <si>
    <t>84.34</t>
  </si>
  <si>
    <t>78.5</t>
  </si>
  <si>
    <t>173365.0</t>
  </si>
  <si>
    <t>89790.0</t>
  </si>
  <si>
    <t>83575.0</t>
  </si>
  <si>
    <t>162.85</t>
  </si>
  <si>
    <t>173374.0</t>
  </si>
  <si>
    <t>89793.0</t>
  </si>
  <si>
    <t>83581.0</t>
  </si>
  <si>
    <t>162.86</t>
  </si>
  <si>
    <t>84.35</t>
  </si>
  <si>
    <t>173378.0</t>
  </si>
  <si>
    <t>83585.0</t>
  </si>
  <si>
    <t>173386.0</t>
  </si>
  <si>
    <t>89798.0</t>
  </si>
  <si>
    <t>83588.0</t>
  </si>
  <si>
    <t>162.87</t>
  </si>
  <si>
    <t>173396.0</t>
  </si>
  <si>
    <t>89806.0</t>
  </si>
  <si>
    <t>83590.0</t>
  </si>
  <si>
    <t>162.88</t>
  </si>
  <si>
    <t>84.36</t>
  </si>
  <si>
    <t>173409.0</t>
  </si>
  <si>
    <t>89810.0</t>
  </si>
  <si>
    <t>83599.0</t>
  </si>
  <si>
    <t>162.89</t>
  </si>
  <si>
    <t>173414.0</t>
  </si>
  <si>
    <t>89812.0</t>
  </si>
  <si>
    <t>83602.0</t>
  </si>
  <si>
    <t>173424.0</t>
  </si>
  <si>
    <t>89815.0</t>
  </si>
  <si>
    <t>83609.0</t>
  </si>
  <si>
    <t>162.9</t>
  </si>
  <si>
    <t>84.37</t>
  </si>
  <si>
    <t>78.54</t>
  </si>
  <si>
    <t>173442.0</t>
  </si>
  <si>
    <t>89825.0</t>
  </si>
  <si>
    <t>83617.0</t>
  </si>
  <si>
    <t>162.92</t>
  </si>
  <si>
    <t>173460.0</t>
  </si>
  <si>
    <t>89834.0</t>
  </si>
  <si>
    <t>83626.0</t>
  </si>
  <si>
    <t>162.94</t>
  </si>
  <si>
    <t>173479.0</t>
  </si>
  <si>
    <t>89843.0</t>
  </si>
  <si>
    <t>83636.0</t>
  </si>
  <si>
    <t>162.95</t>
  </si>
  <si>
    <t>173499.0</t>
  </si>
  <si>
    <t>89856.0</t>
  </si>
  <si>
    <t>83643.0</t>
  </si>
  <si>
    <t>162.97</t>
  </si>
  <si>
    <t>84.4</t>
  </si>
  <si>
    <t>173508.0</t>
  </si>
  <si>
    <t>89857.0</t>
  </si>
  <si>
    <t>83651.0</t>
  </si>
  <si>
    <t>162.98</t>
  </si>
  <si>
    <t>84.41</t>
  </si>
  <si>
    <t>78.58</t>
  </si>
  <si>
    <t>173523.0</t>
  </si>
  <si>
    <t>89862.0</t>
  </si>
  <si>
    <t>83661.0</t>
  </si>
  <si>
    <t>173544.0</t>
  </si>
  <si>
    <t>89874.0</t>
  </si>
  <si>
    <t>83670.0</t>
  </si>
  <si>
    <t>163.01</t>
  </si>
  <si>
    <t>84.42</t>
  </si>
  <si>
    <t>173551.0</t>
  </si>
  <si>
    <t>89878.0</t>
  </si>
  <si>
    <t>83673.0</t>
  </si>
  <si>
    <t>163.02</t>
  </si>
  <si>
    <t>78.6</t>
  </si>
  <si>
    <t>173582.0</t>
  </si>
  <si>
    <t>89888.0</t>
  </si>
  <si>
    <t>83694.0</t>
  </si>
  <si>
    <t>163.05</t>
  </si>
  <si>
    <t>84.43</t>
  </si>
  <si>
    <t>173591.0</t>
  </si>
  <si>
    <t>89891.0</t>
  </si>
  <si>
    <t>83700.0</t>
  </si>
  <si>
    <t>163.06</t>
  </si>
  <si>
    <t>84.44</t>
  </si>
  <si>
    <t>173612.0</t>
  </si>
  <si>
    <t>89904.0</t>
  </si>
  <si>
    <t>83708.0</t>
  </si>
  <si>
    <t>163.08</t>
  </si>
  <si>
    <t>78.63</t>
  </si>
  <si>
    <t>173618.0</t>
  </si>
  <si>
    <t>89906.0</t>
  </si>
  <si>
    <t>83712.0</t>
  </si>
  <si>
    <t>173635.0</t>
  </si>
  <si>
    <t>89916.0</t>
  </si>
  <si>
    <t>83719.0</t>
  </si>
  <si>
    <t>163.1</t>
  </si>
  <si>
    <t>84.46</t>
  </si>
  <si>
    <t>78.64</t>
  </si>
  <si>
    <t>173650.0</t>
  </si>
  <si>
    <t>89924.0</t>
  </si>
  <si>
    <t>83726.0</t>
  </si>
  <si>
    <t>163.11</t>
  </si>
  <si>
    <t>84.47</t>
  </si>
  <si>
    <t>78.65</t>
  </si>
  <si>
    <t>173663.0</t>
  </si>
  <si>
    <t>89930.0</t>
  </si>
  <si>
    <t>83733.0</t>
  </si>
  <si>
    <t>163.13</t>
  </si>
  <si>
    <t>173680.0</t>
  </si>
  <si>
    <t>89938.0</t>
  </si>
  <si>
    <t>83742.0</t>
  </si>
  <si>
    <t>163.14</t>
  </si>
  <si>
    <t>84.48</t>
  </si>
  <si>
    <t>173713.0</t>
  </si>
  <si>
    <t>89956.0</t>
  </si>
  <si>
    <t>83757.0</t>
  </si>
  <si>
    <t>163.17</t>
  </si>
  <si>
    <t>78.68</t>
  </si>
  <si>
    <t>173723.0</t>
  </si>
  <si>
    <t>89961.0</t>
  </si>
  <si>
    <t>83762.0</t>
  </si>
  <si>
    <t>163.18</t>
  </si>
  <si>
    <t>173736.0</t>
  </si>
  <si>
    <t>89968.0</t>
  </si>
  <si>
    <t>83768.0</t>
  </si>
  <si>
    <t>84.51</t>
  </si>
  <si>
    <t>78.69</t>
  </si>
  <si>
    <t>173754.0</t>
  </si>
  <si>
    <t>89977.0</t>
  </si>
  <si>
    <t>83777.0</t>
  </si>
  <si>
    <t>163.21</t>
  </si>
  <si>
    <t>173768.0</t>
  </si>
  <si>
    <t>89981.0</t>
  </si>
  <si>
    <t>83787.0</t>
  </si>
  <si>
    <t>163.23</t>
  </si>
  <si>
    <t>173773.0</t>
  </si>
  <si>
    <t>89982.0</t>
  </si>
  <si>
    <t>83791.0</t>
  </si>
  <si>
    <t>173780.0</t>
  </si>
  <si>
    <t>89984.0</t>
  </si>
  <si>
    <t>83796.0</t>
  </si>
  <si>
    <t>163.24</t>
  </si>
  <si>
    <t>173792.0</t>
  </si>
  <si>
    <t>83800.0</t>
  </si>
  <si>
    <t>163.25</t>
  </si>
  <si>
    <t>84.53</t>
  </si>
  <si>
    <t>78.72</t>
  </si>
  <si>
    <t>173803.0</t>
  </si>
  <si>
    <t>89996.0</t>
  </si>
  <si>
    <t>83807.0</t>
  </si>
  <si>
    <t>163.26</t>
  </si>
  <si>
    <t>84.54</t>
  </si>
  <si>
    <t>173813.0</t>
  </si>
  <si>
    <t>90003.0</t>
  </si>
  <si>
    <t>83810.0</t>
  </si>
  <si>
    <t>163.27</t>
  </si>
  <si>
    <t>78.73</t>
  </si>
  <si>
    <t>173819.0</t>
  </si>
  <si>
    <t>90006.0</t>
  </si>
  <si>
    <t>83813.0</t>
  </si>
  <si>
    <t>84.55</t>
  </si>
  <si>
    <t>173826.0</t>
  </si>
  <si>
    <t>90010.0</t>
  </si>
  <si>
    <t>83816.0</t>
  </si>
  <si>
    <t>163.28</t>
  </si>
  <si>
    <t>173837.0</t>
  </si>
  <si>
    <t>90016.0</t>
  </si>
  <si>
    <t>83821.0</t>
  </si>
  <si>
    <t>163.29</t>
  </si>
  <si>
    <t>78.74</t>
  </si>
  <si>
    <t>173847.0</t>
  </si>
  <si>
    <t>90021.0</t>
  </si>
  <si>
    <t>83826.0</t>
  </si>
  <si>
    <t>163.3</t>
  </si>
  <si>
    <t>84.56</t>
  </si>
  <si>
    <t>173867.0</t>
  </si>
  <si>
    <t>90029.0</t>
  </si>
  <si>
    <t>83838.0</t>
  </si>
  <si>
    <t>163.32</t>
  </si>
  <si>
    <t>84.57</t>
  </si>
  <si>
    <t>173887.0</t>
  </si>
  <si>
    <t>90034.0</t>
  </si>
  <si>
    <t>83853.0</t>
  </si>
  <si>
    <t>163.34</t>
  </si>
  <si>
    <t>78.77</t>
  </si>
  <si>
    <t>173896.0</t>
  </si>
  <si>
    <t>90037.0</t>
  </si>
  <si>
    <t>83859.0</t>
  </si>
  <si>
    <t>163.35</t>
  </si>
  <si>
    <t>173906.0</t>
  </si>
  <si>
    <t>90042.0</t>
  </si>
  <si>
    <t>83864.0</t>
  </si>
  <si>
    <t>84.58</t>
  </si>
  <si>
    <t>78.78</t>
  </si>
  <si>
    <t>173930.0</t>
  </si>
  <si>
    <t>90055.0</t>
  </si>
  <si>
    <t>83875.0</t>
  </si>
  <si>
    <t>163.38</t>
  </si>
  <si>
    <t>84.59</t>
  </si>
  <si>
    <t>173941.0</t>
  </si>
  <si>
    <t>90062.0</t>
  </si>
  <si>
    <t>83879.0</t>
  </si>
  <si>
    <t>163.39</t>
  </si>
  <si>
    <t>84.6</t>
  </si>
  <si>
    <t>173946.0</t>
  </si>
  <si>
    <t>90066.0</t>
  </si>
  <si>
    <t>83880.0</t>
  </si>
  <si>
    <t>173953.0</t>
  </si>
  <si>
    <t>90068.0</t>
  </si>
  <si>
    <t>83885.0</t>
  </si>
  <si>
    <t>163.4</t>
  </si>
  <si>
    <t>173958.0</t>
  </si>
  <si>
    <t>90071.0</t>
  </si>
  <si>
    <t>83887.0</t>
  </si>
  <si>
    <t>173964.0</t>
  </si>
  <si>
    <t>90073.0</t>
  </si>
  <si>
    <t>83891.0</t>
  </si>
  <si>
    <t>163.41</t>
  </si>
  <si>
    <t>173978.0</t>
  </si>
  <si>
    <t>90077.0</t>
  </si>
  <si>
    <t>83901.0</t>
  </si>
  <si>
    <t>163.42</t>
  </si>
  <si>
    <t>173984.0</t>
  </si>
  <si>
    <t>90080.0</t>
  </si>
  <si>
    <t>83904.0</t>
  </si>
  <si>
    <t>163.43</t>
  </si>
  <si>
    <t>173993.0</t>
  </si>
  <si>
    <t>90082.0</t>
  </si>
  <si>
    <t>83911.0</t>
  </si>
  <si>
    <t>163.44</t>
  </si>
  <si>
    <t>78.82</t>
  </si>
  <si>
    <t>174009.0</t>
  </si>
  <si>
    <t>90092.0</t>
  </si>
  <si>
    <t>83917.0</t>
  </si>
  <si>
    <t>163.45</t>
  </si>
  <si>
    <t>84.63</t>
  </si>
  <si>
    <t>78.83</t>
  </si>
  <si>
    <t>174017.0</t>
  </si>
  <si>
    <t>90093.0</t>
  </si>
  <si>
    <t>83924.0</t>
  </si>
  <si>
    <t>163.46</t>
  </si>
  <si>
    <t>174025.0</t>
  </si>
  <si>
    <t>90100.0</t>
  </si>
  <si>
    <t>83925.0</t>
  </si>
  <si>
    <t>163.47</t>
  </si>
  <si>
    <t>174034.0</t>
  </si>
  <si>
    <t>90103.0</t>
  </si>
  <si>
    <t>83931.0</t>
  </si>
  <si>
    <t>163.48</t>
  </si>
  <si>
    <t>174041.0</t>
  </si>
  <si>
    <t>90106.0</t>
  </si>
  <si>
    <t>83935.0</t>
  </si>
  <si>
    <t>174047.0</t>
  </si>
  <si>
    <t>83941.0</t>
  </si>
  <si>
    <t>163.49</t>
  </si>
  <si>
    <t>78.85</t>
  </si>
  <si>
    <t>174059.0</t>
  </si>
  <si>
    <t>90110.0</t>
  </si>
  <si>
    <t>83949.0</t>
  </si>
  <si>
    <t>78.86</t>
  </si>
  <si>
    <t>174070.0</t>
  </si>
  <si>
    <t>90114.0</t>
  </si>
  <si>
    <t>83956.0</t>
  </si>
  <si>
    <t>163.51</t>
  </si>
  <si>
    <t>84.65</t>
  </si>
  <si>
    <t>174072.0</t>
  </si>
  <si>
    <t>90115.0</t>
  </si>
  <si>
    <t>83957.0</t>
  </si>
  <si>
    <t>174085.0</t>
  </si>
  <si>
    <t>90125.0</t>
  </si>
  <si>
    <t>83960.0</t>
  </si>
  <si>
    <t>163.52</t>
  </si>
  <si>
    <t>78.87</t>
  </si>
  <si>
    <t>90128.0</t>
  </si>
  <si>
    <t>83963.0</t>
  </si>
  <si>
    <t>163.53</t>
  </si>
  <si>
    <t>174098.0</t>
  </si>
  <si>
    <t>90133.0</t>
  </si>
  <si>
    <t>83965.0</t>
  </si>
  <si>
    <t>163.54</t>
  </si>
  <si>
    <t>174115.0</t>
  </si>
  <si>
    <t>90139.0</t>
  </si>
  <si>
    <t>83976.0</t>
  </si>
  <si>
    <t>163.55</t>
  </si>
  <si>
    <t>84.67</t>
  </si>
  <si>
    <t>78.88</t>
  </si>
  <si>
    <t>174118.0</t>
  </si>
  <si>
    <t>83979.0</t>
  </si>
  <si>
    <t>174130.0</t>
  </si>
  <si>
    <t>90145.0</t>
  </si>
  <si>
    <t>163.57</t>
  </si>
  <si>
    <t>84.68</t>
  </si>
  <si>
    <t>174133.0</t>
  </si>
  <si>
    <t>90147.0</t>
  </si>
  <si>
    <t>83986.0</t>
  </si>
  <si>
    <t>174138.0</t>
  </si>
  <si>
    <t>90149.0</t>
  </si>
  <si>
    <t>83989.0</t>
  </si>
  <si>
    <t>174145.0</t>
  </si>
  <si>
    <t>90152.0</t>
  </si>
  <si>
    <t>174147.0</t>
  </si>
  <si>
    <t>90153.0</t>
  </si>
  <si>
    <t>83994.0</t>
  </si>
  <si>
    <t>174153.0</t>
  </si>
  <si>
    <t>90155.0</t>
  </si>
  <si>
    <t>83998.0</t>
  </si>
  <si>
    <t>163.59</t>
  </si>
  <si>
    <t>84.69</t>
  </si>
  <si>
    <t>OWID_ASI</t>
  </si>
  <si>
    <t>1500000.0</t>
  </si>
  <si>
    <t>187500.0</t>
  </si>
  <si>
    <t>1500074.0</t>
  </si>
  <si>
    <t>1507469.0</t>
  </si>
  <si>
    <t>194895.0</t>
  </si>
  <si>
    <t>7395.0</t>
  </si>
  <si>
    <t>1532392.0</t>
  </si>
  <si>
    <t>32388.0</t>
  </si>
  <si>
    <t>212423.0</t>
  </si>
  <si>
    <t>203659.0</t>
  </si>
  <si>
    <t>16159.0</t>
  </si>
  <si>
    <t>1577060.0</t>
  </si>
  <si>
    <t>77056.0</t>
  </si>
  <si>
    <t>232168.0</t>
  </si>
  <si>
    <t>213162.0</t>
  </si>
  <si>
    <t>25662.0</t>
  </si>
  <si>
    <t>1678943.0</t>
  </si>
  <si>
    <t>178939.0</t>
  </si>
  <si>
    <t>251769.0</t>
  </si>
  <si>
    <t>223827.0</t>
  </si>
  <si>
    <t>34976.0</t>
  </si>
  <si>
    <t>1763478.0</t>
  </si>
  <si>
    <t>263474.0</t>
  </si>
  <si>
    <t>273386.0</t>
  </si>
  <si>
    <t>242624.0</t>
  </si>
  <si>
    <t>53773.0</t>
  </si>
  <si>
    <t>1802467.0</t>
  </si>
  <si>
    <t>302463.0</t>
  </si>
  <si>
    <t>227840.0</t>
  </si>
  <si>
    <t>47764.0</t>
  </si>
  <si>
    <t>1836097.0</t>
  </si>
  <si>
    <t>336093.0</t>
  </si>
  <si>
    <t>222481.0</t>
  </si>
  <si>
    <t>233686.0</t>
  </si>
  <si>
    <t>44835.0</t>
  </si>
  <si>
    <t>1942726.0</t>
  </si>
  <si>
    <t>442722.0</t>
  </si>
  <si>
    <t>295480.0</t>
  </si>
  <si>
    <t>247033.0</t>
  </si>
  <si>
    <t>58182.0</t>
  </si>
  <si>
    <t>2083382.0</t>
  </si>
  <si>
    <t>580878.0</t>
  </si>
  <si>
    <t>325290.0</t>
  </si>
  <si>
    <t>262312.0</t>
  </si>
  <si>
    <t>73461.0</t>
  </si>
  <si>
    <t>2242391.0</t>
  </si>
  <si>
    <t>739885.0</t>
  </si>
  <si>
    <t>348981.0</t>
  </si>
  <si>
    <t>280668.0</t>
  </si>
  <si>
    <t>90696.0</t>
  </si>
  <si>
    <t>2399098.0</t>
  </si>
  <si>
    <t>896562.0</t>
  </si>
  <si>
    <t>346112.0</t>
  </si>
  <si>
    <t>293356.0</t>
  </si>
  <si>
    <t>103384.0</t>
  </si>
  <si>
    <t>5560539.0</t>
  </si>
  <si>
    <t>1057994.0</t>
  </si>
  <si>
    <t>351413.0</t>
  </si>
  <si>
    <t>304114.0</t>
  </si>
  <si>
    <t>114133.0</t>
  </si>
  <si>
    <t>5632712.0</t>
  </si>
  <si>
    <t>1130165.0</t>
  </si>
  <si>
    <t>575003.0</t>
  </si>
  <si>
    <t>353170.0</t>
  </si>
  <si>
    <t>118550.0</t>
  </si>
  <si>
    <t>5705950.0</t>
  </si>
  <si>
    <t>1203401.0</t>
  </si>
  <si>
    <t>575353.0</t>
  </si>
  <si>
    <t>403177.0</t>
  </si>
  <si>
    <t>123914.0</t>
  </si>
  <si>
    <t>5857936.0</t>
  </si>
  <si>
    <t>1355384.0</t>
  </si>
  <si>
    <t>654458.0</t>
  </si>
  <si>
    <t>454148.0</t>
  </si>
  <si>
    <t>130242.0</t>
  </si>
  <si>
    <t>6013054.0</t>
  </si>
  <si>
    <t>1510487.0</t>
  </si>
  <si>
    <t>657590.0</t>
  </si>
  <si>
    <t>501286.0</t>
  </si>
  <si>
    <t>132737.0</t>
  </si>
  <si>
    <t>6968974.0</t>
  </si>
  <si>
    <t>1640089.0</t>
  </si>
  <si>
    <t>632091.0</t>
  </si>
  <si>
    <t>541725.0</t>
  </si>
  <si>
    <t>128531.0</t>
  </si>
  <si>
    <t>7216149.0</t>
  </si>
  <si>
    <t>1749388.0</t>
  </si>
  <si>
    <t>642483.0</t>
  </si>
  <si>
    <t>610369.0</t>
  </si>
  <si>
    <t>121833.0</t>
  </si>
  <si>
    <t>7398409.0</t>
  </si>
  <si>
    <t>1870227.0</t>
  </si>
  <si>
    <t>667526.0</t>
  </si>
  <si>
    <t>662705.0</t>
  </si>
  <si>
    <t>116033.0</t>
  </si>
  <si>
    <t>7525698.0</t>
  </si>
  <si>
    <t>1943623.0</t>
  </si>
  <si>
    <t>643253.0</t>
  </si>
  <si>
    <t>670555.0</t>
  </si>
  <si>
    <t>116158.0</t>
  </si>
  <si>
    <t>12195910.0</t>
  </si>
  <si>
    <t>1994537.0</t>
  </si>
  <si>
    <t>645700.0</t>
  </si>
  <si>
    <t>677515.0</t>
  </si>
  <si>
    <t>113019.0</t>
  </si>
  <si>
    <t>12311950.0</t>
  </si>
  <si>
    <t>2874920.0</t>
  </si>
  <si>
    <t>256196.0</t>
  </si>
  <si>
    <t>385254.0</t>
  </si>
  <si>
    <t>631560.0</t>
  </si>
  <si>
    <t>97567.0</t>
  </si>
  <si>
    <t>12440961.0</t>
  </si>
  <si>
    <t>2903953.0</t>
  </si>
  <si>
    <t>275475.0</t>
  </si>
  <si>
    <t>398225.0</t>
  </si>
  <si>
    <t>585848.0</t>
  </si>
  <si>
    <t>139644.0</t>
  </si>
  <si>
    <t>12619507.0</t>
  </si>
  <si>
    <t>2938389.0</t>
  </si>
  <si>
    <t>311169.0</t>
  </si>
  <si>
    <t>447760.0</t>
  </si>
  <si>
    <t>549330.0</t>
  </si>
  <si>
    <t>126048.0</t>
  </si>
  <si>
    <t>13853602.0</t>
  </si>
  <si>
    <t>3000216.0</t>
  </si>
  <si>
    <t>368070.0</t>
  </si>
  <si>
    <t>526948.0</t>
  </si>
  <si>
    <t>544318.0</t>
  </si>
  <si>
    <t>135194.0</t>
  </si>
  <si>
    <t>14397849.0</t>
  </si>
  <si>
    <t>3071085.0</t>
  </si>
  <si>
    <t>436923.0</t>
  </si>
  <si>
    <t>1301386.0</t>
  </si>
  <si>
    <t>872125.0</t>
  </si>
  <si>
    <t>128055.0</t>
  </si>
  <si>
    <t>14945313.0</t>
  </si>
  <si>
    <t>3120452.0</t>
  </si>
  <si>
    <t>472895.0</t>
  </si>
  <si>
    <t>1305881.0</t>
  </si>
  <si>
    <t>946064.0</t>
  </si>
  <si>
    <t>124663.0</t>
  </si>
  <si>
    <t>15503717.0</t>
  </si>
  <si>
    <t>3357795.0</t>
  </si>
  <si>
    <t>498915.0</t>
  </si>
  <si>
    <t>1199060.0</t>
  </si>
  <si>
    <t>1095270.0</t>
  </si>
  <si>
    <t>315125.0</t>
  </si>
  <si>
    <t>15805649.0</t>
  </si>
  <si>
    <t>3464447.0</t>
  </si>
  <si>
    <t>584197.0</t>
  </si>
  <si>
    <t>1057053.0</t>
  </si>
  <si>
    <t>1051819.0</t>
  </si>
  <si>
    <t>240339.0</t>
  </si>
  <si>
    <t>16449155.0</t>
  </si>
  <si>
    <t>3772729.0</t>
  </si>
  <si>
    <t>705960.0</t>
  </si>
  <si>
    <t>1401877.0</t>
  </si>
  <si>
    <t>1173819.0</t>
  </si>
  <si>
    <t>289861.0</t>
  </si>
  <si>
    <t>17107232.0</t>
  </si>
  <si>
    <t>4075332.0</t>
  </si>
  <si>
    <t>845137.0</t>
  </si>
  <si>
    <t>1411480.0</t>
  </si>
  <si>
    <t>1269498.0</t>
  </si>
  <si>
    <t>313989.0</t>
  </si>
  <si>
    <t>22667787.0</t>
  </si>
  <si>
    <t>4293410.0</t>
  </si>
  <si>
    <t>990466.0</t>
  </si>
  <si>
    <t>1319943.0</t>
  </si>
  <si>
    <t>1333347.0</t>
  </si>
  <si>
    <t>310091.0</t>
  </si>
  <si>
    <t>23299546.0</t>
  </si>
  <si>
    <t>4607949.0</t>
  </si>
  <si>
    <t>1154974.0</t>
  </si>
  <si>
    <t>1971737.0</t>
  </si>
  <si>
    <t>1407241.0</t>
  </si>
  <si>
    <t>324180.0</t>
  </si>
  <si>
    <t>24076400.0</t>
  </si>
  <si>
    <t>5132613.0</t>
  </si>
  <si>
    <t>1226144.0</t>
  </si>
  <si>
    <t>1978800.0</t>
  </si>
  <si>
    <t>1478063.0</t>
  </si>
  <si>
    <t>348857.0</t>
  </si>
  <si>
    <t>24605997.0</t>
  </si>
  <si>
    <t>5398943.0</t>
  </si>
  <si>
    <t>1280900.0</t>
  </si>
  <si>
    <t>1737148.0</t>
  </si>
  <si>
    <t>1554469.0</t>
  </si>
  <si>
    <t>348619.0</t>
  </si>
  <si>
    <t>24951753.0</t>
  </si>
  <si>
    <t>5523120.0</t>
  </si>
  <si>
    <t>1423711.0</t>
  </si>
  <si>
    <t>1654718.0</t>
  </si>
  <si>
    <t>1639386.0</t>
  </si>
  <si>
    <t>348313.0</t>
  </si>
  <si>
    <t>25748417.0</t>
  </si>
  <si>
    <t>6036925.0</t>
  </si>
  <si>
    <t>1565115.0</t>
  </si>
  <si>
    <t>2114247.0</t>
  </si>
  <si>
    <t>1741152.0</t>
  </si>
  <si>
    <t>376097.0</t>
  </si>
  <si>
    <t>34070704.0</t>
  </si>
  <si>
    <t>6239278.0</t>
  </si>
  <si>
    <t>1693208.0</t>
  </si>
  <si>
    <t>1840370.0</t>
  </si>
  <si>
    <t>1802424.0</t>
  </si>
  <si>
    <t>357081.0</t>
  </si>
  <si>
    <t>34880123.0</t>
  </si>
  <si>
    <t>6725396.0</t>
  </si>
  <si>
    <t>1819171.0</t>
  </si>
  <si>
    <t>1103843.0</t>
  </si>
  <si>
    <t>1790997.0</t>
  </si>
  <si>
    <t>396555.0</t>
  </si>
  <si>
    <t>36072381.0</t>
  </si>
  <si>
    <t>7453942.0</t>
  </si>
  <si>
    <t>1955341.0</t>
  </si>
  <si>
    <t>1478657.0</t>
  </si>
  <si>
    <t>1731073.0</t>
  </si>
  <si>
    <t>472287.0</t>
  </si>
  <si>
    <t>37177055.0</t>
  </si>
  <si>
    <t>8118818.0</t>
  </si>
  <si>
    <t>2026726.0</t>
  </si>
  <si>
    <t>1447067.0</t>
  </si>
  <si>
    <t>1657797.0</t>
  </si>
  <si>
    <t>520373.0</t>
  </si>
  <si>
    <t>37814215.0</t>
  </si>
  <si>
    <t>8514905.0</t>
  </si>
  <si>
    <t>2079363.0</t>
  </si>
  <si>
    <t>930578.0</t>
  </si>
  <si>
    <t>1546078.0</t>
  </si>
  <si>
    <t>553864.0</t>
  </si>
  <si>
    <t>39489741.0</t>
  </si>
  <si>
    <t>8651767.0</t>
  </si>
  <si>
    <t>2140768.0</t>
  </si>
  <si>
    <t>768273.0</t>
  </si>
  <si>
    <t>1410275.0</t>
  </si>
  <si>
    <t>554921.0</t>
  </si>
  <si>
    <t>40275594.0</t>
  </si>
  <si>
    <t>9131923.0</t>
  </si>
  <si>
    <t>2191096.0</t>
  </si>
  <si>
    <t>3175666.0</t>
  </si>
  <si>
    <t>1554317.0</t>
  </si>
  <si>
    <t>535035.0</t>
  </si>
  <si>
    <t>40891723.0</t>
  </si>
  <si>
    <t>9482295.0</t>
  </si>
  <si>
    <t>2241288.0</t>
  </si>
  <si>
    <t>3114479.0</t>
  </si>
  <si>
    <t>1724634.0</t>
  </si>
  <si>
    <t>571252.0</t>
  </si>
  <si>
    <t>48897598.0</t>
  </si>
  <si>
    <t>9937229.0</t>
  </si>
  <si>
    <t>2316065.0</t>
  </si>
  <si>
    <t>3272509.0</t>
  </si>
  <si>
    <t>2034325.0</t>
  </si>
  <si>
    <t>573666.0</t>
  </si>
  <si>
    <t>49999185.0</t>
  </si>
  <si>
    <t>10638169.0</t>
  </si>
  <si>
    <t>2403498.0</t>
  </si>
  <si>
    <t>2694242.0</t>
  </si>
  <si>
    <t>2204210.0</t>
  </si>
  <si>
    <t>560471.0</t>
  </si>
  <si>
    <t>51207821.0</t>
  </si>
  <si>
    <t>11573060.0</t>
  </si>
  <si>
    <t>2461717.0</t>
  </si>
  <si>
    <t>2470535.0</t>
  </si>
  <si>
    <t>2349568.0</t>
  </si>
  <si>
    <t>545038.0</t>
  </si>
  <si>
    <t>51971420.0</t>
  </si>
  <si>
    <t>12064117.0</t>
  </si>
  <si>
    <t>2502134.0</t>
  </si>
  <si>
    <t>2307120.0</t>
  </si>
  <si>
    <t>2545543.0</t>
  </si>
  <si>
    <t>544890.0</t>
  </si>
  <si>
    <t>52299882.0</t>
  </si>
  <si>
    <t>12208746.0</t>
  </si>
  <si>
    <t>2573524.0</t>
  </si>
  <si>
    <t>1913069.0</t>
  </si>
  <si>
    <t>2708284.0</t>
  </si>
  <si>
    <t>539446.0</t>
  </si>
  <si>
    <t>53109384.0</t>
  </si>
  <si>
    <t>12769302.0</t>
  </si>
  <si>
    <t>2678645.0</t>
  </si>
  <si>
    <t>2493621.0</t>
  </si>
  <si>
    <t>2610142.0</t>
  </si>
  <si>
    <t>573356.0</t>
  </si>
  <si>
    <t>63318287.0</t>
  </si>
  <si>
    <t>13397414.0</t>
  </si>
  <si>
    <t>2804604.0</t>
  </si>
  <si>
    <t>2462790.0</t>
  </si>
  <si>
    <t>2519350.0</t>
  </si>
  <si>
    <t>601041.0</t>
  </si>
  <si>
    <t>64478935.0</t>
  </si>
  <si>
    <t>14201849.0</t>
  </si>
  <si>
    <t>2943656.0</t>
  </si>
  <si>
    <t>1826836.0</t>
  </si>
  <si>
    <t>2311696.0</t>
  </si>
  <si>
    <t>642489.0</t>
  </si>
  <si>
    <t>65419404.0</t>
  </si>
  <si>
    <t>14847658.0</t>
  </si>
  <si>
    <t>3085077.0</t>
  </si>
  <si>
    <t>1757998.0</t>
  </si>
  <si>
    <t>2177406.0</t>
  </si>
  <si>
    <t>654060.0</t>
  </si>
  <si>
    <t>66632732.0</t>
  </si>
  <si>
    <t>18430984.0</t>
  </si>
  <si>
    <t>3459237.0</t>
  </si>
  <si>
    <t>2099579.0</t>
  </si>
  <si>
    <t>2124010.0</t>
  </si>
  <si>
    <t>665749.0</t>
  </si>
  <si>
    <t>67712523.0</t>
  </si>
  <si>
    <t>19186176.0</t>
  </si>
  <si>
    <t>3687613.0</t>
  </si>
  <si>
    <t>1454078.0</t>
  </si>
  <si>
    <t>2001945.0</t>
  </si>
  <si>
    <t>831071.0</t>
  </si>
  <si>
    <t>68223920.0</t>
  </si>
  <si>
    <t>19538892.0</t>
  </si>
  <si>
    <t>3802780.0</t>
  </si>
  <si>
    <t>1449880.0</t>
  </si>
  <si>
    <t>1935520.0</t>
  </si>
  <si>
    <t>828574.0</t>
  </si>
  <si>
    <t>69729922.0</t>
  </si>
  <si>
    <t>20676342.0</t>
  </si>
  <si>
    <t>4159758.0</t>
  </si>
  <si>
    <t>1818697.0</t>
  </si>
  <si>
    <t>1839180.0</t>
  </si>
  <si>
    <t>1.48</t>
  </si>
  <si>
    <t>860697.0</t>
  </si>
  <si>
    <t>71137574.0</t>
  </si>
  <si>
    <t>21628078.0</t>
  </si>
  <si>
    <t>4503760.0</t>
  </si>
  <si>
    <t>2125434.0</t>
  </si>
  <si>
    <t>1790981.0</t>
  </si>
  <si>
    <t>921506.0</t>
  </si>
  <si>
    <t>72716602.0</t>
  </si>
  <si>
    <t>22805854.0</t>
  </si>
  <si>
    <t>4880871.0</t>
  </si>
  <si>
    <t>2223842.0</t>
  </si>
  <si>
    <t>1847709.0</t>
  </si>
  <si>
    <t>942017.0</t>
  </si>
  <si>
    <t>74738694.0</t>
  </si>
  <si>
    <t>24286423.0</t>
  </si>
  <si>
    <t>5245182.0</t>
  </si>
  <si>
    <t>2654717.0</t>
  </si>
  <si>
    <t>1976142.0</t>
  </si>
  <si>
    <t>1023516.0</t>
  </si>
  <si>
    <t>76045180.0</t>
  </si>
  <si>
    <t>25046779.0</t>
  </si>
  <si>
    <t>5699260.0</t>
  </si>
  <si>
    <t>2240461.0</t>
  </si>
  <si>
    <t>1997374.0</t>
  </si>
  <si>
    <t>1013242.0</t>
  </si>
  <si>
    <t>77456440.0</t>
  </si>
  <si>
    <t>26059107.0</t>
  </si>
  <si>
    <t>6015064.0</t>
  </si>
  <si>
    <t>1699286.0</t>
  </si>
  <si>
    <t>2031704.0</t>
  </si>
  <si>
    <t>1035520.0</t>
  </si>
  <si>
    <t>77978048.0</t>
  </si>
  <si>
    <t>26388405.0</t>
  </si>
  <si>
    <t>6209609.0</t>
  </si>
  <si>
    <t>1407608.0</t>
  </si>
  <si>
    <t>2025313.0</t>
  </si>
  <si>
    <t>1024893.0</t>
  </si>
  <si>
    <t>79178829.0</t>
  </si>
  <si>
    <t>27161228.0</t>
  </si>
  <si>
    <t>6531815.0</t>
  </si>
  <si>
    <t>1740588.0</t>
  </si>
  <si>
    <t>2013809.0</t>
  </si>
  <si>
    <t>1009209.0</t>
  </si>
  <si>
    <t>80708990.0</t>
  </si>
  <si>
    <t>30794386.0</t>
  </si>
  <si>
    <t>8899585.0</t>
  </si>
  <si>
    <t>2256953.0</t>
  </si>
  <si>
    <t>2034792.0</t>
  </si>
  <si>
    <t>1018735.0</t>
  </si>
  <si>
    <t>82150968.0</t>
  </si>
  <si>
    <t>31741138.0</t>
  </si>
  <si>
    <t>9256840.0</t>
  </si>
  <si>
    <t>2182784.0</t>
  </si>
  <si>
    <t>2028689.0</t>
  </si>
  <si>
    <t>1006140.0</t>
  </si>
  <si>
    <t>83833585.0</t>
  </si>
  <si>
    <t>32655866.0</t>
  </si>
  <si>
    <t>9869376.0</t>
  </si>
  <si>
    <t>2440262.0</t>
  </si>
  <si>
    <t>1998654.0</t>
  </si>
  <si>
    <t>929090.0</t>
  </si>
  <si>
    <t>85235755.0</t>
  </si>
  <si>
    <t>33401105.0</t>
  </si>
  <si>
    <t>10435296.0</t>
  </si>
  <si>
    <t>2208894.0</t>
  </si>
  <si>
    <t>1994611.0</t>
  </si>
  <si>
    <t>912269.0</t>
  </si>
  <si>
    <t>86555653.0</t>
  </si>
  <si>
    <t>34000730.0</t>
  </si>
  <si>
    <t>10935013.0</t>
  </si>
  <si>
    <t>1920776.0</t>
  </si>
  <si>
    <t>2028082.0</t>
  </si>
  <si>
    <t>903560.0</t>
  </si>
  <si>
    <t>99094382.0</t>
  </si>
  <si>
    <t>34413701.0</t>
  </si>
  <si>
    <t>11050180.0</t>
  </si>
  <si>
    <t>1280073.0</t>
  </si>
  <si>
    <t>2008456.0</t>
  </si>
  <si>
    <t>890935.0</t>
  </si>
  <si>
    <t>100435851.0</t>
  </si>
  <si>
    <t>35310546.0</t>
  </si>
  <si>
    <t>11379011.0</t>
  </si>
  <si>
    <t>2374184.0</t>
  </si>
  <si>
    <t>2114949.0</t>
  </si>
  <si>
    <t>932629.0</t>
  </si>
  <si>
    <t>102566577.0</t>
  </si>
  <si>
    <t>36858624.0</t>
  </si>
  <si>
    <t>11774910.0</t>
  </si>
  <si>
    <t>2892684.0</t>
  </si>
  <si>
    <t>2211597.0</t>
  </si>
  <si>
    <t>986283.0</t>
  </si>
  <si>
    <t>104596858.0</t>
  </si>
  <si>
    <t>38398827.0</t>
  </si>
  <si>
    <t>12183856.0</t>
  </si>
  <si>
    <t>3250575.0</t>
  </si>
  <si>
    <t>2360292.0</t>
  </si>
  <si>
    <t>1085300.0</t>
  </si>
  <si>
    <t>107009010.0</t>
  </si>
  <si>
    <t>40048854.0</t>
  </si>
  <si>
    <t>12727774.0</t>
  </si>
  <si>
    <t>3307491.0</t>
  </si>
  <si>
    <t>2477797.0</t>
  </si>
  <si>
    <t>1178180.0</t>
  </si>
  <si>
    <t>109199314.0</t>
  </si>
  <si>
    <t>41668240.0</t>
  </si>
  <si>
    <t>13182705.0</t>
  </si>
  <si>
    <t>3201725.0</t>
  </si>
  <si>
    <t>2611239.0</t>
  </si>
  <si>
    <t>1293221.0</t>
  </si>
  <si>
    <t>111341719.0</t>
  </si>
  <si>
    <t>43025043.0</t>
  </si>
  <si>
    <t>13726957.0</t>
  </si>
  <si>
    <t>3090082.0</t>
  </si>
  <si>
    <t>2774592.0</t>
  </si>
  <si>
    <t>1449696.0</t>
  </si>
  <si>
    <t>112459196.0</t>
  </si>
  <si>
    <t>43756968.0</t>
  </si>
  <si>
    <t>13849052.0</t>
  </si>
  <si>
    <t>1623517.0</t>
  </si>
  <si>
    <t>2820182.0</t>
  </si>
  <si>
    <t>2.38</t>
  </si>
  <si>
    <t>1459352.0</t>
  </si>
  <si>
    <t>115210599.0</t>
  </si>
  <si>
    <t>45907063.0</t>
  </si>
  <si>
    <t>14279685.0</t>
  </si>
  <si>
    <t>4027815.0</t>
  </si>
  <si>
    <t>3056591.0</t>
  </si>
  <si>
    <t>1663957.0</t>
  </si>
  <si>
    <t>117720306.0</t>
  </si>
  <si>
    <t>47777424.0</t>
  </si>
  <si>
    <t>14778467.0</t>
  </si>
  <si>
    <t>3550615.0</t>
  </si>
  <si>
    <t>3150444.0</t>
  </si>
  <si>
    <t>1739651.0</t>
  </si>
  <si>
    <t>120591753.0</t>
  </si>
  <si>
    <t>49950220.0</t>
  </si>
  <si>
    <t>15345123.0</t>
  </si>
  <si>
    <t>3378929.0</t>
  </si>
  <si>
    <t>3168779.0</t>
  </si>
  <si>
    <t>1750275.0</t>
  </si>
  <si>
    <t>122072758.0</t>
  </si>
  <si>
    <t>50974568.0</t>
  </si>
  <si>
    <t>15622995.0</t>
  </si>
  <si>
    <t>2442180.0</t>
  </si>
  <si>
    <t>3045151.0</t>
  </si>
  <si>
    <t>1659372.0</t>
  </si>
  <si>
    <t>124930460.0</t>
  </si>
  <si>
    <t>52954528.0</t>
  </si>
  <si>
    <t>16329077.0</t>
  </si>
  <si>
    <t>3980948.0</t>
  </si>
  <si>
    <t>3156595.0</t>
  </si>
  <si>
    <t>1725235.0</t>
  </si>
  <si>
    <t>127437070.0</t>
  </si>
  <si>
    <t>54671744.0</t>
  </si>
  <si>
    <t>16919477.0</t>
  </si>
  <si>
    <t>3553500.0</t>
  </si>
  <si>
    <t>3222739.0</t>
  </si>
  <si>
    <t>1737539.0</t>
  </si>
  <si>
    <t>141007475.0</t>
  </si>
  <si>
    <t>55434817.0</t>
  </si>
  <si>
    <t>17092078.0</t>
  </si>
  <si>
    <t>1781987.0</t>
  </si>
  <si>
    <t>3245138.0</t>
  </si>
  <si>
    <t>1730190.0</t>
  </si>
  <si>
    <t>145242428.0</t>
  </si>
  <si>
    <t>58628696.0</t>
  </si>
  <si>
    <t>18002715.0</t>
  </si>
  <si>
    <t>5968226.0</t>
  </si>
  <si>
    <t>3522622.0</t>
  </si>
  <si>
    <t>1835710.0</t>
  </si>
  <si>
    <t>149096318.0</t>
  </si>
  <si>
    <t>61217372.0</t>
  </si>
  <si>
    <t>18984290.0</t>
  </si>
  <si>
    <t>5433440.0</t>
  </si>
  <si>
    <t>3791552.0</t>
  </si>
  <si>
    <t>1928330.0</t>
  </si>
  <si>
    <t>152782621.0</t>
  </si>
  <si>
    <t>63598561.0</t>
  </si>
  <si>
    <t>20003504.0</t>
  </si>
  <si>
    <t>5498622.0</t>
  </si>
  <si>
    <t>4094319.0</t>
  </si>
  <si>
    <t>2024853.0</t>
  </si>
  <si>
    <t>156189676.0</t>
  </si>
  <si>
    <t>65938381.0</t>
  </si>
  <si>
    <t>20804765.0</t>
  </si>
  <si>
    <t>5206871.0</t>
  </si>
  <si>
    <t>4492137.0</t>
  </si>
  <si>
    <t>2221937.0</t>
  </si>
  <si>
    <t>161550741.0</t>
  </si>
  <si>
    <t>70017465.0</t>
  </si>
  <si>
    <t>21715788.0</t>
  </si>
  <si>
    <t>5927106.0</t>
  </si>
  <si>
    <t>4769627.0</t>
  </si>
  <si>
    <t>2332960.0</t>
  </si>
  <si>
    <t>175033304.0</t>
  </si>
  <si>
    <t>72751796.0</t>
  </si>
  <si>
    <t>22345526.0</t>
  </si>
  <si>
    <t>5241618.0</t>
  </si>
  <si>
    <t>5010255.0</t>
  </si>
  <si>
    <t>2463282.0</t>
  </si>
  <si>
    <t>176593818.0</t>
  </si>
  <si>
    <t>73725986.0</t>
  </si>
  <si>
    <t>22539785.0</t>
  </si>
  <si>
    <t>4513846.0</t>
  </si>
  <si>
    <t>5399989.0</t>
  </si>
  <si>
    <t>2564013.0</t>
  </si>
  <si>
    <t>186642667.0</t>
  </si>
  <si>
    <t>77372957.0</t>
  </si>
  <si>
    <t>23187667.0</t>
  </si>
  <si>
    <t>7194859.0</t>
  </si>
  <si>
    <t>5576089.0</t>
  </si>
  <si>
    <t>1181.0</t>
  </si>
  <si>
    <t>2609544.0</t>
  </si>
  <si>
    <t>192729407.0</t>
  </si>
  <si>
    <t>80023338.0</t>
  </si>
  <si>
    <t>23949645.0</t>
  </si>
  <si>
    <t>6200775.0</t>
  </si>
  <si>
    <t>5685017.0</t>
  </si>
  <si>
    <t>4.08</t>
  </si>
  <si>
    <t>2628033.0</t>
  </si>
  <si>
    <t>199731275.0</t>
  </si>
  <si>
    <t>82853634.0</t>
  </si>
  <si>
    <t>24806021.0</t>
  </si>
  <si>
    <t>7013229.0</t>
  </si>
  <si>
    <t>5900742.0</t>
  </si>
  <si>
    <t>2672934.0</t>
  </si>
  <si>
    <t>209175352.0</t>
  </si>
  <si>
    <t>85715920.0</t>
  </si>
  <si>
    <t>25604492.0</t>
  </si>
  <si>
    <t>9563127.0</t>
  </si>
  <si>
    <t>6522832.0</t>
  </si>
  <si>
    <t>4.43</t>
  </si>
  <si>
    <t>2750703.0</t>
  </si>
  <si>
    <t>219367691.0</t>
  </si>
  <si>
    <t>88915373.0</t>
  </si>
  <si>
    <t>26293854.0</t>
  </si>
  <si>
    <t>10414605.0</t>
  </si>
  <si>
    <t>7163677.0</t>
  </si>
  <si>
    <t>1517.0</t>
  </si>
  <si>
    <t>2811016.0</t>
  </si>
  <si>
    <t>227820073.0</t>
  </si>
  <si>
    <t>91516643.0</t>
  </si>
  <si>
    <t>26713255.0</t>
  </si>
  <si>
    <t>8369439.0</t>
  </si>
  <si>
    <t>7683876.0</t>
  </si>
  <si>
    <t>4.83</t>
  </si>
  <si>
    <t>2865074.0</t>
  </si>
  <si>
    <t>232826338.0</t>
  </si>
  <si>
    <t>91959719.0</t>
  </si>
  <si>
    <t>26808620.0</t>
  </si>
  <si>
    <t>5440187.0</t>
  </si>
  <si>
    <t>7807771.0</t>
  </si>
  <si>
    <t>2786579.0</t>
  </si>
  <si>
    <t>239120710.0</t>
  </si>
  <si>
    <t>93281355.0</t>
  </si>
  <si>
    <t>27165520.0</t>
  </si>
  <si>
    <t>6071537.0</t>
  </si>
  <si>
    <t>7634230.0</t>
  </si>
  <si>
    <t>2440146.0</t>
  </si>
  <si>
    <t>246537382.0</t>
  </si>
  <si>
    <t>96121614.0</t>
  </si>
  <si>
    <t>27818492.0</t>
  </si>
  <si>
    <t>7344662.0</t>
  </si>
  <si>
    <t>7781834.0</t>
  </si>
  <si>
    <t>5.22</t>
  </si>
  <si>
    <t>2428423.0</t>
  </si>
  <si>
    <t>256563630.0</t>
  </si>
  <si>
    <t>99992748.0</t>
  </si>
  <si>
    <t>28617747.0</t>
  </si>
  <si>
    <t>9100902.0</t>
  </si>
  <si>
    <t>8070486.0</t>
  </si>
  <si>
    <t>2430909.0</t>
  </si>
  <si>
    <t>268744475.0</t>
  </si>
  <si>
    <t>104136145.0</t>
  </si>
  <si>
    <t>29595259.0</t>
  </si>
  <si>
    <t>12056427.0</t>
  </si>
  <si>
    <t>8419314.0</t>
  </si>
  <si>
    <t>2604171.0</t>
  </si>
  <si>
    <t>281059722.0</t>
  </si>
  <si>
    <t>108462270.0</t>
  </si>
  <si>
    <t>30126227.0</t>
  </si>
  <si>
    <t>12514754.0</t>
  </si>
  <si>
    <t>8706905.0</t>
  </si>
  <si>
    <t>1844.0</t>
  </si>
  <si>
    <t>2750349.0</t>
  </si>
  <si>
    <t>287863739.0</t>
  </si>
  <si>
    <t>111646826.0</t>
  </si>
  <si>
    <t>30687747.0</t>
  </si>
  <si>
    <t>6990069.0</t>
  </si>
  <si>
    <t>8508764.0</t>
  </si>
  <si>
    <t>1802.0</t>
  </si>
  <si>
    <t>2841291.0</t>
  </si>
  <si>
    <t>295057456.0</t>
  </si>
  <si>
    <t>115027124.0</t>
  </si>
  <si>
    <t>31042710.0</t>
  </si>
  <si>
    <t>7336506.0</t>
  </si>
  <si>
    <t>8777647.0</t>
  </si>
  <si>
    <t>3231730.0</t>
  </si>
  <si>
    <t>303510627.0</t>
  </si>
  <si>
    <t>119574156.0</t>
  </si>
  <si>
    <t>31896801.0</t>
  </si>
  <si>
    <t>8311442.0</t>
  </si>
  <si>
    <t>9096224.0</t>
  </si>
  <si>
    <t>6.43</t>
  </si>
  <si>
    <t>3704126.0</t>
  </si>
  <si>
    <t>311820228.0</t>
  </si>
  <si>
    <t>124207895.0</t>
  </si>
  <si>
    <t>32662334.0</t>
  </si>
  <si>
    <t>8351805.0</t>
  </si>
  <si>
    <t>9238560.0</t>
  </si>
  <si>
    <t>3972271.0</t>
  </si>
  <si>
    <t>320512267.0</t>
  </si>
  <si>
    <t>128192945.0</t>
  </si>
  <si>
    <t>33439510.0</t>
  </si>
  <si>
    <t>8763124.0</t>
  </si>
  <si>
    <t>9189344.0</t>
  </si>
  <si>
    <t>4125098.0</t>
  </si>
  <si>
    <t>332739036.0</t>
  </si>
  <si>
    <t>132896619.0</t>
  </si>
  <si>
    <t>34404987.0</t>
  </si>
  <si>
    <t>12277871.0</t>
  </si>
  <si>
    <t>9220889.0</t>
  </si>
  <si>
    <t>7.05</t>
  </si>
  <si>
    <t>4193557.0</t>
  </si>
  <si>
    <t>344235437.0</t>
  </si>
  <si>
    <t>137224052.0</t>
  </si>
  <si>
    <t>35398448.0</t>
  </si>
  <si>
    <t>11804200.0</t>
  </si>
  <si>
    <t>9119285.0</t>
  </si>
  <si>
    <t>1931.0</t>
  </si>
  <si>
    <t>4197725.0</t>
  </si>
  <si>
    <t>352443532.0</t>
  </si>
  <si>
    <t>141003219.0</t>
  </si>
  <si>
    <t>36273010.0</t>
  </si>
  <si>
    <t>8124421.0</t>
  </si>
  <si>
    <t>9281339.0</t>
  </si>
  <si>
    <t>4271179.0</t>
  </si>
  <si>
    <t>359415438.0</t>
  </si>
  <si>
    <t>144270095.0</t>
  </si>
  <si>
    <t>36909595.0</t>
  </si>
  <si>
    <t>6943666.0</t>
  </si>
  <si>
    <t>9225220.0</t>
  </si>
  <si>
    <t>4238352.0</t>
  </si>
  <si>
    <t>369647107.0</t>
  </si>
  <si>
    <t>148593927.0</t>
  </si>
  <si>
    <t>38050630.0</t>
  </si>
  <si>
    <t>10257283.0</t>
  </si>
  <si>
    <t>9503198.0</t>
  </si>
  <si>
    <t>4221730.0</t>
  </si>
  <si>
    <t>377454880.0</t>
  </si>
  <si>
    <t>151745211.0</t>
  </si>
  <si>
    <t>38758280.0</t>
  </si>
  <si>
    <t>8029768.0</t>
  </si>
  <si>
    <t>9457191.0</t>
  </si>
  <si>
    <t>7.99</t>
  </si>
  <si>
    <t>2003.0</t>
  </si>
  <si>
    <t>4014593.0</t>
  </si>
  <si>
    <t>385910749.0</t>
  </si>
  <si>
    <t>155648901.0</t>
  </si>
  <si>
    <t>39631339.0</t>
  </si>
  <si>
    <t>8394935.0</t>
  </si>
  <si>
    <t>9404593.0</t>
  </si>
  <si>
    <t>1992.0</t>
  </si>
  <si>
    <t>3968263.0</t>
  </si>
  <si>
    <t>394569101.0</t>
  </si>
  <si>
    <t>158470717.0</t>
  </si>
  <si>
    <t>40892156.0</t>
  </si>
  <si>
    <t>8652968.0</t>
  </si>
  <si>
    <t>8888011.0</t>
  </si>
  <si>
    <t>3730978.0</t>
  </si>
  <si>
    <t>402403150.0</t>
  </si>
  <si>
    <t>161306507.0</t>
  </si>
  <si>
    <t>41819884.0</t>
  </si>
  <si>
    <t>8268993.0</t>
  </si>
  <si>
    <t>8382770.0</t>
  </si>
  <si>
    <t>3524869.0</t>
  </si>
  <si>
    <t>408458837.0</t>
  </si>
  <si>
    <t>163854366.0</t>
  </si>
  <si>
    <t>42655456.0</t>
  </si>
  <si>
    <t>6394630.0</t>
  </si>
  <si>
    <t>8135446.0</t>
  </si>
  <si>
    <t>3366743.0</t>
  </si>
  <si>
    <t>413685887.0</t>
  </si>
  <si>
    <t>165744140.0</t>
  </si>
  <si>
    <t>43491257.0</t>
  </si>
  <si>
    <t>4531993.0</t>
  </si>
  <si>
    <t>7790711.0</t>
  </si>
  <si>
    <t>8.76</t>
  </si>
  <si>
    <t>3.51</t>
  </si>
  <si>
    <t>3103051.0</t>
  </si>
  <si>
    <t>421272735.0</t>
  </si>
  <si>
    <t>168780174.0</t>
  </si>
  <si>
    <t>44910652.0</t>
  </si>
  <si>
    <t>7805282.0</t>
  </si>
  <si>
    <t>7440217.0</t>
  </si>
  <si>
    <t>8.92</t>
  </si>
  <si>
    <t>2923461.0</t>
  </si>
  <si>
    <t>427024398.0</t>
  </si>
  <si>
    <t>171440124.0</t>
  </si>
  <si>
    <t>47179252.0</t>
  </si>
  <si>
    <t>7066441.0</t>
  </si>
  <si>
    <t>7302388.0</t>
  </si>
  <si>
    <t>2759417.0</t>
  </si>
  <si>
    <t>436626870.0</t>
  </si>
  <si>
    <t>174420272.0</t>
  </si>
  <si>
    <t>48128170.0</t>
  </si>
  <si>
    <t>8574423.0</t>
  </si>
  <si>
    <t>7327818.0</t>
  </si>
  <si>
    <t>9.25</t>
  </si>
  <si>
    <t>2543139.0</t>
  </si>
  <si>
    <t>449031720.0</t>
  </si>
  <si>
    <t>177478006.0</t>
  </si>
  <si>
    <t>50064496.0</t>
  </si>
  <si>
    <t>12239070.0</t>
  </si>
  <si>
    <t>7840121.0</t>
  </si>
  <si>
    <t>3.76</t>
  </si>
  <si>
    <t>2550749.0</t>
  </si>
  <si>
    <t>456484330.0</t>
  </si>
  <si>
    <t>178977118.0</t>
  </si>
  <si>
    <t>50733759.0</t>
  </si>
  <si>
    <t>9195132.0</t>
  </si>
  <si>
    <t>7972427.0</t>
  </si>
  <si>
    <t>1689.0</t>
  </si>
  <si>
    <t>2478609.0</t>
  </si>
  <si>
    <t>461948387.0</t>
  </si>
  <si>
    <t>179731335.0</t>
  </si>
  <si>
    <t>51209315.0</t>
  </si>
  <si>
    <t>7785408.0</t>
  </si>
  <si>
    <t>8171110.0</t>
  </si>
  <si>
    <t>9.78</t>
  </si>
  <si>
    <t>2409071.0</t>
  </si>
  <si>
    <t>474036479.0</t>
  </si>
  <si>
    <t>184312537.0</t>
  </si>
  <si>
    <t>53755348.0</t>
  </si>
  <si>
    <t>7969850.0</t>
  </si>
  <si>
    <t>8662228.0</t>
  </si>
  <si>
    <t>10.04</t>
  </si>
  <si>
    <t>1835.0</t>
  </si>
  <si>
    <t>2480003.0</t>
  </si>
  <si>
    <t>483775088.0</t>
  </si>
  <si>
    <t>187270081.0</t>
  </si>
  <si>
    <t>55682926.0</t>
  </si>
  <si>
    <t>10162802.0</t>
  </si>
  <si>
    <t>8999019.0</t>
  </si>
  <si>
    <t>10.25</t>
  </si>
  <si>
    <t>2486807.0</t>
  </si>
  <si>
    <t>495060009.0</t>
  </si>
  <si>
    <t>189728684.0</t>
  </si>
  <si>
    <t>57645097.0</t>
  </si>
  <si>
    <t>11217971.0</t>
  </si>
  <si>
    <t>9592093.0</t>
  </si>
  <si>
    <t>2558407.0</t>
  </si>
  <si>
    <t>509006271.0</t>
  </si>
  <si>
    <t>193458821.0</t>
  </si>
  <si>
    <t>59542589.0</t>
  </si>
  <si>
    <t>13272883.0</t>
  </si>
  <si>
    <t>10263304.0</t>
  </si>
  <si>
    <t>2671041.0</t>
  </si>
  <si>
    <t>523019502.0</t>
  </si>
  <si>
    <t>196609308.0</t>
  </si>
  <si>
    <t>62043509.0</t>
  </si>
  <si>
    <t>14238219.0</t>
  </si>
  <si>
    <t>10548892.0</t>
  </si>
  <si>
    <t>2234.0</t>
  </si>
  <si>
    <t>2563736.0</t>
  </si>
  <si>
    <t>539220685.0</t>
  </si>
  <si>
    <t>199161909.0</t>
  </si>
  <si>
    <t>63774796.0</t>
  </si>
  <si>
    <t>16774944.0</t>
  </si>
  <si>
    <t>11631724.0</t>
  </si>
  <si>
    <t>2589286.0</t>
  </si>
  <si>
    <t>547010193.0</t>
  </si>
  <si>
    <t>200455354.0</t>
  </si>
  <si>
    <t>64722384.0</t>
  </si>
  <si>
    <t>8398883.0</t>
  </si>
  <si>
    <t>11719361.0</t>
  </si>
  <si>
    <t>2482.0</t>
  </si>
  <si>
    <t>2499096.0</t>
  </si>
  <si>
    <t>553381919.0</t>
  </si>
  <si>
    <t>201147703.0</t>
  </si>
  <si>
    <t>65299067.0</t>
  </si>
  <si>
    <t>6911269.0</t>
  </si>
  <si>
    <t>11568137.0</t>
  </si>
  <si>
    <t>4.26</t>
  </si>
  <si>
    <t>2450.0</t>
  </si>
  <si>
    <t>2366537.0</t>
  </si>
  <si>
    <t>561213187.0</t>
  </si>
  <si>
    <t>202772279.0</t>
  </si>
  <si>
    <t>66794411.0</t>
  </si>
  <si>
    <t>8380747.0</t>
  </si>
  <si>
    <t>11313562.0</t>
  </si>
  <si>
    <t>2176210.0</t>
  </si>
  <si>
    <t>571867116.0</t>
  </si>
  <si>
    <t>205174016.0</t>
  </si>
  <si>
    <t>68987946.0</t>
  </si>
  <si>
    <t>8635080.0</t>
  </si>
  <si>
    <t>10944574.0</t>
  </si>
  <si>
    <t>2098425.0</t>
  </si>
  <si>
    <t>581290337.0</t>
  </si>
  <si>
    <t>207230097.0</t>
  </si>
  <si>
    <t>71063247.0</t>
  </si>
  <si>
    <t>9560899.0</t>
  </si>
  <si>
    <t>10414290.0</t>
  </si>
  <si>
    <t>4.39</t>
  </si>
  <si>
    <t>1990149.0</t>
  </si>
  <si>
    <t>594432865.0</t>
  </si>
  <si>
    <t>209652096.0</t>
  </si>
  <si>
    <t>73268605.0</t>
  </si>
  <si>
    <t>13588492.0</t>
  </si>
  <si>
    <t>10321475.0</t>
  </si>
  <si>
    <t>12.59</t>
  </si>
  <si>
    <t>4.44</t>
  </si>
  <si>
    <t>2043655.0</t>
  </si>
  <si>
    <t>610104880.0</t>
  </si>
  <si>
    <t>212113607.0</t>
  </si>
  <si>
    <t>75736344.0</t>
  </si>
  <si>
    <t>15403274.0</t>
  </si>
  <si>
    <t>10125521.0</t>
  </si>
  <si>
    <t>12.92</t>
  </si>
  <si>
    <t>4.49</t>
  </si>
  <si>
    <t>1989097.0</t>
  </si>
  <si>
    <t>623078730.0</t>
  </si>
  <si>
    <t>213786165.0</t>
  </si>
  <si>
    <t>77458239.0</t>
  </si>
  <si>
    <t>13454166.0</t>
  </si>
  <si>
    <t>10848259.0</t>
  </si>
  <si>
    <t>4.53</t>
  </si>
  <si>
    <t>2045619.0</t>
  </si>
  <si>
    <t>631607740.0</t>
  </si>
  <si>
    <t>214725860.0</t>
  </si>
  <si>
    <t>78138729.0</t>
  </si>
  <si>
    <t>9016770.0</t>
  </si>
  <si>
    <t>11148951.0</t>
  </si>
  <si>
    <t>2077542.0</t>
  </si>
  <si>
    <t>645989939.0</t>
  </si>
  <si>
    <t>217773438.0</t>
  </si>
  <si>
    <t>80270592.0</t>
  </si>
  <si>
    <t>13503131.0</t>
  </si>
  <si>
    <t>11884216.0</t>
  </si>
  <si>
    <t>13.68</t>
  </si>
  <si>
    <t>2162959.0</t>
  </si>
  <si>
    <t>661381778.0</t>
  </si>
  <si>
    <t>220947103.0</t>
  </si>
  <si>
    <t>83624458.0</t>
  </si>
  <si>
    <t>14662943.0</t>
  </si>
  <si>
    <t>12744634.0</t>
  </si>
  <si>
    <t>2699.0</t>
  </si>
  <si>
    <t>2206208.0</t>
  </si>
  <si>
    <t>676812243.0</t>
  </si>
  <si>
    <t>222860406.0</t>
  </si>
  <si>
    <t>85282551.0</t>
  </si>
  <si>
    <t>15779174.0</t>
  </si>
  <si>
    <t>13632271.0</t>
  </si>
  <si>
    <t>2887.0</t>
  </si>
  <si>
    <t>2203226.0</t>
  </si>
  <si>
    <t>693680624.0</t>
  </si>
  <si>
    <t>224888667.0</t>
  </si>
  <si>
    <t>87140789.0</t>
  </si>
  <si>
    <t>16587512.0</t>
  </si>
  <si>
    <t>14060027.0</t>
  </si>
  <si>
    <t>2115446.0</t>
  </si>
  <si>
    <t>710141195.0</t>
  </si>
  <si>
    <t>226559670.0</t>
  </si>
  <si>
    <t>88299077.0</t>
  </si>
  <si>
    <t>16721439.0</t>
  </si>
  <si>
    <t>14247668.0</t>
  </si>
  <si>
    <t>15.04</t>
  </si>
  <si>
    <t>2014148.0</t>
  </si>
  <si>
    <t>725375277.0</t>
  </si>
  <si>
    <t>228330682.0</t>
  </si>
  <si>
    <t>89227391.0</t>
  </si>
  <si>
    <t>15735520.0</t>
  </si>
  <si>
    <t>14572969.0</t>
  </si>
  <si>
    <t>2033925.0</t>
  </si>
  <si>
    <t>741635217.0</t>
  </si>
  <si>
    <t>229598371.0</t>
  </si>
  <si>
    <t>89706262.0</t>
  </si>
  <si>
    <t>16038392.0</t>
  </si>
  <si>
    <t>15575445.0</t>
  </si>
  <si>
    <t>3299.0</t>
  </si>
  <si>
    <t>2061071.0</t>
  </si>
  <si>
    <t>760700205.0</t>
  </si>
  <si>
    <t>232210579.0</t>
  </si>
  <si>
    <t>90904256.0</t>
  </si>
  <si>
    <t>18928196.0</t>
  </si>
  <si>
    <t>16350457.0</t>
  </si>
  <si>
    <t>16.11</t>
  </si>
  <si>
    <t>2060139.0</t>
  </si>
  <si>
    <t>779301524.0</t>
  </si>
  <si>
    <t>235015578.0</t>
  </si>
  <si>
    <t>92691483.0</t>
  </si>
  <si>
    <t>18239411.0</t>
  </si>
  <si>
    <t>16861380.0</t>
  </si>
  <si>
    <t>2107952.0</t>
  </si>
  <si>
    <t>796556135.0</t>
  </si>
  <si>
    <t>237124838.0</t>
  </si>
  <si>
    <t>93696139.0</t>
  </si>
  <si>
    <t>17904822.0</t>
  </si>
  <si>
    <t>17165043.0</t>
  </si>
  <si>
    <t>16.87</t>
  </si>
  <si>
    <t>5.02</t>
  </si>
  <si>
    <t>2166148.0</t>
  </si>
  <si>
    <t>819153911.0</t>
  </si>
  <si>
    <t>240343508.0</t>
  </si>
  <si>
    <t>95133784.0</t>
  </si>
  <si>
    <t>21820312.0</t>
  </si>
  <si>
    <t>17912585.0</t>
  </si>
  <si>
    <t>17.35</t>
  </si>
  <si>
    <t>2285179.0</t>
  </si>
  <si>
    <t>839299063.0</t>
  </si>
  <si>
    <t>242405861.0</t>
  </si>
  <si>
    <t>96529694.0</t>
  </si>
  <si>
    <t>21856263.0</t>
  </si>
  <si>
    <t>18646127.0</t>
  </si>
  <si>
    <t>5.13</t>
  </si>
  <si>
    <t>2504097.0</t>
  </si>
  <si>
    <t>857840547.0</t>
  </si>
  <si>
    <t>245939829.0</t>
  </si>
  <si>
    <t>97432446.0</t>
  </si>
  <si>
    <t>17541799.0</t>
  </si>
  <si>
    <t>18904169.0</t>
  </si>
  <si>
    <t>18.17</t>
  </si>
  <si>
    <t>4004.0</t>
  </si>
  <si>
    <t>2567748.0</t>
  </si>
  <si>
    <t>873958305.0</t>
  </si>
  <si>
    <t>247573279.0</t>
  </si>
  <si>
    <t>98035853.0</t>
  </si>
  <si>
    <t>16282531.0</t>
  </si>
  <si>
    <t>18939045.0</t>
  </si>
  <si>
    <t>18.51</t>
  </si>
  <si>
    <t>2645353.0</t>
  </si>
  <si>
    <t>896114370.0</t>
  </si>
  <si>
    <t>252148314.0</t>
  </si>
  <si>
    <t>99168862.0</t>
  </si>
  <si>
    <t>21408595.0</t>
  </si>
  <si>
    <t>19293388.0</t>
  </si>
  <si>
    <t>18.98</t>
  </si>
  <si>
    <t>5.34</t>
  </si>
  <si>
    <t>2829271.0</t>
  </si>
  <si>
    <t>920017643.0</t>
  </si>
  <si>
    <t>255128978.0</t>
  </si>
  <si>
    <t>100177464.0</t>
  </si>
  <si>
    <t>24204183.0</t>
  </si>
  <si>
    <t>20145504.0</t>
  </si>
  <si>
    <t>19.49</t>
  </si>
  <si>
    <t>2920408.0</t>
  </si>
  <si>
    <t>945670700.0</t>
  </si>
  <si>
    <t>259417154.0</t>
  </si>
  <si>
    <t>101024500.0</t>
  </si>
  <si>
    <t>25879851.0</t>
  </si>
  <si>
    <t>21284790.0</t>
  </si>
  <si>
    <t>4508.0</t>
  </si>
  <si>
    <t>3191884.0</t>
  </si>
  <si>
    <t>970072509.0</t>
  </si>
  <si>
    <t>264590003.0</t>
  </si>
  <si>
    <t>102235694.0</t>
  </si>
  <si>
    <t>24217451.0</t>
  </si>
  <si>
    <t>21627238.0</t>
  </si>
  <si>
    <t>20.55</t>
  </si>
  <si>
    <t>4581.0</t>
  </si>
  <si>
    <t>3494330.0</t>
  </si>
  <si>
    <t>993654093.0</t>
  </si>
  <si>
    <t>268350463.0</t>
  </si>
  <si>
    <t>103134172.0</t>
  </si>
  <si>
    <t>24202210.0</t>
  </si>
  <si>
    <t>21962372.0</t>
  </si>
  <si>
    <t>21.05</t>
  </si>
  <si>
    <t>5.68</t>
  </si>
  <si>
    <t>4652.0</t>
  </si>
  <si>
    <t>3639146.0</t>
  </si>
  <si>
    <t>1017441964.0</t>
  </si>
  <si>
    <t>273177677.0</t>
  </si>
  <si>
    <t>103894783.0</t>
  </si>
  <si>
    <t>24399742.0</t>
  </si>
  <si>
    <t>22942077.0</t>
  </si>
  <si>
    <t>21.55</t>
  </si>
  <si>
    <t>5.79</t>
  </si>
  <si>
    <t>4859.0</t>
  </si>
  <si>
    <t>4020842.0</t>
  </si>
  <si>
    <t>1039159264.0</t>
  </si>
  <si>
    <t>276035119.0</t>
  </si>
  <si>
    <t>104653200.0</t>
  </si>
  <si>
    <t>22083427.0</t>
  </si>
  <si>
    <t>23770780.0</t>
  </si>
  <si>
    <t>22.01</t>
  </si>
  <si>
    <t>4150497.0</t>
  </si>
  <si>
    <t>1065976653.0</t>
  </si>
  <si>
    <t>279334510.0</t>
  </si>
  <si>
    <t>105646597.0</t>
  </si>
  <si>
    <t>27320973.0</t>
  </si>
  <si>
    <t>24615406.0</t>
  </si>
  <si>
    <t>5214.0</t>
  </si>
  <si>
    <t>4142783.0</t>
  </si>
  <si>
    <t>1093918071.0</t>
  </si>
  <si>
    <t>284551381.0</t>
  </si>
  <si>
    <t>107058854.0</t>
  </si>
  <si>
    <t>26704233.0</t>
  </si>
  <si>
    <t>24972556.0</t>
  </si>
  <si>
    <t>6.03</t>
  </si>
  <si>
    <t>4365658.0</t>
  </si>
  <si>
    <t>1122934152.0</t>
  </si>
  <si>
    <t>289369753.0</t>
  </si>
  <si>
    <t>108264689.0</t>
  </si>
  <si>
    <t>29164273.0</t>
  </si>
  <si>
    <t>25441755.0</t>
  </si>
  <si>
    <t>23.78</t>
  </si>
  <si>
    <t>4399672.0</t>
  </si>
  <si>
    <t>1147965664.0</t>
  </si>
  <si>
    <t>294269375.0</t>
  </si>
  <si>
    <t>109460798.0</t>
  </si>
  <si>
    <t>25386786.0</t>
  </si>
  <si>
    <t>25608804.0</t>
  </si>
  <si>
    <t>4411508.0</t>
  </si>
  <si>
    <t>1177291381.0</t>
  </si>
  <si>
    <t>301282129.0</t>
  </si>
  <si>
    <t>110667465.0</t>
  </si>
  <si>
    <t>29678732.0</t>
  </si>
  <si>
    <t>26391164.0</t>
  </si>
  <si>
    <t>5590.0</t>
  </si>
  <si>
    <t>4863300.0</t>
  </si>
  <si>
    <t>1200938416.0</t>
  </si>
  <si>
    <t>305321164.0</t>
  </si>
  <si>
    <t>111783080.0</t>
  </si>
  <si>
    <t>23260744.0</t>
  </si>
  <si>
    <t>26228454.0</t>
  </si>
  <si>
    <t>25.44</t>
  </si>
  <si>
    <t>5555.0</t>
  </si>
  <si>
    <t>4667367.0</t>
  </si>
  <si>
    <t>1220469366.0</t>
  </si>
  <si>
    <t>309175191.0</t>
  </si>
  <si>
    <t>112489869.0</t>
  </si>
  <si>
    <t>19640947.0</t>
  </si>
  <si>
    <t>25879527.0</t>
  </si>
  <si>
    <t>25.85</t>
  </si>
  <si>
    <t>6.55</t>
  </si>
  <si>
    <t>4817362.0</t>
  </si>
  <si>
    <t>1243049316.0</t>
  </si>
  <si>
    <t>314479519.0</t>
  </si>
  <si>
    <t>113468500.0</t>
  </si>
  <si>
    <t>23130369.0</t>
  </si>
  <si>
    <t>25280869.0</t>
  </si>
  <si>
    <t>6.66</t>
  </si>
  <si>
    <t>5094342.0</t>
  </si>
  <si>
    <t>1266993810.0</t>
  </si>
  <si>
    <t>322026239.0</t>
  </si>
  <si>
    <t>115192466.0</t>
  </si>
  <si>
    <t>23026722.0</t>
  </si>
  <si>
    <t>24755514.0</t>
  </si>
  <si>
    <t>26.84</t>
  </si>
  <si>
    <t>5339346.0</t>
  </si>
  <si>
    <t>1291594048.0</t>
  </si>
  <si>
    <t>328808956.0</t>
  </si>
  <si>
    <t>116669909.0</t>
  </si>
  <si>
    <t>23634725.0</t>
  </si>
  <si>
    <t>23965573.0</t>
  </si>
  <si>
    <t>27.36</t>
  </si>
  <si>
    <t>5541631.0</t>
  </si>
  <si>
    <t>1319873899.0</t>
  </si>
  <si>
    <t>957071042.0</t>
  </si>
  <si>
    <t>118130127.0</t>
  </si>
  <si>
    <t>28706051.0</t>
  </si>
  <si>
    <t>24439752.0</t>
  </si>
  <si>
    <t>20.27</t>
  </si>
  <si>
    <t>5176.0</t>
  </si>
  <si>
    <t>5768166.0</t>
  </si>
  <si>
    <t>1345653769.0</t>
  </si>
  <si>
    <t>963264504.0</t>
  </si>
  <si>
    <t>119494057.0</t>
  </si>
  <si>
    <t>26458515.0</t>
  </si>
  <si>
    <t>23979721.0</t>
  </si>
  <si>
    <t>5079.0</t>
  </si>
  <si>
    <t>11529692.0</t>
  </si>
  <si>
    <t>1367720307.0</t>
  </si>
  <si>
    <t>969152157.0</t>
  </si>
  <si>
    <t>120928208.0</t>
  </si>
  <si>
    <t>21421594.0</t>
  </si>
  <si>
    <t>23716990.0</t>
  </si>
  <si>
    <t>28.97</t>
  </si>
  <si>
    <t>20.53</t>
  </si>
  <si>
    <t>5023.0</t>
  </si>
  <si>
    <t>11719752.0</t>
  </si>
  <si>
    <t>1388518111.0</t>
  </si>
  <si>
    <t>974244459.0</t>
  </si>
  <si>
    <t>122148517.0</t>
  </si>
  <si>
    <t>20641769.0</t>
  </si>
  <si>
    <t>23859961.0</t>
  </si>
  <si>
    <t>29.41</t>
  </si>
  <si>
    <t>20.63</t>
  </si>
  <si>
    <t>11895492.0</t>
  </si>
  <si>
    <t>1408096281.0</t>
  </si>
  <si>
    <t>980511686.0</t>
  </si>
  <si>
    <t>124047974.0</t>
  </si>
  <si>
    <t>19596782.0</t>
  </si>
  <si>
    <t>23355166.0</t>
  </si>
  <si>
    <t>29.82</t>
  </si>
  <si>
    <t>4947.0</t>
  </si>
  <si>
    <t>12036063.0</t>
  </si>
  <si>
    <t>1437525767.0</t>
  </si>
  <si>
    <t>988243820.0</t>
  </si>
  <si>
    <t>126584676.0</t>
  </si>
  <si>
    <t>28727646.0</t>
  </si>
  <si>
    <t>24169582.0</t>
  </si>
  <si>
    <t>30.45</t>
  </si>
  <si>
    <t>20.93</t>
  </si>
  <si>
    <t>12101616.0</t>
  </si>
  <si>
    <t>1468310865.0</t>
  </si>
  <si>
    <t>995432453.0</t>
  </si>
  <si>
    <t>128557049.0</t>
  </si>
  <si>
    <t>31003305.0</t>
  </si>
  <si>
    <t>25222236.0</t>
  </si>
  <si>
    <t>21.08</t>
  </si>
  <si>
    <t>12289328.0</t>
  </si>
  <si>
    <t>1500918947.0</t>
  </si>
  <si>
    <t>1003886082.0</t>
  </si>
  <si>
    <t>130516839.0</t>
  </si>
  <si>
    <t>32867081.0</t>
  </si>
  <si>
    <t>25816669.0</t>
  </si>
  <si>
    <t>31.79</t>
  </si>
  <si>
    <t>12613835.0</t>
  </si>
  <si>
    <t>1533704069.0</t>
  </si>
  <si>
    <t>1010636945.0</t>
  </si>
  <si>
    <t>132234529.0</t>
  </si>
  <si>
    <t>33059621.0</t>
  </si>
  <si>
    <t>26759689.0</t>
  </si>
  <si>
    <t>32.48</t>
  </si>
  <si>
    <t>5668.0</t>
  </si>
  <si>
    <t>12692285.0</t>
  </si>
  <si>
    <t>1562572297.0</t>
  </si>
  <si>
    <t>1017167718.0</t>
  </si>
  <si>
    <t>133857223.0</t>
  </si>
  <si>
    <t>29125631.0</t>
  </si>
  <si>
    <t>27860264.0</t>
  </si>
  <si>
    <t>21.54</t>
  </si>
  <si>
    <t>12961573.0</t>
  </si>
  <si>
    <t>1589063867.0</t>
  </si>
  <si>
    <t>1023244298.0</t>
  </si>
  <si>
    <t>135250779.0</t>
  </si>
  <si>
    <t>26493936.0</t>
  </si>
  <si>
    <t>28696288.0</t>
  </si>
  <si>
    <t>6078.0</t>
  </si>
  <si>
    <t>13142584.0</t>
  </si>
  <si>
    <t>1623328311.0</t>
  </si>
  <si>
    <t>1035464841.0</t>
  </si>
  <si>
    <t>137497021.0</t>
  </si>
  <si>
    <t>34271441.0</t>
  </si>
  <si>
    <t>30792667.0</t>
  </si>
  <si>
    <t>34.38</t>
  </si>
  <si>
    <t>13944669.0</t>
  </si>
  <si>
    <t>1656186360.0</t>
  </si>
  <si>
    <t>1044109207.0</t>
  </si>
  <si>
    <t>139543912.0</t>
  </si>
  <si>
    <t>33528160.0</t>
  </si>
  <si>
    <t>31478452.0</t>
  </si>
  <si>
    <t>22.11</t>
  </si>
  <si>
    <t>6667.0</t>
  </si>
  <si>
    <t>14221708.0</t>
  </si>
  <si>
    <t>1688886907.0</t>
  </si>
  <si>
    <t>1050269417.0</t>
  </si>
  <si>
    <t>141249980.0</t>
  </si>
  <si>
    <t>33001764.0</t>
  </si>
  <si>
    <t>31763949.0</t>
  </si>
  <si>
    <t>22.24</t>
  </si>
  <si>
    <t>14116107.0</t>
  </si>
  <si>
    <t>1725393437.0</t>
  </si>
  <si>
    <t>1059614915.0</t>
  </si>
  <si>
    <t>143451074.0</t>
  </si>
  <si>
    <t>37293853.0</t>
  </si>
  <si>
    <t>32396341.0</t>
  </si>
  <si>
    <t>36.54</t>
  </si>
  <si>
    <t>6862.0</t>
  </si>
  <si>
    <t>14231488.0</t>
  </si>
  <si>
    <t>1760885913.0</t>
  </si>
  <si>
    <t>1068735682.0</t>
  </si>
  <si>
    <t>145828268.0</t>
  </si>
  <si>
    <t>35494841.0</t>
  </si>
  <si>
    <t>32744231.0</t>
  </si>
  <si>
    <t>6935.0</t>
  </si>
  <si>
    <t>14533353.0</t>
  </si>
  <si>
    <t>1794359015.0</t>
  </si>
  <si>
    <t>1078208072.0</t>
  </si>
  <si>
    <t>148190488.0</t>
  </si>
  <si>
    <t>34370976.0</t>
  </si>
  <si>
    <t>33493564.0</t>
  </si>
  <si>
    <t>22.84</t>
  </si>
  <si>
    <t>14956651.0</t>
  </si>
  <si>
    <t>1823122406.0</t>
  </si>
  <si>
    <t>1100306303.0</t>
  </si>
  <si>
    <t>151484052.0</t>
  </si>
  <si>
    <t>28952387.0</t>
  </si>
  <si>
    <t>33844771.0</t>
  </si>
  <si>
    <t>38.61</t>
  </si>
  <si>
    <t>7168.0</t>
  </si>
  <si>
    <t>14949774.0</t>
  </si>
  <si>
    <t>1852263697.0</t>
  </si>
  <si>
    <t>1106142350.0</t>
  </si>
  <si>
    <t>153734947.0</t>
  </si>
  <si>
    <t>29797971.0</t>
  </si>
  <si>
    <t>33205705.0</t>
  </si>
  <si>
    <t>39.23</t>
  </si>
  <si>
    <t>23.43</t>
  </si>
  <si>
    <t>7033.0</t>
  </si>
  <si>
    <t>14177860.0</t>
  </si>
  <si>
    <t>1883049489.0</t>
  </si>
  <si>
    <t>1114122389.0</t>
  </si>
  <si>
    <t>157421195.0</t>
  </si>
  <si>
    <t>30782550.0</t>
  </si>
  <si>
    <t>32813475.0</t>
  </si>
  <si>
    <t>6950.0</t>
  </si>
  <si>
    <t>14097660.0</t>
  </si>
  <si>
    <t>1910286406.0</t>
  </si>
  <si>
    <t>1119533780.0</t>
  </si>
  <si>
    <t>159834399.0</t>
  </si>
  <si>
    <t>298901.0</t>
  </si>
  <si>
    <t>27680501.0</t>
  </si>
  <si>
    <t>32053296.0</t>
  </si>
  <si>
    <t>3.39</t>
  </si>
  <si>
    <t>13962059.0</t>
  </si>
  <si>
    <t>1943381973.0</t>
  </si>
  <si>
    <t>1130858882.0</t>
  </si>
  <si>
    <t>162784751.0</t>
  </si>
  <si>
    <t>559579.0</t>
  </si>
  <si>
    <t>30783640.0</t>
  </si>
  <si>
    <t>31123268.0</t>
  </si>
  <si>
    <t>41.16</t>
  </si>
  <si>
    <t>23.95</t>
  </si>
  <si>
    <t>6592.0</t>
  </si>
  <si>
    <t>13665170.0</t>
  </si>
  <si>
    <t>1968513008.0</t>
  </si>
  <si>
    <t>1134501309.0</t>
  </si>
  <si>
    <t>164826589.0</t>
  </si>
  <si>
    <t>908768.0</t>
  </si>
  <si>
    <t>25873684.0</t>
  </si>
  <si>
    <t>29748818.0</t>
  </si>
  <si>
    <t>6301.0</t>
  </si>
  <si>
    <t>12897148.0</t>
  </si>
  <si>
    <t>1994846851.0</t>
  </si>
  <si>
    <t>1143726031.0</t>
  </si>
  <si>
    <t>169762445.0</t>
  </si>
  <si>
    <t>1025502.0</t>
  </si>
  <si>
    <t>26440729.0</t>
  </si>
  <si>
    <t>28615926.0</t>
  </si>
  <si>
    <t>42.25</t>
  </si>
  <si>
    <t>6061.0</t>
  </si>
  <si>
    <t>12746513.0</t>
  </si>
  <si>
    <t>2013337918.0</t>
  </si>
  <si>
    <t>1149965112.0</t>
  </si>
  <si>
    <t>172023127.0</t>
  </si>
  <si>
    <t>1363129.0</t>
  </si>
  <si>
    <t>17850646.0</t>
  </si>
  <si>
    <t>27029959.0</t>
  </si>
  <si>
    <t>42.64</t>
  </si>
  <si>
    <t>24.36</t>
  </si>
  <si>
    <t>12632713.0</t>
  </si>
  <si>
    <t>2035489228.0</t>
  </si>
  <si>
    <t>1157782834.0</t>
  </si>
  <si>
    <t>177720083.0</t>
  </si>
  <si>
    <t>1770291.0</t>
  </si>
  <si>
    <t>22100735.0</t>
  </si>
  <si>
    <t>25930354.0</t>
  </si>
  <si>
    <t>43.11</t>
  </si>
  <si>
    <t>12523070.0</t>
  </si>
  <si>
    <t>2057615959.0</t>
  </si>
  <si>
    <t>1163414890.0</t>
  </si>
  <si>
    <t>180597972.0</t>
  </si>
  <si>
    <t>2127528.0</t>
  </si>
  <si>
    <t>22796500.0</t>
  </si>
  <si>
    <t>24789489.0</t>
  </si>
  <si>
    <t>24.64</t>
  </si>
  <si>
    <t>3.83</t>
  </si>
  <si>
    <t>12193270.0</t>
  </si>
  <si>
    <t>2079168949.0</t>
  </si>
  <si>
    <t>1170432326.0</t>
  </si>
  <si>
    <t>183929974.0</t>
  </si>
  <si>
    <t>2432712.0</t>
  </si>
  <si>
    <t>21037217.0</t>
  </si>
  <si>
    <t>23840448.0</t>
  </si>
  <si>
    <t>12301059.0</t>
  </si>
  <si>
    <t>2108048422.0</t>
  </si>
  <si>
    <t>1181732253.0</t>
  </si>
  <si>
    <t>189392694.0</t>
  </si>
  <si>
    <t>2689120.0</t>
  </si>
  <si>
    <t>29617218.0</t>
  </si>
  <si>
    <t>23673820.0</t>
  </si>
  <si>
    <t>5014.0</t>
  </si>
  <si>
    <t>12849751.0</t>
  </si>
  <si>
    <t>2125365347.0</t>
  </si>
  <si>
    <t>1185489097.0</t>
  </si>
  <si>
    <t>191553757.0</t>
  </si>
  <si>
    <t>2824852.0</t>
  </si>
  <si>
    <t>21490040.0</t>
  </si>
  <si>
    <t>23047585.0</t>
  </si>
  <si>
    <t>45.02</t>
  </si>
  <si>
    <t>4.06</t>
  </si>
  <si>
    <t>4882.0</t>
  </si>
  <si>
    <t>13163324.0</t>
  </si>
  <si>
    <t>2146435298.0</t>
  </si>
  <si>
    <t>1193258924.0</t>
  </si>
  <si>
    <t>195890531.0</t>
  </si>
  <si>
    <t>2868475.0</t>
  </si>
  <si>
    <t>17304058.0</t>
  </si>
  <si>
    <t>21742344.0</t>
  </si>
  <si>
    <t>45.46</t>
  </si>
  <si>
    <t>4605.0</t>
  </si>
  <si>
    <t>12626352.0</t>
  </si>
  <si>
    <t>2161200039.0</t>
  </si>
  <si>
    <t>1197060019.0</t>
  </si>
  <si>
    <t>198221439.0</t>
  </si>
  <si>
    <t>2994497.0</t>
  </si>
  <si>
    <t>14604305.0</t>
  </si>
  <si>
    <t>21278580.0</t>
  </si>
  <si>
    <t>45.77</t>
  </si>
  <si>
    <t>4507.0</t>
  </si>
  <si>
    <t>12343517.0</t>
  </si>
  <si>
    <t>2179436559.0</t>
  </si>
  <si>
    <t>1202527980.0</t>
  </si>
  <si>
    <t>201831844.0</t>
  </si>
  <si>
    <t>3189777.0</t>
  </si>
  <si>
    <t>18756810.0</t>
  </si>
  <si>
    <t>20800876.0</t>
  </si>
  <si>
    <t>46.16</t>
  </si>
  <si>
    <t>4.27</t>
  </si>
  <si>
    <t>4406.0</t>
  </si>
  <si>
    <t>12382421.0</t>
  </si>
  <si>
    <t>2203983559.0</t>
  </si>
  <si>
    <t>1211671213.0</t>
  </si>
  <si>
    <t>206309450.0</t>
  </si>
  <si>
    <t>3354336.0</t>
  </si>
  <si>
    <t>23746175.0</t>
  </si>
  <si>
    <t>20936546.0</t>
  </si>
  <si>
    <t>25.66</t>
  </si>
  <si>
    <t>4434.0</t>
  </si>
  <si>
    <t>12770593.0</t>
  </si>
  <si>
    <t>2228844003.0</t>
  </si>
  <si>
    <t>1219351569.0</t>
  </si>
  <si>
    <t>210597717.0</t>
  </si>
  <si>
    <t>3455316.0</t>
  </si>
  <si>
    <t>25579020.0</t>
  </si>
  <si>
    <t>21585373.0</t>
  </si>
  <si>
    <t>25.83</t>
  </si>
  <si>
    <t>4.46</t>
  </si>
  <si>
    <t>4572.0</t>
  </si>
  <si>
    <t>13006248.0</t>
  </si>
  <si>
    <t>2252652765.0</t>
  </si>
  <si>
    <t>1226551100.0</t>
  </si>
  <si>
    <t>215360741.0</t>
  </si>
  <si>
    <t>5424152.0</t>
  </si>
  <si>
    <t>24136585.0</t>
  </si>
  <si>
    <t>20802429.0</t>
  </si>
  <si>
    <t>47.71</t>
  </si>
  <si>
    <t>25.98</t>
  </si>
  <si>
    <t>12412799.0</t>
  </si>
  <si>
    <t>2274613494.0</t>
  </si>
  <si>
    <t>1233103479.0</t>
  </si>
  <si>
    <t>219324598.0</t>
  </si>
  <si>
    <t>5463941.0</t>
  </si>
  <si>
    <t>22569489.0</t>
  </si>
  <si>
    <t>20956633.0</t>
  </si>
  <si>
    <t>48.18</t>
  </si>
  <si>
    <t>12489290.0</t>
  </si>
  <si>
    <t>2295673498.0</t>
  </si>
  <si>
    <t>1239871552.0</t>
  </si>
  <si>
    <t>223622937.0</t>
  </si>
  <si>
    <t>5491385.0</t>
  </si>
  <si>
    <t>21793985.0</t>
  </si>
  <si>
    <t>21598051.0</t>
  </si>
  <si>
    <t>48.62</t>
  </si>
  <si>
    <t>12772639.0</t>
  </si>
  <si>
    <t>2309088310.0</t>
  </si>
  <si>
    <t>1242145908.0</t>
  </si>
  <si>
    <t>225465527.0</t>
  </si>
  <si>
    <t>5585099.0</t>
  </si>
  <si>
    <t>17698218.0</t>
  </si>
  <si>
    <t>22040040.0</t>
  </si>
  <si>
    <t>48.91</t>
  </si>
  <si>
    <t>26.31</t>
  </si>
  <si>
    <t>4.78</t>
  </si>
  <si>
    <t>12967891.0</t>
  </si>
  <si>
    <t>2333282651.0</t>
  </si>
  <si>
    <t>1250649593.0</t>
  </si>
  <si>
    <t>230352809.0</t>
  </si>
  <si>
    <t>5626788.0</t>
  </si>
  <si>
    <t>19692925.0</t>
  </si>
  <si>
    <t>22173769.0</t>
  </si>
  <si>
    <t>49.42</t>
  </si>
  <si>
    <t>26.49</t>
  </si>
  <si>
    <t>12901165.0</t>
  </si>
  <si>
    <t>2355438714.0</t>
  </si>
  <si>
    <t>1257561369.0</t>
  </si>
  <si>
    <t>233348217.0</t>
  </si>
  <si>
    <t>5661961.0</t>
  </si>
  <si>
    <t>20090398.0</t>
  </si>
  <si>
    <t>21651520.0</t>
  </si>
  <si>
    <t>49.89</t>
  </si>
  <si>
    <t>26.64</t>
  </si>
  <si>
    <t>12438791.0</t>
  </si>
  <si>
    <t>2377671803.0</t>
  </si>
  <si>
    <t>1261838283.0</t>
  </si>
  <si>
    <t>236798892.0</t>
  </si>
  <si>
    <t>5692438.0</t>
  </si>
  <si>
    <t>21733370.0</t>
  </si>
  <si>
    <t>21102141.0</t>
  </si>
  <si>
    <t>50.36</t>
  </si>
  <si>
    <t>26.73</t>
  </si>
  <si>
    <t>4469.0</t>
  </si>
  <si>
    <t>11976845.0</t>
  </si>
  <si>
    <t>2404444431.0</t>
  </si>
  <si>
    <t>1268346153.0</t>
  </si>
  <si>
    <t>241026673.0</t>
  </si>
  <si>
    <t>5726219.0</t>
  </si>
  <si>
    <t>27834607.0</t>
  </si>
  <si>
    <t>21630425.0</t>
  </si>
  <si>
    <t>50.93</t>
  </si>
  <si>
    <t>5.11</t>
  </si>
  <si>
    <t>11924944.0</t>
  </si>
  <si>
    <t>2431153007.0</t>
  </si>
  <si>
    <t>1273912351.0</t>
  </si>
  <si>
    <t>244860247.0</t>
  </si>
  <si>
    <t>5739564.0</t>
  </si>
  <si>
    <t>27287075.0</t>
  </si>
  <si>
    <t>22304366.0</t>
  </si>
  <si>
    <t>51.49</t>
  </si>
  <si>
    <t>26.98</t>
  </si>
  <si>
    <t>5.19</t>
  </si>
  <si>
    <t>11815949.0</t>
  </si>
  <si>
    <t>2454703414.0</t>
  </si>
  <si>
    <t>1279336906.0</t>
  </si>
  <si>
    <t>249066378.0</t>
  </si>
  <si>
    <t>5770564.0</t>
  </si>
  <si>
    <t>24770694.0</t>
  </si>
  <si>
    <t>22729613.0</t>
  </si>
  <si>
    <t>51.99</t>
  </si>
  <si>
    <t>27.1</t>
  </si>
  <si>
    <t>5.28</t>
  </si>
  <si>
    <t>4814.0</t>
  </si>
  <si>
    <t>11680197.0</t>
  </si>
  <si>
    <t>2474691883.0</t>
  </si>
  <si>
    <t>1283542236.0</t>
  </si>
  <si>
    <t>253068717.0</t>
  </si>
  <si>
    <t>5934831.0</t>
  </si>
  <si>
    <t>20131400.0</t>
  </si>
  <si>
    <t>23077210.0</t>
  </si>
  <si>
    <t>52.41</t>
  </si>
  <si>
    <t>11601621.0</t>
  </si>
  <si>
    <t>2506895839.0</t>
  </si>
  <si>
    <t>1295295732.0</t>
  </si>
  <si>
    <t>260552311.0</t>
  </si>
  <si>
    <t>6136699.0</t>
  </si>
  <si>
    <t>29939294.0</t>
  </si>
  <si>
    <t>24540979.0</t>
  </si>
  <si>
    <t>53.1</t>
  </si>
  <si>
    <t>12088172.0</t>
  </si>
  <si>
    <t>2536886551.0</t>
  </si>
  <si>
    <t>1302347986.0</t>
  </si>
  <si>
    <t>265781669.0</t>
  </si>
  <si>
    <t>6337313.0</t>
  </si>
  <si>
    <t>30818846.0</t>
  </si>
  <si>
    <t>26073612.0</t>
  </si>
  <si>
    <t>53.73</t>
  </si>
  <si>
    <t>27.58</t>
  </si>
  <si>
    <t>5522.0</t>
  </si>
  <si>
    <t>12386492.0</t>
  </si>
  <si>
    <t>2567987091.0</t>
  </si>
  <si>
    <t>1310419789.0</t>
  </si>
  <si>
    <t>270427050.0</t>
  </si>
  <si>
    <t>6539297.0</t>
  </si>
  <si>
    <t>32237615.0</t>
  </si>
  <si>
    <t>27574219.0</t>
  </si>
  <si>
    <t>54.39</t>
  </si>
  <si>
    <t>27.75</t>
  </si>
  <si>
    <t>12880155.0</t>
  </si>
  <si>
    <t>2602955620.0</t>
  </si>
  <si>
    <t>1319840873.0</t>
  </si>
  <si>
    <t>277350916.0</t>
  </si>
  <si>
    <t>6743066.0</t>
  </si>
  <si>
    <t>34728452.0</t>
  </si>
  <si>
    <t>28559051.0</t>
  </si>
  <si>
    <t>55.13</t>
  </si>
  <si>
    <t>5.87</t>
  </si>
  <si>
    <t>13252945.0</t>
  </si>
  <si>
    <t>2635543381.0</t>
  </si>
  <si>
    <t>1328871098.0</t>
  </si>
  <si>
    <t>282398511.0</t>
  </si>
  <si>
    <t>6871216.0</t>
  </si>
  <si>
    <t>34005599.0</t>
  </si>
  <si>
    <t>29518839.0</t>
  </si>
  <si>
    <t>6252.0</t>
  </si>
  <si>
    <t>13779222.0</t>
  </si>
  <si>
    <t>2659333482.0</t>
  </si>
  <si>
    <t>1334066198.0</t>
  </si>
  <si>
    <t>285474490.0</t>
  </si>
  <si>
    <t>6914842.0</t>
  </si>
  <si>
    <t>29799468.0</t>
  </si>
  <si>
    <t>30237239.0</t>
  </si>
  <si>
    <t>56.33</t>
  </si>
  <si>
    <t>28.26</t>
  </si>
  <si>
    <t>14257381.0</t>
  </si>
  <si>
    <t>2692866268.0</t>
  </si>
  <si>
    <t>1346158344.0</t>
  </si>
  <si>
    <t>289926597.0</t>
  </si>
  <si>
    <t>6998988.0</t>
  </si>
  <si>
    <t>28958041.0</t>
  </si>
  <si>
    <t>31498187.0</t>
  </si>
  <si>
    <t>57.04</t>
  </si>
  <si>
    <t>6.14</t>
  </si>
  <si>
    <t>6671.0</t>
  </si>
  <si>
    <t>14797113.0</t>
  </si>
  <si>
    <t>2724140392.0</t>
  </si>
  <si>
    <t>1353283810.0</t>
  </si>
  <si>
    <t>294329984.0</t>
  </si>
  <si>
    <t>7166356.0</t>
  </si>
  <si>
    <t>34359154.0</t>
  </si>
  <si>
    <t>32129596.0</t>
  </si>
  <si>
    <t>6805.0</t>
  </si>
  <si>
    <t>15012937.0</t>
  </si>
  <si>
    <t>2767983656.0</t>
  </si>
  <si>
    <t>1369691795.0</t>
  </si>
  <si>
    <t>301489859.0</t>
  </si>
  <si>
    <t>7373427.0</t>
  </si>
  <si>
    <t>37155375.0</t>
  </si>
  <si>
    <t>33034814.0</t>
  </si>
  <si>
    <t>29.01</t>
  </si>
  <si>
    <t>6997.0</t>
  </si>
  <si>
    <t>15522278.0</t>
  </si>
  <si>
    <t>2796794569.0</t>
  </si>
  <si>
    <t>1376614455.0</t>
  </si>
  <si>
    <t>305266991.0</t>
  </si>
  <si>
    <t>7455076.0</t>
  </si>
  <si>
    <t>30218457.0</t>
  </si>
  <si>
    <t>32746360.0</t>
  </si>
  <si>
    <t>59.24</t>
  </si>
  <si>
    <t>6936.0</t>
  </si>
  <si>
    <t>15448658.0</t>
  </si>
  <si>
    <t>2827509744.0</t>
  </si>
  <si>
    <t>1386329822.0</t>
  </si>
  <si>
    <t>310084141.0</t>
  </si>
  <si>
    <t>7768021.0</t>
  </si>
  <si>
    <t>30628218.0</t>
  </si>
  <si>
    <t>32160616.0</t>
  </si>
  <si>
    <t>6.57</t>
  </si>
  <si>
    <t>6812.0</t>
  </si>
  <si>
    <t>15447294.0</t>
  </si>
  <si>
    <t>2857898856.0</t>
  </si>
  <si>
    <t>1395209609.0</t>
  </si>
  <si>
    <t>314635668.0</t>
  </si>
  <si>
    <t>7940178.0</t>
  </si>
  <si>
    <t>31727869.0</t>
  </si>
  <si>
    <t>31835225.0</t>
  </si>
  <si>
    <t>60.53</t>
  </si>
  <si>
    <t>29.55</t>
  </si>
  <si>
    <t>15506643.0</t>
  </si>
  <si>
    <t>2883134878.0</t>
  </si>
  <si>
    <t>1403327483.0</t>
  </si>
  <si>
    <t>318940933.0</t>
  </si>
  <si>
    <t>8086813.0</t>
  </si>
  <si>
    <t>27066289.0</t>
  </si>
  <si>
    <t>31444770.0</t>
  </si>
  <si>
    <t>15459536.0</t>
  </si>
  <si>
    <t>2908666445.0</t>
  </si>
  <si>
    <t>1412400784.0</t>
  </si>
  <si>
    <t>322843488.0</t>
  </si>
  <si>
    <t>8259602.0</t>
  </si>
  <si>
    <t>24969913.0</t>
  </si>
  <si>
    <t>30875039.0</t>
  </si>
  <si>
    <t>29.91</t>
  </si>
  <si>
    <t>6.84</t>
  </si>
  <si>
    <t>15558536.0</t>
  </si>
  <si>
    <t>2939388435.0</t>
  </si>
  <si>
    <t>1425471370.0</t>
  </si>
  <si>
    <t>333086901.0</t>
  </si>
  <si>
    <t>8514031.0</t>
  </si>
  <si>
    <t>26915994.0</t>
  </si>
  <si>
    <t>29811733.0</t>
  </si>
  <si>
    <t>62.26</t>
  </si>
  <si>
    <t>6314.0</t>
  </si>
  <si>
    <t>15499701.0</t>
  </si>
  <si>
    <t>2967624102.0</t>
  </si>
  <si>
    <t>1435051354.0</t>
  </si>
  <si>
    <t>338452672.0</t>
  </si>
  <si>
    <t>8931122.0</t>
  </si>
  <si>
    <t>29496028.0</t>
  </si>
  <si>
    <t>28717540.0</t>
  </si>
  <si>
    <t>6082.0</t>
  </si>
  <si>
    <t>15362029.0</t>
  </si>
  <si>
    <t>2995473266.0</t>
  </si>
  <si>
    <t>1444853188.0</t>
  </si>
  <si>
    <t>344127931.0</t>
  </si>
  <si>
    <t>9305562.0</t>
  </si>
  <si>
    <t>27749949.0</t>
  </si>
  <si>
    <t>28364893.0</t>
  </si>
  <si>
    <t>63.44</t>
  </si>
  <si>
    <t>6008.0</t>
  </si>
  <si>
    <t>15594151.0</t>
  </si>
  <si>
    <t>3018142843.0</t>
  </si>
  <si>
    <t>1450148092.0</t>
  </si>
  <si>
    <t>1126028114.0</t>
  </si>
  <si>
    <t>9679591.0</t>
  </si>
  <si>
    <t>29024055.0</t>
  </si>
  <si>
    <t>28135735.0</t>
  </si>
  <si>
    <t>30.71</t>
  </si>
  <si>
    <t>15839890.0</t>
  </si>
  <si>
    <t>3051865331.0</t>
  </si>
  <si>
    <t>1464881544.0</t>
  </si>
  <si>
    <t>1132931159.0</t>
  </si>
  <si>
    <t>9881525.0</t>
  </si>
  <si>
    <t>29267567.0</t>
  </si>
  <si>
    <t>27784258.0</t>
  </si>
  <si>
    <t>31.03</t>
  </si>
  <si>
    <t>5885.0</t>
  </si>
  <si>
    <t>16025441.0</t>
  </si>
  <si>
    <t>3074963862.0</t>
  </si>
  <si>
    <t>1473520710.0</t>
  </si>
  <si>
    <t>1137798921.0</t>
  </si>
  <si>
    <t>10065763.0</t>
  </si>
  <si>
    <t>24738860.0</t>
  </si>
  <si>
    <t>27451766.0</t>
  </si>
  <si>
    <t>65.13</t>
  </si>
  <si>
    <t>31.21</t>
  </si>
  <si>
    <t>16180691.0</t>
  </si>
  <si>
    <t>3091787270.0</t>
  </si>
  <si>
    <t>1480705449.0</t>
  </si>
  <si>
    <t>1140633881.0</t>
  </si>
  <si>
    <t>10271364.0</t>
  </si>
  <si>
    <t>18269742.0</t>
  </si>
  <si>
    <t>26494602.0</t>
  </si>
  <si>
    <t>65.48</t>
  </si>
  <si>
    <t>31.36</t>
  </si>
  <si>
    <t>24.16</t>
  </si>
  <si>
    <t>5612.0</t>
  </si>
  <si>
    <t>15862991.0</t>
  </si>
  <si>
    <t>3122382191.0</t>
  </si>
  <si>
    <t>1493163175.0</t>
  </si>
  <si>
    <t>1145557792.0</t>
  </si>
  <si>
    <t>10557307.0</t>
  </si>
  <si>
    <t>24834540.0</t>
  </si>
  <si>
    <t>26197251.0</t>
  </si>
  <si>
    <t>66.13</t>
  </si>
  <si>
    <t>31.63</t>
  </si>
  <si>
    <t>24.26</t>
  </si>
  <si>
    <t>15625550.0</t>
  </si>
  <si>
    <t>3150259307.0</t>
  </si>
  <si>
    <t>1503124032.0</t>
  </si>
  <si>
    <t>1151232635.0</t>
  </si>
  <si>
    <t>10885285.0</t>
  </si>
  <si>
    <t>28076554.0</t>
  </si>
  <si>
    <t>25994466.0</t>
  </si>
  <si>
    <t>5506.0</t>
  </si>
  <si>
    <t>15562641.0</t>
  </si>
  <si>
    <t>3177314198.0</t>
  </si>
  <si>
    <t>1511179796.0</t>
  </si>
  <si>
    <t>1156100062.0</t>
  </si>
  <si>
    <t>11340749.0</t>
  </si>
  <si>
    <t>27361789.0</t>
  </si>
  <si>
    <t>25939016.0</t>
  </si>
  <si>
    <t>24.49</t>
  </si>
  <si>
    <t>15450507.0</t>
  </si>
  <si>
    <t>3201865032.0</t>
  </si>
  <si>
    <t>1518444806.0</t>
  </si>
  <si>
    <t>1160816105.0</t>
  </si>
  <si>
    <t>11633010.0</t>
  </si>
  <si>
    <t>26181903.0</t>
  </si>
  <si>
    <t>25532993.0</t>
  </si>
  <si>
    <t>67.82</t>
  </si>
  <si>
    <t>32.16</t>
  </si>
  <si>
    <t>24.59</t>
  </si>
  <si>
    <t>5408.0</t>
  </si>
  <si>
    <t>14989225.0</t>
  </si>
  <si>
    <t>3228897852.0</t>
  </si>
  <si>
    <t>1527821453.0</t>
  </si>
  <si>
    <t>1167966646.0</t>
  </si>
  <si>
    <t>11918786.0</t>
  </si>
  <si>
    <t>26814373.0</t>
  </si>
  <si>
    <t>25182539.0</t>
  </si>
  <si>
    <t>32.36</t>
  </si>
  <si>
    <t>24.74</t>
  </si>
  <si>
    <t>5334.0</t>
  </si>
  <si>
    <t>14678580.0</t>
  </si>
  <si>
    <t>3254584707.0</t>
  </si>
  <si>
    <t>1536898461.0</t>
  </si>
  <si>
    <t>1172372232.0</t>
  </si>
  <si>
    <t>12082614.0</t>
  </si>
  <si>
    <t>23767589.0</t>
  </si>
  <si>
    <t>25043783.0</t>
  </si>
  <si>
    <t>68.93</t>
  </si>
  <si>
    <t>32.55</t>
  </si>
  <si>
    <t>14164986.0</t>
  </si>
  <si>
    <t>3276317118.0</t>
  </si>
  <si>
    <t>1542219959.0</t>
  </si>
  <si>
    <t>1176511759.0</t>
  </si>
  <si>
    <t>12240996.0</t>
  </si>
  <si>
    <t>22037166.0</t>
  </si>
  <si>
    <t>25581989.0</t>
  </si>
  <si>
    <t>69.39</t>
  </si>
  <si>
    <t>24.92</t>
  </si>
  <si>
    <t>5418.0</t>
  </si>
  <si>
    <t>14083358.0</t>
  </si>
  <si>
    <t>3300929660.0</t>
  </si>
  <si>
    <t>1546982869.0</t>
  </si>
  <si>
    <t>1180823465.0</t>
  </si>
  <si>
    <t>12563650.0</t>
  </si>
  <si>
    <t>25097300.0</t>
  </si>
  <si>
    <t>25619529.0</t>
  </si>
  <si>
    <t>69.91</t>
  </si>
  <si>
    <t>32.77</t>
  </si>
  <si>
    <t>13670043.0</t>
  </si>
  <si>
    <t>3333939301.0</t>
  </si>
  <si>
    <t>1558014946.0</t>
  </si>
  <si>
    <t>1188627984.0</t>
  </si>
  <si>
    <t>12851727.0</t>
  </si>
  <si>
    <t>29998041.0</t>
  </si>
  <si>
    <t>25894022.0</t>
  </si>
  <si>
    <t>70.61</t>
  </si>
  <si>
    <t>25.18</t>
  </si>
  <si>
    <t>5484.0</t>
  </si>
  <si>
    <t>13628563.0</t>
  </si>
  <si>
    <t>3365126336.0</t>
  </si>
  <si>
    <t>1568272898.0</t>
  </si>
  <si>
    <t>1194957331.0</t>
  </si>
  <si>
    <t>13119045.0</t>
  </si>
  <si>
    <t>32350647.0</t>
  </si>
  <si>
    <t>26606717.0</t>
  </si>
  <si>
    <t>71.27</t>
  </si>
  <si>
    <t>33.22</t>
  </si>
  <si>
    <t>25.31</t>
  </si>
  <si>
    <t>14079610.0</t>
  </si>
  <si>
    <t>3397684051.0</t>
  </si>
  <si>
    <t>2029369336.0</t>
  </si>
  <si>
    <t>1313533108.0</t>
  </si>
  <si>
    <t>13373360.0</t>
  </si>
  <si>
    <t>32405268.0</t>
  </si>
  <si>
    <t>27495773.0</t>
  </si>
  <si>
    <t>71.96</t>
  </si>
  <si>
    <t>27.82</t>
  </si>
  <si>
    <t>14353598.0</t>
  </si>
  <si>
    <t>3432596277.0</t>
  </si>
  <si>
    <t>2041408145.0</t>
  </si>
  <si>
    <t>1320561330.0</t>
  </si>
  <si>
    <t>13567568.0</t>
  </si>
  <si>
    <t>37780493.0</t>
  </si>
  <si>
    <t>29062360.0</t>
  </si>
  <si>
    <t>72.7</t>
  </si>
  <si>
    <t>43.24</t>
  </si>
  <si>
    <t>6155.0</t>
  </si>
  <si>
    <t>14402942.0</t>
  </si>
  <si>
    <t>3462919900.0</t>
  </si>
  <si>
    <t>2051978251.0</t>
  </si>
  <si>
    <t>1326437882.0</t>
  </si>
  <si>
    <t>13652520.0</t>
  </si>
  <si>
    <t>32734462.0</t>
  </si>
  <si>
    <t>30343343.0</t>
  </si>
  <si>
    <t>43.46</t>
  </si>
  <si>
    <t>28.09</t>
  </si>
  <si>
    <t>14582114.0</t>
  </si>
  <si>
    <t>3493938181.0</t>
  </si>
  <si>
    <t>2062376680.0</t>
  </si>
  <si>
    <t>1334022319.0</t>
  </si>
  <si>
    <t>13806127.0</t>
  </si>
  <si>
    <t>25849916.0</t>
  </si>
  <si>
    <t>30888022.0</t>
  </si>
  <si>
    <t>43.68</t>
  </si>
  <si>
    <t>28.25</t>
  </si>
  <si>
    <t>14360016.0</t>
  </si>
  <si>
    <t>3520074759.0</t>
  </si>
  <si>
    <t>2070939963.0</t>
  </si>
  <si>
    <t>1339647930.0</t>
  </si>
  <si>
    <t>13988834.0</t>
  </si>
  <si>
    <t>27904063.0</t>
  </si>
  <si>
    <t>31288985.0</t>
  </si>
  <si>
    <t>74.56</t>
  </si>
  <si>
    <t>6627.0</t>
  </si>
  <si>
    <t>14477859.0</t>
  </si>
  <si>
    <t>3550469859.0</t>
  </si>
  <si>
    <t>2080759153.0</t>
  </si>
  <si>
    <t>1346973508.0</t>
  </si>
  <si>
    <t>14293152.0</t>
  </si>
  <si>
    <t>27648185.0</t>
  </si>
  <si>
    <t>30953289.0</t>
  </si>
  <si>
    <t>44.07</t>
  </si>
  <si>
    <t>6556.0</t>
  </si>
  <si>
    <t>13864274.0</t>
  </si>
  <si>
    <t>3585444249.0</t>
  </si>
  <si>
    <t>2097835713.0</t>
  </si>
  <si>
    <t>1355732143.0</t>
  </si>
  <si>
    <t>14556616.0</t>
  </si>
  <si>
    <t>35483955.0</t>
  </si>
  <si>
    <t>31400905.0</t>
  </si>
  <si>
    <t>75.94</t>
  </si>
  <si>
    <t>14097763.0</t>
  </si>
  <si>
    <t>3610265884.0</t>
  </si>
  <si>
    <t>2107712804.0</t>
  </si>
  <si>
    <t>1362306808.0</t>
  </si>
  <si>
    <t>14802996.0</t>
  </si>
  <si>
    <t>25785458.0</t>
  </si>
  <si>
    <t>30455218.0</t>
  </si>
  <si>
    <t>76.47</t>
  </si>
  <si>
    <t>44.64</t>
  </si>
  <si>
    <t>28.85</t>
  </si>
  <si>
    <t>6450.0</t>
  </si>
  <si>
    <t>13571238.0</t>
  </si>
  <si>
    <t>3631333321.0</t>
  </si>
  <si>
    <t>2115527824.0</t>
  </si>
  <si>
    <t>1367843004.0</t>
  </si>
  <si>
    <t>15017996.0</t>
  </si>
  <si>
    <t>23232015.0</t>
  </si>
  <si>
    <t>28376867.0</t>
  </si>
  <si>
    <t>44.81</t>
  </si>
  <si>
    <t>6010.0</t>
  </si>
  <si>
    <t>12917048.0</t>
  </si>
  <si>
    <t>3648278895.0</t>
  </si>
  <si>
    <t>2120100519.0</t>
  </si>
  <si>
    <t>1371651151.0</t>
  </si>
  <si>
    <t>15104396.0</t>
  </si>
  <si>
    <t>18417438.0</t>
  </si>
  <si>
    <t>26331580.0</t>
  </si>
  <si>
    <t>11996278.0</t>
  </si>
  <si>
    <t>3673685955.0</t>
  </si>
  <si>
    <t>2129795230.0</t>
  </si>
  <si>
    <t>1379740044.0</t>
  </si>
  <si>
    <t>15213660.0</t>
  </si>
  <si>
    <t>20724535.0</t>
  </si>
  <si>
    <t>25599380.0</t>
  </si>
  <si>
    <t>45.11</t>
  </si>
  <si>
    <t>5422.0</t>
  </si>
  <si>
    <t>11950126.0</t>
  </si>
  <si>
    <t>3692283134.0</t>
  </si>
  <si>
    <t>2159507845.0</t>
  </si>
  <si>
    <t>1465063211.0</t>
  </si>
  <si>
    <t>15386996.0</t>
  </si>
  <si>
    <t>19245242.0</t>
  </si>
  <si>
    <t>24362405.0</t>
  </si>
  <si>
    <t>45.74</t>
  </si>
  <si>
    <t>5160.0</t>
  </si>
  <si>
    <t>11681948.0</t>
  </si>
  <si>
    <t>3719539636.0</t>
  </si>
  <si>
    <t>2172979956.0</t>
  </si>
  <si>
    <t>1472529479.0</t>
  </si>
  <si>
    <t>15552973.0</t>
  </si>
  <si>
    <t>29931697.0</t>
  </si>
  <si>
    <t>24688621.0</t>
  </si>
  <si>
    <t>46.02</t>
  </si>
  <si>
    <t>31.19</t>
  </si>
  <si>
    <t>12217649.0</t>
  </si>
  <si>
    <t>3751087646.0</t>
  </si>
  <si>
    <t>2188257648.0</t>
  </si>
  <si>
    <t>1484924805.0</t>
  </si>
  <si>
    <t>15685812.0</t>
  </si>
  <si>
    <t>31355672.0</t>
  </si>
  <si>
    <t>24098862.0</t>
  </si>
  <si>
    <t>79.45</t>
  </si>
  <si>
    <t>46.35</t>
  </si>
  <si>
    <t>31.45</t>
  </si>
  <si>
    <t>5104.0</t>
  </si>
  <si>
    <t>11438523.0</t>
  </si>
  <si>
    <t>3777871385.0</t>
  </si>
  <si>
    <t>2207595260.0</t>
  </si>
  <si>
    <t>1494825107.0</t>
  </si>
  <si>
    <t>15948994.0</t>
  </si>
  <si>
    <t>28177939.0</t>
  </si>
  <si>
    <t>24440649.0</t>
  </si>
  <si>
    <t>31.66</t>
  </si>
  <si>
    <t>5177.0</t>
  </si>
  <si>
    <t>11710552.0</t>
  </si>
  <si>
    <t>3795505083.0</t>
  </si>
  <si>
    <t>2215070406.0</t>
  </si>
  <si>
    <t>1499528899.0</t>
  </si>
  <si>
    <t>16149118.0</t>
  </si>
  <si>
    <t>20057745.0</t>
  </si>
  <si>
    <t>23987179.0</t>
  </si>
  <si>
    <t>80.39</t>
  </si>
  <si>
    <t>46.92</t>
  </si>
  <si>
    <t>31.76</t>
  </si>
  <si>
    <t>5081.0</t>
  </si>
  <si>
    <t>11418694.0</t>
  </si>
  <si>
    <t>3823273696.0</t>
  </si>
  <si>
    <t>2226294304.0</t>
  </si>
  <si>
    <t>1508710073.0</t>
  </si>
  <si>
    <t>16215398.0</t>
  </si>
  <si>
    <t>27017626.0</t>
  </si>
  <si>
    <t>25215780.0</t>
  </si>
  <si>
    <t>80.98</t>
  </si>
  <si>
    <t>47.15</t>
  </si>
  <si>
    <t>5341.0</t>
  </si>
  <si>
    <t>12036471.0</t>
  </si>
  <si>
    <t>3849382614.0</t>
  </si>
  <si>
    <t>2237853891.0</t>
  </si>
  <si>
    <t>1517262564.0</t>
  </si>
  <si>
    <t>16364922.0</t>
  </si>
  <si>
    <t>20263537.0</t>
  </si>
  <si>
    <t>25149921.0</t>
  </si>
  <si>
    <t>81.53</t>
  </si>
  <si>
    <t>47.4</t>
  </si>
  <si>
    <t>5327.0</t>
  </si>
  <si>
    <t>11867257.0</t>
  </si>
  <si>
    <t>3873346430.0</t>
  </si>
  <si>
    <t>2248473819.0</t>
  </si>
  <si>
    <t>1524656576.0</t>
  </si>
  <si>
    <t>16548802.0</t>
  </si>
  <si>
    <t>24908340.0</t>
  </si>
  <si>
    <t>25958939.0</t>
  </si>
  <si>
    <t>47.62</t>
  </si>
  <si>
    <t>32.29</t>
  </si>
  <si>
    <t>12125264.0</t>
  </si>
  <si>
    <t>3889978397.0</t>
  </si>
  <si>
    <t>2255363971.0</t>
  </si>
  <si>
    <t>1529847446.0</t>
  </si>
  <si>
    <t>16714444.0</t>
  </si>
  <si>
    <t>17160795.0</t>
  </si>
  <si>
    <t>24134521.0</t>
  </si>
  <si>
    <t>82.39</t>
  </si>
  <si>
    <t>47.77</t>
  </si>
  <si>
    <t>5112.0</t>
  </si>
  <si>
    <t>11168648.0</t>
  </si>
  <si>
    <t>3912432812.0</t>
  </si>
  <si>
    <t>2264320760.0</t>
  </si>
  <si>
    <t>1579409721.0</t>
  </si>
  <si>
    <t>16857043.0</t>
  </si>
  <si>
    <t>23155778.0</t>
  </si>
  <si>
    <t>22963105.0</t>
  </si>
  <si>
    <t>47.96</t>
  </si>
  <si>
    <t>10782954.0</t>
  </si>
  <si>
    <t>3935308120.0</t>
  </si>
  <si>
    <t>2274533241.0</t>
  </si>
  <si>
    <t>1587561279.0</t>
  </si>
  <si>
    <t>16984253.0</t>
  </si>
  <si>
    <t>24049287.0</t>
  </si>
  <si>
    <t>22373303.0</t>
  </si>
  <si>
    <t>10434455.0</t>
  </si>
  <si>
    <t>3955164111.0</t>
  </si>
  <si>
    <t>2282783458.0</t>
  </si>
  <si>
    <t>1594738838.0</t>
  </si>
  <si>
    <t>17154679.0</t>
  </si>
  <si>
    <t>21820149.0</t>
  </si>
  <si>
    <t>22625075.0</t>
  </si>
  <si>
    <t>48.35</t>
  </si>
  <si>
    <t>4792.0</t>
  </si>
  <si>
    <t>10619249.0</t>
  </si>
  <si>
    <t>3989954611.0</t>
  </si>
  <si>
    <t>2308908020.0</t>
  </si>
  <si>
    <t>1617019285.0</t>
  </si>
  <si>
    <t>17246878.0</t>
  </si>
  <si>
    <t>31804355.0</t>
  </si>
  <si>
    <t>23308891.0</t>
  </si>
  <si>
    <t>48.9</t>
  </si>
  <si>
    <t>4937.0</t>
  </si>
  <si>
    <t>11340647.0</t>
  </si>
  <si>
    <t>4009843115.0</t>
  </si>
  <si>
    <t>2317649869.0</t>
  </si>
  <si>
    <t>1624404471.0</t>
  </si>
  <si>
    <t>17344222.0</t>
  </si>
  <si>
    <t>20009546.0</t>
  </si>
  <si>
    <t>23272608.0</t>
  </si>
  <si>
    <t>84.93</t>
  </si>
  <si>
    <t>49.09</t>
  </si>
  <si>
    <t>34.41</t>
  </si>
  <si>
    <t>4929.0</t>
  </si>
  <si>
    <t>11664518.0</t>
  </si>
  <si>
    <t>4027864566.0</t>
  </si>
  <si>
    <t>2326263086.0</t>
  </si>
  <si>
    <t>1630483448.0</t>
  </si>
  <si>
    <t>17479214.0</t>
  </si>
  <si>
    <t>17141785.0</t>
  </si>
  <si>
    <t>22163103.0</t>
  </si>
  <si>
    <t>85.31</t>
  </si>
  <si>
    <t>4694.0</t>
  </si>
  <si>
    <t>11352512.0</t>
  </si>
  <si>
    <t>4047115246.0</t>
  </si>
  <si>
    <t>2335784574.0</t>
  </si>
  <si>
    <t>1638185360.0</t>
  </si>
  <si>
    <t>17573481.0</t>
  </si>
  <si>
    <t>20216977.0</t>
  </si>
  <si>
    <t>22599696.0</t>
  </si>
  <si>
    <t>85.72</t>
  </si>
  <si>
    <t>49.47</t>
  </si>
  <si>
    <t>11997770.0</t>
  </si>
  <si>
    <t>4065405441.0</t>
  </si>
  <si>
    <t>2343808489.0</t>
  </si>
  <si>
    <t>1644350675.0</t>
  </si>
  <si>
    <t>17743784.0</t>
  </si>
  <si>
    <t>20064026.0</t>
  </si>
  <si>
    <t>22158017.0</t>
  </si>
  <si>
    <t>86.11</t>
  </si>
  <si>
    <t>49.64</t>
  </si>
  <si>
    <t>4693.0</t>
  </si>
  <si>
    <t>11999745.0</t>
  </si>
  <si>
    <t>4087639379.0</t>
  </si>
  <si>
    <t>2353279922.0</t>
  </si>
  <si>
    <t>1652060377.0</t>
  </si>
  <si>
    <t>17879031.0</t>
  </si>
  <si>
    <t>24524101.0</t>
  </si>
  <si>
    <t>22225847.0</t>
  </si>
  <si>
    <t>86.58</t>
  </si>
  <si>
    <t>49.84</t>
  </si>
  <si>
    <t>4707.0</t>
  </si>
  <si>
    <t>12212192.0</t>
  </si>
  <si>
    <t>4109862577.0</t>
  </si>
  <si>
    <t>2363719572.0</t>
  </si>
  <si>
    <t>1659847774.0</t>
  </si>
  <si>
    <t>18019324.0</t>
  </si>
  <si>
    <t>25632980.0</t>
  </si>
  <si>
    <t>22770536.0</t>
  </si>
  <si>
    <t>87.05</t>
  </si>
  <si>
    <t>50.06</t>
  </si>
  <si>
    <t>35.16</t>
  </si>
  <si>
    <t>4823.0</t>
  </si>
  <si>
    <t>12826778.0</t>
  </si>
  <si>
    <t>4125553937.0</t>
  </si>
  <si>
    <t>2370566796.0</t>
  </si>
  <si>
    <t>1665331866.0</t>
  </si>
  <si>
    <t>18103231.0</t>
  </si>
  <si>
    <t>17230191.0</t>
  </si>
  <si>
    <t>20688514.0</t>
  </si>
  <si>
    <t>87.38</t>
  </si>
  <si>
    <t>50.21</t>
  </si>
  <si>
    <t>35.27</t>
  </si>
  <si>
    <t>4382.0</t>
  </si>
  <si>
    <t>11737176.0</t>
  </si>
  <si>
    <t>4138866205.0</t>
  </si>
  <si>
    <t>2375949263.0</t>
  </si>
  <si>
    <t>1670777570.0</t>
  </si>
  <si>
    <t>18226147.0</t>
  </si>
  <si>
    <t>15473269.0</t>
  </si>
  <si>
    <t>20040474.0</t>
  </si>
  <si>
    <t>50.32</t>
  </si>
  <si>
    <t>35.39</t>
  </si>
  <si>
    <t>11437623.0</t>
  </si>
  <si>
    <t>4174547703.0</t>
  </si>
  <si>
    <t>2395725665.0</t>
  </si>
  <si>
    <t>1683298453.0</t>
  </si>
  <si>
    <t>18389492.0</t>
  </si>
  <si>
    <t>26395017.0</t>
  </si>
  <si>
    <t>21362368.0</t>
  </si>
  <si>
    <t>50.74</t>
  </si>
  <si>
    <t>35.65</t>
  </si>
  <si>
    <t>4525.0</t>
  </si>
  <si>
    <t>12217256.0</t>
  </si>
  <si>
    <t>4191460950.0</t>
  </si>
  <si>
    <t>2402976662.0</t>
  </si>
  <si>
    <t>1715012765.0</t>
  </si>
  <si>
    <t>18538329.0</t>
  </si>
  <si>
    <t>18803223.0</t>
  </si>
  <si>
    <t>21160400.0</t>
  </si>
  <si>
    <t>88.78</t>
  </si>
  <si>
    <t>50.9</t>
  </si>
  <si>
    <t>4482.0</t>
  </si>
  <si>
    <t>11930725.0</t>
  </si>
  <si>
    <t>4215136567.0</t>
  </si>
  <si>
    <t>2416941369.0</t>
  </si>
  <si>
    <t>1721674259.0</t>
  </si>
  <si>
    <t>18630133.0</t>
  </si>
  <si>
    <t>26981807.0</t>
  </si>
  <si>
    <t>22148656.0</t>
  </si>
  <si>
    <t>89.28</t>
  </si>
  <si>
    <t>51.19</t>
  </si>
  <si>
    <t>36.47</t>
  </si>
  <si>
    <t>4691.0</t>
  </si>
  <si>
    <t>12859387.0</t>
  </si>
  <si>
    <t>4234952494.0</t>
  </si>
  <si>
    <t>2428184939.0</t>
  </si>
  <si>
    <t>1730335794.0</t>
  </si>
  <si>
    <t>18893878.0</t>
  </si>
  <si>
    <t>20682245.0</t>
  </si>
  <si>
    <t>21599820.0</t>
  </si>
  <si>
    <t>89.7</t>
  </si>
  <si>
    <t>51.43</t>
  </si>
  <si>
    <t>12629070.0</t>
  </si>
  <si>
    <t>4250099203.0</t>
  </si>
  <si>
    <t>2435947362.0</t>
  </si>
  <si>
    <t>1736806999.0</t>
  </si>
  <si>
    <t>19044384.0</t>
  </si>
  <si>
    <t>18148497.0</t>
  </si>
  <si>
    <t>20530608.0</t>
  </si>
  <si>
    <t>90.02</t>
  </si>
  <si>
    <t>51.59</t>
  </si>
  <si>
    <t>12186514.0</t>
  </si>
  <si>
    <t>4265870100.0</t>
  </si>
  <si>
    <t>2444268149.0</t>
  </si>
  <si>
    <t>1743372426.0</t>
  </si>
  <si>
    <t>19118987.0</t>
  </si>
  <si>
    <t>18304638.0</t>
  </si>
  <si>
    <t>20684097.0</t>
  </si>
  <si>
    <t>51.77</t>
  </si>
  <si>
    <t>36.93</t>
  </si>
  <si>
    <t>12512338.0</t>
  </si>
  <si>
    <t>4284098086.0</t>
  </si>
  <si>
    <t>2454800790.0</t>
  </si>
  <si>
    <t>1749834193.0</t>
  </si>
  <si>
    <t>19258483.0</t>
  </si>
  <si>
    <t>14219182.0</t>
  </si>
  <si>
    <t>20504944.0</t>
  </si>
  <si>
    <t>4343.0</t>
  </si>
  <si>
    <t>12556285.0</t>
  </si>
  <si>
    <t>4299816451.0</t>
  </si>
  <si>
    <t>2461899127.0</t>
  </si>
  <si>
    <t>1758165753.0</t>
  </si>
  <si>
    <t>19413862.0</t>
  </si>
  <si>
    <t>14931672.0</t>
  </si>
  <si>
    <t>18867323.0</t>
  </si>
  <si>
    <t>91.07</t>
  </si>
  <si>
    <t>52.14</t>
  </si>
  <si>
    <t>37.24</t>
  </si>
  <si>
    <t>11677031.0</t>
  </si>
  <si>
    <t>4326315996.0</t>
  </si>
  <si>
    <t>2472723820.0</t>
  </si>
  <si>
    <t>1771337151.0</t>
  </si>
  <si>
    <t>20436191.0</t>
  </si>
  <si>
    <t>18760328.0</t>
  </si>
  <si>
    <t>18861196.0</t>
  </si>
  <si>
    <t>91.63</t>
  </si>
  <si>
    <t>52.37</t>
  </si>
  <si>
    <t>37.52</t>
  </si>
  <si>
    <t>11659119.0</t>
  </si>
  <si>
    <t>4340310578.0</t>
  </si>
  <si>
    <t>2478561317.0</t>
  </si>
  <si>
    <t>1777955614.0</t>
  </si>
  <si>
    <t>20601771.0</t>
  </si>
  <si>
    <t>16426744.0</t>
  </si>
  <si>
    <t>17353328.0</t>
  </si>
  <si>
    <t>52.5</t>
  </si>
  <si>
    <t>37.66</t>
  </si>
  <si>
    <t>10480471.0</t>
  </si>
  <si>
    <t>4353443228.0</t>
  </si>
  <si>
    <t>2483680975.0</t>
  </si>
  <si>
    <t>1784319446.0</t>
  </si>
  <si>
    <t>20759033.0</t>
  </si>
  <si>
    <t>14970489.0</t>
  </si>
  <si>
    <t>16537363.0</t>
  </si>
  <si>
    <t>92.21</t>
  </si>
  <si>
    <t>37.79</t>
  </si>
  <si>
    <t>10010923.0</t>
  </si>
  <si>
    <t>4372912645.0</t>
  </si>
  <si>
    <t>2492137121.0</t>
  </si>
  <si>
    <t>1793885526.0</t>
  </si>
  <si>
    <t>20923824.0</t>
  </si>
  <si>
    <t>20701051.0</t>
  </si>
  <si>
    <t>16902015.0</t>
  </si>
  <si>
    <t>92.62</t>
  </si>
  <si>
    <t>52.78</t>
  </si>
  <si>
    <t>37.99</t>
  </si>
  <si>
    <t>3580.0</t>
  </si>
  <si>
    <t>10008611.0</t>
  </si>
  <si>
    <t>4388425961.0</t>
  </si>
  <si>
    <t>2499233397.0</t>
  </si>
  <si>
    <t>1800890305.0</t>
  </si>
  <si>
    <t>21024336.0</t>
  </si>
  <si>
    <t>18631907.0</t>
  </si>
  <si>
    <t>16948767.0</t>
  </si>
  <si>
    <t>92.95</t>
  </si>
  <si>
    <t>52.93</t>
  </si>
  <si>
    <t>9892048.0</t>
  </si>
  <si>
    <t>4412109526.0</t>
  </si>
  <si>
    <t>2510736062.0</t>
  </si>
  <si>
    <t>1811406744.0</t>
  </si>
  <si>
    <t>21104534.0</t>
  </si>
  <si>
    <t>17530075.0</t>
  </si>
  <si>
    <t>17421752.0</t>
  </si>
  <si>
    <t>93.45</t>
  </si>
  <si>
    <t>53.18</t>
  </si>
  <si>
    <t>10034273.0</t>
  </si>
  <si>
    <t>4426288419.0</t>
  </si>
  <si>
    <t>2516301757.0</t>
  </si>
  <si>
    <t>1818309973.0</t>
  </si>
  <si>
    <t>21286684.0</t>
  </si>
  <si>
    <t>13107693.0</t>
  </si>
  <si>
    <t>17161182.0</t>
  </si>
  <si>
    <t>93.75</t>
  </si>
  <si>
    <t>53.3</t>
  </si>
  <si>
    <t>9814062.0</t>
  </si>
  <si>
    <t>4443031079.0</t>
  </si>
  <si>
    <t>2523489508.0</t>
  </si>
  <si>
    <t>1826081468.0</t>
  </si>
  <si>
    <t>21490014.0</t>
  </si>
  <si>
    <t>18393637.0</t>
  </si>
  <si>
    <t>17108799.0</t>
  </si>
  <si>
    <t>94.1</t>
  </si>
  <si>
    <t>38.68</t>
  </si>
  <si>
    <t>9770314.0</t>
  </si>
  <si>
    <t>4457688377.0</t>
  </si>
  <si>
    <t>2529397341.0</t>
  </si>
  <si>
    <t>1832611797.0</t>
  </si>
  <si>
    <t>21686956.0</t>
  </si>
  <si>
    <t>16381608.0</t>
  </si>
  <si>
    <t>17102357.0</t>
  </si>
  <si>
    <t>94.41</t>
  </si>
  <si>
    <t>38.82</t>
  </si>
  <si>
    <t>9738556.0</t>
  </si>
  <si>
    <t>4470683891.0</t>
  </si>
  <si>
    <t>2535181059.0</t>
  </si>
  <si>
    <t>1837974030.0</t>
  </si>
  <si>
    <t>21860561.0</t>
  </si>
  <si>
    <t>15298526.0</t>
  </si>
  <si>
    <t>17149214.0</t>
  </si>
  <si>
    <t>94.69</t>
  </si>
  <si>
    <t>53.7</t>
  </si>
  <si>
    <t>3632.0</t>
  </si>
  <si>
    <t>9784321.0</t>
  </si>
  <si>
    <t>4481847820.0</t>
  </si>
  <si>
    <t>2539049045.0</t>
  </si>
  <si>
    <t>1843146883.0</t>
  </si>
  <si>
    <t>22053626.0</t>
  </si>
  <si>
    <t>15267964.0</t>
  </si>
  <si>
    <t>16373058.0</t>
  </si>
  <si>
    <t>94.93</t>
  </si>
  <si>
    <t>39.04</t>
  </si>
  <si>
    <t>3468.0</t>
  </si>
  <si>
    <t>9350307.0</t>
  </si>
  <si>
    <t>4492752720.0</t>
  </si>
  <si>
    <t>2544081021.0</t>
  </si>
  <si>
    <t>1847437209.0</t>
  </si>
  <si>
    <t>22195175.0</t>
  </si>
  <si>
    <t>12245816.0</t>
  </si>
  <si>
    <t>15460761.0</t>
  </si>
  <si>
    <t>95.16</t>
  </si>
  <si>
    <t>53.88</t>
  </si>
  <si>
    <t>8869000.0</t>
  </si>
  <si>
    <t>4509113384.0</t>
  </si>
  <si>
    <t>2552250019.0</t>
  </si>
  <si>
    <t>1853454638.0</t>
  </si>
  <si>
    <t>22348234.0</t>
  </si>
  <si>
    <t>13889540.0</t>
  </si>
  <si>
    <t>14940685.0</t>
  </si>
  <si>
    <t>95.5</t>
  </si>
  <si>
    <t>8548382.0</t>
  </si>
  <si>
    <t>4530372883.0</t>
  </si>
  <si>
    <t>2560478878.0</t>
  </si>
  <si>
    <t>1864041354.0</t>
  </si>
  <si>
    <t>22491215.0</t>
  </si>
  <si>
    <t>14151730.0</t>
  </si>
  <si>
    <t>15089832.0</t>
  </si>
  <si>
    <t>95.95</t>
  </si>
  <si>
    <t>39.48</t>
  </si>
  <si>
    <t>8594226.0</t>
  </si>
  <si>
    <t>4549511986.0</t>
  </si>
  <si>
    <t>2568226782.0</t>
  </si>
  <si>
    <t>1872776267.0</t>
  </si>
  <si>
    <t>22621989.0</t>
  </si>
  <si>
    <t>21458568.0</t>
  </si>
  <si>
    <t>15527678.0</t>
  </si>
  <si>
    <t>96.36</t>
  </si>
  <si>
    <t>54.4</t>
  </si>
  <si>
    <t>39.67</t>
  </si>
  <si>
    <t>3289.0</t>
  </si>
  <si>
    <t>8704539.0</t>
  </si>
  <si>
    <t>4574168037.0</t>
  </si>
  <si>
    <t>2579886084.0</t>
  </si>
  <si>
    <t>1883351258.0</t>
  </si>
  <si>
    <t>22790294.0</t>
  </si>
  <si>
    <t>22323956.0</t>
  </si>
  <si>
    <t>16376586.0</t>
  </si>
  <si>
    <t>54.64</t>
  </si>
  <si>
    <t>9162456.0</t>
  </si>
  <si>
    <t>4592117633.0</t>
  </si>
  <si>
    <t>2592209894.0</t>
  </si>
  <si>
    <t>1891645068.0</t>
  </si>
  <si>
    <t>22957073.0</t>
  </si>
  <si>
    <t>17553363.0</t>
  </si>
  <si>
    <t>16698708.0</t>
  </si>
  <si>
    <t>97.26</t>
  </si>
  <si>
    <t>54.9</t>
  </si>
  <si>
    <t>40.07</t>
  </si>
  <si>
    <t>9303284.0</t>
  </si>
  <si>
    <t>4610327116.0</t>
  </si>
  <si>
    <t>2599088698.0</t>
  </si>
  <si>
    <t>1900239800.0</t>
  </si>
  <si>
    <t>23104359.0</t>
  </si>
  <si>
    <t>20283693.0</t>
  </si>
  <si>
    <t>17415237.0</t>
  </si>
  <si>
    <t>97.65</t>
  </si>
  <si>
    <t>55.05</t>
  </si>
  <si>
    <t>9502899.0</t>
  </si>
  <si>
    <t>4629140587.0</t>
  </si>
  <si>
    <t>2606746822.0</t>
  </si>
  <si>
    <t>1929091739.0</t>
  </si>
  <si>
    <t>23277333.0</t>
  </si>
  <si>
    <t>14973702.0</t>
  </si>
  <si>
    <t>17804939.0</t>
  </si>
  <si>
    <t>98.05</t>
  </si>
  <si>
    <t>9608678.0</t>
  </si>
  <si>
    <t>4645080867.0</t>
  </si>
  <si>
    <t>2612415199.0</t>
  </si>
  <si>
    <t>1936990205.0</t>
  </si>
  <si>
    <t>23410607.0</t>
  </si>
  <si>
    <t>17550615.0</t>
  </si>
  <si>
    <t>18327945.0</t>
  </si>
  <si>
    <t>98.38</t>
  </si>
  <si>
    <t>55.33</t>
  </si>
  <si>
    <t>41.03</t>
  </si>
  <si>
    <t>9725926.0</t>
  </si>
  <si>
    <t>4657987809.0</t>
  </si>
  <si>
    <t>2616570294.0</t>
  </si>
  <si>
    <t>1942036449.0</t>
  </si>
  <si>
    <t>23556069.0</t>
  </si>
  <si>
    <t>11507682.0</t>
  </si>
  <si>
    <t>17950226.0</t>
  </si>
  <si>
    <t>98.66</t>
  </si>
  <si>
    <t>55.42</t>
  </si>
  <si>
    <t>41.13</t>
  </si>
  <si>
    <t>3802.0</t>
  </si>
  <si>
    <t>9451940.0</t>
  </si>
  <si>
    <t>4675113146.0</t>
  </si>
  <si>
    <t>2622506016.0</t>
  </si>
  <si>
    <t>1949567936.0</t>
  </si>
  <si>
    <t>23756352.0</t>
  </si>
  <si>
    <t>19340630.0</t>
  </si>
  <si>
    <t>17647662.0</t>
  </si>
  <si>
    <t>99.02</t>
  </si>
  <si>
    <t>55.55</t>
  </si>
  <si>
    <t>41.29</t>
  </si>
  <si>
    <t>9109189.0</t>
  </si>
  <si>
    <t>4691388900.0</t>
  </si>
  <si>
    <t>2627810411.0</t>
  </si>
  <si>
    <t>1956144442.0</t>
  </si>
  <si>
    <t>23939525.0</t>
  </si>
  <si>
    <t>19722345.0</t>
  </si>
  <si>
    <t>17276004.0</t>
  </si>
  <si>
    <t>99.36</t>
  </si>
  <si>
    <t>55.66</t>
  </si>
  <si>
    <t>8575694.0</t>
  </si>
  <si>
    <t>4710157148.0</t>
  </si>
  <si>
    <t>2634178104.0</t>
  </si>
  <si>
    <t>1963893558.0</t>
  </si>
  <si>
    <t>24149686.0</t>
  </si>
  <si>
    <t>21189664.0</t>
  </si>
  <si>
    <t>17795476.0</t>
  </si>
  <si>
    <t>99.76</t>
  </si>
  <si>
    <t>41.6</t>
  </si>
  <si>
    <t>8476412.0</t>
  </si>
  <si>
    <t>4735021550.0</t>
  </si>
  <si>
    <t>2641953333.0</t>
  </si>
  <si>
    <t>1978179048.0</t>
  </si>
  <si>
    <t>24361936.0</t>
  </si>
  <si>
    <t>25156240.0</t>
  </si>
  <si>
    <t>18491553.0</t>
  </si>
  <si>
    <t>100.29</t>
  </si>
  <si>
    <t>55.96</t>
  </si>
  <si>
    <t>8543883.0</t>
  </si>
  <si>
    <t>4754677524.0</t>
  </si>
  <si>
    <t>2647536093.0</t>
  </si>
  <si>
    <t>1985369667.0</t>
  </si>
  <si>
    <t>24517577.0</t>
  </si>
  <si>
    <t>23726805.0</t>
  </si>
  <si>
    <t>19741999.0</t>
  </si>
  <si>
    <t>100.71</t>
  </si>
  <si>
    <t>56.08</t>
  </si>
  <si>
    <t>42.05</t>
  </si>
  <si>
    <t>8661157.0</t>
  </si>
  <si>
    <t>4781369459.0</t>
  </si>
  <si>
    <t>2653392556.0</t>
  </si>
  <si>
    <t>1999520444.0</t>
  </si>
  <si>
    <t>24639454.0</t>
  </si>
  <si>
    <t>17652718.0</t>
  </si>
  <si>
    <t>19756586.0</t>
  </si>
  <si>
    <t>101.27</t>
  </si>
  <si>
    <t>56.2</t>
  </si>
  <si>
    <t>42.35</t>
  </si>
  <si>
    <t>4184.0</t>
  </si>
  <si>
    <t>8339721.0</t>
  </si>
  <si>
    <t>4799603758.0</t>
  </si>
  <si>
    <t>2658647011.0</t>
  </si>
  <si>
    <t>2006501855.0</t>
  </si>
  <si>
    <t>24861723.0</t>
  </si>
  <si>
    <t>17638943.0</t>
  </si>
  <si>
    <t>20632478.0</t>
  </si>
  <si>
    <t>101.66</t>
  </si>
  <si>
    <t>56.31</t>
  </si>
  <si>
    <t>42.5</t>
  </si>
  <si>
    <t>8544436.0</t>
  </si>
  <si>
    <t>4819986059.0</t>
  </si>
  <si>
    <t>2663244902.0</t>
  </si>
  <si>
    <t>2013857101.0</t>
  </si>
  <si>
    <t>25382677.0</t>
  </si>
  <si>
    <t>17875028.0</t>
  </si>
  <si>
    <t>20423108.0</t>
  </si>
  <si>
    <t>102.09</t>
  </si>
  <si>
    <t>56.41</t>
  </si>
  <si>
    <t>42.65</t>
  </si>
  <si>
    <t>8250796.0</t>
  </si>
  <si>
    <t>4840907770.0</t>
  </si>
  <si>
    <t>2668419889.0</t>
  </si>
  <si>
    <t>2020399938.0</t>
  </si>
  <si>
    <t>25655294.0</t>
  </si>
  <si>
    <t>23162313.0</t>
  </si>
  <si>
    <t>20914530.0</t>
  </si>
  <si>
    <t>102.53</t>
  </si>
  <si>
    <t>56.52</t>
  </si>
  <si>
    <t>42.79</t>
  </si>
  <si>
    <t>8225108.0</t>
  </si>
  <si>
    <t>4861337649.0</t>
  </si>
  <si>
    <t>2673033224.0</t>
  </si>
  <si>
    <t>2025290444.0</t>
  </si>
  <si>
    <t>25844931.0</t>
  </si>
  <si>
    <t>21176922.0</t>
  </si>
  <si>
    <t>20912709.0</t>
  </si>
  <si>
    <t>102.96</t>
  </si>
  <si>
    <t>56.62</t>
  </si>
  <si>
    <t>42.9</t>
  </si>
  <si>
    <t>7971615.0</t>
  </si>
  <si>
    <t>4879934045.0</t>
  </si>
  <si>
    <t>2677201353.0</t>
  </si>
  <si>
    <t>2032594029.0</t>
  </si>
  <si>
    <t>64125122.0</t>
  </si>
  <si>
    <t>19754221.0</t>
  </si>
  <si>
    <t>20140992.0</t>
  </si>
  <si>
    <t>103.36</t>
  </si>
  <si>
    <t>43.05</t>
  </si>
  <si>
    <t>4266.0</t>
  </si>
  <si>
    <t>7468463.0</t>
  </si>
  <si>
    <t>4901168234.0</t>
  </si>
  <si>
    <t>2681275438.0</t>
  </si>
  <si>
    <t>2037329195.0</t>
  </si>
  <si>
    <t>64259810.0</t>
  </si>
  <si>
    <t>20468815.0</t>
  </si>
  <si>
    <t>19675563.0</t>
  </si>
  <si>
    <t>103.81</t>
  </si>
  <si>
    <t>43.15</t>
  </si>
  <si>
    <t>4167.0</t>
  </si>
  <si>
    <t>7030028.0</t>
  </si>
  <si>
    <t>4922269345.0</t>
  </si>
  <si>
    <t>2686278099.0</t>
  </si>
  <si>
    <t>2042549494.0</t>
  </si>
  <si>
    <t>64383770.0</t>
  </si>
  <si>
    <t>20855825.0</t>
  </si>
  <si>
    <t>20133153.0</t>
  </si>
  <si>
    <t>104.25</t>
  </si>
  <si>
    <t>56.9</t>
  </si>
  <si>
    <t>43.26</t>
  </si>
  <si>
    <t>4264.0</t>
  </si>
  <si>
    <t>7121096.0</t>
  </si>
  <si>
    <t>4943445927.0</t>
  </si>
  <si>
    <t>2691166539.0</t>
  </si>
  <si>
    <t>2048336248.0</t>
  </si>
  <si>
    <t>65225205.0</t>
  </si>
  <si>
    <t>21378182.0</t>
  </si>
  <si>
    <t>20667330.0</t>
  </si>
  <si>
    <t>104.7</t>
  </si>
  <si>
    <t>43.38</t>
  </si>
  <si>
    <t>7123929.0</t>
  </si>
  <si>
    <t>4969019053.0</t>
  </si>
  <si>
    <t>2697749044.0</t>
  </si>
  <si>
    <t>2056789490.0</t>
  </si>
  <si>
    <t>65682374.0</t>
  </si>
  <si>
    <t>23315893.0</t>
  </si>
  <si>
    <t>21444593.0</t>
  </si>
  <si>
    <t>105.24</t>
  </si>
  <si>
    <t>57.14</t>
  </si>
  <si>
    <t>7420373.0</t>
  </si>
  <si>
    <t>4992675400.0</t>
  </si>
  <si>
    <t>2704375932.0</t>
  </si>
  <si>
    <t>2063948146.0</t>
  </si>
  <si>
    <t>65993666.0</t>
  </si>
  <si>
    <t>26060711.0</t>
  </si>
  <si>
    <t>21858657.0</t>
  </si>
  <si>
    <t>105.75</t>
  </si>
  <si>
    <t>43.71</t>
  </si>
  <si>
    <t>7546033.0</t>
  </si>
  <si>
    <t>5016314010.0</t>
  </si>
  <si>
    <t>2717409966.0</t>
  </si>
  <si>
    <t>2073070692.0</t>
  </si>
  <si>
    <t>66389213.0</t>
  </si>
  <si>
    <t>23527097.0</t>
  </si>
  <si>
    <t>22194393.0</t>
  </si>
  <si>
    <t>106.25</t>
  </si>
  <si>
    <t>57.56</t>
  </si>
  <si>
    <t>43.91</t>
  </si>
  <si>
    <t>7611618.0</t>
  </si>
  <si>
    <t>5040682872.0</t>
  </si>
  <si>
    <t>2722310138.0</t>
  </si>
  <si>
    <t>2083819386.0</t>
  </si>
  <si>
    <t>78275684.0</t>
  </si>
  <si>
    <t>26889372.0</t>
  </si>
  <si>
    <t>23213698.0</t>
  </si>
  <si>
    <t>57.66</t>
  </si>
  <si>
    <t>7858243.0</t>
  </si>
  <si>
    <t>5067895655.0</t>
  </si>
  <si>
    <t>2728085997.0</t>
  </si>
  <si>
    <t>2094480325.0</t>
  </si>
  <si>
    <t>78652574.0</t>
  </si>
  <si>
    <t>24524481.0</t>
  </si>
  <si>
    <t>23793077.0</t>
  </si>
  <si>
    <t>107.34</t>
  </si>
  <si>
    <t>5039.0</t>
  </si>
  <si>
    <t>8104977.0</t>
  </si>
  <si>
    <t>5087774505.0</t>
  </si>
  <si>
    <t>2733850061.0</t>
  </si>
  <si>
    <t>2102072514.0</t>
  </si>
  <si>
    <t>78771721.0</t>
  </si>
  <si>
    <t>17217573.0</t>
  </si>
  <si>
    <t>23273328.0</t>
  </si>
  <si>
    <t>107.76</t>
  </si>
  <si>
    <t>44.52</t>
  </si>
  <si>
    <t>7890210.0</t>
  </si>
  <si>
    <t>5105490833.0</t>
  </si>
  <si>
    <t>2737422769.0</t>
  </si>
  <si>
    <t>2107590333.0</t>
  </si>
  <si>
    <t>79170693.0</t>
  </si>
  <si>
    <t>17358686.0</t>
  </si>
  <si>
    <t>22699114.0</t>
  </si>
  <si>
    <t>108.14</t>
  </si>
  <si>
    <t>57.98</t>
  </si>
  <si>
    <t>4808.0</t>
  </si>
  <si>
    <t>7700736.0</t>
  </si>
  <si>
    <t>5125351538.0</t>
  </si>
  <si>
    <t>2741520679.0</t>
  </si>
  <si>
    <t>2114236374.0</t>
  </si>
  <si>
    <t>79600551.0</t>
  </si>
  <si>
    <t>21007286.0</t>
  </si>
  <si>
    <t>22369315.0</t>
  </si>
  <si>
    <t>108.56</t>
  </si>
  <si>
    <t>58.07</t>
  </si>
  <si>
    <t>44.78</t>
  </si>
  <si>
    <t>4738.0</t>
  </si>
  <si>
    <t>7517580.0</t>
  </si>
  <si>
    <t>5147583077.0</t>
  </si>
  <si>
    <t>2746445096.0</t>
  </si>
  <si>
    <t>2122027920.0</t>
  </si>
  <si>
    <t>80000885.0</t>
  </si>
  <si>
    <t>22683573.0</t>
  </si>
  <si>
    <t>21886871.0</t>
  </si>
  <si>
    <t>109.03</t>
  </si>
  <si>
    <t>44.95</t>
  </si>
  <si>
    <t>7271716.0</t>
  </si>
  <si>
    <t>5166295524.0</t>
  </si>
  <si>
    <t>2750016411.0</t>
  </si>
  <si>
    <t>2131210397.0</t>
  </si>
  <si>
    <t>80461915.0</t>
  </si>
  <si>
    <t>21289348.0</t>
  </si>
  <si>
    <t>21567190.0</t>
  </si>
  <si>
    <t>109.42</t>
  </si>
  <si>
    <t>45.14</t>
  </si>
  <si>
    <t>4568.0</t>
  </si>
  <si>
    <t>7177547.0</t>
  </si>
  <si>
    <t>5185584904.0</t>
  </si>
  <si>
    <t>2878345564.0</t>
  </si>
  <si>
    <t>2139282121.0</t>
  </si>
  <si>
    <t>97127776.0</t>
  </si>
  <si>
    <t>20969308.0</t>
  </si>
  <si>
    <t>20721464.0</t>
  </si>
  <si>
    <t>109.83</t>
  </si>
  <si>
    <t>45.31</t>
  </si>
  <si>
    <t>4389.0</t>
  </si>
  <si>
    <t>7072339.0</t>
  </si>
  <si>
    <t>5210350134.0</t>
  </si>
  <si>
    <t>2883864434.0</t>
  </si>
  <si>
    <t>2149176107.0</t>
  </si>
  <si>
    <t>97385735.0</t>
  </si>
  <si>
    <t>25291048.0</t>
  </si>
  <si>
    <t>20830970.0</t>
  </si>
  <si>
    <t>110.36</t>
  </si>
  <si>
    <t>4412.0</t>
  </si>
  <si>
    <t>7032303.0</t>
  </si>
  <si>
    <t>5230971102.0</t>
  </si>
  <si>
    <t>2888075217.0</t>
  </si>
  <si>
    <t>2156485126.0</t>
  </si>
  <si>
    <t>97870907.0</t>
  </si>
  <si>
    <t>17007326.0</t>
  </si>
  <si>
    <t>20800942.0</t>
  </si>
  <si>
    <t>110.79</t>
  </si>
  <si>
    <t>45.67</t>
  </si>
  <si>
    <t>6967614.0</t>
  </si>
  <si>
    <t>5249759412.0</t>
  </si>
  <si>
    <t>2892316970.0</t>
  </si>
  <si>
    <t>2163546924.0</t>
  </si>
  <si>
    <t>98246322.0</t>
  </si>
  <si>
    <t>20083293.0</t>
  </si>
  <si>
    <t>21190167.0</t>
  </si>
  <si>
    <t>111.19</t>
  </si>
  <si>
    <t>61.26</t>
  </si>
  <si>
    <t>45.82</t>
  </si>
  <si>
    <t>4488.0</t>
  </si>
  <si>
    <t>7018199.0</t>
  </si>
  <si>
    <t>5271747903.0</t>
  </si>
  <si>
    <t>2897361299.0</t>
  </si>
  <si>
    <t>2170981085.0</t>
  </si>
  <si>
    <t>98672510.0</t>
  </si>
  <si>
    <t>23043882.0</t>
  </si>
  <si>
    <t>21481112.0</t>
  </si>
  <si>
    <t>61.37</t>
  </si>
  <si>
    <t>4550.0</t>
  </si>
  <si>
    <t>6996244.0</t>
  </si>
  <si>
    <t>5299034211.0</t>
  </si>
  <si>
    <t>2905648882.0</t>
  </si>
  <si>
    <t>2181362772.0</t>
  </si>
  <si>
    <t>99114967.0</t>
  </si>
  <si>
    <t>25342369.0</t>
  </si>
  <si>
    <t>21860937.0</t>
  </si>
  <si>
    <t>112.23</t>
  </si>
  <si>
    <t>6983672.0</t>
  </si>
  <si>
    <t>5317830428.0</t>
  </si>
  <si>
    <t>2909310915.0</t>
  </si>
  <si>
    <t>2186963003.0</t>
  </si>
  <si>
    <t>99617262.0</t>
  </si>
  <si>
    <t>21366460.0</t>
  </si>
  <si>
    <t>21871954.0</t>
  </si>
  <si>
    <t>112.63</t>
  </si>
  <si>
    <t>61.62</t>
  </si>
  <si>
    <t>46.32</t>
  </si>
  <si>
    <t>4633.0</t>
  </si>
  <si>
    <t>6843997.0</t>
  </si>
  <si>
    <t>5344890833.0</t>
  </si>
  <si>
    <t>2915638972.0</t>
  </si>
  <si>
    <t>2197078466.0</t>
  </si>
  <si>
    <t>100198396.0</t>
  </si>
  <si>
    <t>28600240.0</t>
  </si>
  <si>
    <t>22962088.0</t>
  </si>
  <si>
    <t>113.21</t>
  </si>
  <si>
    <t>61.75</t>
  </si>
  <si>
    <t>46.53</t>
  </si>
  <si>
    <t>6930315.0</t>
  </si>
  <si>
    <t>5366624755.0</t>
  </si>
  <si>
    <t>2920394406.0</t>
  </si>
  <si>
    <t>2202714811.0</t>
  </si>
  <si>
    <t>100680753.0</t>
  </si>
  <si>
    <t>18775791.0</t>
  </si>
  <si>
    <t>22031336.0</t>
  </si>
  <si>
    <t>113.67</t>
  </si>
  <si>
    <t>61.85</t>
  </si>
  <si>
    <t>46.65</t>
  </si>
  <si>
    <t>6565978.0</t>
  </si>
  <si>
    <t>5397816408.0</t>
  </si>
  <si>
    <t>2926571853.0</t>
  </si>
  <si>
    <t>2214012077.0</t>
  </si>
  <si>
    <t>101044347.0</t>
  </si>
  <si>
    <t>25892117.0</t>
  </si>
  <si>
    <t>23300591.0</t>
  </si>
  <si>
    <t>114.33</t>
  </si>
  <si>
    <t>61.99</t>
  </si>
  <si>
    <t>46.89</t>
  </si>
  <si>
    <t>6885653.0</t>
  </si>
  <si>
    <t>5418207689.0</t>
  </si>
  <si>
    <t>2931580252.0</t>
  </si>
  <si>
    <t>2254080485.0</t>
  </si>
  <si>
    <t>101479896.0</t>
  </si>
  <si>
    <t>22913497.0</t>
  </si>
  <si>
    <t>23704908.0</t>
  </si>
  <si>
    <t>114.76</t>
  </si>
  <si>
    <t>47.74</t>
  </si>
  <si>
    <t>5021.0</t>
  </si>
  <si>
    <t>6904162.0</t>
  </si>
  <si>
    <t>5448264640.0</t>
  </si>
  <si>
    <t>2937923849.0</t>
  </si>
  <si>
    <t>2264698403.0</t>
  </si>
  <si>
    <t>102191996.0</t>
  </si>
  <si>
    <t>26717064.0</t>
  </si>
  <si>
    <t>24229646.0</t>
  </si>
  <si>
    <t>115.4</t>
  </si>
  <si>
    <t>62.23</t>
  </si>
  <si>
    <t>47.97</t>
  </si>
  <si>
    <t>5132.0</t>
  </si>
  <si>
    <t>6930778.0</t>
  </si>
  <si>
    <t>5479269604.0</t>
  </si>
  <si>
    <t>2945946232.0</t>
  </si>
  <si>
    <t>2274633196.0</t>
  </si>
  <si>
    <t>102976833.0</t>
  </si>
  <si>
    <t>29099280.0</t>
  </si>
  <si>
    <t>24766353.0</t>
  </si>
  <si>
    <t>116.05</t>
  </si>
  <si>
    <t>5246.0</t>
  </si>
  <si>
    <t>7109775.0</t>
  </si>
  <si>
    <t>5505122062.0</t>
  </si>
  <si>
    <t>2967252080.0</t>
  </si>
  <si>
    <t>2316913623.0</t>
  </si>
  <si>
    <t>103525858.0</t>
  </si>
  <si>
    <t>26689497.0</t>
  </si>
  <si>
    <t>25526783.0</t>
  </si>
  <si>
    <t>49.07</t>
  </si>
  <si>
    <t>5407.0</t>
  </si>
  <si>
    <t>7345251.0</t>
  </si>
  <si>
    <t>5523722534.0</t>
  </si>
  <si>
    <t>2970534736.0</t>
  </si>
  <si>
    <t>2337160047.0</t>
  </si>
  <si>
    <t>134779759.0</t>
  </si>
  <si>
    <t>21555974.0</t>
  </si>
  <si>
    <t>24520458.0</t>
  </si>
  <si>
    <t>116.99</t>
  </si>
  <si>
    <t>62.92</t>
  </si>
  <si>
    <t>49.5</t>
  </si>
  <si>
    <t>6948581.0</t>
  </si>
  <si>
    <t>5550518143.0</t>
  </si>
  <si>
    <t>2976074659.0</t>
  </si>
  <si>
    <t>2347121835.0</t>
  </si>
  <si>
    <t>135114873.0</t>
  </si>
  <si>
    <t>28348004.0</t>
  </si>
  <si>
    <t>25887919.0</t>
  </si>
  <si>
    <t>117.56</t>
  </si>
  <si>
    <t>49.71</t>
  </si>
  <si>
    <t>7219296.0</t>
  </si>
  <si>
    <t>5575044254.0</t>
  </si>
  <si>
    <t>2980862985.0</t>
  </si>
  <si>
    <t>2355060289.0</t>
  </si>
  <si>
    <t>135790313.0</t>
  </si>
  <si>
    <t>19833759.0</t>
  </si>
  <si>
    <t>25022442.0</t>
  </si>
  <si>
    <t>118.08</t>
  </si>
  <si>
    <t>63.14</t>
  </si>
  <si>
    <t>6815880.0</t>
  </si>
  <si>
    <t>5593893798.0</t>
  </si>
  <si>
    <t>2984790370.0</t>
  </si>
  <si>
    <t>2361194418.0</t>
  </si>
  <si>
    <t>136483962.0</t>
  </si>
  <si>
    <t>18871105.0</t>
  </si>
  <si>
    <t>24444956.0</t>
  </si>
  <si>
    <t>118.48</t>
  </si>
  <si>
    <t>6585796.0</t>
  </si>
  <si>
    <t>5614070403.0</t>
  </si>
  <si>
    <t>2988761098.0</t>
  </si>
  <si>
    <t>2368532526.0</t>
  </si>
  <si>
    <t>137231634.0</t>
  </si>
  <si>
    <t>23034952.0</t>
  </si>
  <si>
    <t>23918939.0</t>
  </si>
  <si>
    <t>118.91</t>
  </si>
  <si>
    <t>63.3</t>
  </si>
  <si>
    <t>50.17</t>
  </si>
  <si>
    <t>5066.0</t>
  </si>
  <si>
    <t>6387108.0</t>
  </si>
  <si>
    <t>5638697287.0</t>
  </si>
  <si>
    <t>2993613032.0</t>
  </si>
  <si>
    <t>2379028572.0</t>
  </si>
  <si>
    <t>138073138.0</t>
  </si>
  <si>
    <t>23392128.0</t>
  </si>
  <si>
    <t>23103631.0</t>
  </si>
  <si>
    <t>119.43</t>
  </si>
  <si>
    <t>63.41</t>
  </si>
  <si>
    <t>50.39</t>
  </si>
  <si>
    <t>5937342.0</t>
  </si>
  <si>
    <t>5662895722.0</t>
  </si>
  <si>
    <t>2998470619.0</t>
  </si>
  <si>
    <t>2391275024.0</t>
  </si>
  <si>
    <t>140073493.0</t>
  </si>
  <si>
    <t>25934404.0</t>
  </si>
  <si>
    <t>22995763.0</t>
  </si>
  <si>
    <t>119.94</t>
  </si>
  <si>
    <t>50.65</t>
  </si>
  <si>
    <t>4871.0</t>
  </si>
  <si>
    <t>5742725.0</t>
  </si>
  <si>
    <t>5681946344.0</t>
  </si>
  <si>
    <t>3001370169.0</t>
  </si>
  <si>
    <t>2433616899.0</t>
  </si>
  <si>
    <t>165562087.0</t>
  </si>
  <si>
    <t>21441529.0</t>
  </si>
  <si>
    <t>22979415.0</t>
  </si>
  <si>
    <t>120.34</t>
  </si>
  <si>
    <t>51.54</t>
  </si>
  <si>
    <t>5633141.0</t>
  </si>
  <si>
    <t>5714269005.0</t>
  </si>
  <si>
    <t>3008382240.0</t>
  </si>
  <si>
    <t>2446855462.0</t>
  </si>
  <si>
    <t>166230626.0</t>
  </si>
  <si>
    <t>32282110.0</t>
  </si>
  <si>
    <t>23541430.0</t>
  </si>
  <si>
    <t>121.03</t>
  </si>
  <si>
    <t>51.82</t>
  </si>
  <si>
    <t>3.52</t>
  </si>
  <si>
    <t>4986.0</t>
  </si>
  <si>
    <t>5713401.0</t>
  </si>
  <si>
    <t>5734082567.0</t>
  </si>
  <si>
    <t>3011789265.0</t>
  </si>
  <si>
    <t>2457333269.0</t>
  </si>
  <si>
    <t>166548617.0</t>
  </si>
  <si>
    <t>18916342.0</t>
  </si>
  <si>
    <t>23410369.0</t>
  </si>
  <si>
    <t>121.45</t>
  </si>
  <si>
    <t>63.79</t>
  </si>
  <si>
    <t>5616887.0</t>
  </si>
  <si>
    <t>5753751626.0</t>
  </si>
  <si>
    <t>3014129840.0</t>
  </si>
  <si>
    <t>2463327444.0</t>
  </si>
  <si>
    <t>167974736.0</t>
  </si>
  <si>
    <t>20542842.0</t>
  </si>
  <si>
    <t>23649187.0</t>
  </si>
  <si>
    <t>121.87</t>
  </si>
  <si>
    <t>52.17</t>
  </si>
  <si>
    <t>5540703.0</t>
  </si>
  <si>
    <t>5781827000.0</t>
  </si>
  <si>
    <t>3018955252.0</t>
  </si>
  <si>
    <t>2473284070.0</t>
  </si>
  <si>
    <t>169479788.0</t>
  </si>
  <si>
    <t>28445981.0</t>
  </si>
  <si>
    <t>24422189.0</t>
  </si>
  <si>
    <t>122.46</t>
  </si>
  <si>
    <t>63.94</t>
  </si>
  <si>
    <t>52.38</t>
  </si>
  <si>
    <t>5617577.0</t>
  </si>
  <si>
    <t>5805974992.0</t>
  </si>
  <si>
    <t>3022395138.0</t>
  </si>
  <si>
    <t>2480479642.0</t>
  </si>
  <si>
    <t>172035446.0</t>
  </si>
  <si>
    <t>26128047.0</t>
  </si>
  <si>
    <t>24813037.0</t>
  </si>
  <si>
    <t>122.97</t>
  </si>
  <si>
    <t>64.02</t>
  </si>
  <si>
    <t>5556387.0</t>
  </si>
  <si>
    <t>5827015108.0</t>
  </si>
  <si>
    <t>3025143800.0</t>
  </si>
  <si>
    <t>2485978210.0</t>
  </si>
  <si>
    <t>174053927.0</t>
  </si>
  <si>
    <t>24039902.0</t>
  </si>
  <si>
    <t>24542393.0</t>
  </si>
  <si>
    <t>123.42</t>
  </si>
  <si>
    <t>5329361.0</t>
  </si>
  <si>
    <t>5854640270.0</t>
  </si>
  <si>
    <t>3029049639.0</t>
  </si>
  <si>
    <t>2517889703.0</t>
  </si>
  <si>
    <t>176759626.0</t>
  </si>
  <si>
    <t>30059734.0</t>
  </si>
  <si>
    <t>25773564.0</t>
  </si>
  <si>
    <t>64.16</t>
  </si>
  <si>
    <t>53.33</t>
  </si>
  <si>
    <t>5459.0</t>
  </si>
  <si>
    <t>5508220.0</t>
  </si>
  <si>
    <t>5879176202.0</t>
  </si>
  <si>
    <t>3032136357.0</t>
  </si>
  <si>
    <t>2524591747.0</t>
  </si>
  <si>
    <t>178312359.0</t>
  </si>
  <si>
    <t>27977184.0</t>
  </si>
  <si>
    <t>25158577.0</t>
  </si>
  <si>
    <t>124.52</t>
  </si>
  <si>
    <t>64.22</t>
  </si>
  <si>
    <t>53.47</t>
  </si>
  <si>
    <t>5329.0</t>
  </si>
  <si>
    <t>5255143.0</t>
  </si>
  <si>
    <t>5903739442.0</t>
  </si>
  <si>
    <t>3036231262.0</t>
  </si>
  <si>
    <t>2538621290.0</t>
  </si>
  <si>
    <t>181631710.0</t>
  </si>
  <si>
    <t>20147932.0</t>
  </si>
  <si>
    <t>25334517.0</t>
  </si>
  <si>
    <t>125.04</t>
  </si>
  <si>
    <t>5366.0</t>
  </si>
  <si>
    <t>5199467.0</t>
  </si>
  <si>
    <t>5926931233.0</t>
  </si>
  <si>
    <t>3040250523.0</t>
  </si>
  <si>
    <t>2544492104.0</t>
  </si>
  <si>
    <t>183948337.0</t>
  </si>
  <si>
    <t>23155430.0</t>
  </si>
  <si>
    <t>25707744.0</t>
  </si>
  <si>
    <t>125.53</t>
  </si>
  <si>
    <t>53.89</t>
  </si>
  <si>
    <t>5445.0</t>
  </si>
  <si>
    <t>5179927.0</t>
  </si>
  <si>
    <t>5953024096.0</t>
  </si>
  <si>
    <t>3044009324.0</t>
  </si>
  <si>
    <t>2552637854.0</t>
  </si>
  <si>
    <t>187333702.0</t>
  </si>
  <si>
    <t>29452922.0</t>
  </si>
  <si>
    <t>25851595.0</t>
  </si>
  <si>
    <t>126.09</t>
  </si>
  <si>
    <t>64.47</t>
  </si>
  <si>
    <t>5475.0</t>
  </si>
  <si>
    <t>5075623.0</t>
  </si>
  <si>
    <t>5975001290.0</t>
  </si>
  <si>
    <t>3046679311.0</t>
  </si>
  <si>
    <t>2556745260.0</t>
  </si>
  <si>
    <t>189726156.0</t>
  </si>
  <si>
    <t>25321500.0</t>
  </si>
  <si>
    <t>25736371.0</t>
  </si>
  <si>
    <t>126.55</t>
  </si>
  <si>
    <t>64.53</t>
  </si>
  <si>
    <t>5451.0</t>
  </si>
  <si>
    <t>4975899.0</t>
  </si>
  <si>
    <t>6005382350.0</t>
  </si>
  <si>
    <t>3050449906.0</t>
  </si>
  <si>
    <t>2563566464.0</t>
  </si>
  <si>
    <t>192173084.0</t>
  </si>
  <si>
    <t>30370966.0</t>
  </si>
  <si>
    <t>26640811.0</t>
  </si>
  <si>
    <t>127.2</t>
  </si>
  <si>
    <t>64.61</t>
  </si>
  <si>
    <t>54.3</t>
  </si>
  <si>
    <t>4.07</t>
  </si>
  <si>
    <t>5089481.0</t>
  </si>
  <si>
    <t>6033716210.0</t>
  </si>
  <si>
    <t>3054883200.0</t>
  </si>
  <si>
    <t>2571483391.0</t>
  </si>
  <si>
    <t>194596125.0</t>
  </si>
  <si>
    <t>29552786.0</t>
  </si>
  <si>
    <t>26568388.0</t>
  </si>
  <si>
    <t>127.8</t>
  </si>
  <si>
    <t>54.46</t>
  </si>
  <si>
    <t>5007352.0</t>
  </si>
  <si>
    <t>6059038610.0</t>
  </si>
  <si>
    <t>3058279539.0</t>
  </si>
  <si>
    <t>2589088722.0</t>
  </si>
  <si>
    <t>195514896.0</t>
  </si>
  <si>
    <t>29242205.0</t>
  </si>
  <si>
    <t>26749107.0</t>
  </si>
  <si>
    <t>128.33</t>
  </si>
  <si>
    <t>54.84</t>
  </si>
  <si>
    <t>5079145.0</t>
  </si>
  <si>
    <t>6080943098.0</t>
  </si>
  <si>
    <t>3059717696.0</t>
  </si>
  <si>
    <t>2594010981.0</t>
  </si>
  <si>
    <t>196566048.0</t>
  </si>
  <si>
    <t>18678510.0</t>
  </si>
  <si>
    <t>26539185.0</t>
  </si>
  <si>
    <t>128.8</t>
  </si>
  <si>
    <t>64.81</t>
  </si>
  <si>
    <t>54.94</t>
  </si>
  <si>
    <t>5019290.0</t>
  </si>
  <si>
    <t>6106044694.0</t>
  </si>
  <si>
    <t>3064238783.0</t>
  </si>
  <si>
    <t>2598781342.0</t>
  </si>
  <si>
    <t>199130058.0</t>
  </si>
  <si>
    <t>24664773.0</t>
  </si>
  <si>
    <t>26754807.0</t>
  </si>
  <si>
    <t>129.33</t>
  </si>
  <si>
    <t>64.9</t>
  </si>
  <si>
    <t>55.04</t>
  </si>
  <si>
    <t>5032480.0</t>
  </si>
  <si>
    <t>6136794542.0</t>
  </si>
  <si>
    <t>3103172655.0</t>
  </si>
  <si>
    <t>2614063048.0</t>
  </si>
  <si>
    <t>201473015.0</t>
  </si>
  <si>
    <t>31515333.0</t>
  </si>
  <si>
    <t>27049440.0</t>
  </si>
  <si>
    <t>129.98</t>
  </si>
  <si>
    <t>65.73</t>
  </si>
  <si>
    <t>5729.0</t>
  </si>
  <si>
    <t>5017969.0</t>
  </si>
  <si>
    <t>6164925563.0</t>
  </si>
  <si>
    <t>3106747578.0</t>
  </si>
  <si>
    <t>2622014927.0</t>
  </si>
  <si>
    <t>203489181.0</t>
  </si>
  <si>
    <t>33879430.0</t>
  </si>
  <si>
    <t>28272001.0</t>
  </si>
  <si>
    <t>130.57</t>
  </si>
  <si>
    <t>55.53</t>
  </si>
  <si>
    <t>5988.0</t>
  </si>
  <si>
    <t>5182168.0</t>
  </si>
  <si>
    <t>6193619212.0</t>
  </si>
  <si>
    <t>3110938754.0</t>
  </si>
  <si>
    <t>2641043948.0</t>
  </si>
  <si>
    <t>205656634.0</t>
  </si>
  <si>
    <t>26946547.0</t>
  </si>
  <si>
    <t>27782799.0</t>
  </si>
  <si>
    <t>131.18</t>
  </si>
  <si>
    <t>65.89</t>
  </si>
  <si>
    <t>55.94</t>
  </si>
  <si>
    <t>5000596.0</t>
  </si>
  <si>
    <t>6219595785.0</t>
  </si>
  <si>
    <t>3114558746.0</t>
  </si>
  <si>
    <t>2649638310.0</t>
  </si>
  <si>
    <t>207407448.0</t>
  </si>
  <si>
    <t>29723505.0</t>
  </si>
  <si>
    <t>27807188.0</t>
  </si>
  <si>
    <t>131.73</t>
  </si>
  <si>
    <t>65.97</t>
  </si>
  <si>
    <t>56.12</t>
  </si>
  <si>
    <t>4953401.0</t>
  </si>
  <si>
    <t>6235897399.0</t>
  </si>
  <si>
    <t>3118700919.0</t>
  </si>
  <si>
    <t>2656464857.0</t>
  </si>
  <si>
    <t>207940321.0</t>
  </si>
  <si>
    <t>16946533.0</t>
  </si>
  <si>
    <t>26050664.0</t>
  </si>
  <si>
    <t>132.08</t>
  </si>
  <si>
    <t>5518.0</t>
  </si>
  <si>
    <t>4628499.0</t>
  </si>
  <si>
    <t>6248861679.0</t>
  </si>
  <si>
    <t>3123891622.0</t>
  </si>
  <si>
    <t>2658624920.0</t>
  </si>
  <si>
    <t>208612292.0</t>
  </si>
  <si>
    <t>15068857.0</t>
  </si>
  <si>
    <t>25534995.0</t>
  </si>
  <si>
    <t>4.42</t>
  </si>
  <si>
    <t>5039664.0</t>
  </si>
  <si>
    <t>6273948553.0</t>
  </si>
  <si>
    <t>3131599684.0</t>
  </si>
  <si>
    <t>2664908479.0</t>
  </si>
  <si>
    <t>210517843.0</t>
  </si>
  <si>
    <t>22327884.0</t>
  </si>
  <si>
    <t>25201156.0</t>
  </si>
  <si>
    <t>132.88</t>
  </si>
  <si>
    <t>66.33</t>
  </si>
  <si>
    <t>56.44</t>
  </si>
  <si>
    <t>5385491.0</t>
  </si>
  <si>
    <t>6297736160.0</t>
  </si>
  <si>
    <t>3140302715.0</t>
  </si>
  <si>
    <t>2670784625.0</t>
  </si>
  <si>
    <t>212168464.0</t>
  </si>
  <si>
    <t>24167990.0</t>
  </si>
  <si>
    <t>24151531.0</t>
  </si>
  <si>
    <t>133.39</t>
  </si>
  <si>
    <t>56.57</t>
  </si>
  <si>
    <t>5647589.0</t>
  </si>
  <si>
    <t>6323447568.0</t>
  </si>
  <si>
    <t>3148334022.0</t>
  </si>
  <si>
    <t>2675618308.0</t>
  </si>
  <si>
    <t>214910974.0</t>
  </si>
  <si>
    <t>26951890.0</t>
  </si>
  <si>
    <t>23161887.0</t>
  </si>
  <si>
    <t>133.93</t>
  </si>
  <si>
    <t>6097827.0</t>
  </si>
  <si>
    <t>6346928114.0</t>
  </si>
  <si>
    <t>3156223987.0</t>
  </si>
  <si>
    <t>2686619052.0</t>
  </si>
  <si>
    <t>427806315.0</t>
  </si>
  <si>
    <t>26445970.0</t>
  </si>
  <si>
    <t>23090377.0</t>
  </si>
  <si>
    <t>134.43</t>
  </si>
  <si>
    <t>9.06</t>
  </si>
  <si>
    <t>6755591.0</t>
  </si>
  <si>
    <t>6372378514.0</t>
  </si>
  <si>
    <t>3168412446.0</t>
  </si>
  <si>
    <t>2696067642.0</t>
  </si>
  <si>
    <t>430247836.0</t>
  </si>
  <si>
    <t>30304086.0</t>
  </si>
  <si>
    <t>23173315.0</t>
  </si>
  <si>
    <t>134.97</t>
  </si>
  <si>
    <t>57.1</t>
  </si>
  <si>
    <t>9.11</t>
  </si>
  <si>
    <t>7586868.0</t>
  </si>
  <si>
    <t>6385603665.0</t>
  </si>
  <si>
    <t>3170799405.0</t>
  </si>
  <si>
    <t>2697928091.0</t>
  </si>
  <si>
    <t>431802354.0</t>
  </si>
  <si>
    <t>16076719.0</t>
  </si>
  <si>
    <t>23049054.0</t>
  </si>
  <si>
    <t>135.25</t>
  </si>
  <si>
    <t>7562498.0</t>
  </si>
  <si>
    <t>6408835115.0</t>
  </si>
  <si>
    <t>3177448137.0</t>
  </si>
  <si>
    <t>2705145160.0</t>
  </si>
  <si>
    <t>433296534.0</t>
  </si>
  <si>
    <t>21752186.0</t>
  </si>
  <si>
    <t>24003818.0</t>
  </si>
  <si>
    <t>135.74</t>
  </si>
  <si>
    <t>7703719.0</t>
  </si>
  <si>
    <t>6454127767.0</t>
  </si>
  <si>
    <t>3194559147.0</t>
  </si>
  <si>
    <t>2723747099.0</t>
  </si>
  <si>
    <t>435597166.0</t>
  </si>
  <si>
    <t>21252857.0</t>
  </si>
  <si>
    <t>23850242.0</t>
  </si>
  <si>
    <t>136.7</t>
  </si>
  <si>
    <t>67.66</t>
  </si>
  <si>
    <t>57.69</t>
  </si>
  <si>
    <t>7492769.0</t>
  </si>
  <si>
    <t>6480906733.0</t>
  </si>
  <si>
    <t>3202665861.0</t>
  </si>
  <si>
    <t>2732164341.0</t>
  </si>
  <si>
    <t>437915185.0</t>
  </si>
  <si>
    <t>30415843.0</t>
  </si>
  <si>
    <t>24742794.0</t>
  </si>
  <si>
    <t>137.27</t>
  </si>
  <si>
    <t>57.87</t>
  </si>
  <si>
    <t>7839075.0</t>
  </si>
  <si>
    <t>6503558093.0</t>
  </si>
  <si>
    <t>3211104423.0</t>
  </si>
  <si>
    <t>2737945313.0</t>
  </si>
  <si>
    <t>440698370.0</t>
  </si>
  <si>
    <t>23916066.0</t>
  </si>
  <si>
    <t>24309105.0</t>
  </si>
  <si>
    <t>137.75</t>
  </si>
  <si>
    <t>68.01</t>
  </si>
  <si>
    <t>57.99</t>
  </si>
  <si>
    <t>5149.0</t>
  </si>
  <si>
    <t>7593908.0</t>
  </si>
  <si>
    <t>6527993946.0</t>
  </si>
  <si>
    <t>3217441260.0</t>
  </si>
  <si>
    <t>2748292429.0</t>
  </si>
  <si>
    <t>454304664.0</t>
  </si>
  <si>
    <t>24240380.0</t>
  </si>
  <si>
    <t>23994016.0</t>
  </si>
  <si>
    <t>138.26</t>
  </si>
  <si>
    <t>68.15</t>
  </si>
  <si>
    <t>58.21</t>
  </si>
  <si>
    <t>9.62</t>
  </si>
  <si>
    <t>5082.0</t>
  </si>
  <si>
    <t>7376147.0</t>
  </si>
  <si>
    <t>6541911992.0</t>
  </si>
  <si>
    <t>3222980686.0</t>
  </si>
  <si>
    <t>2756123334.0</t>
  </si>
  <si>
    <t>457819248.0</t>
  </si>
  <si>
    <t>16541406.0</t>
  </si>
  <si>
    <t>22027921.0</t>
  </si>
  <si>
    <t>138.56</t>
  </si>
  <si>
    <t>58.38</t>
  </si>
  <si>
    <t>6385545.0</t>
  </si>
  <si>
    <t>6560152391.0</t>
  </si>
  <si>
    <t>3230290023.0</t>
  </si>
  <si>
    <t>2761805051.0</t>
  </si>
  <si>
    <t>460362422.0</t>
  </si>
  <si>
    <t>23099517.0</t>
  </si>
  <si>
    <t>23031180.0</t>
  </si>
  <si>
    <t>138.95</t>
  </si>
  <si>
    <t>58.5</t>
  </si>
  <si>
    <t>4878.0</t>
  </si>
  <si>
    <t>7038881.0</t>
  </si>
  <si>
    <t>6580486380.0</t>
  </si>
  <si>
    <t>3236306332.0</t>
  </si>
  <si>
    <t>2768096081.0</t>
  </si>
  <si>
    <t>462882236.0</t>
  </si>
  <si>
    <t>18197651.0</t>
  </si>
  <si>
    <t>22523389.0</t>
  </si>
  <si>
    <t>139.38</t>
  </si>
  <si>
    <t>68.55</t>
  </si>
  <si>
    <t>6831326.0</t>
  </si>
  <si>
    <t>6599200966.0</t>
  </si>
  <si>
    <t>3242161069.0</t>
  </si>
  <si>
    <t>2773289604.0</t>
  </si>
  <si>
    <t>465902409.0</t>
  </si>
  <si>
    <t>20165006.0</t>
  </si>
  <si>
    <t>22367980.0</t>
  </si>
  <si>
    <t>139.77</t>
  </si>
  <si>
    <t>58.74</t>
  </si>
  <si>
    <t>9.87</t>
  </si>
  <si>
    <t>6902256.0</t>
  </si>
  <si>
    <t>6612497983.0</t>
  </si>
  <si>
    <t>3244512011.0</t>
  </si>
  <si>
    <t>2775871351.0</t>
  </si>
  <si>
    <t>468871607.0</t>
  </si>
  <si>
    <t>14252931.0</t>
  </si>
  <si>
    <t>20058994.0</t>
  </si>
  <si>
    <t>140.05</t>
  </si>
  <si>
    <t>68.72</t>
  </si>
  <si>
    <t>58.79</t>
  </si>
  <si>
    <t>5887525.0</t>
  </si>
  <si>
    <t>6640581004.0</t>
  </si>
  <si>
    <t>3253709717.0</t>
  </si>
  <si>
    <t>2787354825.0</t>
  </si>
  <si>
    <t>472870276.0</t>
  </si>
  <si>
    <t>30330528.0</t>
  </si>
  <si>
    <t>20975347.0</t>
  </si>
  <si>
    <t>140.65</t>
  </si>
  <si>
    <t>59.04</t>
  </si>
  <si>
    <t>6228411.0</t>
  </si>
  <si>
    <t>6659067952.0</t>
  </si>
  <si>
    <t>3259264869.0</t>
  </si>
  <si>
    <t>2794071609.0</t>
  </si>
  <si>
    <t>476189113.0</t>
  </si>
  <si>
    <t>21638718.0</t>
  </si>
  <si>
    <t>20603681.0</t>
  </si>
  <si>
    <t>141.04</t>
  </si>
  <si>
    <t>69.03</t>
  </si>
  <si>
    <t>59.18</t>
  </si>
  <si>
    <t>10.09</t>
  </si>
  <si>
    <t>6050407.0</t>
  </si>
  <si>
    <t>6676105842.0</t>
  </si>
  <si>
    <t>3265165471.0</t>
  </si>
  <si>
    <t>2804247594.0</t>
  </si>
  <si>
    <t>479492258.0</t>
  </si>
  <si>
    <t>21857612.0</t>
  </si>
  <si>
    <t>21363136.0</t>
  </si>
  <si>
    <t>141.4</t>
  </si>
  <si>
    <t>69.16</t>
  </si>
  <si>
    <t>59.39</t>
  </si>
  <si>
    <t>6307382.0</t>
  </si>
  <si>
    <t>6691803930.0</t>
  </si>
  <si>
    <t>3270031516.0</t>
  </si>
  <si>
    <t>2810452548.0</t>
  </si>
  <si>
    <t>481726505.0</t>
  </si>
  <si>
    <t>18013987.0</t>
  </si>
  <si>
    <t>20636635.0</t>
  </si>
  <si>
    <t>141.73</t>
  </si>
  <si>
    <t>59.53</t>
  </si>
  <si>
    <t>5833922.0</t>
  </si>
  <si>
    <t>6715480823.0</t>
  </si>
  <si>
    <t>3273536336.0</t>
  </si>
  <si>
    <t>2814773665.0</t>
  </si>
  <si>
    <t>484086110.0</t>
  </si>
  <si>
    <t>14923376.0</t>
  </si>
  <si>
    <t>20168879.0</t>
  </si>
  <si>
    <t>142.24</t>
  </si>
  <si>
    <t>69.33</t>
  </si>
  <si>
    <t>59.62</t>
  </si>
  <si>
    <t>4272.0</t>
  </si>
  <si>
    <t>5498170.0</t>
  </si>
  <si>
    <t>6730825625.0</t>
  </si>
  <si>
    <t>3276367364.0</t>
  </si>
  <si>
    <t>2818558077.0</t>
  </si>
  <si>
    <t>486687935.0</t>
  </si>
  <si>
    <t>13962842.0</t>
  </si>
  <si>
    <t>19282858.0</t>
  </si>
  <si>
    <t>142.56</t>
  </si>
  <si>
    <t>4947413.0</t>
  </si>
  <si>
    <t>6747833474.0</t>
  </si>
  <si>
    <t>3280215079.0</t>
  </si>
  <si>
    <t>2824603816.0</t>
  </si>
  <si>
    <t>489733148.0</t>
  </si>
  <si>
    <t>20238130.0</t>
  </si>
  <si>
    <t>20137885.0</t>
  </si>
  <si>
    <t>142.92</t>
  </si>
  <si>
    <t>69.48</t>
  </si>
  <si>
    <t>5192590.0</t>
  </si>
  <si>
    <t>6766888279.0</t>
  </si>
  <si>
    <t>3283763813.0</t>
  </si>
  <si>
    <t>2830059028.0</t>
  </si>
  <si>
    <t>493217658.0</t>
  </si>
  <si>
    <t>19693954.0</t>
  </si>
  <si>
    <t>18618374.0</t>
  </si>
  <si>
    <t>143.32</t>
  </si>
  <si>
    <t>69.55</t>
  </si>
  <si>
    <t>59.94</t>
  </si>
  <si>
    <t>4397051.0</t>
  </si>
  <si>
    <t>6779111680.0</t>
  </si>
  <si>
    <t>3285814396.0</t>
  </si>
  <si>
    <t>2833530179.0</t>
  </si>
  <si>
    <t>497864584.0</t>
  </si>
  <si>
    <t>15695318.0</t>
  </si>
  <si>
    <t>17769316.0</t>
  </si>
  <si>
    <t>143.58</t>
  </si>
  <si>
    <t>3884598.0</t>
  </si>
  <si>
    <t>6794967978.0</t>
  </si>
  <si>
    <t>3289594716.0</t>
  </si>
  <si>
    <t>2841341610.0</t>
  </si>
  <si>
    <t>501496555.0</t>
  </si>
  <si>
    <t>18771590.0</t>
  </si>
  <si>
    <t>17328455.0</t>
  </si>
  <si>
    <t>143.92</t>
  </si>
  <si>
    <t>60.18</t>
  </si>
  <si>
    <t>10.62</t>
  </si>
  <si>
    <t>3581687.0</t>
  </si>
  <si>
    <t>6806994257.0</t>
  </si>
  <si>
    <t>3292214563.0</t>
  </si>
  <si>
    <t>2845845670.0</t>
  </si>
  <si>
    <t>503512481.0</t>
  </si>
  <si>
    <t>14988715.0</t>
  </si>
  <si>
    <t>16896274.0</t>
  </si>
  <si>
    <t>144.17</t>
  </si>
  <si>
    <t>69.73</t>
  </si>
  <si>
    <t>60.28</t>
  </si>
  <si>
    <t>3579.0</t>
  </si>
  <si>
    <t>3345768.0</t>
  </si>
  <si>
    <t>6818202036.0</t>
  </si>
  <si>
    <t>3295036166.0</t>
  </si>
  <si>
    <t>2851426598.0</t>
  </si>
  <si>
    <t>505547271.0</t>
  </si>
  <si>
    <t>14986328.0</t>
  </si>
  <si>
    <t>16905269.0</t>
  </si>
  <si>
    <t>144.41</t>
  </si>
  <si>
    <t>69.79</t>
  </si>
  <si>
    <t>3360862.0</t>
  </si>
  <si>
    <t>6832448152.0</t>
  </si>
  <si>
    <t>3298213013.0</t>
  </si>
  <si>
    <t>2858440776.0</t>
  </si>
  <si>
    <t>508711041.0</t>
  </si>
  <si>
    <t>14033304.0</t>
  </si>
  <si>
    <t>16915332.0</t>
  </si>
  <si>
    <t>69.86</t>
  </si>
  <si>
    <t>60.54</t>
  </si>
  <si>
    <t>3595550.0</t>
  </si>
  <si>
    <t>6845148574.0</t>
  </si>
  <si>
    <t>3302019468.0</t>
  </si>
  <si>
    <t>2865480580.0</t>
  </si>
  <si>
    <t>511383899.0</t>
  </si>
  <si>
    <t>12822557.0</t>
  </si>
  <si>
    <t>15855965.0</t>
  </si>
  <si>
    <t>144.98</t>
  </si>
  <si>
    <t>69.94</t>
  </si>
  <si>
    <t>3431903.0</t>
  </si>
  <si>
    <t>6855965391.0</t>
  </si>
  <si>
    <t>3304659137.0</t>
  </si>
  <si>
    <t>2870791124.0</t>
  </si>
  <si>
    <t>514026890.0</t>
  </si>
  <si>
    <t>13709880.0</t>
  </si>
  <si>
    <t>15001098.0</t>
  </si>
  <si>
    <t>145.21</t>
  </si>
  <si>
    <t>3335517.0</t>
  </si>
  <si>
    <t>6865958853.0</t>
  </si>
  <si>
    <t>3307319174.0</t>
  </si>
  <si>
    <t>2875493100.0</t>
  </si>
  <si>
    <t>516992342.0</t>
  </si>
  <si>
    <t>13533549.0</t>
  </si>
  <si>
    <t>14692274.0</t>
  </si>
  <si>
    <t>145.42</t>
  </si>
  <si>
    <t>70.05</t>
  </si>
  <si>
    <t>3455406.0</t>
  </si>
  <si>
    <t>6878122203.0</t>
  </si>
  <si>
    <t>3310176817.0</t>
  </si>
  <si>
    <t>2883673771.0</t>
  </si>
  <si>
    <t>519966278.0</t>
  </si>
  <si>
    <t>15017744.0</t>
  </si>
  <si>
    <t>14156011.0</t>
  </si>
  <si>
    <t>70.11</t>
  </si>
  <si>
    <t>3442076.0</t>
  </si>
  <si>
    <t>6889052040.0</t>
  </si>
  <si>
    <t>3312608103.0</t>
  </si>
  <si>
    <t>2889009069.0</t>
  </si>
  <si>
    <t>523299001.0</t>
  </si>
  <si>
    <t>15758962.0</t>
  </si>
  <si>
    <t>14266044.0</t>
  </si>
  <si>
    <t>61.19</t>
  </si>
  <si>
    <t>3553286.0</t>
  </si>
  <si>
    <t>6949213113.0</t>
  </si>
  <si>
    <t>3316255290.0</t>
  </si>
  <si>
    <t>2893455896.0</t>
  </si>
  <si>
    <t>530829075.0</t>
  </si>
  <si>
    <t>12180451.0</t>
  </si>
  <si>
    <t>13865208.0</t>
  </si>
  <si>
    <t>147.19</t>
  </si>
  <si>
    <t>70.24</t>
  </si>
  <si>
    <t>11.24</t>
  </si>
  <si>
    <t>2937.0</t>
  </si>
  <si>
    <t>3480183.0</t>
  </si>
  <si>
    <t>6963267553.0</t>
  </si>
  <si>
    <t>3319364726.0</t>
  </si>
  <si>
    <t>2897472070.0</t>
  </si>
  <si>
    <t>662701328.0</t>
  </si>
  <si>
    <t>13008222.0</t>
  </si>
  <si>
    <t>13718766.0</t>
  </si>
  <si>
    <t>70.3</t>
  </si>
  <si>
    <t>14.04</t>
  </si>
  <si>
    <t>3314478.0</t>
  </si>
  <si>
    <t>6983298843.0</t>
  </si>
  <si>
    <t>3322643615.0</t>
  </si>
  <si>
    <t>2905184351.0</t>
  </si>
  <si>
    <t>665750799.0</t>
  </si>
  <si>
    <t>20530240.0</t>
  </si>
  <si>
    <t>14819863.0</t>
  </si>
  <si>
    <t>147.91</t>
  </si>
  <si>
    <t>61.53</t>
  </si>
  <si>
    <t>3403162.0</t>
  </si>
  <si>
    <t>7004488561.0</t>
  </si>
  <si>
    <t>3326021656.0</t>
  </si>
  <si>
    <t>2911305256.0</t>
  </si>
  <si>
    <t>669126639.0</t>
  </si>
  <si>
    <t>23156125.0</t>
  </si>
  <si>
    <t>16169329.0</t>
  </si>
  <si>
    <t>148.36</t>
  </si>
  <si>
    <t>70.45</t>
  </si>
  <si>
    <t>61.66</t>
  </si>
  <si>
    <t>3519980.0</t>
  </si>
  <si>
    <t>7018976105.0</t>
  </si>
  <si>
    <t>3328102684.0</t>
  </si>
  <si>
    <t>2915735837.0</t>
  </si>
  <si>
    <t>701610113.0</t>
  </si>
  <si>
    <t>16578871.0</t>
  </si>
  <si>
    <t>16604372.0</t>
  </si>
  <si>
    <t>148.66</t>
  </si>
  <si>
    <t>61.76</t>
  </si>
  <si>
    <t>14.86</t>
  </si>
  <si>
    <t>3517.0</t>
  </si>
  <si>
    <t>3442373.0</t>
  </si>
  <si>
    <t>7039031405.0</t>
  </si>
  <si>
    <t>3330680305.0</t>
  </si>
  <si>
    <t>2923784161.0</t>
  </si>
  <si>
    <t>704811405.0</t>
  </si>
  <si>
    <t>25210842.0</t>
  </si>
  <si>
    <t>18060530.0</t>
  </si>
  <si>
    <t>149.09</t>
  </si>
  <si>
    <t>70.54</t>
  </si>
  <si>
    <t>3825.0</t>
  </si>
  <si>
    <t>3590243.0</t>
  </si>
  <si>
    <t>7053745588.0</t>
  </si>
  <si>
    <t>3333068386.0</t>
  </si>
  <si>
    <t>2927858977.0</t>
  </si>
  <si>
    <t>707709080.0</t>
  </si>
  <si>
    <t>16905415.0</t>
  </si>
  <si>
    <t>18224307.0</t>
  </si>
  <si>
    <t>149.4</t>
  </si>
  <si>
    <t>62.01</t>
  </si>
  <si>
    <t>3478276.0</t>
  </si>
  <si>
    <t>7077110341.0</t>
  </si>
  <si>
    <t>3339326146.0</t>
  </si>
  <si>
    <t>2936219846.0</t>
  </si>
  <si>
    <t>712128584.0</t>
  </si>
  <si>
    <t>17340930.0</t>
  </si>
  <si>
    <t>18961521.0</t>
  </si>
  <si>
    <t>149.89</t>
  </si>
  <si>
    <t>70.73</t>
  </si>
  <si>
    <t>15.08</t>
  </si>
  <si>
    <t>4016.0</t>
  </si>
  <si>
    <t>3543035.0</t>
  </si>
  <si>
    <t>7094220024.0</t>
  </si>
  <si>
    <t>3341725174.0</t>
  </si>
  <si>
    <t>2940298195.0</t>
  </si>
  <si>
    <t>715764919.0</t>
  </si>
  <si>
    <t>16877570.0</t>
  </si>
  <si>
    <t>19514284.0</t>
  </si>
  <si>
    <t>150.26</t>
  </si>
  <si>
    <t>62.28</t>
  </si>
  <si>
    <t>15.16</t>
  </si>
  <si>
    <t>3712029.0</t>
  </si>
  <si>
    <t>7109415678.0</t>
  </si>
  <si>
    <t>3343424520.0</t>
  </si>
  <si>
    <t>2946146431.0</t>
  </si>
  <si>
    <t>718832070.0</t>
  </si>
  <si>
    <t>19112404.0</t>
  </si>
  <si>
    <t>19311737.0</t>
  </si>
  <si>
    <t>150.58</t>
  </si>
  <si>
    <t>70.81</t>
  </si>
  <si>
    <t>3657386.0</t>
  </si>
  <si>
    <t>7124483618.0</t>
  </si>
  <si>
    <t>3345802362.0</t>
  </si>
  <si>
    <t>2950092357.0</t>
  </si>
  <si>
    <t>721426700.0</t>
  </si>
  <si>
    <t>16759047.0</t>
  </si>
  <si>
    <t>18397867.0</t>
  </si>
  <si>
    <t>150.9</t>
  </si>
  <si>
    <t>70.86</t>
  </si>
  <si>
    <t>62.48</t>
  </si>
  <si>
    <t>3480413.0</t>
  </si>
  <si>
    <t>7141317663.0</t>
  </si>
  <si>
    <t>3347234800.0</t>
  </si>
  <si>
    <t>2955700006.0</t>
  </si>
  <si>
    <t>724517634.0</t>
  </si>
  <si>
    <t>19441173.0</t>
  </si>
  <si>
    <t>18806768.0</t>
  </si>
  <si>
    <t>151.25</t>
  </si>
  <si>
    <t>70.9</t>
  </si>
  <si>
    <t>3529874.0</t>
  </si>
  <si>
    <t>7178272282.0</t>
  </si>
  <si>
    <t>3356361372.0</t>
  </si>
  <si>
    <t>2978599963.0</t>
  </si>
  <si>
    <t>729313625.0</t>
  </si>
  <si>
    <t>18255212.0</t>
  </si>
  <si>
    <t>17813105.0</t>
  </si>
  <si>
    <t>152.04</t>
  </si>
  <si>
    <t>71.09</t>
  </si>
  <si>
    <t>3289024.0</t>
  </si>
  <si>
    <t>7200853183.0</t>
  </si>
  <si>
    <t>3362270148.0</t>
  </si>
  <si>
    <t>2985972963.0</t>
  </si>
  <si>
    <t>737131427.0</t>
  </si>
  <si>
    <t>18106925.0</t>
  </si>
  <si>
    <t>17984749.0</t>
  </si>
  <si>
    <t>152.52</t>
  </si>
  <si>
    <t>71.21</t>
  </si>
  <si>
    <t>63.24</t>
  </si>
  <si>
    <t>3809.0</t>
  </si>
  <si>
    <t>3356552.0</t>
  </si>
  <si>
    <t>7210685678.0</t>
  </si>
  <si>
    <t>3363447183.0</t>
  </si>
  <si>
    <t>2988655199.0</t>
  </si>
  <si>
    <t>739020284.0</t>
  </si>
  <si>
    <t>10506532.0</t>
  </si>
  <si>
    <t>17008406.0</t>
  </si>
  <si>
    <t>152.72</t>
  </si>
  <si>
    <t>3602.0</t>
  </si>
  <si>
    <t>3129457.0</t>
  </si>
  <si>
    <t>7227889874.0</t>
  </si>
  <si>
    <t>3366555136.0</t>
  </si>
  <si>
    <t>2993124351.0</t>
  </si>
  <si>
    <t>742360679.0</t>
  </si>
  <si>
    <t>14330873.0</t>
  </si>
  <si>
    <t>16644594.0</t>
  </si>
  <si>
    <t>153.09</t>
  </si>
  <si>
    <t>2900643.0</t>
  </si>
  <si>
    <t>7243928787.0</t>
  </si>
  <si>
    <t>3368622819.0</t>
  </si>
  <si>
    <t>2998385838.0</t>
  </si>
  <si>
    <t>745469784.0</t>
  </si>
  <si>
    <t>15677343.0</t>
  </si>
  <si>
    <t>16153874.0</t>
  </si>
  <si>
    <t>153.43</t>
  </si>
  <si>
    <t>71.35</t>
  </si>
  <si>
    <t>3421.0</t>
  </si>
  <si>
    <t>2689974.0</t>
  </si>
  <si>
    <t>7257182860.0</t>
  </si>
  <si>
    <t>3369752599.0</t>
  </si>
  <si>
    <t>3002353593.0</t>
  </si>
  <si>
    <t>748159676.0</t>
  </si>
  <si>
    <t>17786012.0</t>
  </si>
  <si>
    <t>16300583.0</t>
  </si>
  <si>
    <t>153.71</t>
  </si>
  <si>
    <t>71.37</t>
  </si>
  <si>
    <t>63.59</t>
  </si>
  <si>
    <t>15.85</t>
  </si>
  <si>
    <t>3003087.0</t>
  </si>
  <si>
    <t>7271181467.0</t>
  </si>
  <si>
    <t>3383307458.0</t>
  </si>
  <si>
    <t>3005993078.0</t>
  </si>
  <si>
    <t>750929877.0</t>
  </si>
  <si>
    <t>19691038.0</t>
  </si>
  <si>
    <t>16336276.0</t>
  </si>
  <si>
    <t>71.66</t>
  </si>
  <si>
    <t>3260433.0</t>
  </si>
  <si>
    <t>7285897450.0</t>
  </si>
  <si>
    <t>3385542133.0</t>
  </si>
  <si>
    <t>3012059051.0</t>
  </si>
  <si>
    <t>849347414.0</t>
  </si>
  <si>
    <t>20057749.0</t>
  </si>
  <si>
    <t>16593782.0</t>
  </si>
  <si>
    <t>154.32</t>
  </si>
  <si>
    <t>71.71</t>
  </si>
  <si>
    <t>3547800.0</t>
  </si>
  <si>
    <t>7297506509.0</t>
  </si>
  <si>
    <t>3386688399.0</t>
  </si>
  <si>
    <t>3016041747.0</t>
  </si>
  <si>
    <t>851388451.0</t>
  </si>
  <si>
    <t>16851898.0</t>
  </si>
  <si>
    <t>16414492.0</t>
  </si>
  <si>
    <t>71.73</t>
  </si>
  <si>
    <t>63.88</t>
  </si>
  <si>
    <t>3721578.0</t>
  </si>
  <si>
    <t>7305461128.0</t>
  </si>
  <si>
    <t>3387201761.0</t>
  </si>
  <si>
    <t>3017564046.0</t>
  </si>
  <si>
    <t>852895348.0</t>
  </si>
  <si>
    <t>13337668.0</t>
  </si>
  <si>
    <t>16818942.0</t>
  </si>
  <si>
    <t>18.06</t>
  </si>
  <si>
    <t>4064214.0</t>
  </si>
  <si>
    <t>7349125373.0</t>
  </si>
  <si>
    <t>3410054986.0</t>
  </si>
  <si>
    <t>3028117489.0</t>
  </si>
  <si>
    <t>857754451.0</t>
  </si>
  <si>
    <t>18127220.0</t>
  </si>
  <si>
    <t>17361278.0</t>
  </si>
  <si>
    <t>155.66</t>
  </si>
  <si>
    <t>4471771.0</t>
  </si>
  <si>
    <t>7359594659.0</t>
  </si>
  <si>
    <t>3410845628.0</t>
  </si>
  <si>
    <t>3030012184.0</t>
  </si>
  <si>
    <t>859754412.0</t>
  </si>
  <si>
    <t>11772688.0</t>
  </si>
  <si>
    <t>16803467.0</t>
  </si>
  <si>
    <t>155.88</t>
  </si>
  <si>
    <t>64.18</t>
  </si>
  <si>
    <t>4375675.0</t>
  </si>
  <si>
    <t>7373021075.0</t>
  </si>
  <si>
    <t>3411549561.0</t>
  </si>
  <si>
    <t>3031804654.0</t>
  </si>
  <si>
    <t>862831399.0</t>
  </si>
  <si>
    <t>14857089.0</t>
  </si>
  <si>
    <t>16385048.0</t>
  </si>
  <si>
    <t>156.16</t>
  </si>
  <si>
    <t>72.26</t>
  </si>
  <si>
    <t>64.21</t>
  </si>
  <si>
    <t>18.27</t>
  </si>
  <si>
    <t>3860802.0</t>
  </si>
  <si>
    <t>7384730082.0</t>
  </si>
  <si>
    <t>3412511519.0</t>
  </si>
  <si>
    <t>3036655306.0</t>
  </si>
  <si>
    <t>864645547.0</t>
  </si>
  <si>
    <t>14563786.0</t>
  </si>
  <si>
    <t>15652584.0</t>
  </si>
  <si>
    <t>156.41</t>
  </si>
  <si>
    <t>3315.0</t>
  </si>
  <si>
    <t>3406886.0</t>
  </si>
  <si>
    <t>7396623383.0</t>
  </si>
  <si>
    <t>3413572143.0</t>
  </si>
  <si>
    <t>3039466554.0</t>
  </si>
  <si>
    <t>867147532.0</t>
  </si>
  <si>
    <t>14790721.0</t>
  </si>
  <si>
    <t>14891891.0</t>
  </si>
  <si>
    <t>72.3</t>
  </si>
  <si>
    <t>64.38</t>
  </si>
  <si>
    <t>3005390.0</t>
  </si>
  <si>
    <t>7411709681.0</t>
  </si>
  <si>
    <t>3415485308.0</t>
  </si>
  <si>
    <t>3044364280.0</t>
  </si>
  <si>
    <t>871099789.0</t>
  </si>
  <si>
    <t>13489800.0</t>
  </si>
  <si>
    <t>14413623.0</t>
  </si>
  <si>
    <t>64.48</t>
  </si>
  <si>
    <t>2576869.0</t>
  </si>
  <si>
    <t>7434397760.0</t>
  </si>
  <si>
    <t>3421937495.0</t>
  </si>
  <si>
    <t>3052697690.0</t>
  </si>
  <si>
    <t>874634032.0</t>
  </si>
  <si>
    <t>9388350.0</t>
  </si>
  <si>
    <t>13849564.0</t>
  </si>
  <si>
    <t>64.66</t>
  </si>
  <si>
    <t>18.52</t>
  </si>
  <si>
    <t>2933.0</t>
  </si>
  <si>
    <t>2164862.0</t>
  </si>
  <si>
    <t>7446618468.0</t>
  </si>
  <si>
    <t>3422996241.0</t>
  </si>
  <si>
    <t>3055610687.0</t>
  </si>
  <si>
    <t>877279818.0</t>
  </si>
  <si>
    <t>11825126.0</t>
  </si>
  <si>
    <t>12950459.0</t>
  </si>
  <si>
    <t>64.72</t>
  </si>
  <si>
    <t>18.58</t>
  </si>
  <si>
    <t>1659861.0</t>
  </si>
  <si>
    <t>7458547201.0</t>
  </si>
  <si>
    <t>3424383200.0</t>
  </si>
  <si>
    <t>3059505254.0</t>
  </si>
  <si>
    <t>879894047.0</t>
  </si>
  <si>
    <t>11836349.0</t>
  </si>
  <si>
    <t>12960499.0</t>
  </si>
  <si>
    <t>157.97</t>
  </si>
  <si>
    <t>72.53</t>
  </si>
  <si>
    <t>18.64</t>
  </si>
  <si>
    <t>1663667.0</t>
  </si>
  <si>
    <t>7470545640.0</t>
  </si>
  <si>
    <t>3425192550.0</t>
  </si>
  <si>
    <t>3062623457.0</t>
  </si>
  <si>
    <t>882297201.0</t>
  </si>
  <si>
    <t>12699701.0</t>
  </si>
  <si>
    <t>12654479.0</t>
  </si>
  <si>
    <t>158.23</t>
  </si>
  <si>
    <t>72.55</t>
  </si>
  <si>
    <t>64.87</t>
  </si>
  <si>
    <t>1631256.0</t>
  </si>
  <si>
    <t>7482185863.0</t>
  </si>
  <si>
    <t>3427199297.0</t>
  </si>
  <si>
    <t>3066199416.0</t>
  </si>
  <si>
    <t>885072726.0</t>
  </si>
  <si>
    <t>12613295.0</t>
  </si>
  <si>
    <t>12377621.0</t>
  </si>
  <si>
    <t>158.47</t>
  </si>
  <si>
    <t>18.75</t>
  </si>
  <si>
    <t>1585960.0</t>
  </si>
  <si>
    <t>7493577760.0</t>
  </si>
  <si>
    <t>3428073338.0</t>
  </si>
  <si>
    <t>3069340132.0</t>
  </si>
  <si>
    <t>887249414.0</t>
  </si>
  <si>
    <t>13740342.0</t>
  </si>
  <si>
    <t>12227567.0</t>
  </si>
  <si>
    <t>158.72</t>
  </si>
  <si>
    <t>72.61</t>
  </si>
  <si>
    <t>18.79</t>
  </si>
  <si>
    <t>2590.0</t>
  </si>
  <si>
    <t>1507545.0</t>
  </si>
  <si>
    <t>7504695511.0</t>
  </si>
  <si>
    <t>3429340182.0</t>
  </si>
  <si>
    <t>3071736926.0</t>
  </si>
  <si>
    <t>890434784.0</t>
  </si>
  <si>
    <t>10672565.0</t>
  </si>
  <si>
    <t>11825106.0</t>
  </si>
  <si>
    <t>158.95</t>
  </si>
  <si>
    <t>72.63</t>
  </si>
  <si>
    <t>65.06</t>
  </si>
  <si>
    <t>18.86</t>
  </si>
  <si>
    <t>1436807.0</t>
  </si>
  <si>
    <t>7515742550.0</t>
  </si>
  <si>
    <t>3430041303.0</t>
  </si>
  <si>
    <t>3075776960.0</t>
  </si>
  <si>
    <t>895139515.0</t>
  </si>
  <si>
    <t>9258908.0</t>
  </si>
  <si>
    <t>11806611.0</t>
  </si>
  <si>
    <t>18.96</t>
  </si>
  <si>
    <t>1409109.0</t>
  </si>
  <si>
    <t>7526330055.0</t>
  </si>
  <si>
    <t>3433941010.0</t>
  </si>
  <si>
    <t>3082819180.0</t>
  </si>
  <si>
    <t>897074097.0</t>
  </si>
  <si>
    <t>11682889.0</t>
  </si>
  <si>
    <t>11786292.0</t>
  </si>
  <si>
    <t>159.41</t>
  </si>
  <si>
    <t>1403794.0</t>
  </si>
  <si>
    <t>7537186074.0</t>
  </si>
  <si>
    <t>3435213974.0</t>
  </si>
  <si>
    <t>3086166883.0</t>
  </si>
  <si>
    <t>899632791.0</t>
  </si>
  <si>
    <t>12589628.0</t>
  </si>
  <si>
    <t>11893904.0</t>
  </si>
  <si>
    <t>159.64</t>
  </si>
  <si>
    <t>65.37</t>
  </si>
  <si>
    <t>1398822.0</t>
  </si>
  <si>
    <t>7548793256.0</t>
  </si>
  <si>
    <t>3435987803.0</t>
  </si>
  <si>
    <t>3088916510.0</t>
  </si>
  <si>
    <t>901830764.0</t>
  </si>
  <si>
    <t>12926040.0</t>
  </si>
  <si>
    <t>11926239.0</t>
  </si>
  <si>
    <t>159.89</t>
  </si>
  <si>
    <t>65.42</t>
  </si>
  <si>
    <t>1432927.0</t>
  </si>
  <si>
    <t>7559791085.0</t>
  </si>
  <si>
    <t>3439010275.0</t>
  </si>
  <si>
    <t>3091412353.0</t>
  </si>
  <si>
    <t>993930893.0</t>
  </si>
  <si>
    <t>12548880.0</t>
  </si>
  <si>
    <t>11917041.0</t>
  </si>
  <si>
    <t>1503306.0</t>
  </si>
  <si>
    <t>7569303529.0</t>
  </si>
  <si>
    <t>3440537448.0</t>
  </si>
  <si>
    <t>3093314197.0</t>
  </si>
  <si>
    <t>1001145008.0</t>
  </si>
  <si>
    <t>10862782.0</t>
  </si>
  <si>
    <t>11505958.0</t>
  </si>
  <si>
    <t>72.87</t>
  </si>
  <si>
    <t>65.52</t>
  </si>
  <si>
    <t>1535147.0</t>
  </si>
  <si>
    <t>7578696040.0</t>
  </si>
  <si>
    <t>3441855581.0</t>
  </si>
  <si>
    <t>3094558179.0</t>
  </si>
  <si>
    <t>1003817465.0</t>
  </si>
  <si>
    <t>9467100.0</t>
  </si>
  <si>
    <t>11333751.0</t>
  </si>
  <si>
    <t>65.54</t>
  </si>
  <si>
    <t>2401.0</t>
  </si>
  <si>
    <t>1568669.0</t>
  </si>
  <si>
    <t>7586103268.0</t>
  </si>
  <si>
    <t>3442430494.0</t>
  </si>
  <si>
    <t>3096418612.0</t>
  </si>
  <si>
    <t>1005619628.0</t>
  </si>
  <si>
    <t>8942035.0</t>
  </si>
  <si>
    <t>11288478.0</t>
  </si>
  <si>
    <t>160.68</t>
  </si>
  <si>
    <t>72.91</t>
  </si>
  <si>
    <t>65.58</t>
  </si>
  <si>
    <t>1573959.0</t>
  </si>
  <si>
    <t>7595289220.0</t>
  </si>
  <si>
    <t>3445167043.0</t>
  </si>
  <si>
    <t>3099631132.0</t>
  </si>
  <si>
    <t>1017414721.0</t>
  </si>
  <si>
    <t>10816423.0</t>
  </si>
  <si>
    <t>11164697.0</t>
  </si>
  <si>
    <t>160.87</t>
  </si>
  <si>
    <t>2365.0</t>
  </si>
  <si>
    <t>1759698.0</t>
  </si>
  <si>
    <t>7609200083.0</t>
  </si>
  <si>
    <t>3447764709.0</t>
  </si>
  <si>
    <t>3102766493.0</t>
  </si>
  <si>
    <t>1021812173.0</t>
  </si>
  <si>
    <t>14887329.0</t>
  </si>
  <si>
    <t>11492941.0</t>
  </si>
  <si>
    <t>161.16</t>
  </si>
  <si>
    <t>73.02</t>
  </si>
  <si>
    <t>1949883.0</t>
  </si>
  <si>
    <t>7622348271.0</t>
  </si>
  <si>
    <t>3451079428.0</t>
  </si>
  <si>
    <t>3105841226.0</t>
  </si>
  <si>
    <t>1024023953.0</t>
  </si>
  <si>
    <t>15221419.0</t>
  </si>
  <si>
    <t>11820853.0</t>
  </si>
  <si>
    <t>161.44</t>
  </si>
  <si>
    <t>73.09</t>
  </si>
  <si>
    <t>2291924.0</t>
  </si>
  <si>
    <t>7637510950.0</t>
  </si>
  <si>
    <t>3454560238.0</t>
  </si>
  <si>
    <t>3109073262.0</t>
  </si>
  <si>
    <t>1038826185.0</t>
  </si>
  <si>
    <t>13508167.0</t>
  </si>
  <si>
    <t>11957895.0</t>
  </si>
  <si>
    <t>161.76</t>
  </si>
  <si>
    <t>73.17</t>
  </si>
  <si>
    <t>65.85</t>
  </si>
  <si>
    <t>2484706.0</t>
  </si>
  <si>
    <t>7647238729.0</t>
  </si>
  <si>
    <t>3456184228.0</t>
  </si>
  <si>
    <t>3110339507.0</t>
  </si>
  <si>
    <t>1042060588.0</t>
  </si>
  <si>
    <t>11701699.0</t>
  </si>
  <si>
    <t>12077737.0</t>
  </si>
  <si>
    <t>22.07</t>
  </si>
  <si>
    <t>2550072.0</t>
  </si>
  <si>
    <t>7657803852.0</t>
  </si>
  <si>
    <t>3459260725.0</t>
  </si>
  <si>
    <t>3113561624.0</t>
  </si>
  <si>
    <t>1043651027.0</t>
  </si>
  <si>
    <t>12662134.0</t>
  </si>
  <si>
    <t>12534170.0</t>
  </si>
  <si>
    <t>2802194.0</t>
  </si>
  <si>
    <t>7666801503.0</t>
  </si>
  <si>
    <t>3460210359.0</t>
  </si>
  <si>
    <t>3116149959.0</t>
  </si>
  <si>
    <t>1045900583.0</t>
  </si>
  <si>
    <t>10226610.0</t>
  </si>
  <si>
    <t>12717682.0</t>
  </si>
  <si>
    <t>73.29</t>
  </si>
  <si>
    <t>22.15</t>
  </si>
  <si>
    <t>2838763.0</t>
  </si>
  <si>
    <t>7687230717.0</t>
  </si>
  <si>
    <t>3461534616.0</t>
  </si>
  <si>
    <t>3123763752.0</t>
  </si>
  <si>
    <t>1050654612.0</t>
  </si>
  <si>
    <t>17627994.0</t>
  </si>
  <si>
    <t>13690766.0</t>
  </si>
  <si>
    <t>73.32</t>
  </si>
  <si>
    <t>2762331.0</t>
  </si>
  <si>
    <t>7701251549.0</t>
  </si>
  <si>
    <t>3463001476.0</t>
  </si>
  <si>
    <t>3130334990.0</t>
  </si>
  <si>
    <t>1053564809.0</t>
  </si>
  <si>
    <t>15214137.0</t>
  </si>
  <si>
    <t>13737455.0</t>
  </si>
  <si>
    <t>66.3</t>
  </si>
  <si>
    <t>22.31</t>
  </si>
  <si>
    <t>2663451.0</t>
  </si>
  <si>
    <t>7715805790.0</t>
  </si>
  <si>
    <t>3465668387.0</t>
  </si>
  <si>
    <t>3135808109.0</t>
  </si>
  <si>
    <t>1055789765.0</t>
  </si>
  <si>
    <t>16210333.0</t>
  </si>
  <si>
    <t>13878724.0</t>
  </si>
  <si>
    <t>73.4</t>
  </si>
  <si>
    <t>2940.0</t>
  </si>
  <si>
    <t>2583698.0</t>
  </si>
  <si>
    <t>7745445089.0</t>
  </si>
  <si>
    <t>3474287795.0</t>
  </si>
  <si>
    <t>3153402605.0</t>
  </si>
  <si>
    <t>1083792229.0</t>
  </si>
  <si>
    <t>11972780.0</t>
  </si>
  <si>
    <t>13659384.0</t>
  </si>
  <si>
    <t>164.05</t>
  </si>
  <si>
    <t>66.79</t>
  </si>
  <si>
    <t>22.95</t>
  </si>
  <si>
    <t>2528303.0</t>
  </si>
  <si>
    <t>7751261045.0</t>
  </si>
  <si>
    <t>3475288853.0</t>
  </si>
  <si>
    <t>3154463608.0</t>
  </si>
  <si>
    <t>1084839835.0</t>
  </si>
  <si>
    <t>8811647.0</t>
  </si>
  <si>
    <t>13246521.0</t>
  </si>
  <si>
    <t>164.17</t>
  </si>
  <si>
    <t>73.61</t>
  </si>
  <si>
    <t>66.81</t>
  </si>
  <si>
    <t>2434592.0</t>
  </si>
  <si>
    <t>7755933302.0</t>
  </si>
  <si>
    <t>3476079945.0</t>
  </si>
  <si>
    <t>3154963049.0</t>
  </si>
  <si>
    <t>1085840648.0</t>
  </si>
  <si>
    <t>8000049.0</t>
  </si>
  <si>
    <t>12580508.0</t>
  </si>
  <si>
    <t>164.27</t>
  </si>
  <si>
    <t>66.82</t>
  </si>
  <si>
    <t>2665.0</t>
  </si>
  <si>
    <t>2158923.0</t>
  </si>
  <si>
    <t>7764358677.0</t>
  </si>
  <si>
    <t>3476800145.0</t>
  </si>
  <si>
    <t>3158461593.0</t>
  </si>
  <si>
    <t>1087688227.0</t>
  </si>
  <si>
    <t>7297974.0</t>
  </si>
  <si>
    <t>12162132.0</t>
  </si>
  <si>
    <t>164.45</t>
  </si>
  <si>
    <t>73.64</t>
  </si>
  <si>
    <t>23.04</t>
  </si>
  <si>
    <t>2123699.0</t>
  </si>
  <si>
    <t>7775118440.0</t>
  </si>
  <si>
    <t>3478576182.0</t>
  </si>
  <si>
    <t>3161066776.0</t>
  </si>
  <si>
    <t>1089911991.0</t>
  </si>
  <si>
    <t>6678775.0</t>
  </si>
  <si>
    <t>10597957.0</t>
  </si>
  <si>
    <t>164.68</t>
  </si>
  <si>
    <t>73.68</t>
  </si>
  <si>
    <t>2016280.0</t>
  </si>
  <si>
    <t>7784248663.0</t>
  </si>
  <si>
    <t>3480964138.0</t>
  </si>
  <si>
    <t>3163602943.0</t>
  </si>
  <si>
    <t>1103880257.0</t>
  </si>
  <si>
    <t>8599798.0</t>
  </si>
  <si>
    <t>9653052.0</t>
  </si>
  <si>
    <t>73.73</t>
  </si>
  <si>
    <t>67.01</t>
  </si>
  <si>
    <t>1922056.0</t>
  </si>
  <si>
    <t>7791181133.0</t>
  </si>
  <si>
    <t>3482280706.0</t>
  </si>
  <si>
    <t>3165633209.0</t>
  </si>
  <si>
    <t>1105240101.0</t>
  </si>
  <si>
    <t>8180071.0</t>
  </si>
  <si>
    <t>8505870.0</t>
  </si>
  <si>
    <t>165.02</t>
  </si>
  <si>
    <t>73.76</t>
  </si>
  <si>
    <t>23.41</t>
  </si>
  <si>
    <t>1722477.0</t>
  </si>
  <si>
    <t>7798302413.0</t>
  </si>
  <si>
    <t>3483226167.0</t>
  </si>
  <si>
    <t>3167110083.0</t>
  </si>
  <si>
    <t>1106708330.0</t>
  </si>
  <si>
    <t>8541560.0</t>
  </si>
  <si>
    <t>8015697.0</t>
  </si>
  <si>
    <t>165.17</t>
  </si>
  <si>
    <t>1698.0</t>
  </si>
  <si>
    <t>1536991.0</t>
  </si>
  <si>
    <t>7806305820.0</t>
  </si>
  <si>
    <t>3484164222.0</t>
  </si>
  <si>
    <t>3168611545.0</t>
  </si>
  <si>
    <t>1109056134.0</t>
  </si>
  <si>
    <t>8647048.0</t>
  </si>
  <si>
    <t>7992182.0</t>
  </si>
  <si>
    <t>165.34</t>
  </si>
  <si>
    <t>73.8</t>
  </si>
  <si>
    <t>23.49</t>
  </si>
  <si>
    <t>1516181.0</t>
  </si>
  <si>
    <t>7813800619.0</t>
  </si>
  <si>
    <t>3485799687.0</t>
  </si>
  <si>
    <t>3170249466.0</t>
  </si>
  <si>
    <t>1110851260.0</t>
  </si>
  <si>
    <t>7512259.0</t>
  </si>
  <si>
    <t>7922495.0</t>
  </si>
  <si>
    <t>165.5</t>
  </si>
  <si>
    <t>1678.0</t>
  </si>
  <si>
    <t>1533693.0</t>
  </si>
  <si>
    <t>7824453972.0</t>
  </si>
  <si>
    <t>3487736784.0</t>
  </si>
  <si>
    <t>3175225273.0</t>
  </si>
  <si>
    <t>1112686293.0</t>
  </si>
  <si>
    <t>5762595.0</t>
  </si>
  <si>
    <t>7703159.0</t>
  </si>
  <si>
    <t>165.72</t>
  </si>
  <si>
    <t>73.87</t>
  </si>
  <si>
    <t>23.57</t>
  </si>
  <si>
    <t>1505251.0</t>
  </si>
  <si>
    <t>7831579098.0</t>
  </si>
  <si>
    <t>3489844097.0</t>
  </si>
  <si>
    <t>3178410854.0</t>
  </si>
  <si>
    <t>1128240090.0</t>
  </si>
  <si>
    <t>6998775.0</t>
  </si>
  <si>
    <t>7748874.0</t>
  </si>
  <si>
    <t>165.87</t>
  </si>
  <si>
    <t>67.32</t>
  </si>
  <si>
    <t>1480252.0</t>
  </si>
  <si>
    <t>7839327191.0</t>
  </si>
  <si>
    <t>3491335403.0</t>
  </si>
  <si>
    <t>3180226395.0</t>
  </si>
  <si>
    <t>1130017068.0</t>
  </si>
  <si>
    <t>7695788.0</t>
  </si>
  <si>
    <t>7619729.0</t>
  </si>
  <si>
    <t>166.04</t>
  </si>
  <si>
    <t>73.95</t>
  </si>
  <si>
    <t>67.36</t>
  </si>
  <si>
    <t>1501964.0</t>
  </si>
  <si>
    <t>7845721450.0</t>
  </si>
  <si>
    <t>3491986544.0</t>
  </si>
  <si>
    <t>3181352290.0</t>
  </si>
  <si>
    <t>1131696735.0</t>
  </si>
  <si>
    <t>6848920.0</t>
  </si>
  <si>
    <t>7429563.0</t>
  </si>
  <si>
    <t>166.17</t>
  </si>
  <si>
    <t>73.96</t>
  </si>
  <si>
    <t>23.97</t>
  </si>
  <si>
    <t>1371530.0</t>
  </si>
  <si>
    <t>7851821769.0</t>
  </si>
  <si>
    <t>3492831130.0</t>
  </si>
  <si>
    <t>3182804628.0</t>
  </si>
  <si>
    <t>1133064262.0</t>
  </si>
  <si>
    <t>6708199.0</t>
  </si>
  <si>
    <t>7167652.0</t>
  </si>
  <si>
    <t>166.3</t>
  </si>
  <si>
    <t>73.98</t>
  </si>
  <si>
    <t>67.41</t>
  </si>
  <si>
    <t>1310062.0</t>
  </si>
  <si>
    <t>7856079949.0</t>
  </si>
  <si>
    <t>3493091870.0</t>
  </si>
  <si>
    <t>3183356783.0</t>
  </si>
  <si>
    <t>1134218459.0</t>
  </si>
  <si>
    <t>5999256.0</t>
  </si>
  <si>
    <t>6789398.0</t>
  </si>
  <si>
    <t>166.39</t>
  </si>
  <si>
    <t>24.02</t>
  </si>
  <si>
    <t>1204781.0</t>
  </si>
  <si>
    <t>7859500660.0</t>
  </si>
  <si>
    <t>3493294536.0</t>
  </si>
  <si>
    <t>3183763805.0</t>
  </si>
  <si>
    <t>1135182224.0</t>
  </si>
  <si>
    <t>6127352.0</t>
  </si>
  <si>
    <t>6591555.0</t>
  </si>
  <si>
    <t>166.47</t>
  </si>
  <si>
    <t>24.04</t>
  </si>
  <si>
    <t>1125234.0</t>
  </si>
  <si>
    <t>7867552211.0</t>
  </si>
  <si>
    <t>3493947164.0</t>
  </si>
  <si>
    <t>3184967009.0</t>
  </si>
  <si>
    <t>1139044994.0</t>
  </si>
  <si>
    <t>5279554.0</t>
  </si>
  <si>
    <t>6522547.0</t>
  </si>
  <si>
    <t>166.64</t>
  </si>
  <si>
    <t>67.46</t>
  </si>
  <si>
    <t>1102265.0</t>
  </si>
  <si>
    <t>7876277334.0</t>
  </si>
  <si>
    <t>3496986770.0</t>
  </si>
  <si>
    <t>3189651641.0</t>
  </si>
  <si>
    <t>1154670998.0</t>
  </si>
  <si>
    <t>6366694.0</t>
  </si>
  <si>
    <t>6432249.0</t>
  </si>
  <si>
    <t>166.82</t>
  </si>
  <si>
    <t>24.46</t>
  </si>
  <si>
    <t>1087410.0</t>
  </si>
  <si>
    <t>7884956624.0</t>
  </si>
  <si>
    <t>3498305643.0</t>
  </si>
  <si>
    <t>3191820877.0</t>
  </si>
  <si>
    <t>1157012477.0</t>
  </si>
  <si>
    <t>8463007.0</t>
  </si>
  <si>
    <t>6541853.0</t>
  </si>
  <si>
    <t>167.01</t>
  </si>
  <si>
    <t>67.6</t>
  </si>
  <si>
    <t>1044905.0</t>
  </si>
  <si>
    <t>7890167835.0</t>
  </si>
  <si>
    <t>3498834665.0</t>
  </si>
  <si>
    <t>3192867303.0</t>
  </si>
  <si>
    <t>1158367613.0</t>
  </si>
  <si>
    <t>6866530.0</t>
  </si>
  <si>
    <t>6544369.0</t>
  </si>
  <si>
    <t>67.63</t>
  </si>
  <si>
    <t>7898358429.0</t>
  </si>
  <si>
    <t>3499629410.0</t>
  </si>
  <si>
    <t>3194497190.0</t>
  </si>
  <si>
    <t>1161351922.0</t>
  </si>
  <si>
    <t>8146711.0</t>
  </si>
  <si>
    <t>6749870.0</t>
  </si>
  <si>
    <t>167.29</t>
  </si>
  <si>
    <t>74.12</t>
  </si>
  <si>
    <t>24.6</t>
  </si>
  <si>
    <t>1060141.0</t>
  </si>
  <si>
    <t>7904726535.0</t>
  </si>
  <si>
    <t>3500444701.0</t>
  </si>
  <si>
    <t>3196484532.0</t>
  </si>
  <si>
    <t>1162791707.0</t>
  </si>
  <si>
    <t>8443127.0</t>
  </si>
  <si>
    <t>7098995.0</t>
  </si>
  <si>
    <t>167.42</t>
  </si>
  <si>
    <t>67.7</t>
  </si>
  <si>
    <t>24.63</t>
  </si>
  <si>
    <t>1168621.0</t>
  </si>
  <si>
    <t>7911804798.0</t>
  </si>
  <si>
    <t>3501691974.0</t>
  </si>
  <si>
    <t>3197365213.0</t>
  </si>
  <si>
    <t>1165381842.0</t>
  </si>
  <si>
    <t>7612486.0</t>
  </si>
  <si>
    <t>7311157.0</t>
  </si>
  <si>
    <t>167.57</t>
  </si>
  <si>
    <t>67.72</t>
  </si>
  <si>
    <t>1549.0</t>
  </si>
  <si>
    <t>1234682.0</t>
  </si>
  <si>
    <t>7919749149.0</t>
  </si>
  <si>
    <t>3502994362.0</t>
  </si>
  <si>
    <t>3200172787.0</t>
  </si>
  <si>
    <t>1167163367.0</t>
  </si>
  <si>
    <t>6121265.0</t>
  </si>
  <si>
    <t>7431404.0</t>
  </si>
  <si>
    <t>167.74</t>
  </si>
  <si>
    <t>74.19</t>
  </si>
  <si>
    <t>1285716.0</t>
  </si>
  <si>
    <t>7926685416.0</t>
  </si>
  <si>
    <t>3503890153.0</t>
  </si>
  <si>
    <t>3201669756.0</t>
  </si>
  <si>
    <t>1169343961.0</t>
  </si>
  <si>
    <t>6671275.0</t>
  </si>
  <si>
    <t>7474914.0</t>
  </si>
  <si>
    <t>167.89</t>
  </si>
  <si>
    <t>67.81</t>
  </si>
  <si>
    <t>1330790.0</t>
  </si>
  <si>
    <t>7936055131.0</t>
  </si>
  <si>
    <t>3505395305.0</t>
  </si>
  <si>
    <t>3204573351.0</t>
  </si>
  <si>
    <t>1171572422.0</t>
  </si>
  <si>
    <t>7868233.0</t>
  </si>
  <si>
    <t>7389947.0</t>
  </si>
  <si>
    <t>168.09</t>
  </si>
  <si>
    <t>74.25</t>
  </si>
  <si>
    <t>1352270.0</t>
  </si>
  <si>
    <t>7943963284.0</t>
  </si>
  <si>
    <t>3508784678.0</t>
  </si>
  <si>
    <t>3209108672.0</t>
  </si>
  <si>
    <t>1190239583.0</t>
  </si>
  <si>
    <t>8795115.0</t>
  </si>
  <si>
    <t>7665458.0</t>
  </si>
  <si>
    <t>168.25</t>
  </si>
  <si>
    <t>74.32</t>
  </si>
  <si>
    <t>67.97</t>
  </si>
  <si>
    <t>1397928.0</t>
  </si>
  <si>
    <t>7951175467.0</t>
  </si>
  <si>
    <t>3510003210.0</t>
  </si>
  <si>
    <t>3211672949.0</t>
  </si>
  <si>
    <t>1193784364.0</t>
  </si>
  <si>
    <t>7583590.0</t>
  </si>
  <si>
    <t>7585012.0</t>
  </si>
  <si>
    <t>168.41</t>
  </si>
  <si>
    <t>1407796.0</t>
  </si>
  <si>
    <t>7958633109.0</t>
  </si>
  <si>
    <t>3511066020.0</t>
  </si>
  <si>
    <t>3214624803.0</t>
  </si>
  <si>
    <t>1195456681.0</t>
  </si>
  <si>
    <t>8082544.0</t>
  </si>
  <si>
    <t>7533503.0</t>
  </si>
  <si>
    <t>168.57</t>
  </si>
  <si>
    <t>74.37</t>
  </si>
  <si>
    <t>25.32</t>
  </si>
  <si>
    <t>1389971.0</t>
  </si>
  <si>
    <t>7964327946.0</t>
  </si>
  <si>
    <t>3512127547.0</t>
  </si>
  <si>
    <t>3216479696.0</t>
  </si>
  <si>
    <t>1196577101.0</t>
  </si>
  <si>
    <t>5271390.0</t>
  </si>
  <si>
    <t>7199056.0</t>
  </si>
  <si>
    <t>168.69</t>
  </si>
  <si>
    <t>74.39</t>
  </si>
  <si>
    <t>68.13</t>
  </si>
  <si>
    <t>1319816.0</t>
  </si>
  <si>
    <t>7968584002.0</t>
  </si>
  <si>
    <t>3512651056.0</t>
  </si>
  <si>
    <t>3218244266.0</t>
  </si>
  <si>
    <t>1197590075.0</t>
  </si>
  <si>
    <t>4290560.0</t>
  </si>
  <si>
    <t>6937528.0</t>
  </si>
  <si>
    <t>168.78</t>
  </si>
  <si>
    <t>25.37</t>
  </si>
  <si>
    <t>1251683.0</t>
  </si>
  <si>
    <t>7971509816.0</t>
  </si>
  <si>
    <t>3512874159.0</t>
  </si>
  <si>
    <t>3219156637.0</t>
  </si>
  <si>
    <t>1198370400.0</t>
  </si>
  <si>
    <t>3159169.0</t>
  </si>
  <si>
    <t>6435799.0</t>
  </si>
  <si>
    <t>168.84</t>
  </si>
  <si>
    <t>25.38</t>
  </si>
  <si>
    <t>1142253.0</t>
  </si>
  <si>
    <t>7975283279.0</t>
  </si>
  <si>
    <t>3513433490.0</t>
  </si>
  <si>
    <t>3220657055.0</t>
  </si>
  <si>
    <t>1199103296.0</t>
  </si>
  <si>
    <t>3831767.0</t>
  </si>
  <si>
    <t>5859164.0</t>
  </si>
  <si>
    <t>168.92</t>
  </si>
  <si>
    <t>1241.0</t>
  </si>
  <si>
    <t>1027528.0</t>
  </si>
  <si>
    <t>7977668693.0</t>
  </si>
  <si>
    <t>3513705670.0</t>
  </si>
  <si>
    <t>3221257635.0</t>
  </si>
  <si>
    <t>1199667765.0</t>
  </si>
  <si>
    <t>2962087.0</t>
  </si>
  <si>
    <t>5025873.0</t>
  </si>
  <si>
    <t>168.97</t>
  </si>
  <si>
    <t>68.23</t>
  </si>
  <si>
    <t>25.41</t>
  </si>
  <si>
    <t>1064.0</t>
  </si>
  <si>
    <t>907481.0</t>
  </si>
  <si>
    <t>7981151801.0</t>
  </si>
  <si>
    <t>3515335207.0</t>
  </si>
  <si>
    <t>3224089768.0</t>
  </si>
  <si>
    <t>1206804678.0</t>
  </si>
  <si>
    <t>4099204.0</t>
  </si>
  <si>
    <t>4528104.0</t>
  </si>
  <si>
    <t>169.04</t>
  </si>
  <si>
    <t>74.46</t>
  </si>
  <si>
    <t>68.29</t>
  </si>
  <si>
    <t>25.56</t>
  </si>
  <si>
    <t>812575.0</t>
  </si>
  <si>
    <t>7985847524.0</t>
  </si>
  <si>
    <t>3515934299.0</t>
  </si>
  <si>
    <t>3225710367.0</t>
  </si>
  <si>
    <t>1208067160.0</t>
  </si>
  <si>
    <t>5161628.0</t>
  </si>
  <si>
    <t>4110830.0</t>
  </si>
  <si>
    <t>169.14</t>
  </si>
  <si>
    <t>74.47</t>
  </si>
  <si>
    <t>731391.0</t>
  </si>
  <si>
    <t>7990688325.0</t>
  </si>
  <si>
    <t>3516632020.0</t>
  </si>
  <si>
    <t>3227720141.0</t>
  </si>
  <si>
    <t>1209128118.0</t>
  </si>
  <si>
    <t>4798520.0</t>
  </si>
  <si>
    <t>4043277.0</t>
  </si>
  <si>
    <t>169.24</t>
  </si>
  <si>
    <t>74.48</t>
  </si>
  <si>
    <t>715002.0</t>
  </si>
  <si>
    <t>7994282987.0</t>
  </si>
  <si>
    <t>3517129530.0</t>
  </si>
  <si>
    <t>3229133376.0</t>
  </si>
  <si>
    <t>1209857928.0</t>
  </si>
  <si>
    <t>4088604.0</t>
  </si>
  <si>
    <t>4014425.0</t>
  </si>
  <si>
    <t>169.32</t>
  </si>
  <si>
    <t>74.49</t>
  </si>
  <si>
    <t>25.63</t>
  </si>
  <si>
    <t>712743.0</t>
  </si>
  <si>
    <t>7998131046.0</t>
  </si>
  <si>
    <t>3517591127.0</t>
  </si>
  <si>
    <t>3230565507.0</t>
  </si>
  <si>
    <t>1210651406.0</t>
  </si>
  <si>
    <t>4218776.0</t>
  </si>
  <si>
    <t>4165797.0</t>
  </si>
  <si>
    <t>169.4</t>
  </si>
  <si>
    <t>74.5</t>
  </si>
  <si>
    <t>25.64</t>
  </si>
  <si>
    <t>741944.0</t>
  </si>
  <si>
    <t>8004045400.0</t>
  </si>
  <si>
    <t>3518414282.0</t>
  </si>
  <si>
    <t>3232653932.0</t>
  </si>
  <si>
    <t>1212398996.0</t>
  </si>
  <si>
    <t>4926765.0</t>
  </si>
  <si>
    <t>4322225.0</t>
  </si>
  <si>
    <t>169.53</t>
  </si>
  <si>
    <t>74.52</t>
  </si>
  <si>
    <t>777531.0</t>
  </si>
  <si>
    <t>8009678659.0</t>
  </si>
  <si>
    <t>3518917574.0</t>
  </si>
  <si>
    <t>3234905195.0</t>
  </si>
  <si>
    <t>1213649305.0</t>
  </si>
  <si>
    <t>5231896.0</t>
  </si>
  <si>
    <t>4646485.0</t>
  </si>
  <si>
    <t>169.65</t>
  </si>
  <si>
    <t>68.52</t>
  </si>
  <si>
    <t>25.71</t>
  </si>
  <si>
    <t>822925.0</t>
  </si>
  <si>
    <t>8014097430.0</t>
  </si>
  <si>
    <t>3520711774.0</t>
  </si>
  <si>
    <t>3238008129.0</t>
  </si>
  <si>
    <t>1220775002.0</t>
  </si>
  <si>
    <t>4896759.0</t>
  </si>
  <si>
    <t>4760423.0</t>
  </si>
  <si>
    <t>169.74</t>
  </si>
  <si>
    <t>25.86</t>
  </si>
  <si>
    <t>837781.0</t>
  </si>
  <si>
    <t>8018401998.0</t>
  </si>
  <si>
    <t>3521291285.0</t>
  </si>
  <si>
    <t>3239428274.0</t>
  </si>
  <si>
    <t>1221800638.0</t>
  </si>
  <si>
    <t>5070677.0</t>
  </si>
  <si>
    <t>4747426.0</t>
  </si>
  <si>
    <t>169.83</t>
  </si>
  <si>
    <t>68.61</t>
  </si>
  <si>
    <t>25.88</t>
  </si>
  <si>
    <t>853844.0</t>
  </si>
  <si>
    <t>8022480525.0</t>
  </si>
  <si>
    <t>3521822687.0</t>
  </si>
  <si>
    <t>3240862746.0</t>
  </si>
  <si>
    <t>1223208753.0</t>
  </si>
  <si>
    <t>4742154.0</t>
  </si>
  <si>
    <t>4739376.0</t>
  </si>
  <si>
    <t>169.92</t>
  </si>
  <si>
    <t>74.59</t>
  </si>
  <si>
    <t>25.91</t>
  </si>
  <si>
    <t>865380.0</t>
  </si>
  <si>
    <t>8028142386.0</t>
  </si>
  <si>
    <t>3522783360.0</t>
  </si>
  <si>
    <t>3242303935.0</t>
  </si>
  <si>
    <t>1225532454.0</t>
  </si>
  <si>
    <t>3888514.0</t>
  </si>
  <si>
    <t>4710793.0</t>
  </si>
  <si>
    <t>170.04</t>
  </si>
  <si>
    <t>864616.0</t>
  </si>
  <si>
    <t>8031387195.0</t>
  </si>
  <si>
    <t>3523115684.0</t>
  </si>
  <si>
    <t>3242961615.0</t>
  </si>
  <si>
    <t>1226579139.0</t>
  </si>
  <si>
    <t>3603944.0</t>
  </si>
  <si>
    <t>4622957.0</t>
  </si>
  <si>
    <t>170.11</t>
  </si>
  <si>
    <t>847540.0</t>
  </si>
  <si>
    <t>8034913909.0</t>
  </si>
  <si>
    <t>3523560199.0</t>
  </si>
  <si>
    <t>3243957986.0</t>
  </si>
  <si>
    <t>1227370306.0</t>
  </si>
  <si>
    <t>4621542.0</t>
  </si>
  <si>
    <t>4579356.0</t>
  </si>
  <si>
    <t>170.18</t>
  </si>
  <si>
    <t>74.63</t>
  </si>
  <si>
    <t>68.71</t>
  </si>
  <si>
    <t>826216.0</t>
  </si>
  <si>
    <t>8040656890.0</t>
  </si>
  <si>
    <t>3524340263.0</t>
  </si>
  <si>
    <t>3245808417.0</t>
  </si>
  <si>
    <t>1229044615.0</t>
  </si>
  <si>
    <t>5340346.0</t>
  </si>
  <si>
    <t>4594850.0</t>
  </si>
  <si>
    <t>170.3</t>
  </si>
  <si>
    <t>854197.0</t>
  </si>
  <si>
    <t>8044392529.0</t>
  </si>
  <si>
    <t>3524765530.0</t>
  </si>
  <si>
    <t>3247175189.0</t>
  </si>
  <si>
    <t>1229785941.0</t>
  </si>
  <si>
    <t>5095533.0</t>
  </si>
  <si>
    <t>4623124.0</t>
  </si>
  <si>
    <t>170.38</t>
  </si>
  <si>
    <t>74.66</t>
  </si>
  <si>
    <t>68.78</t>
  </si>
  <si>
    <t>26.05</t>
  </si>
  <si>
    <t>859278.0</t>
  </si>
  <si>
    <t>8051207357.0</t>
  </si>
  <si>
    <t>3525715304.0</t>
  </si>
  <si>
    <t>3248914141.0</t>
  </si>
  <si>
    <t>1231426295.0</t>
  </si>
  <si>
    <t>5536550.0</t>
  </si>
  <si>
    <t>4689695.0</t>
  </si>
  <si>
    <t>170.53</t>
  </si>
  <si>
    <t>68.81</t>
  </si>
  <si>
    <t>26.08</t>
  </si>
  <si>
    <t>862305.0</t>
  </si>
  <si>
    <t>8054996271.0</t>
  </si>
  <si>
    <t>3526226489.0</t>
  </si>
  <si>
    <t>3250292776.0</t>
  </si>
  <si>
    <t>1232400187.0</t>
  </si>
  <si>
    <t>4560108.0</t>
  </si>
  <si>
    <t>4663708.0</t>
  </si>
  <si>
    <t>170.61</t>
  </si>
  <si>
    <t>68.84</t>
  </si>
  <si>
    <t>839950.0</t>
  </si>
  <si>
    <t>8058818727.0</t>
  </si>
  <si>
    <t>3528356505.0</t>
  </si>
  <si>
    <t>3253833834.0</t>
  </si>
  <si>
    <t>1242207413.0</t>
  </si>
  <si>
    <t>3627366.0</t>
  </si>
  <si>
    <t>4626420.0</t>
  </si>
  <si>
    <t>170.69</t>
  </si>
  <si>
    <t>68.92</t>
  </si>
  <si>
    <t>814917.0</t>
  </si>
  <si>
    <t>8062287538.0</t>
  </si>
  <si>
    <t>3528615745.0</t>
  </si>
  <si>
    <t>3254905931.0</t>
  </si>
  <si>
    <t>1243066307.0</t>
  </si>
  <si>
    <t>3926887.0</t>
  </si>
  <si>
    <t>4672471.0</t>
  </si>
  <si>
    <t>170.76</t>
  </si>
  <si>
    <t>74.74</t>
  </si>
  <si>
    <t>816703.0</t>
  </si>
  <si>
    <t>8069798108.0</t>
  </si>
  <si>
    <t>3529646045.0</t>
  </si>
  <si>
    <t>3258285378.0</t>
  </si>
  <si>
    <t>1244759282.0</t>
  </si>
  <si>
    <t>4471195.0</t>
  </si>
  <si>
    <t>4651029.0</t>
  </si>
  <si>
    <t>170.92</t>
  </si>
  <si>
    <t>74.76</t>
  </si>
  <si>
    <t>816966.0</t>
  </si>
  <si>
    <t>8073548618.0</t>
  </si>
  <si>
    <t>3530170106.0</t>
  </si>
  <si>
    <t>3259512737.0</t>
  </si>
  <si>
    <t>1245479497.0</t>
  </si>
  <si>
    <t>4493993.0</t>
  </si>
  <si>
    <t>4530163.0</t>
  </si>
  <si>
    <t>74.77</t>
  </si>
  <si>
    <t>69.04</t>
  </si>
  <si>
    <t>794863.0</t>
  </si>
  <si>
    <t>8077328106.0</t>
  </si>
  <si>
    <t>3531280333.0</t>
  </si>
  <si>
    <t>3261663084.0</t>
  </si>
  <si>
    <t>1249556979.0</t>
  </si>
  <si>
    <t>4533185.0</t>
  </si>
  <si>
    <t>4449847.0</t>
  </si>
  <si>
    <t>171.08</t>
  </si>
  <si>
    <t>74.79</t>
  </si>
  <si>
    <t>26.47</t>
  </si>
  <si>
    <t>785857.0</t>
  </si>
  <si>
    <t>8081508006.0</t>
  </si>
  <si>
    <t>3531821425.0</t>
  </si>
  <si>
    <t>3262930910.0</t>
  </si>
  <si>
    <t>1250780964.0</t>
  </si>
  <si>
    <t>4931934.0</t>
  </si>
  <si>
    <t>4363491.0</t>
  </si>
  <si>
    <t>171.17</t>
  </si>
  <si>
    <t>69.11</t>
  </si>
  <si>
    <t>775411.0</t>
  </si>
  <si>
    <t>8085635937.0</t>
  </si>
  <si>
    <t>3532290721.0</t>
  </si>
  <si>
    <t>3264338227.0</t>
  </si>
  <si>
    <t>1252109813.0</t>
  </si>
  <si>
    <t>4370216.0</t>
  </si>
  <si>
    <t>4336377.0</t>
  </si>
  <si>
    <t>171.26</t>
  </si>
  <si>
    <t>74.81</t>
  </si>
  <si>
    <t>69.14</t>
  </si>
  <si>
    <t>26.52</t>
  </si>
  <si>
    <t>785146.0</t>
  </si>
  <si>
    <t>8089608008.0</t>
  </si>
  <si>
    <t>3532767472.0</t>
  </si>
  <si>
    <t>3265526917.0</t>
  </si>
  <si>
    <t>1253642992.0</t>
  </si>
  <si>
    <t>3381646.0</t>
  </si>
  <si>
    <t>4301298.0</t>
  </si>
  <si>
    <t>171.34</t>
  </si>
  <si>
    <t>74.82</t>
  </si>
  <si>
    <t>795214.0</t>
  </si>
  <si>
    <t>8091761074.0</t>
  </si>
  <si>
    <t>3532942801.0</t>
  </si>
  <si>
    <t>3265908076.0</t>
  </si>
  <si>
    <t>1254132185.0</t>
  </si>
  <si>
    <t>3350274.0</t>
  </si>
  <si>
    <t>4218920.0</t>
  </si>
  <si>
    <t>171.39</t>
  </si>
  <si>
    <t>74.83</t>
  </si>
  <si>
    <t>26.56</t>
  </si>
  <si>
    <t>793986.0</t>
  </si>
  <si>
    <t>8095643197.0</t>
  </si>
  <si>
    <t>3533518951.0</t>
  </si>
  <si>
    <t>3267212305.0</t>
  </si>
  <si>
    <t>1254878008.0</t>
  </si>
  <si>
    <t>4626144.0</t>
  </si>
  <si>
    <t>4241056.0</t>
  </si>
  <si>
    <t>171.47</t>
  </si>
  <si>
    <t>69.2</t>
  </si>
  <si>
    <t>26.58</t>
  </si>
  <si>
    <t>812100.0</t>
  </si>
  <si>
    <t>8099800925.0</t>
  </si>
  <si>
    <t>3535177634.0</t>
  </si>
  <si>
    <t>3270108936.0</t>
  </si>
  <si>
    <t>1260184182.0</t>
  </si>
  <si>
    <t>4839463.0</t>
  </si>
  <si>
    <t>4290410.0</t>
  </si>
  <si>
    <t>171.56</t>
  </si>
  <si>
    <t>26.69</t>
  </si>
  <si>
    <t>822958.0</t>
  </si>
  <si>
    <t>8101771202.0</t>
  </si>
  <si>
    <t>3535411031.0</t>
  </si>
  <si>
    <t>3270442867.0</t>
  </si>
  <si>
    <t>1260717071.0</t>
  </si>
  <si>
    <t>2938258.0</t>
  </si>
  <si>
    <t>4062562.0</t>
  </si>
  <si>
    <t>171.6</t>
  </si>
  <si>
    <t>69.27</t>
  </si>
  <si>
    <t>789243.0</t>
  </si>
  <si>
    <t>8104376608.0</t>
  </si>
  <si>
    <t>3535793071.0</t>
  </si>
  <si>
    <t>3271540955.0</t>
  </si>
  <si>
    <t>1261453150.0</t>
  </si>
  <si>
    <t>3556066.0</t>
  </si>
  <si>
    <t>3866010.0</t>
  </si>
  <si>
    <t>171.65</t>
  </si>
  <si>
    <t>69.29</t>
  </si>
  <si>
    <t>26.72</t>
  </si>
  <si>
    <t>756129.0</t>
  </si>
  <si>
    <t>8109007215.0</t>
  </si>
  <si>
    <t>3536409698.0</t>
  </si>
  <si>
    <t>3273122927.0</t>
  </si>
  <si>
    <t>1265109102.0</t>
  </si>
  <si>
    <t>7121736.0</t>
  </si>
  <si>
    <t>4259083.0</t>
  </si>
  <si>
    <t>171.75</t>
  </si>
  <si>
    <t>74.9</t>
  </si>
  <si>
    <t>741615.0</t>
  </si>
  <si>
    <t>8113613215.0</t>
  </si>
  <si>
    <t>3541260135.0</t>
  </si>
  <si>
    <t>3274991031.0</t>
  </si>
  <si>
    <t>1266428140.0</t>
  </si>
  <si>
    <t>7758022.0</t>
  </si>
  <si>
    <t>4884283.0</t>
  </si>
  <si>
    <t>171.85</t>
  </si>
  <si>
    <t>69.37</t>
  </si>
  <si>
    <t>26.82</t>
  </si>
  <si>
    <t>733062.0</t>
  </si>
  <si>
    <t>8119307326.0</t>
  </si>
  <si>
    <t>3541510144.0</t>
  </si>
  <si>
    <t>3275632586.0</t>
  </si>
  <si>
    <t>1270416700.0</t>
  </si>
  <si>
    <t>8041164.0</t>
  </si>
  <si>
    <t>5554413.0</t>
  </si>
  <si>
    <t>171.97</t>
  </si>
  <si>
    <t>736087.0</t>
  </si>
  <si>
    <t>8136923902.0</t>
  </si>
  <si>
    <t>3542163158.0</t>
  </si>
  <si>
    <t>3276985674.0</t>
  </si>
  <si>
    <t>1281088810.0</t>
  </si>
  <si>
    <t>9668969.0</t>
  </si>
  <si>
    <t>6274812.0</t>
  </si>
  <si>
    <t>172.34</t>
  </si>
  <si>
    <t>69.41</t>
  </si>
  <si>
    <t>718970.0</t>
  </si>
  <si>
    <t>8147677386.0</t>
  </si>
  <si>
    <t>3544313234.0</t>
  </si>
  <si>
    <t>3279380886.0</t>
  </si>
  <si>
    <t>1286393855.0</t>
  </si>
  <si>
    <t>6846218.0</t>
  </si>
  <si>
    <t>6561494.0</t>
  </si>
  <si>
    <t>172.57</t>
  </si>
  <si>
    <t>75.07</t>
  </si>
  <si>
    <t>69.46</t>
  </si>
  <si>
    <t>27.25</t>
  </si>
  <si>
    <t>701256.0</t>
  </si>
  <si>
    <t>8151081843.0</t>
  </si>
  <si>
    <t>3544692505.0</t>
  </si>
  <si>
    <t>3280559787.0</t>
  </si>
  <si>
    <t>1287141566.0</t>
  </si>
  <si>
    <t>5847707.0</t>
  </si>
  <si>
    <t>6977125.0</t>
  </si>
  <si>
    <t>172.64</t>
  </si>
  <si>
    <t>27.26</t>
  </si>
  <si>
    <t>743102.0</t>
  </si>
  <si>
    <t>8156030230.0</t>
  </si>
  <si>
    <t>3545199670.0</t>
  </si>
  <si>
    <t>3281967784.0</t>
  </si>
  <si>
    <t>1289187798.0</t>
  </si>
  <si>
    <t>5950569.0</t>
  </si>
  <si>
    <t>7319202.0</t>
  </si>
  <si>
    <t>172.75</t>
  </si>
  <si>
    <t>75.09</t>
  </si>
  <si>
    <t>69.51</t>
  </si>
  <si>
    <t>771975.0</t>
  </si>
  <si>
    <t>8159582975.0</t>
  </si>
  <si>
    <t>3545560823.0</t>
  </si>
  <si>
    <t>3283167654.0</t>
  </si>
  <si>
    <t>1290482468.0</t>
  </si>
  <si>
    <t>5319091.0</t>
  </si>
  <si>
    <t>7061679.0</t>
  </si>
  <si>
    <t>172.82</t>
  </si>
  <si>
    <t>75.1</t>
  </si>
  <si>
    <t>69.54</t>
  </si>
  <si>
    <t>27.33</t>
  </si>
  <si>
    <t>785728.0</t>
  </si>
  <si>
    <t>8168059107.0</t>
  </si>
  <si>
    <t>3546268855.0</t>
  </si>
  <si>
    <t>3284805832.0</t>
  </si>
  <si>
    <t>1295745672.0</t>
  </si>
  <si>
    <t>4809488.0</t>
  </si>
  <si>
    <t>6640457.0</t>
  </si>
  <si>
    <t>27.44</t>
  </si>
  <si>
    <t>801676.0</t>
  </si>
  <si>
    <t>8171987435.0</t>
  </si>
  <si>
    <t>3546712595.0</t>
  </si>
  <si>
    <t>3286004073.0</t>
  </si>
  <si>
    <t>1297014738.0</t>
  </si>
  <si>
    <t>4743236.0</t>
  </si>
  <si>
    <t>6169326.0</t>
  </si>
  <si>
    <t>173.08</t>
  </si>
  <si>
    <t>75.12</t>
  </si>
  <si>
    <t>69.6</t>
  </si>
  <si>
    <t>27.47</t>
  </si>
  <si>
    <t>823535.0</t>
  </si>
  <si>
    <t>8176070529.0</t>
  </si>
  <si>
    <t>3547131800.0</t>
  </si>
  <si>
    <t>3287267898.0</t>
  </si>
  <si>
    <t>1298553669.0</t>
  </si>
  <si>
    <t>5100943.0</t>
  </si>
  <si>
    <t>5516751.0</t>
  </si>
  <si>
    <t>173.17</t>
  </si>
  <si>
    <t>69.63</t>
  </si>
  <si>
    <t>832441.0</t>
  </si>
  <si>
    <t>8181981198.0</t>
  </si>
  <si>
    <t>3547902940.0</t>
  </si>
  <si>
    <t>3288972916.0</t>
  </si>
  <si>
    <t>1301252861.0</t>
  </si>
  <si>
    <t>5081534.0</t>
  </si>
  <si>
    <t>5264649.0</t>
  </si>
  <si>
    <t>173.3</t>
  </si>
  <si>
    <t>75.15</t>
  </si>
  <si>
    <t>69.66</t>
  </si>
  <si>
    <t>27.56</t>
  </si>
  <si>
    <t>831387.0</t>
  </si>
  <si>
    <t>8187792970.0</t>
  </si>
  <si>
    <t>3550239855.0</t>
  </si>
  <si>
    <t>3292510458.0</t>
  </si>
  <si>
    <t>1308486433.0</t>
  </si>
  <si>
    <t>5399697.0</t>
  </si>
  <si>
    <t>5200654.0</t>
  </si>
  <si>
    <t>173.42</t>
  </si>
  <si>
    <t>75.19</t>
  </si>
  <si>
    <t>823895.0</t>
  </si>
  <si>
    <t>8192079951.0</t>
  </si>
  <si>
    <t>3550684892.0</t>
  </si>
  <si>
    <t>3293844443.0</t>
  </si>
  <si>
    <t>1310041215.0</t>
  </si>
  <si>
    <t>5334230.0</t>
  </si>
  <si>
    <t>5112603.0</t>
  </si>
  <si>
    <t>173.51</t>
  </si>
  <si>
    <t>828319.0</t>
  </si>
  <si>
    <t>8198998882.0</t>
  </si>
  <si>
    <t>3552904204.0</t>
  </si>
  <si>
    <t>3295789489.0</t>
  </si>
  <si>
    <t>1312100442.0</t>
  </si>
  <si>
    <t>4848243.0</t>
  </si>
  <si>
    <t>5045340.0</t>
  </si>
  <si>
    <t>173.66</t>
  </si>
  <si>
    <t>75.25</t>
  </si>
  <si>
    <t>69.81</t>
  </si>
  <si>
    <t>27.79</t>
  </si>
  <si>
    <t>833496.0</t>
  </si>
  <si>
    <t>8203683999.0</t>
  </si>
  <si>
    <t>3553261600.0</t>
  </si>
  <si>
    <t>3296888972.0</t>
  </si>
  <si>
    <t>1314669012.0</t>
  </si>
  <si>
    <t>3580008.0</t>
  </si>
  <si>
    <t>4673377.0</t>
  </si>
  <si>
    <t>173.76</t>
  </si>
  <si>
    <t>75.26</t>
  </si>
  <si>
    <t>69.83</t>
  </si>
  <si>
    <t>27.84</t>
  </si>
  <si>
    <t>652287.0</t>
  </si>
  <si>
    <t>8205956145.0</t>
  </si>
  <si>
    <t>3553436422.0</t>
  </si>
  <si>
    <t>3297424075.0</t>
  </si>
  <si>
    <t>1315716646.0</t>
  </si>
  <si>
    <t>3721753.0</t>
  </si>
  <si>
    <t>4560172.0</t>
  </si>
  <si>
    <t>173.8</t>
  </si>
  <si>
    <t>69.84</t>
  </si>
  <si>
    <t>645717.0</t>
  </si>
  <si>
    <t>8211362295.0</t>
  </si>
  <si>
    <t>3554012816.0</t>
  </si>
  <si>
    <t>3298971582.0</t>
  </si>
  <si>
    <t>1318199067.0</t>
  </si>
  <si>
    <t>4949107.0</t>
  </si>
  <si>
    <t>4570474.0</t>
  </si>
  <si>
    <t>173.92</t>
  </si>
  <si>
    <t>69.87</t>
  </si>
  <si>
    <t>27.92</t>
  </si>
  <si>
    <t>648510.0</t>
  </si>
  <si>
    <t>8215485127.0</t>
  </si>
  <si>
    <t>3554341253.0</t>
  </si>
  <si>
    <t>3300279086.0</t>
  </si>
  <si>
    <t>1319962109.0</t>
  </si>
  <si>
    <t>5411692.0</t>
  </si>
  <si>
    <t>4650483.0</t>
  </si>
  <si>
    <t>174.01</t>
  </si>
  <si>
    <t>657779.0</t>
  </si>
  <si>
    <t>8223153184.0</t>
  </si>
  <si>
    <t>3556582886.0</t>
  </si>
  <si>
    <t>3302635445.0</t>
  </si>
  <si>
    <t>1324891924.0</t>
  </si>
  <si>
    <t>5544798.0</t>
  </si>
  <si>
    <t>4704052.0</t>
  </si>
  <si>
    <t>174.17</t>
  </si>
  <si>
    <t>666147.0</t>
  </si>
  <si>
    <t>8227911906.0</t>
  </si>
  <si>
    <t>3557026092.0</t>
  </si>
  <si>
    <t>3303880014.0</t>
  </si>
  <si>
    <t>1326571521.0</t>
  </si>
  <si>
    <t>5600472.0</t>
  </si>
  <si>
    <t>4774925.0</t>
  </si>
  <si>
    <t>174.27</t>
  </si>
  <si>
    <t>75.34</t>
  </si>
  <si>
    <t>69.98</t>
  </si>
  <si>
    <t>663345.0</t>
  </si>
  <si>
    <t>8231946771.0</t>
  </si>
  <si>
    <t>3557430481.0</t>
  </si>
  <si>
    <t>3305148061.0</t>
  </si>
  <si>
    <t>1328175454.0</t>
  </si>
  <si>
    <t>4920220.0</t>
  </si>
  <si>
    <t>4818051.0</t>
  </si>
  <si>
    <t>174.35</t>
  </si>
  <si>
    <t>75.35</t>
  </si>
  <si>
    <t>28.13</t>
  </si>
  <si>
    <t>8236466207.0</t>
  </si>
  <si>
    <t>3557827284.0</t>
  </si>
  <si>
    <t>3306127991.0</t>
  </si>
  <si>
    <t>1330551516.0</t>
  </si>
  <si>
    <t>3997171.0</t>
  </si>
  <si>
    <t>4877768.0</t>
  </si>
  <si>
    <t>174.45</t>
  </si>
  <si>
    <t>668635.0</t>
  </si>
  <si>
    <t>8241517852.0</t>
  </si>
  <si>
    <t>3558930947.0</t>
  </si>
  <si>
    <t>3307755548.0</t>
  </si>
  <si>
    <t>1333761019.0</t>
  </si>
  <si>
    <t>4658293.0</t>
  </si>
  <si>
    <t>5011681.0</t>
  </si>
  <si>
    <t>174.56</t>
  </si>
  <si>
    <t>75.38</t>
  </si>
  <si>
    <t>70.06</t>
  </si>
  <si>
    <t>686824.0</t>
  </si>
  <si>
    <t>8245931216.0</t>
  </si>
  <si>
    <t>3559449056.0</t>
  </si>
  <si>
    <t>3309238941.0</t>
  </si>
  <si>
    <t>1335533886.0</t>
  </si>
  <si>
    <t>5669382.0</t>
  </si>
  <si>
    <t>5114575.0</t>
  </si>
  <si>
    <t>174.65</t>
  </si>
  <si>
    <t>70.09</t>
  </si>
  <si>
    <t>28.29</t>
  </si>
  <si>
    <t>705910.0</t>
  </si>
  <si>
    <t>8250684327.0</t>
  </si>
  <si>
    <t>3559878628.0</t>
  </si>
  <si>
    <t>3310314678.0</t>
  </si>
  <si>
    <t>1337010732.0</t>
  </si>
  <si>
    <t>5127333.0</t>
  </si>
  <si>
    <t>5073949.0</t>
  </si>
  <si>
    <t>174.75</t>
  </si>
  <si>
    <t>28.32</t>
  </si>
  <si>
    <t>716129.0</t>
  </si>
  <si>
    <t>8254931915.0</t>
  </si>
  <si>
    <t>3560298535.0</t>
  </si>
  <si>
    <t>3311486839.0</t>
  </si>
  <si>
    <t>1338551057.0</t>
  </si>
  <si>
    <t>5166439.0</t>
  </si>
  <si>
    <t>5019900.0</t>
  </si>
  <si>
    <t>174.84</t>
  </si>
  <si>
    <t>75.41</t>
  </si>
  <si>
    <t>28.35</t>
  </si>
  <si>
    <t>723032.0</t>
  </si>
  <si>
    <t>8257928688.0</t>
  </si>
  <si>
    <t>3560568218.0</t>
  </si>
  <si>
    <t>3312439429.0</t>
  </si>
  <si>
    <t>1339766228.0</t>
  </si>
  <si>
    <t>4377068.0</t>
  </si>
  <si>
    <t>4845130.0</t>
  </si>
  <si>
    <t>174.9</t>
  </si>
  <si>
    <t>726473.0</t>
  </si>
  <si>
    <t>8262171765.0</t>
  </si>
  <si>
    <t>3561240654.0</t>
  </si>
  <si>
    <t>3313267056.0</t>
  </si>
  <si>
    <t>1341367441.0</t>
  </si>
  <si>
    <t>4148979.0</t>
  </si>
  <si>
    <t>4734953.0</t>
  </si>
  <si>
    <t>75.43</t>
  </si>
  <si>
    <t>70.18</t>
  </si>
  <si>
    <t>730594.0</t>
  </si>
  <si>
    <t>8265056748.0</t>
  </si>
  <si>
    <t>3561769037.0</t>
  </si>
  <si>
    <t>3313982752.0</t>
  </si>
  <si>
    <t>1342620580.0</t>
  </si>
  <si>
    <t>3318083.0</t>
  </si>
  <si>
    <t>4637939.0</t>
  </si>
  <si>
    <t>175.06</t>
  </si>
  <si>
    <t>75.44</t>
  </si>
  <si>
    <t>70.19</t>
  </si>
  <si>
    <t>28.44</t>
  </si>
  <si>
    <t>730587.0</t>
  </si>
  <si>
    <t>8268067165.0</t>
  </si>
  <si>
    <t>3562102018.0</t>
  </si>
  <si>
    <t>3314564915.0</t>
  </si>
  <si>
    <t>1344199802.0</t>
  </si>
  <si>
    <t>3727531.0</t>
  </si>
  <si>
    <t>4504975.0</t>
  </si>
  <si>
    <t>175.12</t>
  </si>
  <si>
    <t>70.2</t>
  </si>
  <si>
    <t>28.47</t>
  </si>
  <si>
    <t>719886.0</t>
  </si>
  <si>
    <t>8271556488.0</t>
  </si>
  <si>
    <t>3562349610.0</t>
  </si>
  <si>
    <t>3315466402.0</t>
  </si>
  <si>
    <t>1345938329.0</t>
  </si>
  <si>
    <t>5069578.0</t>
  </si>
  <si>
    <t>4419290.0</t>
  </si>
  <si>
    <t>175.19</t>
  </si>
  <si>
    <t>70.22</t>
  </si>
  <si>
    <t>694820.0</t>
  </si>
  <si>
    <t>8274956071.0</t>
  </si>
  <si>
    <t>3562578162.0</t>
  </si>
  <si>
    <t>3316338679.0</t>
  </si>
  <si>
    <t>1347606589.0</t>
  </si>
  <si>
    <t>4973231.0</t>
  </si>
  <si>
    <t>4397272.0</t>
  </si>
  <si>
    <t>175.27</t>
  </si>
  <si>
    <t>75.46</t>
  </si>
  <si>
    <t>28.54</t>
  </si>
  <si>
    <t>669422.0</t>
  </si>
  <si>
    <t>8280778031.0</t>
  </si>
  <si>
    <t>3565195667.0</t>
  </si>
  <si>
    <t>3319653971.0</t>
  </si>
  <si>
    <t>1352173793.0</t>
  </si>
  <si>
    <t>5252536.0</t>
  </si>
  <si>
    <t>4409573.0</t>
  </si>
  <si>
    <t>175.39</t>
  </si>
  <si>
    <t>70.31</t>
  </si>
  <si>
    <t>28.64</t>
  </si>
  <si>
    <t>649783.0</t>
  </si>
  <si>
    <t>8286022962.0</t>
  </si>
  <si>
    <t>3565580274.0</t>
  </si>
  <si>
    <t>3320881098.0</t>
  </si>
  <si>
    <t>1355173678.0</t>
  </si>
  <si>
    <t>6058966.0</t>
  </si>
  <si>
    <t>4649845.0</t>
  </si>
  <si>
    <t>175.5</t>
  </si>
  <si>
    <t>75.52</t>
  </si>
  <si>
    <t>70.34</t>
  </si>
  <si>
    <t>28.7</t>
  </si>
  <si>
    <t>646982.0</t>
  </si>
  <si>
    <t>8287608975.0</t>
  </si>
  <si>
    <t>3565624818.0</t>
  </si>
  <si>
    <t>3320982662.0</t>
  </si>
  <si>
    <t>1356038117.0</t>
  </si>
  <si>
    <t>4672354.0</t>
  </si>
  <si>
    <t>4724610.0</t>
  </si>
  <si>
    <t>175.53</t>
  </si>
  <si>
    <t>28.72</t>
  </si>
  <si>
    <t>635805.0</t>
  </si>
  <si>
    <t>8293981731.0</t>
  </si>
  <si>
    <t>3566383688.0</t>
  </si>
  <si>
    <t>3322742830.0</t>
  </si>
  <si>
    <t>1359364053.0</t>
  </si>
  <si>
    <t>3846534.0</t>
  </si>
  <si>
    <t>4800104.0</t>
  </si>
  <si>
    <t>175.67</t>
  </si>
  <si>
    <t>75.54</t>
  </si>
  <si>
    <t>70.38</t>
  </si>
  <si>
    <t>28.79</t>
  </si>
  <si>
    <t>637834.0</t>
  </si>
  <si>
    <t>8300337463.0</t>
  </si>
  <si>
    <t>3566884628.0</t>
  </si>
  <si>
    <t>3323455625.0</t>
  </si>
  <si>
    <t>1360420670.0</t>
  </si>
  <si>
    <t>4134699.0</t>
  </si>
  <si>
    <t>4858270.0</t>
  </si>
  <si>
    <t>175.8</t>
  </si>
  <si>
    <t>70.39</t>
  </si>
  <si>
    <t>637623.0</t>
  </si>
  <si>
    <t>8307305821.0</t>
  </si>
  <si>
    <t>3567626815.0</t>
  </si>
  <si>
    <t>3324908390.0</t>
  </si>
  <si>
    <t>1364528732.0</t>
  </si>
  <si>
    <t>3910678.0</t>
  </si>
  <si>
    <t>4692711.0</t>
  </si>
  <si>
    <t>175.95</t>
  </si>
  <si>
    <t>70.42</t>
  </si>
  <si>
    <t>631018.0</t>
  </si>
  <si>
    <t>8311370975.0</t>
  </si>
  <si>
    <t>3567894413.0</t>
  </si>
  <si>
    <t>3326021582.0</t>
  </si>
  <si>
    <t>1366512097.0</t>
  </si>
  <si>
    <t>4789688.0</t>
  </si>
  <si>
    <t>4666494.0</t>
  </si>
  <si>
    <t>176.04</t>
  </si>
  <si>
    <t>75.57</t>
  </si>
  <si>
    <t>638679.0</t>
  </si>
  <si>
    <t>8316960227.0</t>
  </si>
  <si>
    <t>3568341192.0</t>
  </si>
  <si>
    <t>3328284715.0</t>
  </si>
  <si>
    <t>1368577017.0</t>
  </si>
  <si>
    <t>6070698.0</t>
  </si>
  <si>
    <t>4783373.0</t>
  </si>
  <si>
    <t>176.16</t>
  </si>
  <si>
    <t>75.58</t>
  </si>
  <si>
    <t>644432.0</t>
  </si>
  <si>
    <t>8322996347.0</t>
  </si>
  <si>
    <t>3568768351.0</t>
  </si>
  <si>
    <t>3329393591.0</t>
  </si>
  <si>
    <t>1372387839.0</t>
  </si>
  <si>
    <t>6325516.0</t>
  </si>
  <si>
    <t>4821453.0</t>
  </si>
  <si>
    <t>176.28</t>
  </si>
  <si>
    <t>75.59</t>
  </si>
  <si>
    <t>8325100331.0</t>
  </si>
  <si>
    <t>3568826061.0</t>
  </si>
  <si>
    <t>3329543879.0</t>
  </si>
  <si>
    <t>1373737611.0</t>
  </si>
  <si>
    <t>4909597.0</t>
  </si>
  <si>
    <t>4855347.0</t>
  </si>
  <si>
    <t>176.33</t>
  </si>
  <si>
    <t>629957.0</t>
  </si>
  <si>
    <t>8326399501.0</t>
  </si>
  <si>
    <t>3569057845.0</t>
  </si>
  <si>
    <t>3329797824.0</t>
  </si>
  <si>
    <t>1374264605.0</t>
  </si>
  <si>
    <t>4244575.0</t>
  </si>
  <si>
    <t>4912208.0</t>
  </si>
  <si>
    <t>176.36</t>
  </si>
  <si>
    <t>70.53</t>
  </si>
  <si>
    <t>622210.0</t>
  </si>
  <si>
    <t>8333071935.0</t>
  </si>
  <si>
    <t>3569392767.0</t>
  </si>
  <si>
    <t>3330904202.0</t>
  </si>
  <si>
    <t>1378826930.0</t>
  </si>
  <si>
    <t>7934838.0</t>
  </si>
  <si>
    <t>5455084.0</t>
  </si>
  <si>
    <t>176.5</t>
  </si>
  <si>
    <t>70.55</t>
  </si>
  <si>
    <t>695230.0</t>
  </si>
  <si>
    <t>8347180717.0</t>
  </si>
  <si>
    <t>3571445595.0</t>
  </si>
  <si>
    <t>3333202676.0</t>
  </si>
  <si>
    <t>1388958612.0</t>
  </si>
  <si>
    <t>9005500.0</t>
  </si>
  <si>
    <t>6182917.0</t>
  </si>
  <si>
    <t>176.8</t>
  </si>
  <si>
    <t>774617.0</t>
  </si>
  <si>
    <t>8352280938.0</t>
  </si>
  <si>
    <t>3574187344.0</t>
  </si>
  <si>
    <t>3336282475.0</t>
  </si>
  <si>
    <t>1396563742.0</t>
  </si>
  <si>
    <t>7549821.0</t>
  </si>
  <si>
    <t>6577224.0</t>
  </si>
  <si>
    <t>176.9</t>
  </si>
  <si>
    <t>75.7</t>
  </si>
  <si>
    <t>70.66</t>
  </si>
  <si>
    <t>29.58</t>
  </si>
  <si>
    <t>783190.0</t>
  </si>
  <si>
    <t>8367392144.0</t>
  </si>
  <si>
    <t>3575402252.0</t>
  </si>
  <si>
    <t>3337949418.0</t>
  </si>
  <si>
    <t>1402656960.0</t>
  </si>
  <si>
    <t>7959510.0</t>
  </si>
  <si>
    <t>6847054.0</t>
  </si>
  <si>
    <t>177.22</t>
  </si>
  <si>
    <t>75.73</t>
  </si>
  <si>
    <t>70.7</t>
  </si>
  <si>
    <t>29.71</t>
  </si>
  <si>
    <t>799324.0</t>
  </si>
  <si>
    <t>8374015100.0</t>
  </si>
  <si>
    <t>3576197578.0</t>
  </si>
  <si>
    <t>3339369468.0</t>
  </si>
  <si>
    <t>1408006008.0</t>
  </si>
  <si>
    <t>8165941.0</t>
  </si>
  <si>
    <t>7109972.0</t>
  </si>
  <si>
    <t>177.36</t>
  </si>
  <si>
    <t>821457.0</t>
  </si>
  <si>
    <t>8380509881.0</t>
  </si>
  <si>
    <t>3576974913.0</t>
  </si>
  <si>
    <t>3340012048.0</t>
  </si>
  <si>
    <t>1412454910.0</t>
  </si>
  <si>
    <t>7376521.0</t>
  </si>
  <si>
    <t>7462390.0</t>
  </si>
  <si>
    <t>177.5</t>
  </si>
  <si>
    <t>75.76</t>
  </si>
  <si>
    <t>70.74</t>
  </si>
  <si>
    <t>838753.0</t>
  </si>
  <si>
    <t>8385228015.0</t>
  </si>
  <si>
    <t>3577180175.0</t>
  </si>
  <si>
    <t>3340586108.0</t>
  </si>
  <si>
    <t>1415852793.0</t>
  </si>
  <si>
    <t>5801149.0</t>
  </si>
  <si>
    <t>7684749.0</t>
  </si>
  <si>
    <t>177.6</t>
  </si>
  <si>
    <t>75.77</t>
  </si>
  <si>
    <t>70.75</t>
  </si>
  <si>
    <t>842625.0</t>
  </si>
  <si>
    <t>8389671841.0</t>
  </si>
  <si>
    <t>3577366195.0</t>
  </si>
  <si>
    <t>3341165648.0</t>
  </si>
  <si>
    <t>1418800277.0</t>
  </si>
  <si>
    <t>5453137.0</t>
  </si>
  <si>
    <t>7330225.0</t>
  </si>
  <si>
    <t>177.7</t>
  </si>
  <si>
    <t>70.77</t>
  </si>
  <si>
    <t>816082.0</t>
  </si>
  <si>
    <t>8397662555.0</t>
  </si>
  <si>
    <t>3577847724.0</t>
  </si>
  <si>
    <t>3341937446.0</t>
  </si>
  <si>
    <t>1424748527.0</t>
  </si>
  <si>
    <t>7146902.0</t>
  </si>
  <si>
    <t>7064713.0</t>
  </si>
  <si>
    <t>177.86</t>
  </si>
  <si>
    <t>30.18</t>
  </si>
  <si>
    <t>794512.0</t>
  </si>
  <si>
    <t>8403413121.0</t>
  </si>
  <si>
    <t>3579471043.0</t>
  </si>
  <si>
    <t>3343932670.0</t>
  </si>
  <si>
    <t>1428637612.0</t>
  </si>
  <si>
    <t>7009473.0</t>
  </si>
  <si>
    <t>6987520.0</t>
  </si>
  <si>
    <t>177.99</t>
  </si>
  <si>
    <t>70.83</t>
  </si>
  <si>
    <t>833504.0</t>
  </si>
  <si>
    <t>8410863997.0</t>
  </si>
  <si>
    <t>3579719878.0</t>
  </si>
  <si>
    <t>3344627151.0</t>
  </si>
  <si>
    <t>1433797262.0</t>
  </si>
  <si>
    <t>8243372.0</t>
  </si>
  <si>
    <t>7028069.0</t>
  </si>
  <si>
    <t>178.14</t>
  </si>
  <si>
    <t>70.84</t>
  </si>
  <si>
    <t>829834.0</t>
  </si>
  <si>
    <t>8417307707.0</t>
  </si>
  <si>
    <t>3580019215.0</t>
  </si>
  <si>
    <t>3345416303.0</t>
  </si>
  <si>
    <t>1438229226.0</t>
  </si>
  <si>
    <t>8061514.0</t>
  </si>
  <si>
    <t>7013151.0</t>
  </si>
  <si>
    <t>178.28</t>
  </si>
  <si>
    <t>30.46</t>
  </si>
  <si>
    <t>827196.0</t>
  </si>
  <si>
    <t>8424459234.0</t>
  </si>
  <si>
    <t>3580709212.0</t>
  </si>
  <si>
    <t>3346138929.0</t>
  </si>
  <si>
    <t>1443137145.0</t>
  </si>
  <si>
    <t>7410645.0</t>
  </si>
  <si>
    <t>7018029.0</t>
  </si>
  <si>
    <t>178.43</t>
  </si>
  <si>
    <t>70.87</t>
  </si>
  <si>
    <t>838679.0</t>
  </si>
  <si>
    <t>8428502744.0</t>
  </si>
  <si>
    <t>3580861507.0</t>
  </si>
  <si>
    <t>3346492175.0</t>
  </si>
  <si>
    <t>1445915928.0</t>
  </si>
  <si>
    <t>5820452.0</t>
  </si>
  <si>
    <t>7020785.0</t>
  </si>
  <si>
    <t>178.52</t>
  </si>
  <si>
    <t>70.88</t>
  </si>
  <si>
    <t>30.62</t>
  </si>
  <si>
    <t>1487.0</t>
  </si>
  <si>
    <t>851693.0</t>
  </si>
  <si>
    <t>8431718346.0</t>
  </si>
  <si>
    <t>3580983710.0</t>
  </si>
  <si>
    <t>3346833723.0</t>
  </si>
  <si>
    <t>1448288114.0</t>
  </si>
  <si>
    <t>4165733.0</t>
  </si>
  <si>
    <t>6836871.0</t>
  </si>
  <si>
    <t>178.59</t>
  </si>
  <si>
    <t>70.89</t>
  </si>
  <si>
    <t>798745.0</t>
  </si>
  <si>
    <t>8438370017.0</t>
  </si>
  <si>
    <t>3581493617.0</t>
  </si>
  <si>
    <t>3347600606.0</t>
  </si>
  <si>
    <t>1453319642.0</t>
  </si>
  <si>
    <t>6163177.0</t>
  </si>
  <si>
    <t>6696337.0</t>
  </si>
  <si>
    <t>178.73</t>
  </si>
  <si>
    <t>75.86</t>
  </si>
  <si>
    <t>30.78</t>
  </si>
  <si>
    <t>755271.0</t>
  </si>
  <si>
    <t>8440591458.0</t>
  </si>
  <si>
    <t>3581596721.0</t>
  </si>
  <si>
    <t>3347808500.0</t>
  </si>
  <si>
    <t>1454888049.0</t>
  </si>
  <si>
    <t>6525715.0</t>
  </si>
  <si>
    <t>6627232.0</t>
  </si>
  <si>
    <t>178.77</t>
  </si>
  <si>
    <t>710132.0</t>
  </si>
  <si>
    <t>8456085570.0</t>
  </si>
  <si>
    <t>3582796737.0</t>
  </si>
  <si>
    <t>3349866065.0</t>
  </si>
  <si>
    <t>1461738082.0</t>
  </si>
  <si>
    <t>6440639.0</t>
  </si>
  <si>
    <t>6369697.0</t>
  </si>
  <si>
    <t>179.1</t>
  </si>
  <si>
    <t>75.88</t>
  </si>
  <si>
    <t>70.95</t>
  </si>
  <si>
    <t>30.96</t>
  </si>
  <si>
    <t>698333.0</t>
  </si>
  <si>
    <t>8461837061.0</t>
  </si>
  <si>
    <t>3583105825.0</t>
  </si>
  <si>
    <t>3350613970.0</t>
  </si>
  <si>
    <t>1466144263.0</t>
  </si>
  <si>
    <t>7214728.0</t>
  </si>
  <si>
    <t>6248728.0</t>
  </si>
  <si>
    <t>179.22</t>
  </si>
  <si>
    <t>75.89</t>
  </si>
  <si>
    <t>70.97</t>
  </si>
  <si>
    <t>31.05</t>
  </si>
  <si>
    <t>695941.0</t>
  </si>
  <si>
    <t>8467211715.0</t>
  </si>
  <si>
    <t>3583370353.0</t>
  </si>
  <si>
    <t>3351216316.0</t>
  </si>
  <si>
    <t>1470443398.0</t>
  </si>
  <si>
    <t>6403596.0</t>
  </si>
  <si>
    <t>6104861.0</t>
  </si>
  <si>
    <t>179.34</t>
  </si>
  <si>
    <t>75.9</t>
  </si>
  <si>
    <t>70.98</t>
  </si>
  <si>
    <t>693446.0</t>
  </si>
  <si>
    <t>8472883094.0</t>
  </si>
  <si>
    <t>3585350699.0</t>
  </si>
  <si>
    <t>3353424920.0</t>
  </si>
  <si>
    <t>1473439177.0</t>
  </si>
  <si>
    <t>5292506.0</t>
  </si>
  <si>
    <t>6029439.0</t>
  </si>
  <si>
    <t>179.46</t>
  </si>
  <si>
    <t>71.03</t>
  </si>
  <si>
    <t>698706.0</t>
  </si>
  <si>
    <t>8477851653.0</t>
  </si>
  <si>
    <t>3585736212.0</t>
  </si>
  <si>
    <t>3353955107.0</t>
  </si>
  <si>
    <t>1477198551.0</t>
  </si>
  <si>
    <t>6057350.0</t>
  </si>
  <si>
    <t>6299675.0</t>
  </si>
  <si>
    <t>179.56</t>
  </si>
  <si>
    <t>31.29</t>
  </si>
  <si>
    <t>718612.0</t>
  </si>
  <si>
    <t>8483996973.0</t>
  </si>
  <si>
    <t>3588958731.0</t>
  </si>
  <si>
    <t>3357997191.0</t>
  </si>
  <si>
    <t>1486122192.0</t>
  </si>
  <si>
    <t>5796838.0</t>
  </si>
  <si>
    <t>6247342.0</t>
  </si>
  <si>
    <t>179.69</t>
  </si>
  <si>
    <t>76.01</t>
  </si>
  <si>
    <t>71.12</t>
  </si>
  <si>
    <t>719081.0</t>
  </si>
  <si>
    <t>8487279730.0</t>
  </si>
  <si>
    <t>3589131653.0</t>
  </si>
  <si>
    <t>3358358608.0</t>
  </si>
  <si>
    <t>1488583780.0</t>
  </si>
  <si>
    <t>4362780.0</t>
  </si>
  <si>
    <t>5938352.0</t>
  </si>
  <si>
    <t>179.76</t>
  </si>
  <si>
    <t>71.13</t>
  </si>
  <si>
    <t>694534.0</t>
  </si>
  <si>
    <t>8490584295.0</t>
  </si>
  <si>
    <t>3589254847.0</t>
  </si>
  <si>
    <t>3358705128.0</t>
  </si>
  <si>
    <t>1491113448.0</t>
  </si>
  <si>
    <t>4970411.0</t>
  </si>
  <si>
    <t>5728317.0</t>
  </si>
  <si>
    <t>179.83</t>
  </si>
  <si>
    <t>71.14</t>
  </si>
  <si>
    <t>31.58</t>
  </si>
  <si>
    <t>677283.0</t>
  </si>
  <si>
    <t>8493608068.0</t>
  </si>
  <si>
    <t>3589367113.0</t>
  </si>
  <si>
    <t>3359008757.0</t>
  </si>
  <si>
    <t>1493405218.0</t>
  </si>
  <si>
    <t>4693612.0</t>
  </si>
  <si>
    <t>5366255.0</t>
  </si>
  <si>
    <t>179.9</t>
  </si>
  <si>
    <t>641018.0</t>
  </si>
  <si>
    <t>8496853752.0</t>
  </si>
  <si>
    <t>3589473880.0</t>
  </si>
  <si>
    <t>3359307337.0</t>
  </si>
  <si>
    <t>1496020808.0</t>
  </si>
  <si>
    <t>4936417.0</t>
  </si>
  <si>
    <t>5157006.0</t>
  </si>
  <si>
    <t>179.97</t>
  </si>
  <si>
    <t>76.03</t>
  </si>
  <si>
    <t>613719.0</t>
  </si>
  <si>
    <t>8500759318.0</t>
  </si>
  <si>
    <t>3589629883.0</t>
  </si>
  <si>
    <t>3359778151.0</t>
  </si>
  <si>
    <t>1499128803.0</t>
  </si>
  <si>
    <t>4703764.0</t>
  </si>
  <si>
    <t>5073250.0</t>
  </si>
  <si>
    <t>180.05</t>
  </si>
  <si>
    <t>71.16</t>
  </si>
  <si>
    <t>31.75</t>
  </si>
  <si>
    <t>593659.0</t>
  </si>
  <si>
    <t>8505649758.0</t>
  </si>
  <si>
    <t>3591249218.0</t>
  </si>
  <si>
    <t>3361538004.0</t>
  </si>
  <si>
    <t>1501684747.0</t>
  </si>
  <si>
    <t>4982265.0</t>
  </si>
  <si>
    <t>4920015.0</t>
  </si>
  <si>
    <t>180.15</t>
  </si>
  <si>
    <t>31.81</t>
  </si>
  <si>
    <t>565885.0</t>
  </si>
  <si>
    <t>8509045880.0</t>
  </si>
  <si>
    <t>3591493518.0</t>
  </si>
  <si>
    <t>3362051713.0</t>
  </si>
  <si>
    <t>1504110688.0</t>
  </si>
  <si>
    <t>3679581.0</t>
  </si>
  <si>
    <t>4617834.0</t>
  </si>
  <si>
    <t>180.22</t>
  </si>
  <si>
    <t>76.07</t>
  </si>
  <si>
    <t>517596.0</t>
  </si>
  <si>
    <t>8516104175.0</t>
  </si>
  <si>
    <t>3591906919.0</t>
  </si>
  <si>
    <t>3362575410.0</t>
  </si>
  <si>
    <t>1509707396.0</t>
  </si>
  <si>
    <t>5792933.0</t>
  </si>
  <si>
    <t>4822427.0</t>
  </si>
  <si>
    <t>180.37</t>
  </si>
  <si>
    <t>76.08</t>
  </si>
  <si>
    <t>71.22</t>
  </si>
  <si>
    <t>31.98</t>
  </si>
  <si>
    <t>505804.0</t>
  </si>
  <si>
    <t>8528717049.0</t>
  </si>
  <si>
    <t>3593321888.0</t>
  </si>
  <si>
    <t>3364375747.0</t>
  </si>
  <si>
    <t>1514542202.0</t>
  </si>
  <si>
    <t>6517944.0</t>
  </si>
  <si>
    <t>5043789.0</t>
  </si>
  <si>
    <t>180.64</t>
  </si>
  <si>
    <t>32.08</t>
  </si>
  <si>
    <t>492458.0</t>
  </si>
  <si>
    <t>8533747590.0</t>
  </si>
  <si>
    <t>3593582473.0</t>
  </si>
  <si>
    <t>3364930070.0</t>
  </si>
  <si>
    <t>1518765606.0</t>
  </si>
  <si>
    <t>5905185.0</t>
  </si>
  <si>
    <t>5216873.0</t>
  </si>
  <si>
    <t>180.75</t>
  </si>
  <si>
    <t>476700.0</t>
  </si>
  <si>
    <t>8536628591.0</t>
  </si>
  <si>
    <t>3593693178.0</t>
  </si>
  <si>
    <t>3365208612.0</t>
  </si>
  <si>
    <t>1521053154.0</t>
  </si>
  <si>
    <t>4125294.0</t>
  </si>
  <si>
    <t>5100997.0</t>
  </si>
  <si>
    <t>180.81</t>
  </si>
  <si>
    <t>448916.0</t>
  </si>
  <si>
    <t>8549261779.0</t>
  </si>
  <si>
    <t>3594805335.0</t>
  </si>
  <si>
    <t>3366457352.0</t>
  </si>
  <si>
    <t>1527892740.0</t>
  </si>
  <si>
    <t>4910757.0</t>
  </si>
  <si>
    <t>5130566.0</t>
  </si>
  <si>
    <t>181.08</t>
  </si>
  <si>
    <t>76.14</t>
  </si>
  <si>
    <t>424383.0</t>
  </si>
  <si>
    <t>8554157589.0</t>
  </si>
  <si>
    <t>3595205474.0</t>
  </si>
  <si>
    <t>3367163261.0</t>
  </si>
  <si>
    <t>1531551888.0</t>
  </si>
  <si>
    <t>5651901.0</t>
  </si>
  <si>
    <t>5225149.0</t>
  </si>
  <si>
    <t>181.18</t>
  </si>
  <si>
    <t>76.15</t>
  </si>
  <si>
    <t>71.32</t>
  </si>
  <si>
    <t>32.44</t>
  </si>
  <si>
    <t>404221.0</t>
  </si>
  <si>
    <t>8558431860.0</t>
  </si>
  <si>
    <t>3595370198.0</t>
  </si>
  <si>
    <t>3367563108.0</t>
  </si>
  <si>
    <t>1534953811.0</t>
  </si>
  <si>
    <t>5462676.0</t>
  </si>
  <si>
    <t>5480055.0</t>
  </si>
  <si>
    <t>181.27</t>
  </si>
  <si>
    <t>408234.0</t>
  </si>
  <si>
    <t>8562271761.0</t>
  </si>
  <si>
    <t>3595518205.0</t>
  </si>
  <si>
    <t>3367928710.0</t>
  </si>
  <si>
    <t>1537965494.0</t>
  </si>
  <si>
    <t>5045959.0</t>
  </si>
  <si>
    <t>5373526.0</t>
  </si>
  <si>
    <t>181.35</t>
  </si>
  <si>
    <t>32.57</t>
  </si>
  <si>
    <t>400210.0</t>
  </si>
  <si>
    <t>8565923794.0</t>
  </si>
  <si>
    <t>3595665678.0</t>
  </si>
  <si>
    <t>3368327690.0</t>
  </si>
  <si>
    <t>1540782294.0</t>
  </si>
  <si>
    <t>4855183.0</t>
  </si>
  <si>
    <t>5136167.0</t>
  </si>
  <si>
    <t>181.43</t>
  </si>
  <si>
    <t>32.63</t>
  </si>
  <si>
    <t>387081.0</t>
  </si>
  <si>
    <t>8571346207.0</t>
  </si>
  <si>
    <t>3595997565.0</t>
  </si>
  <si>
    <t>3368976562.0</t>
  </si>
  <si>
    <t>1544816271.0</t>
  </si>
  <si>
    <t>5870206.0</t>
  </si>
  <si>
    <t>5131353.0</t>
  </si>
  <si>
    <t>181.54</t>
  </si>
  <si>
    <t>71.36</t>
  </si>
  <si>
    <t>32.72</t>
  </si>
  <si>
    <t>382127.0</t>
  </si>
  <si>
    <t>8575268203.0</t>
  </si>
  <si>
    <t>3596146397.0</t>
  </si>
  <si>
    <t>3369339431.0</t>
  </si>
  <si>
    <t>1548006623.0</t>
  </si>
  <si>
    <t>5047030.0</t>
  </si>
  <si>
    <t>5263209.0</t>
  </si>
  <si>
    <t>181.63</t>
  </si>
  <si>
    <t>76.17</t>
  </si>
  <si>
    <t>384859.0</t>
  </si>
  <si>
    <t>8583040349.0</t>
  </si>
  <si>
    <t>3596884012.0</t>
  </si>
  <si>
    <t>3369873573.0</t>
  </si>
  <si>
    <t>1553786114.0</t>
  </si>
  <si>
    <t>4459037.0</t>
  </si>
  <si>
    <t>5198857.0</t>
  </si>
  <si>
    <t>181.79</t>
  </si>
  <si>
    <t>32.91</t>
  </si>
  <si>
    <t>381753.0</t>
  </si>
  <si>
    <t>8588335536.0</t>
  </si>
  <si>
    <t>3597561725.0</t>
  </si>
  <si>
    <t>3370951516.0</t>
  </si>
  <si>
    <t>1557072573.0</t>
  </si>
  <si>
    <t>4704101.0</t>
  </si>
  <si>
    <t>5062311.0</t>
  </si>
  <si>
    <t>181.9</t>
  </si>
  <si>
    <t>384832.0</t>
  </si>
  <si>
    <t>8592795376.0</t>
  </si>
  <si>
    <t>3597976596.0</t>
  </si>
  <si>
    <t>3371331689.0</t>
  </si>
  <si>
    <t>1560472865.0</t>
  </si>
  <si>
    <t>4929641.0</t>
  </si>
  <si>
    <t>4986336.0</t>
  </si>
  <si>
    <t>71.41</t>
  </si>
  <si>
    <t>33.05</t>
  </si>
  <si>
    <t>394141.0</t>
  </si>
  <si>
    <t>8596196271.0</t>
  </si>
  <si>
    <t>3598240082.0</t>
  </si>
  <si>
    <t>3371788928.0</t>
  </si>
  <si>
    <t>1563017516.0</t>
  </si>
  <si>
    <t>4173721.0</t>
  </si>
  <si>
    <t>4861938.0</t>
  </si>
  <si>
    <t>182.07</t>
  </si>
  <si>
    <t>71.42</t>
  </si>
  <si>
    <t>33.11</t>
  </si>
  <si>
    <t>388717.0</t>
  </si>
  <si>
    <t>8603234933.0</t>
  </si>
  <si>
    <t>3598825586.0</t>
  </si>
  <si>
    <t>3372846752.0</t>
  </si>
  <si>
    <t>1565155275.0</t>
  </si>
  <si>
    <t>3311446.0</t>
  </si>
  <si>
    <t>4641607.0</t>
  </si>
  <si>
    <t>182.22</t>
  </si>
  <si>
    <t>71.44</t>
  </si>
  <si>
    <t>382745.0</t>
  </si>
  <si>
    <t>8606687863.0</t>
  </si>
  <si>
    <t>3598992753.0</t>
  </si>
  <si>
    <t>3373242420.0</t>
  </si>
  <si>
    <t>1567940117.0</t>
  </si>
  <si>
    <t>4290628.0</t>
  </si>
  <si>
    <t>4416143.0</t>
  </si>
  <si>
    <t>182.29</t>
  </si>
  <si>
    <t>71.45</t>
  </si>
  <si>
    <t>378800.0</t>
  </si>
  <si>
    <t>8610115497.0</t>
  </si>
  <si>
    <t>3599109320.0</t>
  </si>
  <si>
    <t>3373529313.0</t>
  </si>
  <si>
    <t>1570821947.0</t>
  </si>
  <si>
    <t>4296482.0</t>
  </si>
  <si>
    <t>4309108.0</t>
  </si>
  <si>
    <t>182.36</t>
  </si>
  <si>
    <t>33.27</t>
  </si>
  <si>
    <t>374382.0</t>
  </si>
  <si>
    <t>8621878280.0</t>
  </si>
  <si>
    <t>3600301986.0</t>
  </si>
  <si>
    <t>3374826280.0</t>
  </si>
  <si>
    <t>1575843849.0</t>
  </si>
  <si>
    <t>3515985.0</t>
  </si>
  <si>
    <t>4174572.0</t>
  </si>
  <si>
    <t>182.61</t>
  </si>
  <si>
    <t>71.48</t>
  </si>
  <si>
    <t>368849.0</t>
  </si>
  <si>
    <t>8625421316.0</t>
  </si>
  <si>
    <t>3600385223.0</t>
  </si>
  <si>
    <t>3375129379.0</t>
  </si>
  <si>
    <t>1578836663.0</t>
  </si>
  <si>
    <t>4450550.0</t>
  </si>
  <si>
    <t>4108332.0</t>
  </si>
  <si>
    <t>182.69</t>
  </si>
  <si>
    <t>354604.0</t>
  </si>
  <si>
    <t>8628041800.0</t>
  </si>
  <si>
    <t>3600464303.0</t>
  </si>
  <si>
    <t>3375334189.0</t>
  </si>
  <si>
    <t>1580999149.0</t>
  </si>
  <si>
    <t>3527998.0</t>
  </si>
  <si>
    <t>3913098.0</t>
  </si>
  <si>
    <t>182.74</t>
  </si>
  <si>
    <t>336008.0</t>
  </si>
  <si>
    <t>8631260995.0</t>
  </si>
  <si>
    <t>3601968365.0</t>
  </si>
  <si>
    <t>3378001858.0</t>
  </si>
  <si>
    <t>1587158743.0</t>
  </si>
  <si>
    <t>3631239.0</t>
  </si>
  <si>
    <t>3840606.0</t>
  </si>
  <si>
    <t>182.81</t>
  </si>
  <si>
    <t>76.29</t>
  </si>
  <si>
    <t>334981.0</t>
  </si>
  <si>
    <t>8637364126.0</t>
  </si>
  <si>
    <t>3602359836.0</t>
  </si>
  <si>
    <t>3378697749.0</t>
  </si>
  <si>
    <t>1591299192.0</t>
  </si>
  <si>
    <t>5124768.0</t>
  </si>
  <si>
    <t>4104651.0</t>
  </si>
  <si>
    <t>182.94</t>
  </si>
  <si>
    <t>76.3</t>
  </si>
  <si>
    <t>333701.0</t>
  </si>
  <si>
    <t>8641708991.0</t>
  </si>
  <si>
    <t>3602785729.0</t>
  </si>
  <si>
    <t>3379143276.0</t>
  </si>
  <si>
    <t>1594692140.0</t>
  </si>
  <si>
    <t>4383047.0</t>
  </si>
  <si>
    <t>4122862.0</t>
  </si>
  <si>
    <t>183.03</t>
  </si>
  <si>
    <t>71.57</t>
  </si>
  <si>
    <t>324216.0</t>
  </si>
  <si>
    <t>8644552162.0</t>
  </si>
  <si>
    <t>3602873599.0</t>
  </si>
  <si>
    <t>3379356554.0</t>
  </si>
  <si>
    <t>1597169018.0</t>
  </si>
  <si>
    <t>3612115.0</t>
  </si>
  <si>
    <t>4030096.0</t>
  </si>
  <si>
    <t>183.09</t>
  </si>
  <si>
    <t>71.58</t>
  </si>
  <si>
    <t>312962.0</t>
  </si>
  <si>
    <t>8647458731.0</t>
  </si>
  <si>
    <t>3603121289.0</t>
  </si>
  <si>
    <t>3379850594.0</t>
  </si>
  <si>
    <t>1599336446.0</t>
  </si>
  <si>
    <t>3141400.0</t>
  </si>
  <si>
    <t>3981589.0</t>
  </si>
  <si>
    <t>183.16</t>
  </si>
  <si>
    <t>71.59</t>
  </si>
  <si>
    <t>303530.0</t>
  </si>
  <si>
    <t>8650883262.0</t>
  </si>
  <si>
    <t>3603209738.0</t>
  </si>
  <si>
    <t>3380150998.0</t>
  </si>
  <si>
    <t>1602255314.0</t>
  </si>
  <si>
    <t>4042725.0</t>
  </si>
  <si>
    <t>3923329.0</t>
  </si>
  <si>
    <t>183.23</t>
  </si>
  <si>
    <t>76.32</t>
  </si>
  <si>
    <t>33.94</t>
  </si>
  <si>
    <t>293028.0</t>
  </si>
  <si>
    <t>8656061610.0</t>
  </si>
  <si>
    <t>3604073073.0</t>
  </si>
  <si>
    <t>3381201577.0</t>
  </si>
  <si>
    <t>1605694168.0</t>
  </si>
  <si>
    <t>3582689.0</t>
  </si>
  <si>
    <t>3931140.0</t>
  </si>
  <si>
    <t>183.34</t>
  </si>
  <si>
    <t>76.34</t>
  </si>
  <si>
    <t>71.61</t>
  </si>
  <si>
    <t>286328.0</t>
  </si>
  <si>
    <t>8659209299.0</t>
  </si>
  <si>
    <t>3604288436.0</t>
  </si>
  <si>
    <t>3381472806.0</t>
  </si>
  <si>
    <t>1608187680.0</t>
  </si>
  <si>
    <t>3575606.0</t>
  </si>
  <si>
    <t>3923192.0</t>
  </si>
  <si>
    <t>183.4</t>
  </si>
  <si>
    <t>275389.0</t>
  </si>
  <si>
    <t>8664192134.0</t>
  </si>
  <si>
    <t>3604608638.0</t>
  </si>
  <si>
    <t>3382083936.0</t>
  </si>
  <si>
    <t>1611393327.0</t>
  </si>
  <si>
    <t>4327868.0</t>
  </si>
  <si>
    <t>3809351.0</t>
  </si>
  <si>
    <t>183.51</t>
  </si>
  <si>
    <t>71.63</t>
  </si>
  <si>
    <t>34.13</t>
  </si>
  <si>
    <t>266983.0</t>
  </si>
  <si>
    <t>8667002988.0</t>
  </si>
  <si>
    <t>3604719362.0</t>
  </si>
  <si>
    <t>3382371690.0</t>
  </si>
  <si>
    <t>1613690843.0</t>
  </si>
  <si>
    <t>3526174.0</t>
  </si>
  <si>
    <t>3686940.0</t>
  </si>
  <si>
    <t>183.57</t>
  </si>
  <si>
    <t>71.64</t>
  </si>
  <si>
    <t>34.18</t>
  </si>
  <si>
    <t>260499.0</t>
  </si>
  <si>
    <t>8670576255.0</t>
  </si>
  <si>
    <t>3604929377.0</t>
  </si>
  <si>
    <t>3382654645.0</t>
  </si>
  <si>
    <t>1616596938.0</t>
  </si>
  <si>
    <t>4000179.0</t>
  </si>
  <si>
    <t>3742378.0</t>
  </si>
  <si>
    <t>183.64</t>
  </si>
  <si>
    <t>71.65</t>
  </si>
  <si>
    <t>34.24</t>
  </si>
  <si>
    <t>259879.0</t>
  </si>
  <si>
    <t>8673714287.0</t>
  </si>
  <si>
    <t>3605098310.0</t>
  </si>
  <si>
    <t>3383069677.0</t>
  </si>
  <si>
    <t>1618974635.0</t>
  </si>
  <si>
    <t>2694963.0</t>
  </si>
  <si>
    <t>3678603.0</t>
  </si>
  <si>
    <t>183.71</t>
  </si>
  <si>
    <t>34.29</t>
  </si>
  <si>
    <t>255589.0</t>
  </si>
  <si>
    <t>8675464258.0</t>
  </si>
  <si>
    <t>3605221018.0</t>
  </si>
  <si>
    <t>3383375823.0</t>
  </si>
  <si>
    <t>1620188287.0</t>
  </si>
  <si>
    <t>2290484.0</t>
  </si>
  <si>
    <t>3428282.0</t>
  </si>
  <si>
    <t>183.75</t>
  </si>
  <si>
    <t>250170.0</t>
  </si>
  <si>
    <t>8677728025.0</t>
  </si>
  <si>
    <t>3605363506.0</t>
  </si>
  <si>
    <t>3383592687.0</t>
  </si>
  <si>
    <t>1621933231.0</t>
  </si>
  <si>
    <t>2692097.0</t>
  </si>
  <si>
    <t>3301051.0</t>
  </si>
  <si>
    <t>183.8</t>
  </si>
  <si>
    <t>34.35</t>
  </si>
  <si>
    <t>244089.0</t>
  </si>
  <si>
    <t>8679563278.0</t>
  </si>
  <si>
    <t>3605432824.0</t>
  </si>
  <si>
    <t>3383740710.0</t>
  </si>
  <si>
    <t>1623387388.0</t>
  </si>
  <si>
    <t>2518092.0</t>
  </si>
  <si>
    <t>3149980.0</t>
  </si>
  <si>
    <t>183.84</t>
  </si>
  <si>
    <t>236818.0</t>
  </si>
  <si>
    <t>8683197530.0</t>
  </si>
  <si>
    <t>3605777249.0</t>
  </si>
  <si>
    <t>3384262349.0</t>
  </si>
  <si>
    <t>1625519752.0</t>
  </si>
  <si>
    <t>2878212.0</t>
  </si>
  <si>
    <t>2942887.0</t>
  </si>
  <si>
    <t>183.91</t>
  </si>
  <si>
    <t>76.37</t>
  </si>
  <si>
    <t>71.68</t>
  </si>
  <si>
    <t>228695.0</t>
  </si>
  <si>
    <t>8685203068.0</t>
  </si>
  <si>
    <t>3605866322.0</t>
  </si>
  <si>
    <t>3384479119.0</t>
  </si>
  <si>
    <t>1627098605.0</t>
  </si>
  <si>
    <t>2659719.0</t>
  </si>
  <si>
    <t>2819104.0</t>
  </si>
  <si>
    <t>183.95</t>
  </si>
  <si>
    <t>219639.0</t>
  </si>
  <si>
    <t>8687671608.0</t>
  </si>
  <si>
    <t>3605984481.0</t>
  </si>
  <si>
    <t>3384693241.0</t>
  </si>
  <si>
    <t>1629094091.0</t>
  </si>
  <si>
    <t>2804999.0</t>
  </si>
  <si>
    <t>2648366.0</t>
  </si>
  <si>
    <t>184.01</t>
  </si>
  <si>
    <t>76.38</t>
  </si>
  <si>
    <t>208984.0</t>
  </si>
  <si>
    <t>8690586915.0</t>
  </si>
  <si>
    <t>3606488007.0</t>
  </si>
  <si>
    <t>3385143580.0</t>
  </si>
  <si>
    <t>1630969246.0</t>
  </si>
  <si>
    <t>2590102.0</t>
  </si>
  <si>
    <t>2633386.0</t>
  </si>
  <si>
    <t>184.07</t>
  </si>
  <si>
    <t>71.7</t>
  </si>
  <si>
    <t>34.54</t>
  </si>
  <si>
    <t>202661.0</t>
  </si>
  <si>
    <t>8693206146.0</t>
  </si>
  <si>
    <t>3606609829.0</t>
  </si>
  <si>
    <t>3385467134.0</t>
  </si>
  <si>
    <t>1632883259.0</t>
  </si>
  <si>
    <t>2945412.0</t>
  </si>
  <si>
    <t>2726948.0</t>
  </si>
  <si>
    <t>184.12</t>
  </si>
  <si>
    <t>200985.0</t>
  </si>
  <si>
    <t>8695079132.0</t>
  </si>
  <si>
    <t>3606654576.0</t>
  </si>
  <si>
    <t>3385599394.0</t>
  </si>
  <si>
    <t>1634439783.0</t>
  </si>
  <si>
    <t>3430638.0</t>
  </si>
  <si>
    <t>2832455.0</t>
  </si>
  <si>
    <t>184.16</t>
  </si>
  <si>
    <t>197557.0</t>
  </si>
  <si>
    <t>8697685521.0</t>
  </si>
  <si>
    <t>3606906218.0</t>
  </si>
  <si>
    <t>3386751188.0</t>
  </si>
  <si>
    <t>1637794837.0</t>
  </si>
  <si>
    <t>3481502.0</t>
  </si>
  <si>
    <t>2970085.0</t>
  </si>
  <si>
    <t>184.22</t>
  </si>
  <si>
    <t>198177.0</t>
  </si>
  <si>
    <t>8701515013.0</t>
  </si>
  <si>
    <t>3607115864.0</t>
  </si>
  <si>
    <t>3387108747.0</t>
  </si>
  <si>
    <t>1640720732.0</t>
  </si>
  <si>
    <t>4265099.0</t>
  </si>
  <si>
    <t>3168211.0</t>
  </si>
  <si>
    <t>184.3</t>
  </si>
  <si>
    <t>34.75</t>
  </si>
  <si>
    <t>197665.0</t>
  </si>
  <si>
    <t>8705465652.0</t>
  </si>
  <si>
    <t>3607210192.0</t>
  </si>
  <si>
    <t>3387407015.0</t>
  </si>
  <si>
    <t>1644158653.0</t>
  </si>
  <si>
    <t>5317250.0</t>
  </si>
  <si>
    <t>3547859.0</t>
  </si>
  <si>
    <t>184.38</t>
  </si>
  <si>
    <t>71.75</t>
  </si>
  <si>
    <t>200947.0</t>
  </si>
  <si>
    <t>8712502763.0</t>
  </si>
  <si>
    <t>3607652320.0</t>
  </si>
  <si>
    <t>3388387817.0</t>
  </si>
  <si>
    <t>1649755308.0</t>
  </si>
  <si>
    <t>3272449.0</t>
  </si>
  <si>
    <t>3598428.0</t>
  </si>
  <si>
    <t>184.53</t>
  </si>
  <si>
    <t>71.77</t>
  </si>
  <si>
    <t>199121.0</t>
  </si>
  <si>
    <t>8714203072.0</t>
  </si>
  <si>
    <t>3607678163.0</t>
  </si>
  <si>
    <t>3388682328.0</t>
  </si>
  <si>
    <t>1650734428.0</t>
  </si>
  <si>
    <t>3252933.0</t>
  </si>
  <si>
    <t>3694586.0</t>
  </si>
  <si>
    <t>184.57</t>
  </si>
  <si>
    <t>34.96</t>
  </si>
  <si>
    <t>203868.0</t>
  </si>
  <si>
    <t>8714688186.0</t>
  </si>
  <si>
    <t>3607698756.0</t>
  </si>
  <si>
    <t>3388727311.0</t>
  </si>
  <si>
    <t>1651086071.0</t>
  </si>
  <si>
    <t>2908997.0</t>
  </si>
  <si>
    <t>3691297.0</t>
  </si>
  <si>
    <t>184.58</t>
  </si>
  <si>
    <t>203880.0</t>
  </si>
  <si>
    <t>8715800795.0</t>
  </si>
  <si>
    <t>3607772383.0</t>
  </si>
  <si>
    <t>3388820811.0</t>
  </si>
  <si>
    <t>1651933256.0</t>
  </si>
  <si>
    <t>3084240.0</t>
  </si>
  <si>
    <t>3644241.0</t>
  </si>
  <si>
    <t>184.6</t>
  </si>
  <si>
    <t>71.78</t>
  </si>
  <si>
    <t>204266.0</t>
  </si>
  <si>
    <t>8724076845.0</t>
  </si>
  <si>
    <t>3608233286.0</t>
  </si>
  <si>
    <t>3389913549.0</t>
  </si>
  <si>
    <t>1658612614.0</t>
  </si>
  <si>
    <t>2989153.0</t>
  </si>
  <si>
    <t>3576362.0</t>
  </si>
  <si>
    <t>184.78</t>
  </si>
  <si>
    <t>76.42</t>
  </si>
  <si>
    <t>203316.0</t>
  </si>
  <si>
    <t>8725483242.0</t>
  </si>
  <si>
    <t>3608382200.0</t>
  </si>
  <si>
    <t>3390097265.0</t>
  </si>
  <si>
    <t>1659437540.0</t>
  </si>
  <si>
    <t>1373810.0</t>
  </si>
  <si>
    <t>3166369.0</t>
  </si>
  <si>
    <t>184.81</t>
  </si>
  <si>
    <t>76.43</t>
  </si>
  <si>
    <t>35.15</t>
  </si>
  <si>
    <t>221702.0</t>
  </si>
  <si>
    <t>8726319464.0</t>
  </si>
  <si>
    <t>3608415830.0</t>
  </si>
  <si>
    <t>3390194936.0</t>
  </si>
  <si>
    <t>1660121640.0</t>
  </si>
  <si>
    <t>1760792.0</t>
  </si>
  <si>
    <t>2663196.0</t>
  </si>
  <si>
    <t>184.83</t>
  </si>
  <si>
    <t>238439.0</t>
  </si>
  <si>
    <t>8727496541.0</t>
  </si>
  <si>
    <t>3608452870.0</t>
  </si>
  <si>
    <t>3390281701.0</t>
  </si>
  <si>
    <t>1661057389.0</t>
  </si>
  <si>
    <t>1895867.0</t>
  </si>
  <si>
    <t>2466540.0</t>
  </si>
  <si>
    <t>184.85</t>
  </si>
  <si>
    <t>261087.0</t>
  </si>
  <si>
    <t>8732014687.0</t>
  </si>
  <si>
    <t>3608866911.0</t>
  </si>
  <si>
    <t>3391069121.0</t>
  </si>
  <si>
    <t>1662542815.0</t>
  </si>
  <si>
    <t>1534920.0</t>
  </si>
  <si>
    <t>2221112.0</t>
  </si>
  <si>
    <t>184.95</t>
  </si>
  <si>
    <t>71.82</t>
  </si>
  <si>
    <t>35.21</t>
  </si>
  <si>
    <t>278779.0</t>
  </si>
  <si>
    <t>8732986891.0</t>
  </si>
  <si>
    <t>3608879106.0</t>
  </si>
  <si>
    <t>3391178179.0</t>
  </si>
  <si>
    <t>1663218285.0</t>
  </si>
  <si>
    <t>1254855.0</t>
  </si>
  <si>
    <t>1984806.0</t>
  </si>
  <si>
    <t>184.97</t>
  </si>
  <si>
    <t>35.23</t>
  </si>
  <si>
    <t>296976.0</t>
  </si>
  <si>
    <t>8734206569.0</t>
  </si>
  <si>
    <t>3608958523.0</t>
  </si>
  <si>
    <t>3391295885.0</t>
  </si>
  <si>
    <t>1664124988.0</t>
  </si>
  <si>
    <t>1747275.0</t>
  </si>
  <si>
    <t>1793811.0</t>
  </si>
  <si>
    <t>184.99</t>
  </si>
  <si>
    <t>317037.0</t>
  </si>
  <si>
    <t>8735497734.0</t>
  </si>
  <si>
    <t>3609020444.0</t>
  </si>
  <si>
    <t>3391756536.0</t>
  </si>
  <si>
    <t>1665773433.0</t>
  </si>
  <si>
    <t>2085887.0</t>
  </si>
  <si>
    <t>1664773.0</t>
  </si>
  <si>
    <t>185.02</t>
  </si>
  <si>
    <t>71.84</t>
  </si>
  <si>
    <t>340138.0</t>
  </si>
  <si>
    <t>8736716865.0</t>
  </si>
  <si>
    <t>3609186501.0</t>
  </si>
  <si>
    <t>3391873629.0</t>
  </si>
  <si>
    <t>1666430594.0</t>
  </si>
  <si>
    <t>1674270.0</t>
  </si>
  <si>
    <t>1707698.0</t>
  </si>
  <si>
    <t>185.05</t>
  </si>
  <si>
    <t>35.3</t>
  </si>
  <si>
    <t>342305.0</t>
  </si>
  <si>
    <t>8738254205.0</t>
  </si>
  <si>
    <t>3609244560.0</t>
  </si>
  <si>
    <t>3392048081.0</t>
  </si>
  <si>
    <t>1667641619.0</t>
  </si>
  <si>
    <t>1933947.0</t>
  </si>
  <si>
    <t>1732285.0</t>
  </si>
  <si>
    <t>185.08</t>
  </si>
  <si>
    <t>342690.0</t>
  </si>
  <si>
    <t>8739494098.0</t>
  </si>
  <si>
    <t>3609282011.0</t>
  </si>
  <si>
    <t>3392140302.0</t>
  </si>
  <si>
    <t>1668625122.0</t>
  </si>
  <si>
    <t>2106889.0</t>
  </si>
  <si>
    <t>1762453.0</t>
  </si>
  <si>
    <t>185.1</t>
  </si>
  <si>
    <t>76.45</t>
  </si>
  <si>
    <t>71.85</t>
  </si>
  <si>
    <t>35.34</t>
  </si>
  <si>
    <t>343909.0</t>
  </si>
  <si>
    <t>8744969275.0</t>
  </si>
  <si>
    <t>3612100499.0</t>
  </si>
  <si>
    <t>3392574516.0</t>
  </si>
  <si>
    <t>1670818953.0</t>
  </si>
  <si>
    <t>1601878.0</t>
  </si>
  <si>
    <t>1772045.0</t>
  </si>
  <si>
    <t>185.22</t>
  </si>
  <si>
    <t>76.51</t>
  </si>
  <si>
    <t>344503.0</t>
  </si>
  <si>
    <t>8745939441.0</t>
  </si>
  <si>
    <t>3612115457.0</t>
  </si>
  <si>
    <t>3392655050.0</t>
  </si>
  <si>
    <t>1671551078.0</t>
  </si>
  <si>
    <t>1277296.0</t>
  </si>
  <si>
    <t>1775278.0</t>
  </si>
  <si>
    <t>185.24</t>
  </si>
  <si>
    <t>339285.0</t>
  </si>
  <si>
    <t>8747838366.0</t>
  </si>
  <si>
    <t>3612153497.0</t>
  </si>
  <si>
    <t>3393381680.0</t>
  </si>
  <si>
    <t>1672463836.0</t>
  </si>
  <si>
    <t>1646483.0</t>
  </si>
  <si>
    <t>1760900.0</t>
  </si>
  <si>
    <t>185.28</t>
  </si>
  <si>
    <t>71.87</t>
  </si>
  <si>
    <t>334332.0</t>
  </si>
  <si>
    <t>8748755591.0</t>
  </si>
  <si>
    <t>3612188710.0</t>
  </si>
  <si>
    <t>3393471029.0</t>
  </si>
  <si>
    <t>1673137859.0</t>
  </si>
  <si>
    <t>1555167.0</t>
  </si>
  <si>
    <t>1685018.0</t>
  </si>
  <si>
    <t>185.3</t>
  </si>
  <si>
    <t>35.44</t>
  </si>
  <si>
    <t>326735.0</t>
  </si>
  <si>
    <t>8750957618.0</t>
  </si>
  <si>
    <t>3612378692.0</t>
  </si>
  <si>
    <t>3393780942.0</t>
  </si>
  <si>
    <t>1674318294.0</t>
  </si>
  <si>
    <t>1707838.0</t>
  </si>
  <si>
    <t>1689853.0</t>
  </si>
  <si>
    <t>185.35</t>
  </si>
  <si>
    <t>71.88</t>
  </si>
  <si>
    <t>35.46</t>
  </si>
  <si>
    <t>324460.0</t>
  </si>
  <si>
    <t>8752143212.0</t>
  </si>
  <si>
    <t>3612419548.0</t>
  </si>
  <si>
    <t>3393897582.0</t>
  </si>
  <si>
    <t>1675147960.0</t>
  </si>
  <si>
    <t>1789763.0</t>
  </si>
  <si>
    <t>1669274.0</t>
  </si>
  <si>
    <t>185.37</t>
  </si>
  <si>
    <t>319607.0</t>
  </si>
  <si>
    <t>8754719949.0</t>
  </si>
  <si>
    <t>3613676562.0</t>
  </si>
  <si>
    <t>3394061115.0</t>
  </si>
  <si>
    <t>1676205741.0</t>
  </si>
  <si>
    <t>2272856.0</t>
  </si>
  <si>
    <t>1692994.0</t>
  </si>
  <si>
    <t>185.43</t>
  </si>
  <si>
    <t>76.54</t>
  </si>
  <si>
    <t>71.89</t>
  </si>
  <si>
    <t>312367.0</t>
  </si>
  <si>
    <t>8755461852.0</t>
  </si>
  <si>
    <t>3613847201.0</t>
  </si>
  <si>
    <t>3394220392.0</t>
  </si>
  <si>
    <t>1676645432.0</t>
  </si>
  <si>
    <t>1576898.0</t>
  </si>
  <si>
    <t>1689443.0</t>
  </si>
  <si>
    <t>185.44</t>
  </si>
  <si>
    <t>278340.0</t>
  </si>
  <si>
    <t>8756573842.0</t>
  </si>
  <si>
    <t>3613949467.0</t>
  </si>
  <si>
    <t>3394353453.0</t>
  </si>
  <si>
    <t>1677435358.0</t>
  </si>
  <si>
    <t>1512187.0</t>
  </si>
  <si>
    <t>1723012.0</t>
  </si>
  <si>
    <t>185.47</t>
  </si>
  <si>
    <t>249721.0</t>
  </si>
  <si>
    <t>8757058491.0</t>
  </si>
  <si>
    <t>3613958772.0</t>
  </si>
  <si>
    <t>3394368386.0</t>
  </si>
  <si>
    <t>1677781737.0</t>
  </si>
  <si>
    <t>1536023.0</t>
  </si>
  <si>
    <t>1707245.0</t>
  </si>
  <si>
    <t>185.48</t>
  </si>
  <si>
    <t>217228.0</t>
  </si>
  <si>
    <t>8757749114.0</t>
  </si>
  <si>
    <t>3614036472.0</t>
  </si>
  <si>
    <t>3394411722.0</t>
  </si>
  <si>
    <t>1678258593.0</t>
  </si>
  <si>
    <t>1588980.0</t>
  </si>
  <si>
    <t>1710498.0</t>
  </si>
  <si>
    <t>185.49</t>
  </si>
  <si>
    <t>185630.0</t>
  </si>
  <si>
    <t>8759271554.0</t>
  </si>
  <si>
    <t>3614115164.0</t>
  </si>
  <si>
    <t>3394538030.0</t>
  </si>
  <si>
    <t>1679074195.0</t>
  </si>
  <si>
    <t>1948205.0</t>
  </si>
  <si>
    <t>1745055.0</t>
  </si>
  <si>
    <t>185.52</t>
  </si>
  <si>
    <t>188589.0</t>
  </si>
  <si>
    <t>8764284674.0</t>
  </si>
  <si>
    <t>3614140469.0</t>
  </si>
  <si>
    <t>3394596428.0</t>
  </si>
  <si>
    <t>1679776963.0</t>
  </si>
  <si>
    <t>2186833.0</t>
  </si>
  <si>
    <t>1802088.0</t>
  </si>
  <si>
    <t>185.63</t>
  </si>
  <si>
    <t>194215.0</t>
  </si>
  <si>
    <t>8766244679.0</t>
  </si>
  <si>
    <t>3614996787.0</t>
  </si>
  <si>
    <t>3394709183.0</t>
  </si>
  <si>
    <t>1680677174.0</t>
  </si>
  <si>
    <t>1663220.0</t>
  </si>
  <si>
    <t>1715302.0</t>
  </si>
  <si>
    <t>185.67</t>
  </si>
  <si>
    <t>35.6</t>
  </si>
  <si>
    <t>201444.0</t>
  </si>
  <si>
    <t>8768504092.0</t>
  </si>
  <si>
    <t>3615225793.0</t>
  </si>
  <si>
    <t>3395157621.0</t>
  </si>
  <si>
    <t>1681427169.0</t>
  </si>
  <si>
    <t>1835401.0</t>
  </si>
  <si>
    <t>1752355.0</t>
  </si>
  <si>
    <t>185.72</t>
  </si>
  <si>
    <t>319608.0</t>
  </si>
  <si>
    <t>8771450949.0</t>
  </si>
  <si>
    <t>3616981737.0</t>
  </si>
  <si>
    <t>3395237432.0</t>
  </si>
  <si>
    <t>1682381659.0</t>
  </si>
  <si>
    <t>1838762.0</t>
  </si>
  <si>
    <t>1790957.0</t>
  </si>
  <si>
    <t>185.78</t>
  </si>
  <si>
    <t>35.63</t>
  </si>
  <si>
    <t>437233.0</t>
  </si>
  <si>
    <t>8773353060.0</t>
  </si>
  <si>
    <t>3618063582.0</t>
  </si>
  <si>
    <t>3395348178.0</t>
  </si>
  <si>
    <t>1683013239.0</t>
  </si>
  <si>
    <t>2065118.0</t>
  </si>
  <si>
    <t>1868449.0</t>
  </si>
  <si>
    <t>185.82</t>
  </si>
  <si>
    <t>578314.0</t>
  </si>
  <si>
    <t>8774095981.0</t>
  </si>
  <si>
    <t>3618109092.0</t>
  </si>
  <si>
    <t>3395412333.0</t>
  </si>
  <si>
    <t>1683567738.0</t>
  </si>
  <si>
    <t>1599652.0</t>
  </si>
  <si>
    <t>1871327.0</t>
  </si>
  <si>
    <t>185.84</t>
  </si>
  <si>
    <t>71.92</t>
  </si>
  <si>
    <t>639064.0</t>
  </si>
  <si>
    <t>8775310452.0</t>
  </si>
  <si>
    <t>3618134151.0</t>
  </si>
  <si>
    <t>3395471944.0</t>
  </si>
  <si>
    <t>1684311247.0</t>
  </si>
  <si>
    <t>1389772.0</t>
  </si>
  <si>
    <t>1792902.0</t>
  </si>
  <si>
    <t>185.86</t>
  </si>
  <si>
    <t>657941.0</t>
  </si>
  <si>
    <t>8776378244.0</t>
  </si>
  <si>
    <t>3619215231.0</t>
  </si>
  <si>
    <t>3396034271.0</t>
  </si>
  <si>
    <t>1686656133.0</t>
  </si>
  <si>
    <t>1823336.0</t>
  </si>
  <si>
    <t>1742331.0</t>
  </si>
  <si>
    <t>185.89</t>
  </si>
  <si>
    <t>71.93</t>
  </si>
  <si>
    <t>35.72</t>
  </si>
  <si>
    <t>678454.0</t>
  </si>
  <si>
    <t>8779240722.0</t>
  </si>
  <si>
    <t>3620929219.0</t>
  </si>
  <si>
    <t>3396139749.0</t>
  </si>
  <si>
    <t>1687588368.0</t>
  </si>
  <si>
    <t>1838789.0</t>
  </si>
  <si>
    <t>1768764.0</t>
  </si>
  <si>
    <t>185.95</t>
  </si>
  <si>
    <t>700609.0</t>
  </si>
  <si>
    <t>8779963578.0</t>
  </si>
  <si>
    <t>3620949582.0</t>
  </si>
  <si>
    <t>3396181192.0</t>
  </si>
  <si>
    <t>1688085949.0</t>
  </si>
  <si>
    <t>1162266.0</t>
  </si>
  <si>
    <t>1673956.0</t>
  </si>
  <si>
    <t>185.96</t>
  </si>
  <si>
    <t>35.75</t>
  </si>
  <si>
    <t>608261.0</t>
  </si>
  <si>
    <t>8780750636.0</t>
  </si>
  <si>
    <t>3620992827.0</t>
  </si>
  <si>
    <t>3396210314.0</t>
  </si>
  <si>
    <t>1688656438.0</t>
  </si>
  <si>
    <t>1282787.0</t>
  </si>
  <si>
    <t>1594532.0</t>
  </si>
  <si>
    <t>185.98</t>
  </si>
  <si>
    <t>517527.0</t>
  </si>
  <si>
    <t>8783206845.0</t>
  </si>
  <si>
    <t>3621681825.0</t>
  </si>
  <si>
    <t>3396631713.0</t>
  </si>
  <si>
    <t>1689888278.0</t>
  </si>
  <si>
    <t>1400072.0</t>
  </si>
  <si>
    <t>1499525.0</t>
  </si>
  <si>
    <t>186.03</t>
  </si>
  <si>
    <t>76.71</t>
  </si>
  <si>
    <t>71.94</t>
  </si>
  <si>
    <t>35.79</t>
  </si>
  <si>
    <t>405519.0</t>
  </si>
  <si>
    <t>8785180369.0</t>
  </si>
  <si>
    <t>3622599236.0</t>
  </si>
  <si>
    <t>3396727418.0</t>
  </si>
  <si>
    <t>1690827698.0</t>
  </si>
  <si>
    <t>2252216.0</t>
  </si>
  <si>
    <t>1592749.0</t>
  </si>
  <si>
    <t>186.07</t>
  </si>
  <si>
    <t>76.73</t>
  </si>
  <si>
    <t>35.81</t>
  </si>
  <si>
    <t>473970.0</t>
  </si>
  <si>
    <t>8786484462.0</t>
  </si>
  <si>
    <t>3622677414.0</t>
  </si>
  <si>
    <t>3396857567.0</t>
  </si>
  <si>
    <t>1691716798.0</t>
  </si>
  <si>
    <t>1599848.0</t>
  </si>
  <si>
    <t>1622756.0</t>
  </si>
  <si>
    <t>186.1</t>
  </si>
  <si>
    <t>460416.0</t>
  </si>
  <si>
    <t>8787722291.0</t>
  </si>
  <si>
    <t>3622700129.0</t>
  </si>
  <si>
    <t>3396906680.0</t>
  </si>
  <si>
    <t>1692663303.0</t>
  </si>
  <si>
    <t>1907640.0</t>
  </si>
  <si>
    <t>1634805.0</t>
  </si>
  <si>
    <t>186.13</t>
  </si>
  <si>
    <t>35.85</t>
  </si>
  <si>
    <t>446243.0</t>
  </si>
  <si>
    <t>8789061784.0</t>
  </si>
  <si>
    <t>3622722421.0</t>
  </si>
  <si>
    <t>3396941331.0</t>
  </si>
  <si>
    <t>1693809250.0</t>
  </si>
  <si>
    <t>1956071.0</t>
  </si>
  <si>
    <t>1651556.0</t>
  </si>
  <si>
    <t>186.15</t>
  </si>
  <si>
    <t>35.88</t>
  </si>
  <si>
    <t>429976.0</t>
  </si>
  <si>
    <t>8789919188.0</t>
  </si>
  <si>
    <t>3622756483.0</t>
  </si>
  <si>
    <t>3396983885.0</t>
  </si>
  <si>
    <t>1694510892.0</t>
  </si>
  <si>
    <t>1427819.0</t>
  </si>
  <si>
    <t>1689490.0</t>
  </si>
  <si>
    <t>186.17</t>
  </si>
  <si>
    <t>35.89</t>
  </si>
  <si>
    <t>444923.0</t>
  </si>
  <si>
    <t>8790786992.0</t>
  </si>
  <si>
    <t>3622767926.0</t>
  </si>
  <si>
    <t>3396995458.0</t>
  </si>
  <si>
    <t>1695214890.0</t>
  </si>
  <si>
    <t>1492060.0</t>
  </si>
  <si>
    <t>1719389.0</t>
  </si>
  <si>
    <t>186.19</t>
  </si>
  <si>
    <t>35.91</t>
  </si>
  <si>
    <t>458952.0</t>
  </si>
  <si>
    <t>8792115073.0</t>
  </si>
  <si>
    <t>3622852552.0</t>
  </si>
  <si>
    <t>3397182010.0</t>
  </si>
  <si>
    <t>1696125216.0</t>
  </si>
  <si>
    <t>1731164.0</t>
  </si>
  <si>
    <t>1766689.0</t>
  </si>
  <si>
    <t>186.22</t>
  </si>
  <si>
    <t>35.92</t>
  </si>
  <si>
    <t>473369.0</t>
  </si>
  <si>
    <t>8793169656.0</t>
  </si>
  <si>
    <t>3622882853.0</t>
  </si>
  <si>
    <t>3397244794.0</t>
  </si>
  <si>
    <t>1696911162.0</t>
  </si>
  <si>
    <t>1672329.0</t>
  </si>
  <si>
    <t>1683849.0</t>
  </si>
  <si>
    <t>186.24</t>
  </si>
  <si>
    <t>387490.0</t>
  </si>
  <si>
    <t>8795313571.0</t>
  </si>
  <si>
    <t>3623054461.0</t>
  </si>
  <si>
    <t>3397576970.0</t>
  </si>
  <si>
    <t>1698036565.0</t>
  </si>
  <si>
    <t>1650035.0</t>
  </si>
  <si>
    <t>1691018.0</t>
  </si>
  <si>
    <t>186.29</t>
  </si>
  <si>
    <t>387021.0</t>
  </si>
  <si>
    <t>8796649289.0</t>
  </si>
  <si>
    <t>3623072330.0</t>
  </si>
  <si>
    <t>3397612291.0</t>
  </si>
  <si>
    <t>1699047739.0</t>
  </si>
  <si>
    <t>2009876.0</t>
  </si>
  <si>
    <t>1705621.0</t>
  </si>
  <si>
    <t>186.32</t>
  </si>
  <si>
    <t>386768.0</t>
  </si>
  <si>
    <t>8801481149.0</t>
  </si>
  <si>
    <t>3626050009.0</t>
  </si>
  <si>
    <t>3397970930.0</t>
  </si>
  <si>
    <t>1700378748.0</t>
  </si>
  <si>
    <t>2006445.0</t>
  </si>
  <si>
    <t>1712819.0</t>
  </si>
  <si>
    <t>186.42</t>
  </si>
  <si>
    <t>71.97</t>
  </si>
  <si>
    <t>36.01</t>
  </si>
  <si>
    <t>387180.0</t>
  </si>
  <si>
    <t>8803086816.0</t>
  </si>
  <si>
    <t>3626624264.0</t>
  </si>
  <si>
    <t>3398093548.0</t>
  </si>
  <si>
    <t>1701158087.0</t>
  </si>
  <si>
    <t>1861529.0</t>
  </si>
  <si>
    <t>1774778.0</t>
  </si>
  <si>
    <t>186.45</t>
  </si>
  <si>
    <t>36.03</t>
  </si>
  <si>
    <t>423806.0</t>
  </si>
  <si>
    <t>8804045593.0</t>
  </si>
  <si>
    <t>3626729755.0</t>
  </si>
  <si>
    <t>3398100244.0</t>
  </si>
  <si>
    <t>1701899091.0</t>
  </si>
  <si>
    <t>1502673.0</t>
  </si>
  <si>
    <t>1776293.0</t>
  </si>
  <si>
    <t>186.47</t>
  </si>
  <si>
    <t>36.05</t>
  </si>
  <si>
    <t>384174.0</t>
  </si>
  <si>
    <t>8806202170.0</t>
  </si>
  <si>
    <t>3626754802.0</t>
  </si>
  <si>
    <t>3398294478.0</t>
  </si>
  <si>
    <t>1703614089.0</t>
  </si>
  <si>
    <t>1687125.0</t>
  </si>
  <si>
    <t>1770000.0</t>
  </si>
  <si>
    <t>186.52</t>
  </si>
  <si>
    <t>76.82</t>
  </si>
  <si>
    <t>71.98</t>
  </si>
  <si>
    <t>342478.0</t>
  </si>
  <si>
    <t>8807491200.0</t>
  </si>
  <si>
    <t>3626800906.0</t>
  </si>
  <si>
    <t>3398670433.0</t>
  </si>
  <si>
    <t>1704299098.0</t>
  </si>
  <si>
    <t>1206963.0</t>
  </si>
  <si>
    <t>1700732.0</t>
  </si>
  <si>
    <t>186.54</t>
  </si>
  <si>
    <t>36.1</t>
  </si>
  <si>
    <t>299380.0</t>
  </si>
  <si>
    <t>8808706176.0</t>
  </si>
  <si>
    <t>3626856692.0</t>
  </si>
  <si>
    <t>3398748620.0</t>
  </si>
  <si>
    <t>1705190752.0</t>
  </si>
  <si>
    <t>1816258.0</t>
  </si>
  <si>
    <t>1724942.0</t>
  </si>
  <si>
    <t>186.57</t>
  </si>
  <si>
    <t>36.12</t>
  </si>
  <si>
    <t>314685.0</t>
  </si>
  <si>
    <t>8810066374.0</t>
  </si>
  <si>
    <t>3626876826.0</t>
  </si>
  <si>
    <t>3398783077.0</t>
  </si>
  <si>
    <t>1706293661.0</t>
  </si>
  <si>
    <t>2116284.0</t>
  </si>
  <si>
    <t>1740609.0</t>
  </si>
  <si>
    <t>186.6</t>
  </si>
  <si>
    <t>36.14</t>
  </si>
  <si>
    <t>329027.0</t>
  </si>
  <si>
    <t>8812616235.0</t>
  </si>
  <si>
    <t>3628108140.0</t>
  </si>
  <si>
    <t>3398852826.0</t>
  </si>
  <si>
    <t>1707419536.0</t>
  </si>
  <si>
    <t>2111792.0</t>
  </si>
  <si>
    <t>1756036.0</t>
  </si>
  <si>
    <t>186.65</t>
  </si>
  <si>
    <t>36.16</t>
  </si>
  <si>
    <t>343349.0</t>
  </si>
  <si>
    <t>8813809562.0</t>
  </si>
  <si>
    <t>3628189949.0</t>
  </si>
  <si>
    <t>3398931891.0</t>
  </si>
  <si>
    <t>1708381858.0</t>
  </si>
  <si>
    <t>1150195.0</t>
  </si>
  <si>
    <t>1654897.0</t>
  </si>
  <si>
    <t>186.68</t>
  </si>
  <si>
    <t>76.85</t>
  </si>
  <si>
    <t>36.18</t>
  </si>
  <si>
    <t>263511.0</t>
  </si>
  <si>
    <t>8814761968.0</t>
  </si>
  <si>
    <t>3629001531.0</t>
  </si>
  <si>
    <t>3399544237.0</t>
  </si>
  <si>
    <t>1711055096.0</t>
  </si>
  <si>
    <t>1288412.0</t>
  </si>
  <si>
    <t>1624769.0</t>
  </si>
  <si>
    <t>186.7</t>
  </si>
  <si>
    <t>36.24</t>
  </si>
  <si>
    <t>260490.0</t>
  </si>
  <si>
    <t>8816108528.0</t>
  </si>
  <si>
    <t>3629088308.0</t>
  </si>
  <si>
    <t>3399697943.0</t>
  </si>
  <si>
    <t>1712050914.0</t>
  </si>
  <si>
    <t>1420003.0</t>
  </si>
  <si>
    <t>1587087.0</t>
  </si>
  <si>
    <t>186.73</t>
  </si>
  <si>
    <t>72.01</t>
  </si>
  <si>
    <t>36.26</t>
  </si>
  <si>
    <t>279410.0</t>
  </si>
  <si>
    <t>8817210708.0</t>
  </si>
  <si>
    <t>3629103625.0</t>
  </si>
  <si>
    <t>3399719303.0</t>
  </si>
  <si>
    <t>1712914266.0</t>
  </si>
  <si>
    <t>1435500.0</t>
  </si>
  <si>
    <t>1619747.0</t>
  </si>
  <si>
    <t>186.75</t>
  </si>
  <si>
    <t>76.87</t>
  </si>
  <si>
    <t>299483.0</t>
  </si>
  <si>
    <t>8819952763.0</t>
  </si>
  <si>
    <t>3629339240.0</t>
  </si>
  <si>
    <t>3400322990.0</t>
  </si>
  <si>
    <t>1714185853.0</t>
  </si>
  <si>
    <t>4968825.0</t>
  </si>
  <si>
    <t>2070129.0</t>
  </si>
  <si>
    <t>186.81</t>
  </si>
  <si>
    <t>72.02</t>
  </si>
  <si>
    <t>798422.0</t>
  </si>
  <si>
    <t>8821260253.0</t>
  </si>
  <si>
    <t>3629358609.0</t>
  </si>
  <si>
    <t>3400351192.0</t>
  </si>
  <si>
    <t>1715272640.0</t>
  </si>
  <si>
    <t>5191573.0</t>
  </si>
  <si>
    <t>2509472.0</t>
  </si>
  <si>
    <t>186.84</t>
  </si>
  <si>
    <t>36.33</t>
  </si>
  <si>
    <t>1356638.0</t>
  </si>
  <si>
    <t>8823759545.0</t>
  </si>
  <si>
    <t>3630211144.0</t>
  </si>
  <si>
    <t>3400565953.0</t>
  </si>
  <si>
    <t>1716555111.0</t>
  </si>
  <si>
    <t>6456639.0</t>
  </si>
  <si>
    <t>3130162.0</t>
  </si>
  <si>
    <t>186.89</t>
  </si>
  <si>
    <t>36.36</t>
  </si>
  <si>
    <t>1914822.0</t>
  </si>
  <si>
    <t>8852202865.0</t>
  </si>
  <si>
    <t>3646530183.0</t>
  </si>
  <si>
    <t>3402165531.0</t>
  </si>
  <si>
    <t>1718910211.0</t>
  </si>
  <si>
    <t>6815400.0</t>
  </si>
  <si>
    <t>3939478.0</t>
  </si>
  <si>
    <t>187.49</t>
  </si>
  <si>
    <t>72.06</t>
  </si>
  <si>
    <t>2505782.0</t>
  </si>
  <si>
    <t>8853233495.0</t>
  </si>
  <si>
    <t>3646569152.0</t>
  </si>
  <si>
    <t>3402203752.0</t>
  </si>
  <si>
    <t>1719640879.0</t>
  </si>
  <si>
    <t>1253205.0</t>
  </si>
  <si>
    <t>3884348.0</t>
  </si>
  <si>
    <t>187.51</t>
  </si>
  <si>
    <t>77.24</t>
  </si>
  <si>
    <t>2522123.0</t>
  </si>
  <si>
    <t>8855577540.0</t>
  </si>
  <si>
    <t>3646691863.0</t>
  </si>
  <si>
    <t>3403422702.0</t>
  </si>
  <si>
    <t>1721313175.0</t>
  </si>
  <si>
    <t>1468536.0</t>
  </si>
  <si>
    <t>3899631.0</t>
  </si>
  <si>
    <t>187.56</t>
  </si>
  <si>
    <t>72.09</t>
  </si>
  <si>
    <t>2522897.0</t>
  </si>
  <si>
    <t>8856932223.0</t>
  </si>
  <si>
    <t>3646708589.0</t>
  </si>
  <si>
    <t>3403446429.0</t>
  </si>
  <si>
    <t>1722132561.0</t>
  </si>
  <si>
    <t>1597087.0</t>
  </si>
  <si>
    <t>3931065.0</t>
  </si>
  <si>
    <t>187.59</t>
  </si>
  <si>
    <t>36.48</t>
  </si>
  <si>
    <t>2522883.0</t>
  </si>
  <si>
    <t>8858499334.0</t>
  </si>
  <si>
    <t>3646719946.0</t>
  </si>
  <si>
    <t>3403469551.0</t>
  </si>
  <si>
    <t>1722925313.0</t>
  </si>
  <si>
    <t>1815371.0</t>
  </si>
  <si>
    <t>3488922.0</t>
  </si>
  <si>
    <t>187.63</t>
  </si>
  <si>
    <t>36.49</t>
  </si>
  <si>
    <t>1986073.0</t>
  </si>
  <si>
    <t>8860640897.0</t>
  </si>
  <si>
    <t>3646730143.0</t>
  </si>
  <si>
    <t>3403493755.0</t>
  </si>
  <si>
    <t>1724020940.0</t>
  </si>
  <si>
    <t>2430143.0</t>
  </si>
  <si>
    <t>3102783.0</t>
  </si>
  <si>
    <t>187.67</t>
  </si>
  <si>
    <t>1390087.0</t>
  </si>
  <si>
    <t>8862782697.0</t>
  </si>
  <si>
    <t>3646740753.0</t>
  </si>
  <si>
    <t>3403521247.0</t>
  </si>
  <si>
    <t>1725102673.0</t>
  </si>
  <si>
    <t>2430380.0</t>
  </si>
  <si>
    <t>2535953.0</t>
  </si>
  <si>
    <t>187.72</t>
  </si>
  <si>
    <t>793836.0</t>
  </si>
  <si>
    <t>8865477610.0</t>
  </si>
  <si>
    <t>3646801237.0</t>
  </si>
  <si>
    <t>3403730658.0</t>
  </si>
  <si>
    <t>1725926591.0</t>
  </si>
  <si>
    <t>1693953.0</t>
  </si>
  <si>
    <t>1812668.0</t>
  </si>
  <si>
    <t>187.77</t>
  </si>
  <si>
    <t>36.56</t>
  </si>
  <si>
    <t>223278.0</t>
  </si>
  <si>
    <t>8867480606.0</t>
  </si>
  <si>
    <t>3646807201.0</t>
  </si>
  <si>
    <t>3403742881.0</t>
  </si>
  <si>
    <t>1726661153.0</t>
  </si>
  <si>
    <t>2238195.0</t>
  </si>
  <si>
    <t>1929069.0</t>
  </si>
  <si>
    <t>187.82</t>
  </si>
  <si>
    <t>36.57</t>
  </si>
  <si>
    <t>222516.0</t>
  </si>
  <si>
    <t>8869771377.0</t>
  </si>
  <si>
    <t>3649407194.0</t>
  </si>
  <si>
    <t>3404954509.0</t>
  </si>
  <si>
    <t>1732029201.0</t>
  </si>
  <si>
    <t>2527252.0</t>
  </si>
  <si>
    <t>2082979.0</t>
  </si>
  <si>
    <t>187.86</t>
  </si>
  <si>
    <t>72.12</t>
  </si>
  <si>
    <t>36.68</t>
  </si>
  <si>
    <t>221651.0</t>
  </si>
  <si>
    <t>8872084620.0</t>
  </si>
  <si>
    <t>3649418701.0</t>
  </si>
  <si>
    <t>3404976598.0</t>
  </si>
  <si>
    <t>1732830698.0</t>
  </si>
  <si>
    <t>2549724.0</t>
  </si>
  <si>
    <t>2223397.0</t>
  </si>
  <si>
    <t>187.91</t>
  </si>
  <si>
    <t>48647.0</t>
  </si>
  <si>
    <t>8875253829.0</t>
  </si>
  <si>
    <t>3649587836.0</t>
  </si>
  <si>
    <t>3405427573.0</t>
  </si>
  <si>
    <t>1733825625.0</t>
  </si>
  <si>
    <t>2441601.0</t>
  </si>
  <si>
    <t>2317198.0</t>
  </si>
  <si>
    <t>187.98</t>
  </si>
  <si>
    <t>72.13</t>
  </si>
  <si>
    <t>36.72</t>
  </si>
  <si>
    <t>48822.0</t>
  </si>
  <si>
    <t>8877768790.0</t>
  </si>
  <si>
    <t>3649607816.0</t>
  </si>
  <si>
    <t>3405460701.0</t>
  </si>
  <si>
    <t>1734908077.0</t>
  </si>
  <si>
    <t>2591701.0</t>
  </si>
  <si>
    <t>2285680.0</t>
  </si>
  <si>
    <t>188.03</t>
  </si>
  <si>
    <t>37899.0</t>
  </si>
  <si>
    <t>8879788098.0</t>
  </si>
  <si>
    <t>3649622221.0</t>
  </si>
  <si>
    <t>3405486690.0</t>
  </si>
  <si>
    <t>1735944085.0</t>
  </si>
  <si>
    <t>2209021.0</t>
  </si>
  <si>
    <t>2260790.0</t>
  </si>
  <si>
    <t>188.08</t>
  </si>
  <si>
    <t>36.77</t>
  </si>
  <si>
    <t>37930.0</t>
  </si>
  <si>
    <t>8881558103.0</t>
  </si>
  <si>
    <t>3649638390.0</t>
  </si>
  <si>
    <t>3405590725.0</t>
  </si>
  <si>
    <t>1736902097.0</t>
  </si>
  <si>
    <t>1438212.0</t>
  </si>
  <si>
    <t>2239376.0</t>
  </si>
  <si>
    <t>188.11</t>
  </si>
  <si>
    <t>37982.0</t>
  </si>
  <si>
    <t>8883245030.0</t>
  </si>
  <si>
    <t>3649645401.0</t>
  </si>
  <si>
    <t>3405608416.0</t>
  </si>
  <si>
    <t>1737643959.0</t>
  </si>
  <si>
    <t>1725870.0</t>
  </si>
  <si>
    <t>2149335.0</t>
  </si>
  <si>
    <t>188.15</t>
  </si>
  <si>
    <t>36.8</t>
  </si>
  <si>
    <t>37278.0</t>
  </si>
  <si>
    <t>8888738512.0</t>
  </si>
  <si>
    <t>3649988572.0</t>
  </si>
  <si>
    <t>3406097642.0</t>
  </si>
  <si>
    <t>1739305779.0</t>
  </si>
  <si>
    <t>4004607.0</t>
  </si>
  <si>
    <t>2376142.0</t>
  </si>
  <si>
    <t>188.27</t>
  </si>
  <si>
    <t>77.31</t>
  </si>
  <si>
    <t>36.84</t>
  </si>
  <si>
    <t>37648.0</t>
  </si>
  <si>
    <t>8893142434.0</t>
  </si>
  <si>
    <t>3650004121.0</t>
  </si>
  <si>
    <t>3406131271.0</t>
  </si>
  <si>
    <t>1740035576.0</t>
  </si>
  <si>
    <t>4397352.0</t>
  </si>
  <si>
    <t>2564787.0</t>
  </si>
  <si>
    <t>188.36</t>
  </si>
  <si>
    <t>36.85</t>
  </si>
  <si>
    <t>21093.0</t>
  </si>
  <si>
    <t>8896416762.0</t>
  </si>
  <si>
    <t>3650178529.0</t>
  </si>
  <si>
    <t>3406316935.0</t>
  </si>
  <si>
    <t>1740738200.0</t>
  </si>
  <si>
    <t>3019367.0</t>
  </si>
  <si>
    <t>2676646.0</t>
  </si>
  <si>
    <t>188.43</t>
  </si>
  <si>
    <t>72.15</t>
  </si>
  <si>
    <t>20903.0</t>
  </si>
  <si>
    <t>8899590022.0</t>
  </si>
  <si>
    <t>3650192055.0</t>
  </si>
  <si>
    <t>3406347766.0</t>
  </si>
  <si>
    <t>1741592371.0</t>
  </si>
  <si>
    <t>3204233.0</t>
  </si>
  <si>
    <t>2775267.0</t>
  </si>
  <si>
    <t>188.5</t>
  </si>
  <si>
    <t>11555.0</t>
  </si>
  <si>
    <t>8901697827.0</t>
  </si>
  <si>
    <t>3650207046.0</t>
  </si>
  <si>
    <t>3406380270.0</t>
  </si>
  <si>
    <t>1742377233.0</t>
  </si>
  <si>
    <t>2139680.0</t>
  </si>
  <si>
    <t>2787210.0</t>
  </si>
  <si>
    <t>188.54</t>
  </si>
  <si>
    <t>11747.0</t>
  </si>
  <si>
    <t>8903090171.0</t>
  </si>
  <si>
    <t>3650218574.0</t>
  </si>
  <si>
    <t>3406407630.0</t>
  </si>
  <si>
    <t>1742857857.0</t>
  </si>
  <si>
    <t>1335470.0</t>
  </si>
  <si>
    <t>2794380.0</t>
  </si>
  <si>
    <t>188.57</t>
  </si>
  <si>
    <t>36.91</t>
  </si>
  <si>
    <t>8904984918.0</t>
  </si>
  <si>
    <t>3650226269.0</t>
  </si>
  <si>
    <t>3406420363.0</t>
  </si>
  <si>
    <t>1743397430.0</t>
  </si>
  <si>
    <t>1896738.0</t>
  </si>
  <si>
    <t>2835941.0</t>
  </si>
  <si>
    <t>188.61</t>
  </si>
  <si>
    <t>12821.0</t>
  </si>
  <si>
    <t>8906737368.0</t>
  </si>
  <si>
    <t>3650240938.0</t>
  </si>
  <si>
    <t>3406445751.0</t>
  </si>
  <si>
    <t>1743954479.0</t>
  </si>
  <si>
    <t>1754441.0</t>
  </si>
  <si>
    <t>2531641.0</t>
  </si>
  <si>
    <t>188.65</t>
  </si>
  <si>
    <t>8908283278.0</t>
  </si>
  <si>
    <t>3650254481.0</t>
  </si>
  <si>
    <t>3406470816.0</t>
  </si>
  <si>
    <t>1744383207.0</t>
  </si>
  <si>
    <t>1547901.0</t>
  </si>
  <si>
    <t>2126555.0</t>
  </si>
  <si>
    <t>36.95</t>
  </si>
  <si>
    <t>13730.0</t>
  </si>
  <si>
    <t>8909631430.0</t>
  </si>
  <si>
    <t>3650266338.0</t>
  </si>
  <si>
    <t>3406493499.0</t>
  </si>
  <si>
    <t>1744640612.0</t>
  </si>
  <si>
    <t>1350143.0</t>
  </si>
  <si>
    <t>1889800.0</t>
  </si>
  <si>
    <t>188.71</t>
  </si>
  <si>
    <t>13958.0</t>
  </si>
  <si>
    <t>8910799708.0</t>
  </si>
  <si>
    <t>3650288319.0</t>
  </si>
  <si>
    <t>3406516510.0</t>
  </si>
  <si>
    <t>1744756105.0</t>
  </si>
  <si>
    <t>1154339.0</t>
  </si>
  <si>
    <t>1563424.0</t>
  </si>
  <si>
    <t>188.73</t>
  </si>
  <si>
    <t>12659.0</t>
  </si>
  <si>
    <t>8911552492.0</t>
  </si>
  <si>
    <t>3650297379.0</t>
  </si>
  <si>
    <t>3406532506.0</t>
  </si>
  <si>
    <t>1744913803.0</t>
  </si>
  <si>
    <t>188.75</t>
  </si>
  <si>
    <t>8912014150.0</t>
  </si>
  <si>
    <t>3650301488.0</t>
  </si>
  <si>
    <t>3406541269.0</t>
  </si>
  <si>
    <t>1744968588.0</t>
  </si>
  <si>
    <t>188.76</t>
  </si>
  <si>
    <t>8919330654.0</t>
  </si>
  <si>
    <t>3651295752.0</t>
  </si>
  <si>
    <t>3407855107.0</t>
  </si>
  <si>
    <t>1749519280.0</t>
  </si>
  <si>
    <t>188.91</t>
  </si>
  <si>
    <t>77.34</t>
  </si>
  <si>
    <t>72.18</t>
  </si>
  <si>
    <t>8920049684.0</t>
  </si>
  <si>
    <t>3651299985.0</t>
  </si>
  <si>
    <t>3407863919.0</t>
  </si>
  <si>
    <t>1749564301.0</t>
  </si>
  <si>
    <t>188.93</t>
  </si>
  <si>
    <t>8921224408.0</t>
  </si>
  <si>
    <t>3651376704.0</t>
  </si>
  <si>
    <t>3408074340.0</t>
  </si>
  <si>
    <t>1749704491.0</t>
  </si>
  <si>
    <t>188.95</t>
  </si>
  <si>
    <t>8922137580.0</t>
  </si>
  <si>
    <t>3651382990.0</t>
  </si>
  <si>
    <t>3408086477.0</t>
  </si>
  <si>
    <t>1749851862.0</t>
  </si>
  <si>
    <t>188.97</t>
  </si>
  <si>
    <t>AUS</t>
  </si>
  <si>
    <t>Oceania</t>
  </si>
  <si>
    <t>Australia</t>
  </si>
  <si>
    <t>-47.0</t>
  </si>
  <si>
    <t>-0.4</t>
  </si>
  <si>
    <t>-1.79544118382988</t>
  </si>
  <si>
    <t>-33.2</t>
  </si>
  <si>
    <t>-0.23</t>
  </si>
  <si>
    <t>-1.26826909155642</t>
  </si>
  <si>
    <t>-49.0</t>
  </si>
  <si>
    <t>-0.28</t>
  </si>
  <si>
    <t>-0.54</t>
  </si>
  <si>
    <t>-1.87184293633327</t>
  </si>
  <si>
    <t>2.4906971316108</t>
  </si>
  <si>
    <t>5.76833231400662</t>
  </si>
  <si>
    <t>290.2</t>
  </si>
  <si>
    <t>11.0858942882432</t>
  </si>
  <si>
    <t>6796.0</t>
  </si>
  <si>
    <t>295.8</t>
  </si>
  <si>
    <t>11.2998191952527</t>
  </si>
  <si>
    <t>10221.0</t>
  </si>
  <si>
    <t>14856.0</t>
  </si>
  <si>
    <t>16685.0</t>
  </si>
  <si>
    <t>20496.0</t>
  </si>
  <si>
    <t>73.3</t>
  </si>
  <si>
    <t>22567.0</t>
  </si>
  <si>
    <t>0.0144</t>
  </si>
  <si>
    <t>345.6</t>
  </si>
  <si>
    <t>13.2022228325873</t>
  </si>
  <si>
    <t>22003.0</t>
  </si>
  <si>
    <t>0.0079</t>
  </si>
  <si>
    <t>126.6</t>
  </si>
  <si>
    <t>51057.0</t>
  </si>
  <si>
    <t>6003.0</t>
  </si>
  <si>
    <t>7017.0</t>
  </si>
  <si>
    <t>108.8</t>
  </si>
  <si>
    <t>103341.0</t>
  </si>
  <si>
    <t>45267.0</t>
  </si>
  <si>
    <t>3.987</t>
  </si>
  <si>
    <t>12641.0</t>
  </si>
  <si>
    <t>110784.0</t>
  </si>
  <si>
    <t>7443.0</t>
  </si>
  <si>
    <t>4.274</t>
  </si>
  <si>
    <t>13443.0</t>
  </si>
  <si>
    <t>0.0063</t>
  </si>
  <si>
    <t>159.2</t>
  </si>
  <si>
    <t>122504.0</t>
  </si>
  <si>
    <t>4.726</t>
  </si>
  <si>
    <t>14573.0</t>
  </si>
  <si>
    <t>124.3</t>
  </si>
  <si>
    <t>132593.0</t>
  </si>
  <si>
    <t>10089.0</t>
  </si>
  <si>
    <t>5.115</t>
  </si>
  <si>
    <t>15718.0</t>
  </si>
  <si>
    <t>482.4</t>
  </si>
  <si>
    <t>18.4281027038198</t>
  </si>
  <si>
    <t>143638.0</t>
  </si>
  <si>
    <t>11045.0</t>
  </si>
  <si>
    <t>5.541</t>
  </si>
  <si>
    <t>0.0132</t>
  </si>
  <si>
    <t>156668.0</t>
  </si>
  <si>
    <t>13030.0</t>
  </si>
  <si>
    <t>6.044</t>
  </si>
  <si>
    <t>15087.0</t>
  </si>
  <si>
    <t>168436.0</t>
  </si>
  <si>
    <t>11768.0</t>
  </si>
  <si>
    <t>6.498</t>
  </si>
  <si>
    <t>179939.0</t>
  </si>
  <si>
    <t>11503.0</t>
  </si>
  <si>
    <t>6.942</t>
  </si>
  <si>
    <t>10943.0</t>
  </si>
  <si>
    <t>192808.0</t>
  </si>
  <si>
    <t>12869.0</t>
  </si>
  <si>
    <t>7.438</t>
  </si>
  <si>
    <t>11718.0</t>
  </si>
  <si>
    <t>0.0287</t>
  </si>
  <si>
    <t>34.9</t>
  </si>
  <si>
    <t>210069.0</t>
  </si>
  <si>
    <t>17261.0</t>
  </si>
  <si>
    <t>8.104</t>
  </si>
  <si>
    <t>12509.0</t>
  </si>
  <si>
    <t>34.1</t>
  </si>
  <si>
    <t>223514.0</t>
  </si>
  <si>
    <t>13445.0</t>
  </si>
  <si>
    <t>8.623</t>
  </si>
  <si>
    <t>12989.0</t>
  </si>
  <si>
    <t>647.8</t>
  </si>
  <si>
    <t>5.55</t>
  </si>
  <si>
    <t>24.7465276358509</t>
  </si>
  <si>
    <t>232947.0</t>
  </si>
  <si>
    <t>9433.0</t>
  </si>
  <si>
    <t>8.987</t>
  </si>
  <si>
    <t>12758.0</t>
  </si>
  <si>
    <t>3.132</t>
  </si>
  <si>
    <t>244929.0</t>
  </si>
  <si>
    <t>9.449</t>
  </si>
  <si>
    <t>12609.0</t>
  </si>
  <si>
    <t>3.285</t>
  </si>
  <si>
    <t>256818.0</t>
  </si>
  <si>
    <t>11889.0</t>
  </si>
  <si>
    <t>9.908</t>
  </si>
  <si>
    <t>12626.0</t>
  </si>
  <si>
    <t>3.514</t>
  </si>
  <si>
    <t>15.853</t>
  </si>
  <si>
    <t>267098.0</t>
  </si>
  <si>
    <t>10280.0</t>
  </si>
  <si>
    <t>10.304</t>
  </si>
  <si>
    <t>12451.0</t>
  </si>
  <si>
    <t>0.0265</t>
  </si>
  <si>
    <t>3.553</t>
  </si>
  <si>
    <t>17.458</t>
  </si>
  <si>
    <t>277847.0</t>
  </si>
  <si>
    <t>10749.0</t>
  </si>
  <si>
    <t>10.719</t>
  </si>
  <si>
    <t>12148.0</t>
  </si>
  <si>
    <t>3.629</t>
  </si>
  <si>
    <t>18.718</t>
  </si>
  <si>
    <t>287457.0</t>
  </si>
  <si>
    <t>9610.0</t>
  </si>
  <si>
    <t>11.09</t>
  </si>
  <si>
    <t>3.667</t>
  </si>
  <si>
    <t>297240.0</t>
  </si>
  <si>
    <t>9783.0</t>
  </si>
  <si>
    <t>11.467</t>
  </si>
  <si>
    <t>10532.0</t>
  </si>
  <si>
    <t>0.0231</t>
  </si>
  <si>
    <t>869.4</t>
  </si>
  <si>
    <t>33.2118418132275</t>
  </si>
  <si>
    <t>11.651</t>
  </si>
  <si>
    <t>302759.0</t>
  </si>
  <si>
    <t>9973.0</t>
  </si>
  <si>
    <t>0.0206</t>
  </si>
  <si>
    <t>48.6</t>
  </si>
  <si>
    <t>3.323</t>
  </si>
  <si>
    <t>10.047</t>
  </si>
  <si>
    <t>310797.0</t>
  </si>
  <si>
    <t>8038.0</t>
  </si>
  <si>
    <t>11.99</t>
  </si>
  <si>
    <t>9410.0</t>
  </si>
  <si>
    <t>3.094</t>
  </si>
  <si>
    <t>10.009</t>
  </si>
  <si>
    <t>319467.0</t>
  </si>
  <si>
    <t>8670.0</t>
  </si>
  <si>
    <t>12.325</t>
  </si>
  <si>
    <t>8950.0</t>
  </si>
  <si>
    <t>330234.0</t>
  </si>
  <si>
    <t>12.74</t>
  </si>
  <si>
    <t>9019.0</t>
  </si>
  <si>
    <t>0.0157</t>
  </si>
  <si>
    <t>3.056</t>
  </si>
  <si>
    <t>9.168</t>
  </si>
  <si>
    <t>338449.0</t>
  </si>
  <si>
    <t>8215.0</t>
  </si>
  <si>
    <t>13.057</t>
  </si>
  <si>
    <t>3.171</t>
  </si>
  <si>
    <t>350807.0</t>
  </si>
  <si>
    <t>13.534</t>
  </si>
  <si>
    <t>0.0119</t>
  </si>
  <si>
    <t>3.018</t>
  </si>
  <si>
    <t>8.672</t>
  </si>
  <si>
    <t>354043.0</t>
  </si>
  <si>
    <t>3236.0</t>
  </si>
  <si>
    <t>13.658</t>
  </si>
  <si>
    <t>8115.0</t>
  </si>
  <si>
    <t>0.0111</t>
  </si>
  <si>
    <t>968.6</t>
  </si>
  <si>
    <t>37.0013687373961</t>
  </si>
  <si>
    <t>8.786</t>
  </si>
  <si>
    <t>362239.0</t>
  </si>
  <si>
    <t>8196.0</t>
  </si>
  <si>
    <t>107.4</t>
  </si>
  <si>
    <t>2.789</t>
  </si>
  <si>
    <t>8.175</t>
  </si>
  <si>
    <t>366596.0</t>
  </si>
  <si>
    <t>4357.0</t>
  </si>
  <si>
    <t>14.143</t>
  </si>
  <si>
    <t>7971.0</t>
  </si>
  <si>
    <t>107.3</t>
  </si>
  <si>
    <t>2.559</t>
  </si>
  <si>
    <t>7.678</t>
  </si>
  <si>
    <t>371377.0</t>
  </si>
  <si>
    <t>4781.0</t>
  </si>
  <si>
    <t>14.327</t>
  </si>
  <si>
    <t>7416.0</t>
  </si>
  <si>
    <t>120.7</t>
  </si>
  <si>
    <t>2.292</t>
  </si>
  <si>
    <t>7.335</t>
  </si>
  <si>
    <t>380003.0</t>
  </si>
  <si>
    <t>7110.0</t>
  </si>
  <si>
    <t>140.6</t>
  </si>
  <si>
    <t>2.101</t>
  </si>
  <si>
    <t>7.029</t>
  </si>
  <si>
    <t>391530.0</t>
  </si>
  <si>
    <t>15.105</t>
  </si>
  <si>
    <t>7583.0</t>
  </si>
  <si>
    <t>172.9</t>
  </si>
  <si>
    <t>1.834</t>
  </si>
  <si>
    <t>6.762</t>
  </si>
  <si>
    <t>406510.0</t>
  </si>
  <si>
    <t>14980.0</t>
  </si>
  <si>
    <t>15.683</t>
  </si>
  <si>
    <t>7958.0</t>
  </si>
  <si>
    <t>210.2</t>
  </si>
  <si>
    <t>1.872</t>
  </si>
  <si>
    <t>6.494</t>
  </si>
  <si>
    <t>421099.0</t>
  </si>
  <si>
    <t>14589.0</t>
  </si>
  <si>
    <t>16.245</t>
  </si>
  <si>
    <t>9579.0</t>
  </si>
  <si>
    <t>227.3</t>
  </si>
  <si>
    <t>1008.6</t>
  </si>
  <si>
    <t>38.5294037874641</t>
  </si>
  <si>
    <t>1.795</t>
  </si>
  <si>
    <t>431734.0</t>
  </si>
  <si>
    <t>10635.0</t>
  </si>
  <si>
    <t>16.656</t>
  </si>
  <si>
    <t>9928.0</t>
  </si>
  <si>
    <t>0.0039</t>
  </si>
  <si>
    <t>255.5</t>
  </si>
  <si>
    <t>1.757</t>
  </si>
  <si>
    <t>440107.0</t>
  </si>
  <si>
    <t>8373.0</t>
  </si>
  <si>
    <t>16.979</t>
  </si>
  <si>
    <t>0.0031</t>
  </si>
  <si>
    <t>319.6</t>
  </si>
  <si>
    <t>5.807</t>
  </si>
  <si>
    <t>452537.0</t>
  </si>
  <si>
    <t>12430.0</t>
  </si>
  <si>
    <t>11594.0</t>
  </si>
  <si>
    <t>0.0026</t>
  </si>
  <si>
    <t>382.8</t>
  </si>
  <si>
    <t>1.604</t>
  </si>
  <si>
    <t>5.272</t>
  </si>
  <si>
    <t>466665.0</t>
  </si>
  <si>
    <t>14128.0</t>
  </si>
  <si>
    <t>18.003</t>
  </si>
  <si>
    <t>12380.0</t>
  </si>
  <si>
    <t>433.3</t>
  </si>
  <si>
    <t>1.643</t>
  </si>
  <si>
    <t>4.928</t>
  </si>
  <si>
    <t>482370.0</t>
  </si>
  <si>
    <t>18.609</t>
  </si>
  <si>
    <t>586.1</t>
  </si>
  <si>
    <t>494257.0</t>
  </si>
  <si>
    <t>11887.0</t>
  </si>
  <si>
    <t>19.068</t>
  </si>
  <si>
    <t>12535.0</t>
  </si>
  <si>
    <t>0.0014</t>
  </si>
  <si>
    <t>696.4</t>
  </si>
  <si>
    <t>4.317</t>
  </si>
  <si>
    <t>506450.0</t>
  </si>
  <si>
    <t>12193.0</t>
  </si>
  <si>
    <t>19.538</t>
  </si>
  <si>
    <t>820.7</t>
  </si>
  <si>
    <t>1016.8</t>
  </si>
  <si>
    <t>38.842650972728</t>
  </si>
  <si>
    <t>4.164</t>
  </si>
  <si>
    <t>517063.0</t>
  </si>
  <si>
    <t>10613.0</t>
  </si>
  <si>
    <t>19.948</t>
  </si>
  <si>
    <t>12190.0</t>
  </si>
  <si>
    <t>870.7</t>
  </si>
  <si>
    <t>1.452</t>
  </si>
  <si>
    <t>530679.0</t>
  </si>
  <si>
    <t>13616.0</t>
  </si>
  <si>
    <t>20.473</t>
  </si>
  <si>
    <t>12939.0</t>
  </si>
  <si>
    <t>914.9</t>
  </si>
  <si>
    <t>544410.0</t>
  </si>
  <si>
    <t>21.003</t>
  </si>
  <si>
    <t>918.7</t>
  </si>
  <si>
    <t>563641.0</t>
  </si>
  <si>
    <t>19231.0</t>
  </si>
  <si>
    <t>21.744</t>
  </si>
  <si>
    <t>13854.0</t>
  </si>
  <si>
    <t>932.5</t>
  </si>
  <si>
    <t>588868.0</t>
  </si>
  <si>
    <t>25227.0</t>
  </si>
  <si>
    <t>22.718</t>
  </si>
  <si>
    <t>15214.0</t>
  </si>
  <si>
    <t>1054.4</t>
  </si>
  <si>
    <t>2.865</t>
  </si>
  <si>
    <t>611583.0</t>
  </si>
  <si>
    <t>22715.0</t>
  </si>
  <si>
    <t>23.594</t>
  </si>
  <si>
    <t>16761.0</t>
  </si>
  <si>
    <t>1117.4</t>
  </si>
  <si>
    <t>633107.0</t>
  </si>
  <si>
    <t>24.424</t>
  </si>
  <si>
    <t>18094.0</t>
  </si>
  <si>
    <t>1172.7</t>
  </si>
  <si>
    <t>978.8</t>
  </si>
  <si>
    <t>-1.24</t>
  </si>
  <si>
    <t>37.3910176751634</t>
  </si>
  <si>
    <t>2.521</t>
  </si>
  <si>
    <t>650214.0</t>
  </si>
  <si>
    <t>17107.0</t>
  </si>
  <si>
    <t>25.084</t>
  </si>
  <si>
    <t>19022.0</t>
  </si>
  <si>
    <t>1056.8</t>
  </si>
  <si>
    <t>664756.0</t>
  </si>
  <si>
    <t>14542.0</t>
  </si>
  <si>
    <t>25.645</t>
  </si>
  <si>
    <t>1023.5</t>
  </si>
  <si>
    <t>2.216</t>
  </si>
  <si>
    <t>688656.0</t>
  </si>
  <si>
    <t>23900.0</t>
  </si>
  <si>
    <t>26.567</t>
  </si>
  <si>
    <t>20607.0</t>
  </si>
  <si>
    <t>0.795</t>
  </si>
  <si>
    <t>1015.8</t>
  </si>
  <si>
    <t>2.139</t>
  </si>
  <si>
    <t>722549.0</t>
  </si>
  <si>
    <t>33893.0</t>
  </si>
  <si>
    <t>27.875</t>
  </si>
  <si>
    <t>1.308</t>
  </si>
  <si>
    <t>22701.0</t>
  </si>
  <si>
    <t>757250.0</t>
  </si>
  <si>
    <t>29.214</t>
  </si>
  <si>
    <t>24055.0</t>
  </si>
  <si>
    <t>1202.8</t>
  </si>
  <si>
    <t>795456.0</t>
  </si>
  <si>
    <t>38206.0</t>
  </si>
  <si>
    <t>30.688</t>
  </si>
  <si>
    <t>1.474</t>
  </si>
  <si>
    <t>26268.0</t>
  </si>
  <si>
    <t>1313.4</t>
  </si>
  <si>
    <t>827872.0</t>
  </si>
  <si>
    <t>32416.0</t>
  </si>
  <si>
    <t>31.938</t>
  </si>
  <si>
    <t>27824.0</t>
  </si>
  <si>
    <t>0.0006</t>
  </si>
  <si>
    <t>1545.8</t>
  </si>
  <si>
    <t>948.6</t>
  </si>
  <si>
    <t>-0.95</t>
  </si>
  <si>
    <t>36.2373512123621</t>
  </si>
  <si>
    <t>855119.0</t>
  </si>
  <si>
    <t>27247.0</t>
  </si>
  <si>
    <t>32.989</t>
  </si>
  <si>
    <t>1665.9</t>
  </si>
  <si>
    <t>877927.0</t>
  </si>
  <si>
    <t>22808.0</t>
  </si>
  <si>
    <t>33.869</t>
  </si>
  <si>
    <t>30453.0</t>
  </si>
  <si>
    <t>0.0005</t>
  </si>
  <si>
    <t>2030.2</t>
  </si>
  <si>
    <t>909025.0</t>
  </si>
  <si>
    <t>31098.0</t>
  </si>
  <si>
    <t>35.069</t>
  </si>
  <si>
    <t>31481.0</t>
  </si>
  <si>
    <t>0.0004</t>
  </si>
  <si>
    <t>2319.7</t>
  </si>
  <si>
    <t>943299.0</t>
  </si>
  <si>
    <t>34274.0</t>
  </si>
  <si>
    <t>36.391</t>
  </si>
  <si>
    <t>1.322</t>
  </si>
  <si>
    <t>31536.0</t>
  </si>
  <si>
    <t>2082.5</t>
  </si>
  <si>
    <t>983816.0</t>
  </si>
  <si>
    <t>40517.0</t>
  </si>
  <si>
    <t>37.954</t>
  </si>
  <si>
    <t>32367.0</t>
  </si>
  <si>
    <t>1.249</t>
  </si>
  <si>
    <t>1936.5</t>
  </si>
  <si>
    <t>1015652.0</t>
  </si>
  <si>
    <t>31836.0</t>
  </si>
  <si>
    <t>39.182</t>
  </si>
  <si>
    <t>2097.1</t>
  </si>
  <si>
    <t>1042126.0</t>
  </si>
  <si>
    <t>26474.0</t>
  </si>
  <si>
    <t>40.204</t>
  </si>
  <si>
    <t>30608.0</t>
  </si>
  <si>
    <t>2021.3</t>
  </si>
  <si>
    <t>908.4</t>
  </si>
  <si>
    <t>-1.26</t>
  </si>
  <si>
    <t>34.7016759870438</t>
  </si>
  <si>
    <t>1062868.0</t>
  </si>
  <si>
    <t>20742.0</t>
  </si>
  <si>
    <t>41.004</t>
  </si>
  <si>
    <t>29678.0</t>
  </si>
  <si>
    <t>2119.9</t>
  </si>
  <si>
    <t>1087155.0</t>
  </si>
  <si>
    <t>24287.0</t>
  </si>
  <si>
    <t>41.941</t>
  </si>
  <si>
    <t>29890.0</t>
  </si>
  <si>
    <t>1.153</t>
  </si>
  <si>
    <t>2274.2</t>
  </si>
  <si>
    <t>1113039.0</t>
  </si>
  <si>
    <t>25884.0</t>
  </si>
  <si>
    <t>29145.0</t>
  </si>
  <si>
    <t>2217.5</t>
  </si>
  <si>
    <t>1138860.0</t>
  </si>
  <si>
    <t>25821.0</t>
  </si>
  <si>
    <t>43.936</t>
  </si>
  <si>
    <t>27937.0</t>
  </si>
  <si>
    <t>2573.2</t>
  </si>
  <si>
    <t>1.337</t>
  </si>
  <si>
    <t>1171715.0</t>
  </si>
  <si>
    <t>32855.0</t>
  </si>
  <si>
    <t>45.203</t>
  </si>
  <si>
    <t>26843.0</t>
  </si>
  <si>
    <t>0.0003</t>
  </si>
  <si>
    <t>2935.9</t>
  </si>
  <si>
    <t>1193394.0</t>
  </si>
  <si>
    <t>46.04</t>
  </si>
  <si>
    <t>25392.0</t>
  </si>
  <si>
    <t>2539.2</t>
  </si>
  <si>
    <t>1225667.0</t>
  </si>
  <si>
    <t>32273.0</t>
  </si>
  <si>
    <t>47.285</t>
  </si>
  <si>
    <t>1.245</t>
  </si>
  <si>
    <t>26220.0</t>
  </si>
  <si>
    <t>3059.2</t>
  </si>
  <si>
    <t>857.6</t>
  </si>
  <si>
    <t>-1.56</t>
  </si>
  <si>
    <t>32.7610714734575</t>
  </si>
  <si>
    <t>1244971.0</t>
  </si>
  <si>
    <t>19304.0</t>
  </si>
  <si>
    <t>48.029</t>
  </si>
  <si>
    <t>26015.0</t>
  </si>
  <si>
    <t>3139.6</t>
  </si>
  <si>
    <t>1289436.0</t>
  </si>
  <si>
    <t>44465.0</t>
  </si>
  <si>
    <t>49.745</t>
  </si>
  <si>
    <t>28897.0</t>
  </si>
  <si>
    <t>3019.2</t>
  </si>
  <si>
    <t>1338824.0</t>
  </si>
  <si>
    <t>49388.0</t>
  </si>
  <si>
    <t>51.65</t>
  </si>
  <si>
    <t>32255.0</t>
  </si>
  <si>
    <t>3272.3</t>
  </si>
  <si>
    <t>1369089.0</t>
  </si>
  <si>
    <t>30265.0</t>
  </si>
  <si>
    <t>52.818</t>
  </si>
  <si>
    <t>32890.0</t>
  </si>
  <si>
    <t>1399437.0</t>
  </si>
  <si>
    <t>30348.0</t>
  </si>
  <si>
    <t>53.988</t>
  </si>
  <si>
    <t>32532.0</t>
  </si>
  <si>
    <t>2679.1</t>
  </si>
  <si>
    <t>1432763.0</t>
  </si>
  <si>
    <t>33326.0</t>
  </si>
  <si>
    <t>55.274</t>
  </si>
  <si>
    <t>34196.0</t>
  </si>
  <si>
    <t>3068.8</t>
  </si>
  <si>
    <t>1458592.0</t>
  </si>
  <si>
    <t>25829.0</t>
  </si>
  <si>
    <t>33275.0</t>
  </si>
  <si>
    <t>1.284</t>
  </si>
  <si>
    <t>754.0</t>
  </si>
  <si>
    <t>-3.16</t>
  </si>
  <si>
    <t>28.8034606937814</t>
  </si>
  <si>
    <t>1476416.0</t>
  </si>
  <si>
    <t>17824.0</t>
  </si>
  <si>
    <t>56.958</t>
  </si>
  <si>
    <t>33064.0</t>
  </si>
  <si>
    <t>1.276</t>
  </si>
  <si>
    <t>2436.4</t>
  </si>
  <si>
    <t>1494692.0</t>
  </si>
  <si>
    <t>18276.0</t>
  </si>
  <si>
    <t>57.663</t>
  </si>
  <si>
    <t>29322.0</t>
  </si>
  <si>
    <t>2280.6</t>
  </si>
  <si>
    <t>1517153.0</t>
  </si>
  <si>
    <t>22461.0</t>
  </si>
  <si>
    <t>58.53</t>
  </si>
  <si>
    <t>25476.0</t>
  </si>
  <si>
    <t>1981.5</t>
  </si>
  <si>
    <t>1550572.0</t>
  </si>
  <si>
    <t>33419.0</t>
  </si>
  <si>
    <t>59.819</t>
  </si>
  <si>
    <t>25926.0</t>
  </si>
  <si>
    <t>2213.2</t>
  </si>
  <si>
    <t>1582389.0</t>
  </si>
  <si>
    <t>31817.0</t>
  </si>
  <si>
    <t>61.046</t>
  </si>
  <si>
    <t>1.227</t>
  </si>
  <si>
    <t>26136.0</t>
  </si>
  <si>
    <t>2690.5</t>
  </si>
  <si>
    <t>1593974.0</t>
  </si>
  <si>
    <t>11585.0</t>
  </si>
  <si>
    <t>61.493</t>
  </si>
  <si>
    <t>23030.0</t>
  </si>
  <si>
    <t>2406.2</t>
  </si>
  <si>
    <t>1620861.0</t>
  </si>
  <si>
    <t>26887.0</t>
  </si>
  <si>
    <t>62.531</t>
  </si>
  <si>
    <t>23181.0</t>
  </si>
  <si>
    <t>2575.7</t>
  </si>
  <si>
    <t>-7.13</t>
  </si>
  <si>
    <t>19.6734512696252</t>
  </si>
  <si>
    <t>1637086.0</t>
  </si>
  <si>
    <t>16225.0</t>
  </si>
  <si>
    <t>63.157</t>
  </si>
  <si>
    <t>22953.0</t>
  </si>
  <si>
    <t>3493.1</t>
  </si>
  <si>
    <t>1654256.0</t>
  </si>
  <si>
    <t>17170.0</t>
  </si>
  <si>
    <t>63.819</t>
  </si>
  <si>
    <t>22795.0</t>
  </si>
  <si>
    <t>3545.7</t>
  </si>
  <si>
    <t>1683711.0</t>
  </si>
  <si>
    <t>29455.0</t>
  </si>
  <si>
    <t>64.955</t>
  </si>
  <si>
    <t>23794.0</t>
  </si>
  <si>
    <t>3701.0</t>
  </si>
  <si>
    <t>1715183.0</t>
  </si>
  <si>
    <t>31472.0</t>
  </si>
  <si>
    <t>66.169</t>
  </si>
  <si>
    <t>23516.0</t>
  </si>
  <si>
    <t>3919.3</t>
  </si>
  <si>
    <t>1749398.0</t>
  </si>
  <si>
    <t>34215.0</t>
  </si>
  <si>
    <t>67.489</t>
  </si>
  <si>
    <t>23858.0</t>
  </si>
  <si>
    <t>3976.3</t>
  </si>
  <si>
    <t>1786624.0</t>
  </si>
  <si>
    <t>37226.0</t>
  </si>
  <si>
    <t>68.925</t>
  </si>
  <si>
    <t>1.436</t>
  </si>
  <si>
    <t>27521.0</t>
  </si>
  <si>
    <t>3158.3</t>
  </si>
  <si>
    <t>1816424.0</t>
  </si>
  <si>
    <t>29800.0</t>
  </si>
  <si>
    <t>70.075</t>
  </si>
  <si>
    <t>27938.0</t>
  </si>
  <si>
    <t>2793.8</t>
  </si>
  <si>
    <t>342.6</t>
  </si>
  <si>
    <t>-5.22</t>
  </si>
  <si>
    <t>13.0876202038322</t>
  </si>
  <si>
    <t>1832394.0</t>
  </si>
  <si>
    <t>15970.0</t>
  </si>
  <si>
    <t>70.691</t>
  </si>
  <si>
    <t>27901.0</t>
  </si>
  <si>
    <t>2441.2</t>
  </si>
  <si>
    <t>1850842.0</t>
  </si>
  <si>
    <t>18448.0</t>
  </si>
  <si>
    <t>71.403</t>
  </si>
  <si>
    <t>28084.0</t>
  </si>
  <si>
    <t>2047.8</t>
  </si>
  <si>
    <t>1886002.0</t>
  </si>
  <si>
    <t>35160.0</t>
  </si>
  <si>
    <t>72.759</t>
  </si>
  <si>
    <t>28899.0</t>
  </si>
  <si>
    <t>1908.4</t>
  </si>
  <si>
    <t>1927497.0</t>
  </si>
  <si>
    <t>41495.0</t>
  </si>
  <si>
    <t>30331.0</t>
  </si>
  <si>
    <t>1769.3</t>
  </si>
  <si>
    <t>1970205.0</t>
  </si>
  <si>
    <t>42708.0</t>
  </si>
  <si>
    <t>76.008</t>
  </si>
  <si>
    <t>1.648</t>
  </si>
  <si>
    <t>31544.0</t>
  </si>
  <si>
    <t>1887.3</t>
  </si>
  <si>
    <t>2005378.0</t>
  </si>
  <si>
    <t>35173.0</t>
  </si>
  <si>
    <t>77.365</t>
  </si>
  <si>
    <t>1.357</t>
  </si>
  <si>
    <t>31251.0</t>
  </si>
  <si>
    <t>1551.5</t>
  </si>
  <si>
    <t>2041324.0</t>
  </si>
  <si>
    <t>35946.0</t>
  </si>
  <si>
    <t>78.751</t>
  </si>
  <si>
    <t>32129.0</t>
  </si>
  <si>
    <t>77.4000000000001</t>
  </si>
  <si>
    <t>-7.97</t>
  </si>
  <si>
    <t>2.95674782188154</t>
  </si>
  <si>
    <t>2107849.0</t>
  </si>
  <si>
    <t>66525.0</t>
  </si>
  <si>
    <t>81.318</t>
  </si>
  <si>
    <t>39351.0</t>
  </si>
  <si>
    <t>1899.7</t>
  </si>
  <si>
    <t>2132821.0</t>
  </si>
  <si>
    <t>24972.0</t>
  </si>
  <si>
    <t>82.281</t>
  </si>
  <si>
    <t>40283.0</t>
  </si>
  <si>
    <t>1867.5</t>
  </si>
  <si>
    <t>2180424.0</t>
  </si>
  <si>
    <t>47603.0</t>
  </si>
  <si>
    <t>84.118</t>
  </si>
  <si>
    <t>1.836</t>
  </si>
  <si>
    <t>42060.0</t>
  </si>
  <si>
    <t>1.623</t>
  </si>
  <si>
    <t>1763.0</t>
  </si>
  <si>
    <t>2232341.0</t>
  </si>
  <si>
    <t>51917.0</t>
  </si>
  <si>
    <t>86.121</t>
  </si>
  <si>
    <t>2.003</t>
  </si>
  <si>
    <t>43549.0</t>
  </si>
  <si>
    <t>2281839.0</t>
  </si>
  <si>
    <t>49498.0</t>
  </si>
  <si>
    <t>88.03</t>
  </si>
  <si>
    <t>44519.0</t>
  </si>
  <si>
    <t>1.717</t>
  </si>
  <si>
    <t>1640.2</t>
  </si>
  <si>
    <t>2336061.0</t>
  </si>
  <si>
    <t>54222.0</t>
  </si>
  <si>
    <t>90.122</t>
  </si>
  <si>
    <t>47240.0</t>
  </si>
  <si>
    <t>1.822</t>
  </si>
  <si>
    <t>0.0007</t>
  </si>
  <si>
    <t>1469.7</t>
  </si>
  <si>
    <t>2379175.0</t>
  </si>
  <si>
    <t>43114.0</t>
  </si>
  <si>
    <t>91.785</t>
  </si>
  <si>
    <t>48264.0</t>
  </si>
  <si>
    <t>1.862</t>
  </si>
  <si>
    <t>-247.2</t>
  </si>
  <si>
    <t>-0.31</t>
  </si>
  <si>
    <t>-9.6</t>
  </si>
  <si>
    <t>-9.4432566094201</t>
  </si>
  <si>
    <t>2415695.0</t>
  </si>
  <si>
    <t>93.194</t>
  </si>
  <si>
    <t>43978.0</t>
  </si>
  <si>
    <t>1.697</t>
  </si>
  <si>
    <t>900.1</t>
  </si>
  <si>
    <t>2455982.0</t>
  </si>
  <si>
    <t>40287.0</t>
  </si>
  <si>
    <t>94.748</t>
  </si>
  <si>
    <t>46166.0</t>
  </si>
  <si>
    <t>809.9</t>
  </si>
  <si>
    <t>2505923.0</t>
  </si>
  <si>
    <t>49941.0</t>
  </si>
  <si>
    <t>96.675</t>
  </si>
  <si>
    <t>1.927</t>
  </si>
  <si>
    <t>46500.0</t>
  </si>
  <si>
    <t>1.794</t>
  </si>
  <si>
    <t>734.8</t>
  </si>
  <si>
    <t>57859.0</t>
  </si>
  <si>
    <t>98.907</t>
  </si>
  <si>
    <t>2.232</t>
  </si>
  <si>
    <t>47349.0</t>
  </si>
  <si>
    <t>1.827</t>
  </si>
  <si>
    <t>703.7</t>
  </si>
  <si>
    <t>2617860.0</t>
  </si>
  <si>
    <t>54078.0</t>
  </si>
  <si>
    <t>100.993</t>
  </si>
  <si>
    <t>48003.0</t>
  </si>
  <si>
    <t>509.9</t>
  </si>
  <si>
    <t>2668036.0</t>
  </si>
  <si>
    <t>50176.0</t>
  </si>
  <si>
    <t>102.929</t>
  </si>
  <si>
    <t>47425.0</t>
  </si>
  <si>
    <t>438.5</t>
  </si>
  <si>
    <t>2713435.0</t>
  </si>
  <si>
    <t>45399.0</t>
  </si>
  <si>
    <t>104.681</t>
  </si>
  <si>
    <t>47751.0</t>
  </si>
  <si>
    <t>0.0025</t>
  </si>
  <si>
    <t>408.1</t>
  </si>
  <si>
    <t>-488.8</t>
  </si>
  <si>
    <t>-0.59</t>
  </si>
  <si>
    <t>-6.98</t>
  </si>
  <si>
    <t>-18.6725883118307</t>
  </si>
  <si>
    <t>2757300.0</t>
  </si>
  <si>
    <t>43865.0</t>
  </si>
  <si>
    <t>106.373</t>
  </si>
  <si>
    <t>1.692</t>
  </si>
  <si>
    <t>48801.0</t>
  </si>
  <si>
    <t>0.0027</t>
  </si>
  <si>
    <t>370.9</t>
  </si>
  <si>
    <t>2801107.0</t>
  </si>
  <si>
    <t>43807.0</t>
  </si>
  <si>
    <t>108.063</t>
  </si>
  <si>
    <t>49304.0</t>
  </si>
  <si>
    <t>0.0028</t>
  </si>
  <si>
    <t>357.3</t>
  </si>
  <si>
    <t>2856406.0</t>
  </si>
  <si>
    <t>55299.0</t>
  </si>
  <si>
    <t>110.196</t>
  </si>
  <si>
    <t>2.133</t>
  </si>
  <si>
    <t>50069.0</t>
  </si>
  <si>
    <t>332.2</t>
  </si>
  <si>
    <t>0.497</t>
  </si>
  <si>
    <t>2.063</t>
  </si>
  <si>
    <t>2910831.0</t>
  </si>
  <si>
    <t>54425.0</t>
  </si>
  <si>
    <t>112.296</t>
  </si>
  <si>
    <t>49578.0</t>
  </si>
  <si>
    <t>265.3</t>
  </si>
  <si>
    <t>2970268.0</t>
  </si>
  <si>
    <t>59437.0</t>
  </si>
  <si>
    <t>114.589</t>
  </si>
  <si>
    <t>50344.0</t>
  </si>
  <si>
    <t>272.6</t>
  </si>
  <si>
    <t>3023665.0</t>
  </si>
  <si>
    <t>53397.0</t>
  </si>
  <si>
    <t>116.649</t>
  </si>
  <si>
    <t>50804.0</t>
  </si>
  <si>
    <t>262.6</t>
  </si>
  <si>
    <t>3075488.0</t>
  </si>
  <si>
    <t>51823.0</t>
  </si>
  <si>
    <t>118.648</t>
  </si>
  <si>
    <t>51722.0</t>
  </si>
  <si>
    <t>259.2</t>
  </si>
  <si>
    <t>-733.2</t>
  </si>
  <si>
    <t>-0.85</t>
  </si>
  <si>
    <t>-7.1</t>
  </si>
  <si>
    <t>-28.008882467746</t>
  </si>
  <si>
    <t>3117788.0</t>
  </si>
  <si>
    <t>42300.0</t>
  </si>
  <si>
    <t>120.28</t>
  </si>
  <si>
    <t>1.632</t>
  </si>
  <si>
    <t>51498.0</t>
  </si>
  <si>
    <t>1.987</t>
  </si>
  <si>
    <t>3162237.0</t>
  </si>
  <si>
    <t>44449.0</t>
  </si>
  <si>
    <t>121.995</t>
  </si>
  <si>
    <t>51590.0</t>
  </si>
  <si>
    <t>225.6</t>
  </si>
  <si>
    <t>4.355</t>
  </si>
  <si>
    <t>3222141.0</t>
  </si>
  <si>
    <t>59904.0</t>
  </si>
  <si>
    <t>124.306</t>
  </si>
  <si>
    <t>2.311</t>
  </si>
  <si>
    <t>52248.0</t>
  </si>
  <si>
    <t>2.016</t>
  </si>
  <si>
    <t>208.5</t>
  </si>
  <si>
    <t>4.813</t>
  </si>
  <si>
    <t>3287716.0</t>
  </si>
  <si>
    <t>65575.0</t>
  </si>
  <si>
    <t>126.836</t>
  </si>
  <si>
    <t>53841.0</t>
  </si>
  <si>
    <t>202.7</t>
  </si>
  <si>
    <t>3350464.0</t>
  </si>
  <si>
    <t>62748.0</t>
  </si>
  <si>
    <t>129.256</t>
  </si>
  <si>
    <t>54314.0</t>
  </si>
  <si>
    <t>2.095</t>
  </si>
  <si>
    <t>201.4</t>
  </si>
  <si>
    <t>5.157</t>
  </si>
  <si>
    <t>3416558.0</t>
  </si>
  <si>
    <t>66094.0</t>
  </si>
  <si>
    <t>131.806</t>
  </si>
  <si>
    <t>56128.0</t>
  </si>
  <si>
    <t>3476463.0</t>
  </si>
  <si>
    <t>59905.0</t>
  </si>
  <si>
    <t>134.117</t>
  </si>
  <si>
    <t>57282.0</t>
  </si>
  <si>
    <t>191.9</t>
  </si>
  <si>
    <t>-1055.6</t>
  </si>
  <si>
    <t>-9.14</t>
  </si>
  <si>
    <t>-40.324844971294</t>
  </si>
  <si>
    <t>6.953</t>
  </si>
  <si>
    <t>3534425.0</t>
  </si>
  <si>
    <t>57962.0</t>
  </si>
  <si>
    <t>136.353</t>
  </si>
  <si>
    <t>2.236</t>
  </si>
  <si>
    <t>59520.0</t>
  </si>
  <si>
    <t>191.4</t>
  </si>
  <si>
    <t>3590735.0</t>
  </si>
  <si>
    <t>56310.0</t>
  </si>
  <si>
    <t>138.526</t>
  </si>
  <si>
    <t>61214.0</t>
  </si>
  <si>
    <t>2.362</t>
  </si>
  <si>
    <t>3650529.0</t>
  </si>
  <si>
    <t>59794.0</t>
  </si>
  <si>
    <t>140.832</t>
  </si>
  <si>
    <t>2.307</t>
  </si>
  <si>
    <t>61198.0</t>
  </si>
  <si>
    <t>2.361</t>
  </si>
  <si>
    <t>171.9</t>
  </si>
  <si>
    <t>3719837.0</t>
  </si>
  <si>
    <t>69308.0</t>
  </si>
  <si>
    <t>143.506</t>
  </si>
  <si>
    <t>61732.0</t>
  </si>
  <si>
    <t>182.9</t>
  </si>
  <si>
    <t>3795421.0</t>
  </si>
  <si>
    <t>75584.0</t>
  </si>
  <si>
    <t>146.422</t>
  </si>
  <si>
    <t>2.916</t>
  </si>
  <si>
    <t>63565.0</t>
  </si>
  <si>
    <t>2.452</t>
  </si>
  <si>
    <t>9.206</t>
  </si>
  <si>
    <t>3859505.0</t>
  </si>
  <si>
    <t>64084.0</t>
  </si>
  <si>
    <t>148.894</t>
  </si>
  <si>
    <t>63278.0</t>
  </si>
  <si>
    <t>2.441</t>
  </si>
  <si>
    <t>0.0059</t>
  </si>
  <si>
    <t>3935124.0</t>
  </si>
  <si>
    <t>75619.0</t>
  </si>
  <si>
    <t>65523.0</t>
  </si>
  <si>
    <t>2.528</t>
  </si>
  <si>
    <t>-1272.0</t>
  </si>
  <si>
    <t>-1.36</t>
  </si>
  <si>
    <t>-48.5915145921617</t>
  </si>
  <si>
    <t>10.505</t>
  </si>
  <si>
    <t>3987090.0</t>
  </si>
  <si>
    <t>51966.0</t>
  </si>
  <si>
    <t>153.816</t>
  </si>
  <si>
    <t>64666.0</t>
  </si>
  <si>
    <t>2.495</t>
  </si>
  <si>
    <t>157.4</t>
  </si>
  <si>
    <t>12.339</t>
  </si>
  <si>
    <t>4032061.0</t>
  </si>
  <si>
    <t>155.551</t>
  </si>
  <si>
    <t>1.735</t>
  </si>
  <si>
    <t>164.2</t>
  </si>
  <si>
    <t>1.528</t>
  </si>
  <si>
    <t>12.606</t>
  </si>
  <si>
    <t>4098249.0</t>
  </si>
  <si>
    <t>66188.0</t>
  </si>
  <si>
    <t>158.105</t>
  </si>
  <si>
    <t>2.553</t>
  </si>
  <si>
    <t>63960.0</t>
  </si>
  <si>
    <t>0.0067</t>
  </si>
  <si>
    <t>13.982</t>
  </si>
  <si>
    <t>4163102.0</t>
  </si>
  <si>
    <t>64853.0</t>
  </si>
  <si>
    <t>160.607</t>
  </si>
  <si>
    <t>2.502</t>
  </si>
  <si>
    <t>63324.0</t>
  </si>
  <si>
    <t>15.319</t>
  </si>
  <si>
    <t>4238305.0</t>
  </si>
  <si>
    <t>75203.0</t>
  </si>
  <si>
    <t>163.508</t>
  </si>
  <si>
    <t>2.901</t>
  </si>
  <si>
    <t>63269.0</t>
  </si>
  <si>
    <t>4307224.0</t>
  </si>
  <si>
    <t>68919.0</t>
  </si>
  <si>
    <t>166.167</t>
  </si>
  <si>
    <t>2.659</t>
  </si>
  <si>
    <t>128.2</t>
  </si>
  <si>
    <t>16.77</t>
  </si>
  <si>
    <t>4364382.0</t>
  </si>
  <si>
    <t>57158.0</t>
  </si>
  <si>
    <t>168.372</t>
  </si>
  <si>
    <t>2.205</t>
  </si>
  <si>
    <t>61323.0</t>
  </si>
  <si>
    <t>126.9</t>
  </si>
  <si>
    <t>-1422.6</t>
  </si>
  <si>
    <t>-1.46</t>
  </si>
  <si>
    <t>-4.3</t>
  </si>
  <si>
    <t>-54.3445665556677</t>
  </si>
  <si>
    <t>4429911.0</t>
  </si>
  <si>
    <t>65529.0</t>
  </si>
  <si>
    <t>170.9</t>
  </si>
  <si>
    <t>63260.0</t>
  </si>
  <si>
    <t>0.0077</t>
  </si>
  <si>
    <t>129.2</t>
  </si>
  <si>
    <t>4481617.0</t>
  </si>
  <si>
    <t>51706.0</t>
  </si>
  <si>
    <t>172.895</t>
  </si>
  <si>
    <t>64222.0</t>
  </si>
  <si>
    <t>4552081.0</t>
  </si>
  <si>
    <t>70464.0</t>
  </si>
  <si>
    <t>175.613</t>
  </si>
  <si>
    <t>2.718</t>
  </si>
  <si>
    <t>64833.0</t>
  </si>
  <si>
    <t>2.501</t>
  </si>
  <si>
    <t>126.3</t>
  </si>
  <si>
    <t>4632089.0</t>
  </si>
  <si>
    <t>178.7</t>
  </si>
  <si>
    <t>66998.0</t>
  </si>
  <si>
    <t>4724026.0</t>
  </si>
  <si>
    <t>91937.0</t>
  </si>
  <si>
    <t>182.246</t>
  </si>
  <si>
    <t>3.547</t>
  </si>
  <si>
    <t>69389.0</t>
  </si>
  <si>
    <t>142.1</t>
  </si>
  <si>
    <t>25.136</t>
  </si>
  <si>
    <t>4764223.0</t>
  </si>
  <si>
    <t>40197.0</t>
  </si>
  <si>
    <t>183.797</t>
  </si>
  <si>
    <t>1.551</t>
  </si>
  <si>
    <t>65286.0</t>
  </si>
  <si>
    <t>2.519</t>
  </si>
  <si>
    <t>4857414.0</t>
  </si>
  <si>
    <t>93191.0</t>
  </si>
  <si>
    <t>187.392</t>
  </si>
  <si>
    <t>3.595</t>
  </si>
  <si>
    <t>70433.0</t>
  </si>
  <si>
    <t>2.717</t>
  </si>
  <si>
    <t>160.1</t>
  </si>
  <si>
    <t>-1550.6</t>
  </si>
  <si>
    <t>-1.54</t>
  </si>
  <si>
    <t>-3.63</t>
  </si>
  <si>
    <t>-59.2342787158852</t>
  </si>
  <si>
    <t>25.709</t>
  </si>
  <si>
    <t>4918546.0</t>
  </si>
  <si>
    <t>61132.0</t>
  </si>
  <si>
    <t>189.751</t>
  </si>
  <si>
    <t>69805.0</t>
  </si>
  <si>
    <t>2.693</t>
  </si>
  <si>
    <t>163.8</t>
  </si>
  <si>
    <t>26.206</t>
  </si>
  <si>
    <t>4980172.0</t>
  </si>
  <si>
    <t>61626.0</t>
  </si>
  <si>
    <t>192.128</t>
  </si>
  <si>
    <t>2.377</t>
  </si>
  <si>
    <t>71222.0</t>
  </si>
  <si>
    <t>2.748</t>
  </si>
  <si>
    <t>185.9</t>
  </si>
  <si>
    <t>5041344.0</t>
  </si>
  <si>
    <t>61172.0</t>
  </si>
  <si>
    <t>194.488</t>
  </si>
  <si>
    <t>69895.0</t>
  </si>
  <si>
    <t>2.696</t>
  </si>
  <si>
    <t>198.2</t>
  </si>
  <si>
    <t>5109785.0</t>
  </si>
  <si>
    <t>68441.0</t>
  </si>
  <si>
    <t>197.128</t>
  </si>
  <si>
    <t>2.633</t>
  </si>
  <si>
    <t>193.4</t>
  </si>
  <si>
    <t>5180414.0</t>
  </si>
  <si>
    <t>70629.0</t>
  </si>
  <si>
    <t>199.853</t>
  </si>
  <si>
    <t>2.725</t>
  </si>
  <si>
    <t>65198.0</t>
  </si>
  <si>
    <t>195.3</t>
  </si>
  <si>
    <t>5243784.0</t>
  </si>
  <si>
    <t>63370.0</t>
  </si>
  <si>
    <t>202.298</t>
  </si>
  <si>
    <t>2.445</t>
  </si>
  <si>
    <t>68509.0</t>
  </si>
  <si>
    <t>2.643</t>
  </si>
  <si>
    <t>217.7</t>
  </si>
  <si>
    <t>5297558.0</t>
  </si>
  <si>
    <t>53774.0</t>
  </si>
  <si>
    <t>204.373</t>
  </si>
  <si>
    <t>62878.0</t>
  </si>
  <si>
    <t>203.7</t>
  </si>
  <si>
    <t>-1644.4</t>
  </si>
  <si>
    <t>-1.58</t>
  </si>
  <si>
    <t>-2.63</t>
  </si>
  <si>
    <t>-62.8175209082946</t>
  </si>
  <si>
    <t>5336097.0</t>
  </si>
  <si>
    <t>38539.0</t>
  </si>
  <si>
    <t>205.859</t>
  </si>
  <si>
    <t>59650.0</t>
  </si>
  <si>
    <t>2.301</t>
  </si>
  <si>
    <t>26.511</t>
  </si>
  <si>
    <t>5380613.0</t>
  </si>
  <si>
    <t>44516.0</t>
  </si>
  <si>
    <t>207.577</t>
  </si>
  <si>
    <t>57206.0</t>
  </si>
  <si>
    <t>2.207</t>
  </si>
  <si>
    <t>215.1</t>
  </si>
  <si>
    <t>5440495.0</t>
  </si>
  <si>
    <t>59882.0</t>
  </si>
  <si>
    <t>209.887</t>
  </si>
  <si>
    <t>57022.0</t>
  </si>
  <si>
    <t>212.5</t>
  </si>
  <si>
    <t>5508831.0</t>
  </si>
  <si>
    <t>68336.0</t>
  </si>
  <si>
    <t>212.523</t>
  </si>
  <si>
    <t>2.636</t>
  </si>
  <si>
    <t>57007.0</t>
  </si>
  <si>
    <t>5579980.0</t>
  </si>
  <si>
    <t>71149.0</t>
  </si>
  <si>
    <t>215.268</t>
  </si>
  <si>
    <t>2.745</t>
  </si>
  <si>
    <t>23.073</t>
  </si>
  <si>
    <t>5647677.0</t>
  </si>
  <si>
    <t>67697.0</t>
  </si>
  <si>
    <t>217.88</t>
  </si>
  <si>
    <t>2.612</t>
  </si>
  <si>
    <t>57699.0</t>
  </si>
  <si>
    <t>5706587.0</t>
  </si>
  <si>
    <t>58910.0</t>
  </si>
  <si>
    <t>220.152</t>
  </si>
  <si>
    <t>2.273</t>
  </si>
  <si>
    <t>58433.0</t>
  </si>
  <si>
    <t>301.4</t>
  </si>
  <si>
    <t>-1930.0</t>
  </si>
  <si>
    <t>-73.72769116578</t>
  </si>
  <si>
    <t>5758034.0</t>
  </si>
  <si>
    <t>222.137</t>
  </si>
  <si>
    <t>60277.0</t>
  </si>
  <si>
    <t>329.6</t>
  </si>
  <si>
    <t>5814709.0</t>
  </si>
  <si>
    <t>56675.0</t>
  </si>
  <si>
    <t>224.323</t>
  </si>
  <si>
    <t>62014.0</t>
  </si>
  <si>
    <t>5886412.0</t>
  </si>
  <si>
    <t>71703.0</t>
  </si>
  <si>
    <t>227.09</t>
  </si>
  <si>
    <t>63702.0</t>
  </si>
  <si>
    <t>410.6</t>
  </si>
  <si>
    <t>5972680.0</t>
  </si>
  <si>
    <t>86268.0</t>
  </si>
  <si>
    <t>230.418</t>
  </si>
  <si>
    <t>0.0022</t>
  </si>
  <si>
    <t>445.6</t>
  </si>
  <si>
    <t>19.482</t>
  </si>
  <si>
    <t>6052236.0</t>
  </si>
  <si>
    <t>233.487</t>
  </si>
  <si>
    <t>3.069</t>
  </si>
  <si>
    <t>67465.0</t>
  </si>
  <si>
    <t>2.603</t>
  </si>
  <si>
    <t>499.7</t>
  </si>
  <si>
    <t>19.139</t>
  </si>
  <si>
    <t>6119791.0</t>
  </si>
  <si>
    <t>67555.0</t>
  </si>
  <si>
    <t>236.093</t>
  </si>
  <si>
    <t>67445.0</t>
  </si>
  <si>
    <t>2.602</t>
  </si>
  <si>
    <t>0.0018</t>
  </si>
  <si>
    <t>549.6</t>
  </si>
  <si>
    <t>6168229.0</t>
  </si>
  <si>
    <t>48438.0</t>
  </si>
  <si>
    <t>237.962</t>
  </si>
  <si>
    <t>65949.0</t>
  </si>
  <si>
    <t>2.544</t>
  </si>
  <si>
    <t>555.5</t>
  </si>
  <si>
    <t>-2250.6</t>
  </si>
  <si>
    <t>-2.02</t>
  </si>
  <si>
    <t>-8.9</t>
  </si>
  <si>
    <t>-85.9748920920748</t>
  </si>
  <si>
    <t>17.19</t>
  </si>
  <si>
    <t>6214453.0</t>
  </si>
  <si>
    <t>46224.0</t>
  </si>
  <si>
    <t>239.745</t>
  </si>
  <si>
    <t>65203.0</t>
  </si>
  <si>
    <t>595.8</t>
  </si>
  <si>
    <t>6255832.0</t>
  </si>
  <si>
    <t>41379.0</t>
  </si>
  <si>
    <t>241.341</t>
  </si>
  <si>
    <t>63018.0</t>
  </si>
  <si>
    <t>2.431</t>
  </si>
  <si>
    <t>613.5</t>
  </si>
  <si>
    <t>14.937</t>
  </si>
  <si>
    <t>6319795.0</t>
  </si>
  <si>
    <t>63963.0</t>
  </si>
  <si>
    <t>243.809</t>
  </si>
  <si>
    <t>2.468</t>
  </si>
  <si>
    <t>61912.0</t>
  </si>
  <si>
    <t>596.1</t>
  </si>
  <si>
    <t>13.638</t>
  </si>
  <si>
    <t>6455989.0</t>
  </si>
  <si>
    <t>136194.0</t>
  </si>
  <si>
    <t>249.063</t>
  </si>
  <si>
    <t>5.254</t>
  </si>
  <si>
    <t>69044.0</t>
  </si>
  <si>
    <t>702.5</t>
  </si>
  <si>
    <t>12.453</t>
  </si>
  <si>
    <t>6526950.0</t>
  </si>
  <si>
    <t>70961.0</t>
  </si>
  <si>
    <t>251.801</t>
  </si>
  <si>
    <t>2.738</t>
  </si>
  <si>
    <t>67816.0</t>
  </si>
  <si>
    <t>2.616</t>
  </si>
  <si>
    <t>719.3</t>
  </si>
  <si>
    <t>6590788.0</t>
  </si>
  <si>
    <t>63838.0</t>
  </si>
  <si>
    <t>254.264</t>
  </si>
  <si>
    <t>2.463</t>
  </si>
  <si>
    <t>67285.0</t>
  </si>
  <si>
    <t>2.596</t>
  </si>
  <si>
    <t>774.7</t>
  </si>
  <si>
    <t>6657348.0</t>
  </si>
  <si>
    <t>66560.0</t>
  </si>
  <si>
    <t>256.831</t>
  </si>
  <si>
    <t>2.568</t>
  </si>
  <si>
    <t>69874.0</t>
  </si>
  <si>
    <t>850.6</t>
  </si>
  <si>
    <t>-2498.4</t>
  </si>
  <si>
    <t>-2.17</t>
  </si>
  <si>
    <t>-7.0</t>
  </si>
  <si>
    <t>-95.441069227246</t>
  </si>
  <si>
    <t>6693434.0</t>
  </si>
  <si>
    <t>36086.0</t>
  </si>
  <si>
    <t>258.223</t>
  </si>
  <si>
    <t>68426.0</t>
  </si>
  <si>
    <t>864.6</t>
  </si>
  <si>
    <t>8.442</t>
  </si>
  <si>
    <t>6730397.0</t>
  </si>
  <si>
    <t>36963.0</t>
  </si>
  <si>
    <t>259.649</t>
  </si>
  <si>
    <t>1.426</t>
  </si>
  <si>
    <t>67795.0</t>
  </si>
  <si>
    <t>2.615</t>
  </si>
  <si>
    <t>875.6</t>
  </si>
  <si>
    <t>7.449</t>
  </si>
  <si>
    <t>6789333.0</t>
  </si>
  <si>
    <t>58936.0</t>
  </si>
  <si>
    <t>261.923</t>
  </si>
  <si>
    <t>2.274</t>
  </si>
  <si>
    <t>67077.0</t>
  </si>
  <si>
    <t>2.588</t>
  </si>
  <si>
    <t>988.5</t>
  </si>
  <si>
    <t>6.189</t>
  </si>
  <si>
    <t>6849431.0</t>
  </si>
  <si>
    <t>60098.0</t>
  </si>
  <si>
    <t>264.242</t>
  </si>
  <si>
    <t>2.318</t>
  </si>
  <si>
    <t>56206.0</t>
  </si>
  <si>
    <t>919.3</t>
  </si>
  <si>
    <t>5.768</t>
  </si>
  <si>
    <t>6928153.0</t>
  </si>
  <si>
    <t>78722.0</t>
  </si>
  <si>
    <t>267.279</t>
  </si>
  <si>
    <t>3.037</t>
  </si>
  <si>
    <t>57315.0</t>
  </si>
  <si>
    <t>5.234</t>
  </si>
  <si>
    <t>6976155.0</t>
  </si>
  <si>
    <t>48002.0</t>
  </si>
  <si>
    <t>269.13</t>
  </si>
  <si>
    <t>55052.0</t>
  </si>
  <si>
    <t>2.124</t>
  </si>
  <si>
    <t>1033.1</t>
  </si>
  <si>
    <t>5.386</t>
  </si>
  <si>
    <t>7016090.0</t>
  </si>
  <si>
    <t>39935.0</t>
  </si>
  <si>
    <t>270.671</t>
  </si>
  <si>
    <t>51249.0</t>
  </si>
  <si>
    <t>-2712.8</t>
  </si>
  <si>
    <t>-6.21</t>
  </si>
  <si>
    <t>-103.63133709561</t>
  </si>
  <si>
    <t>7047036.0</t>
  </si>
  <si>
    <t>30946.0</t>
  </si>
  <si>
    <t>271.865</t>
  </si>
  <si>
    <t>50515.0</t>
  </si>
  <si>
    <t>966.1</t>
  </si>
  <si>
    <t>7076652.0</t>
  </si>
  <si>
    <t>29616.0</t>
  </si>
  <si>
    <t>273.008</t>
  </si>
  <si>
    <t>49465.0</t>
  </si>
  <si>
    <t>1.908</t>
  </si>
  <si>
    <t>1106.3</t>
  </si>
  <si>
    <t>7124384.0</t>
  </si>
  <si>
    <t>274.849</t>
  </si>
  <si>
    <t>47864.0</t>
  </si>
  <si>
    <t>1.847</t>
  </si>
  <si>
    <t>1159.3</t>
  </si>
  <si>
    <t>4.126</t>
  </si>
  <si>
    <t>7178741.0</t>
  </si>
  <si>
    <t>54357.0</t>
  </si>
  <si>
    <t>276.946</t>
  </si>
  <si>
    <t>47044.0</t>
  </si>
  <si>
    <t>1108.8</t>
  </si>
  <si>
    <t>4.049</t>
  </si>
  <si>
    <t>7224163.0</t>
  </si>
  <si>
    <t>45422.0</t>
  </si>
  <si>
    <t>278.698</t>
  </si>
  <si>
    <t>42287.0</t>
  </si>
  <si>
    <t>1064.8</t>
  </si>
  <si>
    <t>7263213.0</t>
  </si>
  <si>
    <t>39050.0</t>
  </si>
  <si>
    <t>280.205</t>
  </si>
  <si>
    <t>41008.0</t>
  </si>
  <si>
    <t>1162.2</t>
  </si>
  <si>
    <t>4.087</t>
  </si>
  <si>
    <t>7296252.0</t>
  </si>
  <si>
    <t>33039.0</t>
  </si>
  <si>
    <t>281.479</t>
  </si>
  <si>
    <t>40023.0</t>
  </si>
  <si>
    <t>1273.4</t>
  </si>
  <si>
    <t>-3015.2</t>
  </si>
  <si>
    <t>-2.47</t>
  </si>
  <si>
    <t>-8.89</t>
  </si>
  <si>
    <t>-115.183282074124</t>
  </si>
  <si>
    <t>7319688.0</t>
  </si>
  <si>
    <t>23436.0</t>
  </si>
  <si>
    <t>282.384</t>
  </si>
  <si>
    <t>38950.0</t>
  </si>
  <si>
    <t>1343.1</t>
  </si>
  <si>
    <t>7351283.0</t>
  </si>
  <si>
    <t>31595.0</t>
  </si>
  <si>
    <t>283.602</t>
  </si>
  <si>
    <t>39233.0</t>
  </si>
  <si>
    <t>1415.6</t>
  </si>
  <si>
    <t>7396040.0</t>
  </si>
  <si>
    <t>44757.0</t>
  </si>
  <si>
    <t>285.329</t>
  </si>
  <si>
    <t>38808.0</t>
  </si>
  <si>
    <t>1626.7</t>
  </si>
  <si>
    <t>2.712</t>
  </si>
  <si>
    <t>7441327.0</t>
  </si>
  <si>
    <t>45287.0</t>
  </si>
  <si>
    <t>287.076</t>
  </si>
  <si>
    <t>37512.0</t>
  </si>
  <si>
    <t>1889.1</t>
  </si>
  <si>
    <t>2.598</t>
  </si>
  <si>
    <t>7479815.0</t>
  </si>
  <si>
    <t>38488.0</t>
  </si>
  <si>
    <t>288.561</t>
  </si>
  <si>
    <t>1.485</t>
  </si>
  <si>
    <t>36522.0</t>
  </si>
  <si>
    <t>1951.6</t>
  </si>
  <si>
    <t>2.483</t>
  </si>
  <si>
    <t>7517520.0</t>
  </si>
  <si>
    <t>37705.0</t>
  </si>
  <si>
    <t>290.016</t>
  </si>
  <si>
    <t>1.455</t>
  </si>
  <si>
    <t>36330.0</t>
  </si>
  <si>
    <t>1790.9</t>
  </si>
  <si>
    <t>7546223.0</t>
  </si>
  <si>
    <t>28703.0</t>
  </si>
  <si>
    <t>291.123</t>
  </si>
  <si>
    <t>35710.0</t>
  </si>
  <si>
    <t>1893.7</t>
  </si>
  <si>
    <t>-3151.6</t>
  </si>
  <si>
    <t>-2.52</t>
  </si>
  <si>
    <t>-4.16</t>
  </si>
  <si>
    <t>-120.393881594856</t>
  </si>
  <si>
    <t>7563322.0</t>
  </si>
  <si>
    <t>17099.0</t>
  </si>
  <si>
    <t>291.783</t>
  </si>
  <si>
    <t>34805.0</t>
  </si>
  <si>
    <t>1.343</t>
  </si>
  <si>
    <t>2156.0</t>
  </si>
  <si>
    <t>7589332.0</t>
  </si>
  <si>
    <t>26010.0</t>
  </si>
  <si>
    <t>292.786</t>
  </si>
  <si>
    <t>34007.0</t>
  </si>
  <si>
    <t>2245.7</t>
  </si>
  <si>
    <t>7637403.0</t>
  </si>
  <si>
    <t>48071.0</t>
  </si>
  <si>
    <t>294.641</t>
  </si>
  <si>
    <t>34480.0</t>
  </si>
  <si>
    <t>2080.7</t>
  </si>
  <si>
    <t>7679651.0</t>
  </si>
  <si>
    <t>42248.0</t>
  </si>
  <si>
    <t>296.27</t>
  </si>
  <si>
    <t>34046.0</t>
  </si>
  <si>
    <t>2186.5</t>
  </si>
  <si>
    <t>7716580.0</t>
  </si>
  <si>
    <t>36929.0</t>
  </si>
  <si>
    <t>297.695</t>
  </si>
  <si>
    <t>33824.0</t>
  </si>
  <si>
    <t>1.305</t>
  </si>
  <si>
    <t>2254.9</t>
  </si>
  <si>
    <t>7746733.0</t>
  </si>
  <si>
    <t>30153.0</t>
  </si>
  <si>
    <t>298.858</t>
  </si>
  <si>
    <t>1.163</t>
  </si>
  <si>
    <t>32745.0</t>
  </si>
  <si>
    <t>2412.9</t>
  </si>
  <si>
    <t>7772921.0</t>
  </si>
  <si>
    <t>26188.0</t>
  </si>
  <si>
    <t>299.869</t>
  </si>
  <si>
    <t>32385.0</t>
  </si>
  <si>
    <t>2179.8</t>
  </si>
  <si>
    <t>-3252.8</t>
  </si>
  <si>
    <t>-2.53</t>
  </si>
  <si>
    <t>-3.08</t>
  </si>
  <si>
    <t>-124.259810271528</t>
  </si>
  <si>
    <t>7795523.0</t>
  </si>
  <si>
    <t>22602.0</t>
  </si>
  <si>
    <t>300.741</t>
  </si>
  <si>
    <t>0.872</t>
  </si>
  <si>
    <t>33172.0</t>
  </si>
  <si>
    <t>1967.8</t>
  </si>
  <si>
    <t>7819472.0</t>
  </si>
  <si>
    <t>23949.0</t>
  </si>
  <si>
    <t>301.664</t>
  </si>
  <si>
    <t>32877.0</t>
  </si>
  <si>
    <t>2234.4</t>
  </si>
  <si>
    <t>7852692.0</t>
  </si>
  <si>
    <t>33220.0</t>
  </si>
  <si>
    <t>302.946</t>
  </si>
  <si>
    <t>30756.0</t>
  </si>
  <si>
    <t>1957.2</t>
  </si>
  <si>
    <t>7895078.0</t>
  </si>
  <si>
    <t>42386.0</t>
  </si>
  <si>
    <t>304.581</t>
  </si>
  <si>
    <t>30775.0</t>
  </si>
  <si>
    <t>1841.3</t>
  </si>
  <si>
    <t>7936192.0</t>
  </si>
  <si>
    <t>41114.0</t>
  </si>
  <si>
    <t>306.167</t>
  </si>
  <si>
    <t>31373.0</t>
  </si>
  <si>
    <t>1785.5</t>
  </si>
  <si>
    <t>7976790.0</t>
  </si>
  <si>
    <t>40598.0</t>
  </si>
  <si>
    <t>307.734</t>
  </si>
  <si>
    <t>32865.0</t>
  </si>
  <si>
    <t>1797.3</t>
  </si>
  <si>
    <t>8008111.0</t>
  </si>
  <si>
    <t>31321.0</t>
  </si>
  <si>
    <t>308.942</t>
  </si>
  <si>
    <t>1716.8</t>
  </si>
  <si>
    <t>-3449.4</t>
  </si>
  <si>
    <t>-2.62</t>
  </si>
  <si>
    <t>-6.07</t>
  </si>
  <si>
    <t>-131.770102542612</t>
  </si>
  <si>
    <t>8035558.0</t>
  </si>
  <si>
    <t>27447.0</t>
  </si>
  <si>
    <t>310.001</t>
  </si>
  <si>
    <t>1752.1</t>
  </si>
  <si>
    <t>8062988.0</t>
  </si>
  <si>
    <t>27430.0</t>
  </si>
  <si>
    <t>311.059</t>
  </si>
  <si>
    <t>34788.0</t>
  </si>
  <si>
    <t>1.342</t>
  </si>
  <si>
    <t>8109603.0</t>
  </si>
  <si>
    <t>46615.0</t>
  </si>
  <si>
    <t>312.857</t>
  </si>
  <si>
    <t>1.798</t>
  </si>
  <si>
    <t>36702.0</t>
  </si>
  <si>
    <t>1.416</t>
  </si>
  <si>
    <t>1701.5</t>
  </si>
  <si>
    <t>8153116.0</t>
  </si>
  <si>
    <t>43513.0</t>
  </si>
  <si>
    <t>314.536</t>
  </si>
  <si>
    <t>36863.0</t>
  </si>
  <si>
    <t>1779.6</t>
  </si>
  <si>
    <t>8196994.0</t>
  </si>
  <si>
    <t>43878.0</t>
  </si>
  <si>
    <t>316.229</t>
  </si>
  <si>
    <t>37257.0</t>
  </si>
  <si>
    <t>1.437</t>
  </si>
  <si>
    <t>1946.2</t>
  </si>
  <si>
    <t>8239368.0</t>
  </si>
  <si>
    <t>42374.0</t>
  </si>
  <si>
    <t>317.863</t>
  </si>
  <si>
    <t>37511.0</t>
  </si>
  <si>
    <t>2067.5</t>
  </si>
  <si>
    <t>8276036.0</t>
  </si>
  <si>
    <t>36668.0</t>
  </si>
  <si>
    <t>319.278</t>
  </si>
  <si>
    <t>1.415</t>
  </si>
  <si>
    <t>38275.0</t>
  </si>
  <si>
    <t>2350.2</t>
  </si>
  <si>
    <t>-3630.6</t>
  </si>
  <si>
    <t>-2.69</t>
  </si>
  <si>
    <t>-5.69</t>
  </si>
  <si>
    <t>-138.69210131942</t>
  </si>
  <si>
    <t>8303374.0</t>
  </si>
  <si>
    <t>27338.0</t>
  </si>
  <si>
    <t>320.333</t>
  </si>
  <si>
    <t>38259.0</t>
  </si>
  <si>
    <t>1.476</t>
  </si>
  <si>
    <t>2819.2</t>
  </si>
  <si>
    <t>8332247.0</t>
  </si>
  <si>
    <t>28873.0</t>
  </si>
  <si>
    <t>321.447</t>
  </si>
  <si>
    <t>38466.0</t>
  </si>
  <si>
    <t>1.484</t>
  </si>
  <si>
    <t>2540.2</t>
  </si>
  <si>
    <t>8378006.0</t>
  </si>
  <si>
    <t>45759.0</t>
  </si>
  <si>
    <t>323.212</t>
  </si>
  <si>
    <t>38343.0</t>
  </si>
  <si>
    <t>1.479</t>
  </si>
  <si>
    <t>2657.4</t>
  </si>
  <si>
    <t>8423824.0</t>
  </si>
  <si>
    <t>45818.0</t>
  </si>
  <si>
    <t>324.98</t>
  </si>
  <si>
    <t>1.768</t>
  </si>
  <si>
    <t>38673.0</t>
  </si>
  <si>
    <t>2578.2</t>
  </si>
  <si>
    <t>8467326.0</t>
  </si>
  <si>
    <t>43502.0</t>
  </si>
  <si>
    <t>326.658</t>
  </si>
  <si>
    <t>38619.0</t>
  </si>
  <si>
    <t>2310.6</t>
  </si>
  <si>
    <t>8505211.0</t>
  </si>
  <si>
    <t>37885.0</t>
  </si>
  <si>
    <t>328.119</t>
  </si>
  <si>
    <t>1.462</t>
  </si>
  <si>
    <t>37978.0</t>
  </si>
  <si>
    <t>1.465</t>
  </si>
  <si>
    <t>2161.4</t>
  </si>
  <si>
    <t>8535842.0</t>
  </si>
  <si>
    <t>30631.0</t>
  </si>
  <si>
    <t>329.301</t>
  </si>
  <si>
    <t>37115.0</t>
  </si>
  <si>
    <t>1.432</t>
  </si>
  <si>
    <t>2061.9</t>
  </si>
  <si>
    <t>-3785.2</t>
  </si>
  <si>
    <t>-2.74</t>
  </si>
  <si>
    <t>-4.96</t>
  </si>
  <si>
    <t>-144.597956787933</t>
  </si>
  <si>
    <t>8567028.0</t>
  </si>
  <si>
    <t>31186.0</t>
  </si>
  <si>
    <t>330.504</t>
  </si>
  <si>
    <t>37665.0</t>
  </si>
  <si>
    <t>1.453</t>
  </si>
  <si>
    <t>1967.6</t>
  </si>
  <si>
    <t>8598558.0</t>
  </si>
  <si>
    <t>31530.0</t>
  </si>
  <si>
    <t>331.721</t>
  </si>
  <si>
    <t>38044.0</t>
  </si>
  <si>
    <t>8650241.0</t>
  </si>
  <si>
    <t>51683.0</t>
  </si>
  <si>
    <t>333.714</t>
  </si>
  <si>
    <t>38891.0</t>
  </si>
  <si>
    <t>2544.2</t>
  </si>
  <si>
    <t>8700911.0</t>
  </si>
  <si>
    <t>50670.0</t>
  </si>
  <si>
    <t>335.669</t>
  </si>
  <si>
    <t>39584.0</t>
  </si>
  <si>
    <t>2690.2</t>
  </si>
  <si>
    <t>8748442.0</t>
  </si>
  <si>
    <t>47531.0</t>
  </si>
  <si>
    <t>337.503</t>
  </si>
  <si>
    <t>40159.0</t>
  </si>
  <si>
    <t>1.549</t>
  </si>
  <si>
    <t>3123.5</t>
  </si>
  <si>
    <t>8789454.0</t>
  </si>
  <si>
    <t>41012.0</t>
  </si>
  <si>
    <t>339.085</t>
  </si>
  <si>
    <t>40606.0</t>
  </si>
  <si>
    <t>3466.5</t>
  </si>
  <si>
    <t>8825186.0</t>
  </si>
  <si>
    <t>35732.0</t>
  </si>
  <si>
    <t>340.464</t>
  </si>
  <si>
    <t>41335.0</t>
  </si>
  <si>
    <t>3807.2</t>
  </si>
  <si>
    <t>-3860.0</t>
  </si>
  <si>
    <t>-2.73</t>
  </si>
  <si>
    <t>-2.4</t>
  </si>
  <si>
    <t>-147.45538233156</t>
  </si>
  <si>
    <t>8855401.0</t>
  </si>
  <si>
    <t>30215.0</t>
  </si>
  <si>
    <t>341.629</t>
  </si>
  <si>
    <t>41196.0</t>
  </si>
  <si>
    <t>0.0002</t>
  </si>
  <si>
    <t>4061.5</t>
  </si>
  <si>
    <t>8887171.0</t>
  </si>
  <si>
    <t>31770.0</t>
  </si>
  <si>
    <t>342.855</t>
  </si>
  <si>
    <t>41230.0</t>
  </si>
  <si>
    <t>4182.8</t>
  </si>
  <si>
    <t>8933563.0</t>
  </si>
  <si>
    <t>46392.0</t>
  </si>
  <si>
    <t>344.645</t>
  </si>
  <si>
    <t>40475.0</t>
  </si>
  <si>
    <t>1.561</t>
  </si>
  <si>
    <t>4358.7</t>
  </si>
  <si>
    <t>8977142.0</t>
  </si>
  <si>
    <t>43579.0</t>
  </si>
  <si>
    <t>346.326</t>
  </si>
  <si>
    <t>39462.0</t>
  </si>
  <si>
    <t>1.522</t>
  </si>
  <si>
    <t>4249.6</t>
  </si>
  <si>
    <t>9023613.0</t>
  </si>
  <si>
    <t>46471.0</t>
  </si>
  <si>
    <t>348.119</t>
  </si>
  <si>
    <t>1.793</t>
  </si>
  <si>
    <t>39310.0</t>
  </si>
  <si>
    <t>1.517</t>
  </si>
  <si>
    <t>4107.2</t>
  </si>
  <si>
    <t>9062355.0</t>
  </si>
  <si>
    <t>38742.0</t>
  </si>
  <si>
    <t>349.613</t>
  </si>
  <si>
    <t>38986.0</t>
  </si>
  <si>
    <t>4331.8</t>
  </si>
  <si>
    <t>9097814.0</t>
  </si>
  <si>
    <t>35459.0</t>
  </si>
  <si>
    <t>350.981</t>
  </si>
  <si>
    <t>38947.0</t>
  </si>
  <si>
    <t>4259.8</t>
  </si>
  <si>
    <t>-3888.2</t>
  </si>
  <si>
    <t>-2.7</t>
  </si>
  <si>
    <t>-0.92</t>
  </si>
  <si>
    <t>-148.532647041858</t>
  </si>
  <si>
    <t>9126840.0</t>
  </si>
  <si>
    <t>29026.0</t>
  </si>
  <si>
    <t>352.101</t>
  </si>
  <si>
    <t>38777.0</t>
  </si>
  <si>
    <t>4600.4</t>
  </si>
  <si>
    <t>9160213.0</t>
  </si>
  <si>
    <t>33373.0</t>
  </si>
  <si>
    <t>353.388</t>
  </si>
  <si>
    <t>39006.0</t>
  </si>
  <si>
    <t>1.505</t>
  </si>
  <si>
    <t>5572.3</t>
  </si>
  <si>
    <t>9212619.0</t>
  </si>
  <si>
    <t>52406.0</t>
  </si>
  <si>
    <t>355.41</t>
  </si>
  <si>
    <t>39865.0</t>
  </si>
  <si>
    <t>1.538</t>
  </si>
  <si>
    <t>6200.8</t>
  </si>
  <si>
    <t>9268481.0</t>
  </si>
  <si>
    <t>55862.0</t>
  </si>
  <si>
    <t>357.565</t>
  </si>
  <si>
    <t>41620.0</t>
  </si>
  <si>
    <t>1.606</t>
  </si>
  <si>
    <t>0.0001</t>
  </si>
  <si>
    <t>9105.2</t>
  </si>
  <si>
    <t>9308474.0</t>
  </si>
  <si>
    <t>39993.0</t>
  </si>
  <si>
    <t>359.108</t>
  </si>
  <si>
    <t>40694.0</t>
  </si>
  <si>
    <t>9494.6</t>
  </si>
  <si>
    <t>9348696.0</t>
  </si>
  <si>
    <t>40222.0</t>
  </si>
  <si>
    <t>360.66</t>
  </si>
  <si>
    <t>1.552</t>
  </si>
  <si>
    <t>40906.0</t>
  </si>
  <si>
    <t>9379339.0</t>
  </si>
  <si>
    <t>30643.0</t>
  </si>
  <si>
    <t>361.842</t>
  </si>
  <si>
    <t>40218.0</t>
  </si>
  <si>
    <t>3351.5</t>
  </si>
  <si>
    <t>-3770.0</t>
  </si>
  <si>
    <t>-2.56</t>
  </si>
  <si>
    <t>-144.017303468907</t>
  </si>
  <si>
    <t>9401769.0</t>
  </si>
  <si>
    <t>22430.0</t>
  </si>
  <si>
    <t>362.707</t>
  </si>
  <si>
    <t>39276.0</t>
  </si>
  <si>
    <t>1.515</t>
  </si>
  <si>
    <t>3089.2</t>
  </si>
  <si>
    <t>9441350.0</t>
  </si>
  <si>
    <t>364.234</t>
  </si>
  <si>
    <t>2652.2</t>
  </si>
  <si>
    <t>9498046.0</t>
  </si>
  <si>
    <t>56696.0</t>
  </si>
  <si>
    <t>366.422</t>
  </si>
  <si>
    <t>2.187</t>
  </si>
  <si>
    <t>40775.0</t>
  </si>
  <si>
    <t>2594.8</t>
  </si>
  <si>
    <t>9559147.0</t>
  </si>
  <si>
    <t>368.779</t>
  </si>
  <si>
    <t>2.357</t>
  </si>
  <si>
    <t>41524.0</t>
  </si>
  <si>
    <t>1.602</t>
  </si>
  <si>
    <t>2505.8</t>
  </si>
  <si>
    <t>9621262.0</t>
  </si>
  <si>
    <t>62115.0</t>
  </si>
  <si>
    <t>371.175</t>
  </si>
  <si>
    <t>2.396</t>
  </si>
  <si>
    <t>44684.0</t>
  </si>
  <si>
    <t>2522.5</t>
  </si>
  <si>
    <t>9671866.0</t>
  </si>
  <si>
    <t>50604.0</t>
  </si>
  <si>
    <t>373.127</t>
  </si>
  <si>
    <t>46167.0</t>
  </si>
  <si>
    <t>9714006.0</t>
  </si>
  <si>
    <t>42140.0</t>
  </si>
  <si>
    <t>374.753</t>
  </si>
  <si>
    <t>47810.0</t>
  </si>
  <si>
    <t>3937.2</t>
  </si>
  <si>
    <t>-3770.6</t>
  </si>
  <si>
    <t>-2.51</t>
  </si>
  <si>
    <t>-0.02</t>
  </si>
  <si>
    <t>-144.040223994658</t>
  </si>
  <si>
    <t>9746722.0</t>
  </si>
  <si>
    <t>32716.0</t>
  </si>
  <si>
    <t>376.015</t>
  </si>
  <si>
    <t>49279.0</t>
  </si>
  <si>
    <t>4058.2</t>
  </si>
  <si>
    <t>9780480.0</t>
  </si>
  <si>
    <t>33758.0</t>
  </si>
  <si>
    <t>377.317</t>
  </si>
  <si>
    <t>1.302</t>
  </si>
  <si>
    <t>48447.0</t>
  </si>
  <si>
    <t>4462.3</t>
  </si>
  <si>
    <t>9832067.0</t>
  </si>
  <si>
    <t>51587.0</t>
  </si>
  <si>
    <t>379.308</t>
  </si>
  <si>
    <t>47717.0</t>
  </si>
  <si>
    <t>4175.1</t>
  </si>
  <si>
    <t>9878139.0</t>
  </si>
  <si>
    <t>46072.0</t>
  </si>
  <si>
    <t>381.085</t>
  </si>
  <si>
    <t>3938.3</t>
  </si>
  <si>
    <t>9922615.0</t>
  </si>
  <si>
    <t>44476.0</t>
  </si>
  <si>
    <t>382.801</t>
  </si>
  <si>
    <t>43050.0</t>
  </si>
  <si>
    <t>1.661</t>
  </si>
  <si>
    <t>3766.7</t>
  </si>
  <si>
    <t>9952658.0</t>
  </si>
  <si>
    <t>30043.0</t>
  </si>
  <si>
    <t>383.96</t>
  </si>
  <si>
    <t>40113.0</t>
  </si>
  <si>
    <t>3954.7</t>
  </si>
  <si>
    <t>9975692.0</t>
  </si>
  <si>
    <t>23034.0</t>
  </si>
  <si>
    <t>384.848</t>
  </si>
  <si>
    <t>37384.0</t>
  </si>
  <si>
    <t>3848.5</t>
  </si>
  <si>
    <t>-3820.6</t>
  </si>
  <si>
    <t>-2.49</t>
  </si>
  <si>
    <t>-1.66</t>
  </si>
  <si>
    <t>-145.950267807243</t>
  </si>
  <si>
    <t>10000219.0</t>
  </si>
  <si>
    <t>24527.0</t>
  </si>
  <si>
    <t>385.795</t>
  </si>
  <si>
    <t>36214.0</t>
  </si>
  <si>
    <t>3673.9</t>
  </si>
  <si>
    <t>10027337.0</t>
  </si>
  <si>
    <t>27118.0</t>
  </si>
  <si>
    <t>386.841</t>
  </si>
  <si>
    <t>35265.0</t>
  </si>
  <si>
    <t>3526.5</t>
  </si>
  <si>
    <t>10068443.0</t>
  </si>
  <si>
    <t>41106.0</t>
  </si>
  <si>
    <t>388.427</t>
  </si>
  <si>
    <t>33768.0</t>
  </si>
  <si>
    <t>3194.4</t>
  </si>
  <si>
    <t>10104210.0</t>
  </si>
  <si>
    <t>35767.0</t>
  </si>
  <si>
    <t>389.807</t>
  </si>
  <si>
    <t>32296.0</t>
  </si>
  <si>
    <t>2974.7</t>
  </si>
  <si>
    <t>10134668.0</t>
  </si>
  <si>
    <t>30458.0</t>
  </si>
  <si>
    <t>390.982</t>
  </si>
  <si>
    <t>30293.0</t>
  </si>
  <si>
    <t>3029.3</t>
  </si>
  <si>
    <t>10161634.0</t>
  </si>
  <si>
    <t>26966.0</t>
  </si>
  <si>
    <t>392.022</t>
  </si>
  <si>
    <t>29854.0</t>
  </si>
  <si>
    <t>2862.6</t>
  </si>
  <si>
    <t>10184720.0</t>
  </si>
  <si>
    <t>23086.0</t>
  </si>
  <si>
    <t>392.913</t>
  </si>
  <si>
    <t>29861.0</t>
  </si>
  <si>
    <t>2986.1</t>
  </si>
  <si>
    <t>-3686.2</t>
  </si>
  <si>
    <t>-2.36</t>
  </si>
  <si>
    <t>-140.816070039015</t>
  </si>
  <si>
    <t>10206753.0</t>
  </si>
  <si>
    <t>22033.0</t>
  </si>
  <si>
    <t>393.763</t>
  </si>
  <si>
    <t>29505.0</t>
  </si>
  <si>
    <t>2753.9</t>
  </si>
  <si>
    <t>10229311.0</t>
  </si>
  <si>
    <t>22558.0</t>
  </si>
  <si>
    <t>394.633</t>
  </si>
  <si>
    <t>28853.0</t>
  </si>
  <si>
    <t>2885.3</t>
  </si>
  <si>
    <t>10265843.0</t>
  </si>
  <si>
    <t>36532.0</t>
  </si>
  <si>
    <t>396.042</t>
  </si>
  <si>
    <t>28200.0</t>
  </si>
  <si>
    <t>3236.2</t>
  </si>
  <si>
    <t>10303104.0</t>
  </si>
  <si>
    <t>37261.0</t>
  </si>
  <si>
    <t>397.48</t>
  </si>
  <si>
    <t>28413.0</t>
  </si>
  <si>
    <t>10333910.0</t>
  </si>
  <si>
    <t>30806.0</t>
  </si>
  <si>
    <t>398.668</t>
  </si>
  <si>
    <t>28463.0</t>
  </si>
  <si>
    <t>2887.6</t>
  </si>
  <si>
    <t>10359301.0</t>
  </si>
  <si>
    <t>25391.0</t>
  </si>
  <si>
    <t>399.648</t>
  </si>
  <si>
    <t>28238.0</t>
  </si>
  <si>
    <t>3040.9</t>
  </si>
  <si>
    <t>10379994.0</t>
  </si>
  <si>
    <t>20693.0</t>
  </si>
  <si>
    <t>400.446</t>
  </si>
  <si>
    <t>27896.0</t>
  </si>
  <si>
    <t>3004.1</t>
  </si>
  <si>
    <t>-3719.6</t>
  </si>
  <si>
    <t>-2.33</t>
  </si>
  <si>
    <t>-1.1</t>
  </si>
  <si>
    <t>-142.091979305821</t>
  </si>
  <si>
    <t>10400623.0</t>
  </si>
  <si>
    <t>20629.0</t>
  </si>
  <si>
    <t>401.242</t>
  </si>
  <si>
    <t>27696.0</t>
  </si>
  <si>
    <t>3178.3</t>
  </si>
  <si>
    <t>10421329.0</t>
  </si>
  <si>
    <t>20706.0</t>
  </si>
  <si>
    <t>402.041</t>
  </si>
  <si>
    <t>27431.0</t>
  </si>
  <si>
    <t>2866.1</t>
  </si>
  <si>
    <t>10453300.0</t>
  </si>
  <si>
    <t>31971.0</t>
  </si>
  <si>
    <t>403.274</t>
  </si>
  <si>
    <t>26780.0</t>
  </si>
  <si>
    <t>2603.5</t>
  </si>
  <si>
    <t>10481898.0</t>
  </si>
  <si>
    <t>28598.0</t>
  </si>
  <si>
    <t>404.377</t>
  </si>
  <si>
    <t>25542.0</t>
  </si>
  <si>
    <t>2180.5</t>
  </si>
  <si>
    <t>10504909.0</t>
  </si>
  <si>
    <t>23011.0</t>
  </si>
  <si>
    <t>405.265</t>
  </si>
  <si>
    <t>24428.0</t>
  </si>
  <si>
    <t>10537259.0</t>
  </si>
  <si>
    <t>32350.0</t>
  </si>
  <si>
    <t>406.513</t>
  </si>
  <si>
    <t>25423.0</t>
  </si>
  <si>
    <t>1289.6</t>
  </si>
  <si>
    <t>10583634.0</t>
  </si>
  <si>
    <t>46375.0</t>
  </si>
  <si>
    <t>408.302</t>
  </si>
  <si>
    <t>29091.0</t>
  </si>
  <si>
    <t>1264.8</t>
  </si>
  <si>
    <t>-3671.2</t>
  </si>
  <si>
    <t>-2.26</t>
  </si>
  <si>
    <t>-140.243056895239</t>
  </si>
  <si>
    <t>10651486.0</t>
  </si>
  <si>
    <t>67852.0</t>
  </si>
  <si>
    <t>410.92</t>
  </si>
  <si>
    <t>35838.0</t>
  </si>
  <si>
    <t>10727580.0</t>
  </si>
  <si>
    <t>76094.0</t>
  </si>
  <si>
    <t>413.855</t>
  </si>
  <si>
    <t>2.936</t>
  </si>
  <si>
    <t>43750.0</t>
  </si>
  <si>
    <t>1730.2</t>
  </si>
  <si>
    <t>10817253.0</t>
  </si>
  <si>
    <t>89673.0</t>
  </si>
  <si>
    <t>417.315</t>
  </si>
  <si>
    <t>3.459</t>
  </si>
  <si>
    <t>51993.0</t>
  </si>
  <si>
    <t>1915.5</t>
  </si>
  <si>
    <t>10917267.0</t>
  </si>
  <si>
    <t>100014.0</t>
  </si>
  <si>
    <t>421.173</t>
  </si>
  <si>
    <t>3.858</t>
  </si>
  <si>
    <t>62196.0</t>
  </si>
  <si>
    <t>2405.4</t>
  </si>
  <si>
    <t>11010631.0</t>
  </si>
  <si>
    <t>93364.0</t>
  </si>
  <si>
    <t>424.775</t>
  </si>
  <si>
    <t>72246.0</t>
  </si>
  <si>
    <t>2.787</t>
  </si>
  <si>
    <t>2957.4</t>
  </si>
  <si>
    <t>11061500.0</t>
  </si>
  <si>
    <t>50869.0</t>
  </si>
  <si>
    <t>426.737</t>
  </si>
  <si>
    <t>1.962</t>
  </si>
  <si>
    <t>74892.0</t>
  </si>
  <si>
    <t>2.889</t>
  </si>
  <si>
    <t>3744.6</t>
  </si>
  <si>
    <t>11096776.0</t>
  </si>
  <si>
    <t>35276.0</t>
  </si>
  <si>
    <t>428.098</t>
  </si>
  <si>
    <t>73306.0</t>
  </si>
  <si>
    <t>3691.7</t>
  </si>
  <si>
    <t>-3544.0</t>
  </si>
  <si>
    <t>-2.14</t>
  </si>
  <si>
    <t>-135.383905436023</t>
  </si>
  <si>
    <t>11126202.0</t>
  </si>
  <si>
    <t>29426.0</t>
  </si>
  <si>
    <t>429.234</t>
  </si>
  <si>
    <t>67817.0</t>
  </si>
  <si>
    <t>3651.8</t>
  </si>
  <si>
    <t>11165514.0</t>
  </si>
  <si>
    <t>39312.0</t>
  </si>
  <si>
    <t>430.75</t>
  </si>
  <si>
    <t>62562.0</t>
  </si>
  <si>
    <t>2.414</t>
  </si>
  <si>
    <t>3041.3</t>
  </si>
  <si>
    <t>11205827.0</t>
  </si>
  <si>
    <t>40313.0</t>
  </si>
  <si>
    <t>432.305</t>
  </si>
  <si>
    <t>55511.0</t>
  </si>
  <si>
    <t>2.142</t>
  </si>
  <si>
    <t>2717.3</t>
  </si>
  <si>
    <t>11260636.0</t>
  </si>
  <si>
    <t>54809.0</t>
  </si>
  <si>
    <t>434.42</t>
  </si>
  <si>
    <t>49053.0</t>
  </si>
  <si>
    <t>1.892</t>
  </si>
  <si>
    <t>11316982.0</t>
  </si>
  <si>
    <t>56346.0</t>
  </si>
  <si>
    <t>436.594</t>
  </si>
  <si>
    <t>2.174</t>
  </si>
  <si>
    <t>43764.0</t>
  </si>
  <si>
    <t>1879.4</t>
  </si>
  <si>
    <t>11377594.0</t>
  </si>
  <si>
    <t>60612.0</t>
  </si>
  <si>
    <t>438.932</t>
  </si>
  <si>
    <t>2.338</t>
  </si>
  <si>
    <t>45156.0</t>
  </si>
  <si>
    <t>1.742</t>
  </si>
  <si>
    <t>11428730.0</t>
  </si>
  <si>
    <t>51136.0</t>
  </si>
  <si>
    <t>440.905</t>
  </si>
  <si>
    <t>1.973</t>
  </si>
  <si>
    <t>47422.0</t>
  </si>
  <si>
    <t>1.829</t>
  </si>
  <si>
    <t>1987.8</t>
  </si>
  <si>
    <t>-3496.8</t>
  </si>
  <si>
    <t>-2.08</t>
  </si>
  <si>
    <t>-133.580824076943</t>
  </si>
  <si>
    <t>11505997.0</t>
  </si>
  <si>
    <t>77267.0</t>
  </si>
  <si>
    <t>443.886</t>
  </si>
  <si>
    <t>2.981</t>
  </si>
  <si>
    <t>54256.0</t>
  </si>
  <si>
    <t>2.093</t>
  </si>
  <si>
    <t>2260.7</t>
  </si>
  <si>
    <t>11590672.0</t>
  </si>
  <si>
    <t>84675.0</t>
  </si>
  <si>
    <t>447.152</t>
  </si>
  <si>
    <t>3.267</t>
  </si>
  <si>
    <t>60737.0</t>
  </si>
  <si>
    <t>2742.9</t>
  </si>
  <si>
    <t>11691946.0</t>
  </si>
  <si>
    <t>101274.0</t>
  </si>
  <si>
    <t>451.059</t>
  </si>
  <si>
    <t>3.907</t>
  </si>
  <si>
    <t>69446.0</t>
  </si>
  <si>
    <t>2.679</t>
  </si>
  <si>
    <t>3447.6</t>
  </si>
  <si>
    <t>11779835.0</t>
  </si>
  <si>
    <t>87889.0</t>
  </si>
  <si>
    <t>454.45</t>
  </si>
  <si>
    <t>74171.0</t>
  </si>
  <si>
    <t>3556.2</t>
  </si>
  <si>
    <t>11852383.0</t>
  </si>
  <si>
    <t>72548.0</t>
  </si>
  <si>
    <t>457.249</t>
  </si>
  <si>
    <t>2.799</t>
  </si>
  <si>
    <t>76486.0</t>
  </si>
  <si>
    <t>2.951</t>
  </si>
  <si>
    <t>4388.4</t>
  </si>
  <si>
    <t>11928140.0</t>
  </si>
  <si>
    <t>75757.0</t>
  </si>
  <si>
    <t>460.171</t>
  </si>
  <si>
    <t>78649.0</t>
  </si>
  <si>
    <t>3.034</t>
  </si>
  <si>
    <t>4959.9</t>
  </si>
  <si>
    <t>12004467.0</t>
  </si>
  <si>
    <t>76327.0</t>
  </si>
  <si>
    <t>463.116</t>
  </si>
  <si>
    <t>2.945</t>
  </si>
  <si>
    <t>5234.1</t>
  </si>
  <si>
    <t>-3470.1</t>
  </si>
  <si>
    <t>-2.03</t>
  </si>
  <si>
    <t>-132.560860681022</t>
  </si>
  <si>
    <t>12079425.0</t>
  </si>
  <si>
    <t>74958.0</t>
  </si>
  <si>
    <t>466.008</t>
  </si>
  <si>
    <t>2.892</t>
  </si>
  <si>
    <t>81918.0</t>
  </si>
  <si>
    <t>4901.2</t>
  </si>
  <si>
    <t>12139602.0</t>
  </si>
  <si>
    <t>60177.0</t>
  </si>
  <si>
    <t>468.329</t>
  </si>
  <si>
    <t>2.322</t>
  </si>
  <si>
    <t>78419.0</t>
  </si>
  <si>
    <t>4815.1</t>
  </si>
  <si>
    <t>12209377.0</t>
  </si>
  <si>
    <t>69775.0</t>
  </si>
  <si>
    <t>471.021</t>
  </si>
  <si>
    <t>73919.0</t>
  </si>
  <si>
    <t>4538.8</t>
  </si>
  <si>
    <t>12272547.0</t>
  </si>
  <si>
    <t>63170.0</t>
  </si>
  <si>
    <t>473.458</t>
  </si>
  <si>
    <t>2.437</t>
  </si>
  <si>
    <t>70387.0</t>
  </si>
  <si>
    <t>5027.6</t>
  </si>
  <si>
    <t>12327753.0</t>
  </si>
  <si>
    <t>55206.0</t>
  </si>
  <si>
    <t>475.588</t>
  </si>
  <si>
    <t>67910.0</t>
  </si>
  <si>
    <t>4442.6</t>
  </si>
  <si>
    <t>12372409.0</t>
  </si>
  <si>
    <t>44656.0</t>
  </si>
  <si>
    <t>477.311</t>
  </si>
  <si>
    <t>1.723</t>
  </si>
  <si>
    <t>63467.0</t>
  </si>
  <si>
    <t>3931.5</t>
  </si>
  <si>
    <t>12405954.0</t>
  </si>
  <si>
    <t>33545.0</t>
  </si>
  <si>
    <t>478.605</t>
  </si>
  <si>
    <t>57355.0</t>
  </si>
  <si>
    <t>3752.1</t>
  </si>
  <si>
    <t>-3516.6</t>
  </si>
  <si>
    <t>-1.55</t>
  </si>
  <si>
    <t>-134.337201426726</t>
  </si>
  <si>
    <t>12447974.0</t>
  </si>
  <si>
    <t>42020.0</t>
  </si>
  <si>
    <t>480.226</t>
  </si>
  <si>
    <t>1.621</t>
  </si>
  <si>
    <t>52650.0</t>
  </si>
  <si>
    <t>3799.5</t>
  </si>
  <si>
    <t>12488954.0</t>
  </si>
  <si>
    <t>40980.0</t>
  </si>
  <si>
    <t>481.807</t>
  </si>
  <si>
    <t>1.581</t>
  </si>
  <si>
    <t>49907.0</t>
  </si>
  <si>
    <t>1.925</t>
  </si>
  <si>
    <t>3881.7</t>
  </si>
  <si>
    <t>12546647.0</t>
  </si>
  <si>
    <t>57693.0</t>
  </si>
  <si>
    <t>484.032</t>
  </si>
  <si>
    <t>48181.0</t>
  </si>
  <si>
    <t>3789.6</t>
  </si>
  <si>
    <t>12594719.0</t>
  </si>
  <si>
    <t>48072.0</t>
  </si>
  <si>
    <t>485.887</t>
  </si>
  <si>
    <t>46025.0</t>
  </si>
  <si>
    <t>3746.1</t>
  </si>
  <si>
    <t>12644281.0</t>
  </si>
  <si>
    <t>49562.0</t>
  </si>
  <si>
    <t>487.799</t>
  </si>
  <si>
    <t>45218.0</t>
  </si>
  <si>
    <t>12681350.0</t>
  </si>
  <si>
    <t>489.229</t>
  </si>
  <si>
    <t>44134.0</t>
  </si>
  <si>
    <t>1.703</t>
  </si>
  <si>
    <t>5326.3</t>
  </si>
  <si>
    <t>12713317.0</t>
  </si>
  <si>
    <t>31967.0</t>
  </si>
  <si>
    <t>490.462</t>
  </si>
  <si>
    <t>43909.0</t>
  </si>
  <si>
    <t>5488.6</t>
  </si>
  <si>
    <t>-3333.3</t>
  </si>
  <si>
    <t>-1.88</t>
  </si>
  <si>
    <t>-127.33498080979</t>
  </si>
  <si>
    <t>12748337.0</t>
  </si>
  <si>
    <t>35020.0</t>
  </si>
  <si>
    <t>491.813</t>
  </si>
  <si>
    <t>42909.0</t>
  </si>
  <si>
    <t>1.655</t>
  </si>
  <si>
    <t>6129.9</t>
  </si>
  <si>
    <t>12778139.0</t>
  </si>
  <si>
    <t>29802.0</t>
  </si>
  <si>
    <t>492.963</t>
  </si>
  <si>
    <t>41312.0</t>
  </si>
  <si>
    <t>12814349.0</t>
  </si>
  <si>
    <t>36210.0</t>
  </si>
  <si>
    <t>494.36</t>
  </si>
  <si>
    <t>38243.0</t>
  </si>
  <si>
    <t>5948.5</t>
  </si>
  <si>
    <t>12848213.0</t>
  </si>
  <si>
    <t>33864.0</t>
  </si>
  <si>
    <t>495.666</t>
  </si>
  <si>
    <t>36213.0</t>
  </si>
  <si>
    <t>5760.9</t>
  </si>
  <si>
    <t>12888924.0</t>
  </si>
  <si>
    <t>40711.0</t>
  </si>
  <si>
    <t>497.237</t>
  </si>
  <si>
    <t>5318.7</t>
  </si>
  <si>
    <t>12924307.0</t>
  </si>
  <si>
    <t>35383.0</t>
  </si>
  <si>
    <t>498.602</t>
  </si>
  <si>
    <t>34708.0</t>
  </si>
  <si>
    <t>5398.7</t>
  </si>
  <si>
    <t>12951776.0</t>
  </si>
  <si>
    <t>27469.0</t>
  </si>
  <si>
    <t>499.662</t>
  </si>
  <si>
    <t>34066.0</t>
  </si>
  <si>
    <t>5816.3</t>
  </si>
  <si>
    <t>-3345.4</t>
  </si>
  <si>
    <t>-1.86</t>
  </si>
  <si>
    <t>-0.41</t>
  </si>
  <si>
    <t>-127.797211412435</t>
  </si>
  <si>
    <t>12982095.0</t>
  </si>
  <si>
    <t>30319.0</t>
  </si>
  <si>
    <t>500.831</t>
  </si>
  <si>
    <t>33394.0</t>
  </si>
  <si>
    <t>5436.1</t>
  </si>
  <si>
    <t>13018447.0</t>
  </si>
  <si>
    <t>36352.0</t>
  </si>
  <si>
    <t>502.234</t>
  </si>
  <si>
    <t>34330.0</t>
  </si>
  <si>
    <t>1.324</t>
  </si>
  <si>
    <t>5588.5</t>
  </si>
  <si>
    <t>13077667.0</t>
  </si>
  <si>
    <t>59220.0</t>
  </si>
  <si>
    <t>504.518</t>
  </si>
  <si>
    <t>2.285</t>
  </si>
  <si>
    <t>37617.0</t>
  </si>
  <si>
    <t>1.451</t>
  </si>
  <si>
    <t>5984.3</t>
  </si>
  <si>
    <t>13128847.0</t>
  </si>
  <si>
    <t>51180.0</t>
  </si>
  <si>
    <t>506.493</t>
  </si>
  <si>
    <t>40091.0</t>
  </si>
  <si>
    <t>6526.3</t>
  </si>
  <si>
    <t>13174416.0</t>
  </si>
  <si>
    <t>508.251</t>
  </si>
  <si>
    <t>40785.0</t>
  </si>
  <si>
    <t>6797.5</t>
  </si>
  <si>
    <t>13234439.0</t>
  </si>
  <si>
    <t>60023.0</t>
  </si>
  <si>
    <t>510.566</t>
  </si>
  <si>
    <t>2.316</t>
  </si>
  <si>
    <t>44305.0</t>
  </si>
  <si>
    <t>7753.8</t>
  </si>
  <si>
    <t>13275630.0</t>
  </si>
  <si>
    <t>41191.0</t>
  </si>
  <si>
    <t>512.156</t>
  </si>
  <si>
    <t>46265.0</t>
  </si>
  <si>
    <t>8304.6</t>
  </si>
  <si>
    <t>-3204.5</t>
  </si>
  <si>
    <t>-1.75</t>
  </si>
  <si>
    <t>-122.414707948571</t>
  </si>
  <si>
    <t>13314092.0</t>
  </si>
  <si>
    <t>513.639</t>
  </si>
  <si>
    <t>47428.0</t>
  </si>
  <si>
    <t>8972.4</t>
  </si>
  <si>
    <t>13353404.0</t>
  </si>
  <si>
    <t>515.156</t>
  </si>
  <si>
    <t>47851.0</t>
  </si>
  <si>
    <t>7975.2</t>
  </si>
  <si>
    <t>13418052.0</t>
  </si>
  <si>
    <t>64648.0</t>
  </si>
  <si>
    <t>517.65</t>
  </si>
  <si>
    <t>2.494</t>
  </si>
  <si>
    <t>48626.0</t>
  </si>
  <si>
    <t>8302.2</t>
  </si>
  <si>
    <t>13478541.0</t>
  </si>
  <si>
    <t>60489.0</t>
  </si>
  <si>
    <t>519.984</t>
  </si>
  <si>
    <t>49956.0</t>
  </si>
  <si>
    <t>7770.4</t>
  </si>
  <si>
    <t>13536915.0</t>
  </si>
  <si>
    <t>58374.0</t>
  </si>
  <si>
    <t>522.236</t>
  </si>
  <si>
    <t>51786.0</t>
  </si>
  <si>
    <t>1.998</t>
  </si>
  <si>
    <t>8238.3</t>
  </si>
  <si>
    <t>13586581.0</t>
  </si>
  <si>
    <t>49666.0</t>
  </si>
  <si>
    <t>524.152</t>
  </si>
  <si>
    <t>1.916</t>
  </si>
  <si>
    <t>50306.0</t>
  </si>
  <si>
    <t>1.941</t>
  </si>
  <si>
    <t>7492.7</t>
  </si>
  <si>
    <t>13638907.0</t>
  </si>
  <si>
    <t>52326.0</t>
  </si>
  <si>
    <t>526.17</t>
  </si>
  <si>
    <t>51897.0</t>
  </si>
  <si>
    <t>8448.2</t>
  </si>
  <si>
    <t>-3206.2</t>
  </si>
  <si>
    <t>-1.72</t>
  </si>
  <si>
    <t>-122.479649438199</t>
  </si>
  <si>
    <t>13702483.0</t>
  </si>
  <si>
    <t>63576.0</t>
  </si>
  <si>
    <t>528.623</t>
  </si>
  <si>
    <t>2.453</t>
  </si>
  <si>
    <t>55484.0</t>
  </si>
  <si>
    <t>8630.3</t>
  </si>
  <si>
    <t>13757442.0</t>
  </si>
  <si>
    <t>54959.0</t>
  </si>
  <si>
    <t>530.743</t>
  </si>
  <si>
    <t>57720.0</t>
  </si>
  <si>
    <t>10101.5</t>
  </si>
  <si>
    <t>13842302.0</t>
  </si>
  <si>
    <t>84860.0</t>
  </si>
  <si>
    <t>534.017</t>
  </si>
  <si>
    <t>3.274</t>
  </si>
  <si>
    <t>60607.0</t>
  </si>
  <si>
    <t>12856.8</t>
  </si>
  <si>
    <t>13915464.0</t>
  </si>
  <si>
    <t>73162.0</t>
  </si>
  <si>
    <t>536.839</t>
  </si>
  <si>
    <t>62418.0</t>
  </si>
  <si>
    <t>2.408</t>
  </si>
  <si>
    <t>14093.0</t>
  </si>
  <si>
    <t>13972586.0</t>
  </si>
  <si>
    <t>57122.0</t>
  </si>
  <si>
    <t>539.043</t>
  </si>
  <si>
    <t>62239.0</t>
  </si>
  <si>
    <t>15559.8</t>
  </si>
  <si>
    <t>14019006.0</t>
  </si>
  <si>
    <t>46420.0</t>
  </si>
  <si>
    <t>540.834</t>
  </si>
  <si>
    <t>61775.0</t>
  </si>
  <si>
    <t>2.383</t>
  </si>
  <si>
    <t>15443.8</t>
  </si>
  <si>
    <t>14053806.0</t>
  </si>
  <si>
    <t>34800.0</t>
  </si>
  <si>
    <t>542.177</t>
  </si>
  <si>
    <t>59271.0</t>
  </si>
  <si>
    <t>13829.0</t>
  </si>
  <si>
    <t>-3218.9</t>
  </si>
  <si>
    <t>-1.7</t>
  </si>
  <si>
    <t>-0.43</t>
  </si>
  <si>
    <t>-122.964800566595</t>
  </si>
  <si>
    <t>14090307.0</t>
  </si>
  <si>
    <t>543.585</t>
  </si>
  <si>
    <t>1.408</t>
  </si>
  <si>
    <t>2.137</t>
  </si>
  <si>
    <t>12120.5</t>
  </si>
  <si>
    <t>14133828.0</t>
  </si>
  <si>
    <t>43521.0</t>
  </si>
  <si>
    <t>545.264</t>
  </si>
  <si>
    <t>53769.0</t>
  </si>
  <si>
    <t>2.074</t>
  </si>
  <si>
    <t>13442.2</t>
  </si>
  <si>
    <t>6914.0</t>
  </si>
  <si>
    <t>6911.0</t>
  </si>
  <si>
    <t>4125.0</t>
  </si>
  <si>
    <t>3447.0</t>
  </si>
  <si>
    <t>14190604.0</t>
  </si>
  <si>
    <t>56776.0</t>
  </si>
  <si>
    <t>547.454</t>
  </si>
  <si>
    <t>49757.0</t>
  </si>
  <si>
    <t>9951.4</t>
  </si>
  <si>
    <t>16629.0</t>
  </si>
  <si>
    <t>9715.0</t>
  </si>
  <si>
    <t>5535.0</t>
  </si>
  <si>
    <t>14240544.0</t>
  </si>
  <si>
    <t>49940.0</t>
  </si>
  <si>
    <t>549.381</t>
  </si>
  <si>
    <t>46440.0</t>
  </si>
  <si>
    <t>8336.0</t>
  </si>
  <si>
    <t>23510.0</t>
  </si>
  <si>
    <t>23501.0</t>
  </si>
  <si>
    <t>5872.0</t>
  </si>
  <si>
    <t>14288443.0</t>
  </si>
  <si>
    <t>47899.0</t>
  </si>
  <si>
    <t>551.228</t>
  </si>
  <si>
    <t>1.848</t>
  </si>
  <si>
    <t>45122.0</t>
  </si>
  <si>
    <t>7018.5</t>
  </si>
  <si>
    <t>30000.0</t>
  </si>
  <si>
    <t>29989.0</t>
  </si>
  <si>
    <t>6490.0</t>
  </si>
  <si>
    <t>5996.0</t>
  </si>
  <si>
    <t>5994.0</t>
  </si>
  <si>
    <t>14321865.0</t>
  </si>
  <si>
    <t>33422.0</t>
  </si>
  <si>
    <t>552.518</t>
  </si>
  <si>
    <t>6882.9</t>
  </si>
  <si>
    <t>31894.0</t>
  </si>
  <si>
    <t>14349465.0</t>
  </si>
  <si>
    <t>27600.0</t>
  </si>
  <si>
    <t>553.583</t>
  </si>
  <si>
    <t>42237.0</t>
  </si>
  <si>
    <t>6159.7</t>
  </si>
  <si>
    <t>34630.0</t>
  </si>
  <si>
    <t>34618.0</t>
  </si>
  <si>
    <t>4944.0</t>
  </si>
  <si>
    <t>-3175.0</t>
  </si>
  <si>
    <t>-1.65</t>
  </si>
  <si>
    <t>-121.287782099146</t>
  </si>
  <si>
    <t>14373691.0</t>
  </si>
  <si>
    <t>24226.0</t>
  </si>
  <si>
    <t>554.517</t>
  </si>
  <si>
    <t>40483.0</t>
  </si>
  <si>
    <t>5783.3</t>
  </si>
  <si>
    <t>41907.0</t>
  </si>
  <si>
    <t>41895.0</t>
  </si>
  <si>
    <t>7277.0</t>
  </si>
  <si>
    <t>5587.0</t>
  </si>
  <si>
    <t>14413665.0</t>
  </si>
  <si>
    <t>39974.0</t>
  </si>
  <si>
    <t>556.059</t>
  </si>
  <si>
    <t>1.542</t>
  </si>
  <si>
    <t>39977.0</t>
  </si>
  <si>
    <t>4909.4</t>
  </si>
  <si>
    <t>51070.0</t>
  </si>
  <si>
    <t>51058.0</t>
  </si>
  <si>
    <t>9163.0</t>
  </si>
  <si>
    <t>6307.0</t>
  </si>
  <si>
    <t>14466586.0</t>
  </si>
  <si>
    <t>52921.0</t>
  </si>
  <si>
    <t>558.101</t>
  </si>
  <si>
    <t>2.042</t>
  </si>
  <si>
    <t>39426.0</t>
  </si>
  <si>
    <t>4599.9</t>
  </si>
  <si>
    <t>61009.0</t>
  </si>
  <si>
    <t>60994.0</t>
  </si>
  <si>
    <t>6338.0</t>
  </si>
  <si>
    <t>14515635.0</t>
  </si>
  <si>
    <t>49049.0</t>
  </si>
  <si>
    <t>559.993</t>
  </si>
  <si>
    <t>39299.0</t>
  </si>
  <si>
    <t>4298.3</t>
  </si>
  <si>
    <t>71867.0</t>
  </si>
  <si>
    <t>71848.0</t>
  </si>
  <si>
    <t>6908.0</t>
  </si>
  <si>
    <t>6907.0</t>
  </si>
  <si>
    <t>14563270.0</t>
  </si>
  <si>
    <t>47635.0</t>
  </si>
  <si>
    <t>561.831</t>
  </si>
  <si>
    <t>39261.0</t>
  </si>
  <si>
    <t>4294.1</t>
  </si>
  <si>
    <t>76940.0</t>
  </si>
  <si>
    <t>76916.0</t>
  </si>
  <si>
    <t>6704.0</t>
  </si>
  <si>
    <t>14600442.0</t>
  </si>
  <si>
    <t>37172.0</t>
  </si>
  <si>
    <t>563.265</t>
  </si>
  <si>
    <t>39797.0</t>
  </si>
  <si>
    <t>4352.7</t>
  </si>
  <si>
    <t>81345.0</t>
  </si>
  <si>
    <t>81321.0</t>
  </si>
  <si>
    <t>7063.0</t>
  </si>
  <si>
    <t>14628827.0</t>
  </si>
  <si>
    <t>28385.0</t>
  </si>
  <si>
    <t>564.36</t>
  </si>
  <si>
    <t>39909.0</t>
  </si>
  <si>
    <t>4108.4</t>
  </si>
  <si>
    <t>86369.0</t>
  </si>
  <si>
    <t>86345.0</t>
  </si>
  <si>
    <t>5024.0</t>
  </si>
  <si>
    <t>7391.0</t>
  </si>
  <si>
    <t>7390.0</t>
  </si>
  <si>
    <t>-3087.7</t>
  </si>
  <si>
    <t>-117.952845602372</t>
  </si>
  <si>
    <t>14663973.0</t>
  </si>
  <si>
    <t>35146.0</t>
  </si>
  <si>
    <t>565.716</t>
  </si>
  <si>
    <t>41469.0</t>
  </si>
  <si>
    <t>3870.5</t>
  </si>
  <si>
    <t>94908.0</t>
  </si>
  <si>
    <t>94884.0</t>
  </si>
  <si>
    <t>8539.0</t>
  </si>
  <si>
    <t>7570.0</t>
  </si>
  <si>
    <t>14691576.0</t>
  </si>
  <si>
    <t>27603.0</t>
  </si>
  <si>
    <t>566.781</t>
  </si>
  <si>
    <t>39702.0</t>
  </si>
  <si>
    <t>3563.0</t>
  </si>
  <si>
    <t>108328.0</t>
  </si>
  <si>
    <t>108301.0</t>
  </si>
  <si>
    <t>13420.0</t>
  </si>
  <si>
    <t>8180.0</t>
  </si>
  <si>
    <t>14738885.0</t>
  </si>
  <si>
    <t>47309.0</t>
  </si>
  <si>
    <t>568.606</t>
  </si>
  <si>
    <t>38900.0</t>
  </si>
  <si>
    <t>3280.8</t>
  </si>
  <si>
    <t>125000.0</t>
  </si>
  <si>
    <t>124972.0</t>
  </si>
  <si>
    <t>16672.0</t>
  </si>
  <si>
    <t>9142.0</t>
  </si>
  <si>
    <t>14789896.0</t>
  </si>
  <si>
    <t>51011.0</t>
  </si>
  <si>
    <t>570.574</t>
  </si>
  <si>
    <t>39180.0</t>
  </si>
  <si>
    <t>3386.1</t>
  </si>
  <si>
    <t>135109.0</t>
  </si>
  <si>
    <t>135077.0</t>
  </si>
  <si>
    <t>10109.0</t>
  </si>
  <si>
    <t>9035.0</t>
  </si>
  <si>
    <t>14834911.0</t>
  </si>
  <si>
    <t>45015.0</t>
  </si>
  <si>
    <t>572.31</t>
  </si>
  <si>
    <t>1.737</t>
  </si>
  <si>
    <t>38806.0</t>
  </si>
  <si>
    <t>3272.8</t>
  </si>
  <si>
    <t>159294.0</t>
  </si>
  <si>
    <t>159260.0</t>
  </si>
  <si>
    <t>24185.0</t>
  </si>
  <si>
    <t>11765.0</t>
  </si>
  <si>
    <t>11763.0</t>
  </si>
  <si>
    <t>14871900.0</t>
  </si>
  <si>
    <t>36989.0</t>
  </si>
  <si>
    <t>573.737</t>
  </si>
  <si>
    <t>1.427</t>
  </si>
  <si>
    <t>38780.0</t>
  </si>
  <si>
    <t>3270.6</t>
  </si>
  <si>
    <t>162551.0</t>
  </si>
  <si>
    <t>162517.0</t>
  </si>
  <si>
    <t>14901292.0</t>
  </si>
  <si>
    <t>29392.0</t>
  </si>
  <si>
    <t>574.871</t>
  </si>
  <si>
    <t>38924.0</t>
  </si>
  <si>
    <t>1.502</t>
  </si>
  <si>
    <t>3243.7</t>
  </si>
  <si>
    <t>164781.0</t>
  </si>
  <si>
    <t>164746.0</t>
  </si>
  <si>
    <t>11202.0</t>
  </si>
  <si>
    <t>-2992.0</t>
  </si>
  <si>
    <t>-1.51</t>
  </si>
  <si>
    <t>-114.297021745085</t>
  </si>
  <si>
    <t>14933604.0</t>
  </si>
  <si>
    <t>32312.0</t>
  </si>
  <si>
    <t>576.118</t>
  </si>
  <si>
    <t>38519.0</t>
  </si>
  <si>
    <t>3547.8</t>
  </si>
  <si>
    <t>182437.0</t>
  </si>
  <si>
    <t>182214.0</t>
  </si>
  <si>
    <t>17656.0</t>
  </si>
  <si>
    <t>12504.0</t>
  </si>
  <si>
    <t>12476.0</t>
  </si>
  <si>
    <t>14967447.0</t>
  </si>
  <si>
    <t>33843.0</t>
  </si>
  <si>
    <t>577.424</t>
  </si>
  <si>
    <t>39410.0</t>
  </si>
  <si>
    <t>3448.2</t>
  </si>
  <si>
    <t>203557.0</t>
  </si>
  <si>
    <t>203032.0</t>
  </si>
  <si>
    <t>21120.0</t>
  </si>
  <si>
    <t>13604.0</t>
  </si>
  <si>
    <t>13533.0</t>
  </si>
  <si>
    <t>15021707.0</t>
  </si>
  <si>
    <t>54260.0</t>
  </si>
  <si>
    <t>579.517</t>
  </si>
  <si>
    <t>40403.0</t>
  </si>
  <si>
    <t>3721.4</t>
  </si>
  <si>
    <t>226057.0</t>
  </si>
  <si>
    <t>224711.0</t>
  </si>
  <si>
    <t>22500.0</t>
  </si>
  <si>
    <t>14437.0</t>
  </si>
  <si>
    <t>2.407</t>
  </si>
  <si>
    <t>15072203.0</t>
  </si>
  <si>
    <t>50496.0</t>
  </si>
  <si>
    <t>581.465</t>
  </si>
  <si>
    <t>40330.0</t>
  </si>
  <si>
    <t>1.556</t>
  </si>
  <si>
    <t>3485.4</t>
  </si>
  <si>
    <t>240754.0</t>
  </si>
  <si>
    <t>238673.0</t>
  </si>
  <si>
    <t>2081.0</t>
  </si>
  <si>
    <t>14697.0</t>
  </si>
  <si>
    <t>15092.0</t>
  </si>
  <si>
    <t>14799.0</t>
  </si>
  <si>
    <t>15116285.0</t>
  </si>
  <si>
    <t>44082.0</t>
  </si>
  <si>
    <t>583.166</t>
  </si>
  <si>
    <t>40196.0</t>
  </si>
  <si>
    <t>253831.0</t>
  </si>
  <si>
    <t>251060.0</t>
  </si>
  <si>
    <t>13077.0</t>
  </si>
  <si>
    <t>13505.0</t>
  </si>
  <si>
    <t>13114.0</t>
  </si>
  <si>
    <t>15152322.0</t>
  </si>
  <si>
    <t>36037.0</t>
  </si>
  <si>
    <t>584.556</t>
  </si>
  <si>
    <t>40060.0</t>
  </si>
  <si>
    <t>3549.5</t>
  </si>
  <si>
    <t>256782.0</t>
  </si>
  <si>
    <t>253858.0</t>
  </si>
  <si>
    <t>13049.0</t>
  </si>
  <si>
    <t>15187732.0</t>
  </si>
  <si>
    <t>35410.0</t>
  </si>
  <si>
    <t>585.922</t>
  </si>
  <si>
    <t>40920.0</t>
  </si>
  <si>
    <t>1.579</t>
  </si>
  <si>
    <t>281960.0</t>
  </si>
  <si>
    <t>262283.0</t>
  </si>
  <si>
    <t>19677.0</t>
  </si>
  <si>
    <t>25178.0</t>
  </si>
  <si>
    <t>16740.0</t>
  </si>
  <si>
    <t>13934.0</t>
  </si>
  <si>
    <t>-2865.1</t>
  </si>
  <si>
    <t>-1.43</t>
  </si>
  <si>
    <t>-109.449330548744</t>
  </si>
  <si>
    <t>15218280.0</t>
  </si>
  <si>
    <t>30548.0</t>
  </si>
  <si>
    <t>587.1</t>
  </si>
  <si>
    <t>40668.0</t>
  </si>
  <si>
    <t>3847.1</t>
  </si>
  <si>
    <t>312502.0</t>
  </si>
  <si>
    <t>289317.0</t>
  </si>
  <si>
    <t>23185.0</t>
  </si>
  <si>
    <t>30542.0</t>
  </si>
  <si>
    <t>15300.0</t>
  </si>
  <si>
    <t>15247852.0</t>
  </si>
  <si>
    <t>29572.0</t>
  </si>
  <si>
    <t>588.241</t>
  </si>
  <si>
    <t>40058.0</t>
  </si>
  <si>
    <t>4185.4</t>
  </si>
  <si>
    <t>358502.0</t>
  </si>
  <si>
    <t>334123.0</t>
  </si>
  <si>
    <t>24379.0</t>
  </si>
  <si>
    <t>46000.0</t>
  </si>
  <si>
    <t>22135.0</t>
  </si>
  <si>
    <t>18727.0</t>
  </si>
  <si>
    <t>15295578.0</t>
  </si>
  <si>
    <t>47726.0</t>
  </si>
  <si>
    <t>590.082</t>
  </si>
  <si>
    <t>39124.0</t>
  </si>
  <si>
    <t>4279.1</t>
  </si>
  <si>
    <t>408410.0</t>
  </si>
  <si>
    <t>379837.0</t>
  </si>
  <si>
    <t>28573.0</t>
  </si>
  <si>
    <t>49908.0</t>
  </si>
  <si>
    <t>26050.0</t>
  </si>
  <si>
    <t>22161.0</t>
  </si>
  <si>
    <t>15334583.0</t>
  </si>
  <si>
    <t>591.587</t>
  </si>
  <si>
    <t>37483.0</t>
  </si>
  <si>
    <t>4685.4</t>
  </si>
  <si>
    <t>460155.0</t>
  </si>
  <si>
    <t>427294.0</t>
  </si>
  <si>
    <t>32861.0</t>
  </si>
  <si>
    <t>51745.0</t>
  </si>
  <si>
    <t>31343.0</t>
  </si>
  <si>
    <t>26946.0</t>
  </si>
  <si>
    <t>15373401.0</t>
  </si>
  <si>
    <t>38818.0</t>
  </si>
  <si>
    <t>593.085</t>
  </si>
  <si>
    <t>36731.0</t>
  </si>
  <si>
    <t>4285.5</t>
  </si>
  <si>
    <t>506465.0</t>
  </si>
  <si>
    <t>471771.0</t>
  </si>
  <si>
    <t>34694.0</t>
  </si>
  <si>
    <t>46310.0</t>
  </si>
  <si>
    <t>36091.0</t>
  </si>
  <si>
    <t>2.941</t>
  </si>
  <si>
    <t>15403078.0</t>
  </si>
  <si>
    <t>29677.0</t>
  </si>
  <si>
    <t>594.23</t>
  </si>
  <si>
    <t>35822.0</t>
  </si>
  <si>
    <t>3980.2</t>
  </si>
  <si>
    <t>524189.0</t>
  </si>
  <si>
    <t>488220.0</t>
  </si>
  <si>
    <t>35969.0</t>
  </si>
  <si>
    <t>17724.0</t>
  </si>
  <si>
    <t>38201.0</t>
  </si>
  <si>
    <t>33480.0</t>
  </si>
  <si>
    <t>15438469.0</t>
  </si>
  <si>
    <t>35391.0</t>
  </si>
  <si>
    <t>595.595</t>
  </si>
  <si>
    <t>35820.0</t>
  </si>
  <si>
    <t>3582.0</t>
  </si>
  <si>
    <t>541761.0</t>
  </si>
  <si>
    <t>505085.0</t>
  </si>
  <si>
    <t>36676.0</t>
  </si>
  <si>
    <t>17572.0</t>
  </si>
  <si>
    <t>37114.0</t>
  </si>
  <si>
    <t>34686.0</t>
  </si>
  <si>
    <t>-2817.2</t>
  </si>
  <si>
    <t>-1.38</t>
  </si>
  <si>
    <t>-107.619508576288</t>
  </si>
  <si>
    <t>15483555.0</t>
  </si>
  <si>
    <t>45086.0</t>
  </si>
  <si>
    <t>597.334</t>
  </si>
  <si>
    <t>1.739</t>
  </si>
  <si>
    <t>37896.0</t>
  </si>
  <si>
    <t>3120.8</t>
  </si>
  <si>
    <t>597525.0</t>
  </si>
  <si>
    <t>551335.0</t>
  </si>
  <si>
    <t>46190.0</t>
  </si>
  <si>
    <t>55764.0</t>
  </si>
  <si>
    <t>40718.0</t>
  </si>
  <si>
    <t>1555.0</t>
  </si>
  <si>
    <t>37431.0</t>
  </si>
  <si>
    <t>2.903</t>
  </si>
  <si>
    <t>15528544.0</t>
  </si>
  <si>
    <t>44989.0</t>
  </si>
  <si>
    <t>599.07</t>
  </si>
  <si>
    <t>1.736</t>
  </si>
  <si>
    <t>3381.9</t>
  </si>
  <si>
    <t>670351.0</t>
  </si>
  <si>
    <t>620336.0</t>
  </si>
  <si>
    <t>50015.0</t>
  </si>
  <si>
    <t>72826.0</t>
  </si>
  <si>
    <t>44550.0</t>
  </si>
  <si>
    <t>15613220.0</t>
  </si>
  <si>
    <t>84676.0</t>
  </si>
  <si>
    <t>602.337</t>
  </si>
  <si>
    <t>3452.6</t>
  </si>
  <si>
    <t>744330.0</t>
  </si>
  <si>
    <t>671606.0</t>
  </si>
  <si>
    <t>72724.0</t>
  </si>
  <si>
    <t>73979.0</t>
  </si>
  <si>
    <t>47989.0</t>
  </si>
  <si>
    <t>41681.0</t>
  </si>
  <si>
    <t>15698887.0</t>
  </si>
  <si>
    <t>85667.0</t>
  </si>
  <si>
    <t>605.641</t>
  </si>
  <si>
    <t>3.305</t>
  </si>
  <si>
    <t>52043.0</t>
  </si>
  <si>
    <t>2.008</t>
  </si>
  <si>
    <t>3875.4</t>
  </si>
  <si>
    <t>823613.0</t>
  </si>
  <si>
    <t>744369.0</t>
  </si>
  <si>
    <t>79244.0</t>
  </si>
  <si>
    <t>79283.0</t>
  </si>
  <si>
    <t>51923.0</t>
  </si>
  <si>
    <t>45296.0</t>
  </si>
  <si>
    <t>15776966.0</t>
  </si>
  <si>
    <t>78079.0</t>
  </si>
  <si>
    <t>608.654</t>
  </si>
  <si>
    <t>3.012</t>
  </si>
  <si>
    <t>57652.0</t>
  </si>
  <si>
    <t>4534.5</t>
  </si>
  <si>
    <t>828059.0</t>
  </si>
  <si>
    <t>747698.0</t>
  </si>
  <si>
    <t>80361.0</t>
  </si>
  <si>
    <t>45942.0</t>
  </si>
  <si>
    <t>39418.0</t>
  </si>
  <si>
    <t>15833044.0</t>
  </si>
  <si>
    <t>56078.0</t>
  </si>
  <si>
    <t>610.817</t>
  </si>
  <si>
    <t>61424.0</t>
  </si>
  <si>
    <t>4831.2</t>
  </si>
  <si>
    <t>843182.0</t>
  </si>
  <si>
    <t>761864.0</t>
  </si>
  <si>
    <t>81318.0</t>
  </si>
  <si>
    <t>15123.0</t>
  </si>
  <si>
    <t>39092.0</t>
  </si>
  <si>
    <t>3.209</t>
  </si>
  <si>
    <t>15865399.0</t>
  </si>
  <si>
    <t>32355.0</t>
  </si>
  <si>
    <t>612.065</t>
  </si>
  <si>
    <t>60990.0</t>
  </si>
  <si>
    <t>5270.9</t>
  </si>
  <si>
    <t>844309.0</t>
  </si>
  <si>
    <t>762679.0</t>
  </si>
  <si>
    <t>81630.0</t>
  </si>
  <si>
    <t>43221.0</t>
  </si>
  <si>
    <t>36799.0</t>
  </si>
  <si>
    <t>-2731.7</t>
  </si>
  <si>
    <t>-1.32</t>
  </si>
  <si>
    <t>-104.353333656767</t>
  </si>
  <si>
    <t>15892476.0</t>
  </si>
  <si>
    <t>27077.0</t>
  </si>
  <si>
    <t>613.11</t>
  </si>
  <si>
    <t>58417.0</t>
  </si>
  <si>
    <t>5926.4</t>
  </si>
  <si>
    <t>854983.0</t>
  </si>
  <si>
    <t>771972.0</t>
  </si>
  <si>
    <t>83011.0</t>
  </si>
  <si>
    <t>10674.0</t>
  </si>
  <si>
    <t>36780.0</t>
  </si>
  <si>
    <t>2.95</t>
  </si>
  <si>
    <t>31520.0</t>
  </si>
  <si>
    <t>15921057.0</t>
  </si>
  <si>
    <t>28581.0</t>
  </si>
  <si>
    <t>614.213</t>
  </si>
  <si>
    <t>56073.0</t>
  </si>
  <si>
    <t>5233.6</t>
  </si>
  <si>
    <t>920334.0</t>
  </si>
  <si>
    <t>829963.0</t>
  </si>
  <si>
    <t>65351.0</t>
  </si>
  <si>
    <t>35712.0</t>
  </si>
  <si>
    <t>29947.0</t>
  </si>
  <si>
    <t>15953618.0</t>
  </si>
  <si>
    <t>615.469</t>
  </si>
  <si>
    <t>1.256</t>
  </si>
  <si>
    <t>48628.0</t>
  </si>
  <si>
    <t>5403.1</t>
  </si>
  <si>
    <t>996214.0</t>
  </si>
  <si>
    <t>899641.0</t>
  </si>
  <si>
    <t>96573.0</t>
  </si>
  <si>
    <t>75880.0</t>
  </si>
  <si>
    <t>35983.0</t>
  </si>
  <si>
    <t>32576.0</t>
  </si>
  <si>
    <t>15998167.0</t>
  </si>
  <si>
    <t>44549.0</t>
  </si>
  <si>
    <t>617.187</t>
  </si>
  <si>
    <t>42754.0</t>
  </si>
  <si>
    <t>5250.4</t>
  </si>
  <si>
    <t>1077511.0</t>
  </si>
  <si>
    <t>940239.0</t>
  </si>
  <si>
    <t>137272.0</t>
  </si>
  <si>
    <t>81297.0</t>
  </si>
  <si>
    <t>36271.0</t>
  </si>
  <si>
    <t>27981.0</t>
  </si>
  <si>
    <t>16049155.0</t>
  </si>
  <si>
    <t>50988.0</t>
  </si>
  <si>
    <t>619.154</t>
  </si>
  <si>
    <t>38884.0</t>
  </si>
  <si>
    <t>4949.0</t>
  </si>
  <si>
    <t>1138866.0</t>
  </si>
  <si>
    <t>993668.0</t>
  </si>
  <si>
    <t>145198.0</t>
  </si>
  <si>
    <t>61355.0</t>
  </si>
  <si>
    <t>44401.0</t>
  </si>
  <si>
    <t>35139.0</t>
  </si>
  <si>
    <t>16083324.0</t>
  </si>
  <si>
    <t>34169.0</t>
  </si>
  <si>
    <t>620.473</t>
  </si>
  <si>
    <t>35754.0</t>
  </si>
  <si>
    <t>4390.8</t>
  </si>
  <si>
    <t>1166568.0</t>
  </si>
  <si>
    <t>1018671.0</t>
  </si>
  <si>
    <t>147897.0</t>
  </si>
  <si>
    <t>27702.0</t>
  </si>
  <si>
    <t>46198.0</t>
  </si>
  <si>
    <t>1765.0</t>
  </si>
  <si>
    <t>36687.0</t>
  </si>
  <si>
    <t>16113569.0</t>
  </si>
  <si>
    <t>30245.0</t>
  </si>
  <si>
    <t>621.639</t>
  </si>
  <si>
    <t>35453.0</t>
  </si>
  <si>
    <t>4002.8</t>
  </si>
  <si>
    <t>1178302.0</t>
  </si>
  <si>
    <t>1029486.0</t>
  </si>
  <si>
    <t>148816.0</t>
  </si>
  <si>
    <t>11734.0</t>
  </si>
  <si>
    <t>47713.0</t>
  </si>
  <si>
    <t>1823.0</t>
  </si>
  <si>
    <t>38115.0</t>
  </si>
  <si>
    <t>-2804.0</t>
  </si>
  <si>
    <t>-2.39</t>
  </si>
  <si>
    <t>-107.115257009765</t>
  </si>
  <si>
    <t>16145886.0</t>
  </si>
  <si>
    <t>622.886</t>
  </si>
  <si>
    <t>3959.4</t>
  </si>
  <si>
    <t>1234681.0</t>
  </si>
  <si>
    <t>1077574.0</t>
  </si>
  <si>
    <t>157107.0</t>
  </si>
  <si>
    <t>56379.0</t>
  </si>
  <si>
    <t>54243.0</t>
  </si>
  <si>
    <t>2072.0</t>
  </si>
  <si>
    <t>43657.0</t>
  </si>
  <si>
    <t>16174398.0</t>
  </si>
  <si>
    <t>28512.0</t>
  </si>
  <si>
    <t>623.986</t>
  </si>
  <si>
    <t>36192.0</t>
  </si>
  <si>
    <t>3568.2</t>
  </si>
  <si>
    <t>1295672.0</t>
  </si>
  <si>
    <t>1131621.0</t>
  </si>
  <si>
    <t>164051.0</t>
  </si>
  <si>
    <t>60991.0</t>
  </si>
  <si>
    <t>53620.0</t>
  </si>
  <si>
    <t>4.95</t>
  </si>
  <si>
    <t>4.32</t>
  </si>
  <si>
    <t>43094.0</t>
  </si>
  <si>
    <t>16220191.0</t>
  </si>
  <si>
    <t>45793.0</t>
  </si>
  <si>
    <t>625.753</t>
  </si>
  <si>
    <t>38082.0</t>
  </si>
  <si>
    <t>1.469</t>
  </si>
  <si>
    <t>3173.5</t>
  </si>
  <si>
    <t>1359305.0</t>
  </si>
  <si>
    <t>1188424.0</t>
  </si>
  <si>
    <t>170881.0</t>
  </si>
  <si>
    <t>63633.0</t>
  </si>
  <si>
    <t>51870.0</t>
  </si>
  <si>
    <t>41255.0</t>
  </si>
  <si>
    <t>16264597.0</t>
  </si>
  <si>
    <t>44406.0</t>
  </si>
  <si>
    <t>627.466</t>
  </si>
  <si>
    <t>1.713</t>
  </si>
  <si>
    <t>38061.0</t>
  </si>
  <si>
    <t>2834.2</t>
  </si>
  <si>
    <t>1420577.0</t>
  </si>
  <si>
    <t>1242588.0</t>
  </si>
  <si>
    <t>177989.0</t>
  </si>
  <si>
    <t>61272.0</t>
  </si>
  <si>
    <t>49009.0</t>
  </si>
  <si>
    <t>43193.0</t>
  </si>
  <si>
    <t>16303749.0</t>
  </si>
  <si>
    <t>39152.0</t>
  </si>
  <si>
    <t>628.976</t>
  </si>
  <si>
    <t>36371.0</t>
  </si>
  <si>
    <t>2471.9</t>
  </si>
  <si>
    <t>1474558.0</t>
  </si>
  <si>
    <t>1290409.0</t>
  </si>
  <si>
    <t>184149.0</t>
  </si>
  <si>
    <t>53981.0</t>
  </si>
  <si>
    <t>47956.0</t>
  </si>
  <si>
    <t>42392.0</t>
  </si>
  <si>
    <t>16333427.0</t>
  </si>
  <si>
    <t>630.121</t>
  </si>
  <si>
    <t>35729.0</t>
  </si>
  <si>
    <t>2193.8</t>
  </si>
  <si>
    <t>1496912.0</t>
  </si>
  <si>
    <t>1310866.0</t>
  </si>
  <si>
    <t>186046.0</t>
  </si>
  <si>
    <t>22354.0</t>
  </si>
  <si>
    <t>5.72</t>
  </si>
  <si>
    <t>5.01</t>
  </si>
  <si>
    <t>16357455.0</t>
  </si>
  <si>
    <t>24028.0</t>
  </si>
  <si>
    <t>631.048</t>
  </si>
  <si>
    <t>34841.0</t>
  </si>
  <si>
    <t>1.344</t>
  </si>
  <si>
    <t>2139.3</t>
  </si>
  <si>
    <t>1586556.0</t>
  </si>
  <si>
    <t>1399808.0</t>
  </si>
  <si>
    <t>186748.0</t>
  </si>
  <si>
    <t>89644.0</t>
  </si>
  <si>
    <t>58322.0</t>
  </si>
  <si>
    <t>6.06</t>
  </si>
  <si>
    <t>52903.0</t>
  </si>
  <si>
    <t>-2624.7</t>
  </si>
  <si>
    <t>-1.23</t>
  </si>
  <si>
    <t>-100.265839897836</t>
  </si>
  <si>
    <t>16386103.0</t>
  </si>
  <si>
    <t>28648.0</t>
  </si>
  <si>
    <t>632.153</t>
  </si>
  <si>
    <t>34317.0</t>
  </si>
  <si>
    <t>1891.5</t>
  </si>
  <si>
    <t>1653286.0</t>
  </si>
  <si>
    <t>1459097.0</t>
  </si>
  <si>
    <t>194189.0</t>
  </si>
  <si>
    <t>66730.0</t>
  </si>
  <si>
    <t>59801.0</t>
  </si>
  <si>
    <t>54503.0</t>
  </si>
  <si>
    <t>16413981.0</t>
  </si>
  <si>
    <t>27878.0</t>
  </si>
  <si>
    <t>633.229</t>
  </si>
  <si>
    <t>34226.0</t>
  </si>
  <si>
    <t>1901.4</t>
  </si>
  <si>
    <t>1718107.0</t>
  </si>
  <si>
    <t>1516390.0</t>
  </si>
  <si>
    <t>201717.0</t>
  </si>
  <si>
    <t>64821.0</t>
  </si>
  <si>
    <t>60348.0</t>
  </si>
  <si>
    <t>54967.0</t>
  </si>
  <si>
    <t>16451730.0</t>
  </si>
  <si>
    <t>37749.0</t>
  </si>
  <si>
    <t>634.685</t>
  </si>
  <si>
    <t>1.456</t>
  </si>
  <si>
    <t>33077.0</t>
  </si>
  <si>
    <t>1852.3</t>
  </si>
  <si>
    <t>1785698.0</t>
  </si>
  <si>
    <t>1565322.0</t>
  </si>
  <si>
    <t>220376.0</t>
  </si>
  <si>
    <t>67591.0</t>
  </si>
  <si>
    <t>60913.0</t>
  </si>
  <si>
    <t>53843.0</t>
  </si>
  <si>
    <t>16488916.0</t>
  </si>
  <si>
    <t>37186.0</t>
  </si>
  <si>
    <t>636.12</t>
  </si>
  <si>
    <t>32046.0</t>
  </si>
  <si>
    <t>1456.6</t>
  </si>
  <si>
    <t>1855601.0</t>
  </si>
  <si>
    <t>1628307.0</t>
  </si>
  <si>
    <t>227294.0</t>
  </si>
  <si>
    <t>62146.0</t>
  </si>
  <si>
    <t>6.22</t>
  </si>
  <si>
    <t>2374.0</t>
  </si>
  <si>
    <t>16522373.0</t>
  </si>
  <si>
    <t>33457.0</t>
  </si>
  <si>
    <t>637.41</t>
  </si>
  <si>
    <t>31232.0</t>
  </si>
  <si>
    <t>1419.6</t>
  </si>
  <si>
    <t>1914047.0</t>
  </si>
  <si>
    <t>1682424.0</t>
  </si>
  <si>
    <t>231623.0</t>
  </si>
  <si>
    <t>58446.0</t>
  </si>
  <si>
    <t>62784.0</t>
  </si>
  <si>
    <t>7.31</t>
  </si>
  <si>
    <t>2398.0</t>
  </si>
  <si>
    <t>56002.0</t>
  </si>
  <si>
    <t>16560521.0</t>
  </si>
  <si>
    <t>38148.0</t>
  </si>
  <si>
    <t>638.882</t>
  </si>
  <si>
    <t>32442.0</t>
  </si>
  <si>
    <t>1577.1</t>
  </si>
  <si>
    <t>1934077.0</t>
  </si>
  <si>
    <t>1701357.0</t>
  </si>
  <si>
    <t>232720.0</t>
  </si>
  <si>
    <t>20030.0</t>
  </si>
  <si>
    <t>62452.0</t>
  </si>
  <si>
    <t>55784.0</t>
  </si>
  <si>
    <t>16603515.0</t>
  </si>
  <si>
    <t>42994.0</t>
  </si>
  <si>
    <t>640.541</t>
  </si>
  <si>
    <t>35151.0</t>
  </si>
  <si>
    <t>1673.9</t>
  </si>
  <si>
    <t>1937485.0</t>
  </si>
  <si>
    <t>1704743.0</t>
  </si>
  <si>
    <t>232742.0</t>
  </si>
  <si>
    <t>50133.0</t>
  </si>
  <si>
    <t>6.51</t>
  </si>
  <si>
    <t>43562.0</t>
  </si>
  <si>
    <t>-2457.6</t>
  </si>
  <si>
    <t>-1.14</t>
  </si>
  <si>
    <t>-93.8824734761766</t>
  </si>
  <si>
    <t>16644142.0</t>
  </si>
  <si>
    <t>40627.0</t>
  </si>
  <si>
    <t>642.108</t>
  </si>
  <si>
    <t>1602.7</t>
  </si>
  <si>
    <t>1969337.0</t>
  </si>
  <si>
    <t>1735756.0</t>
  </si>
  <si>
    <t>233581.0</t>
  </si>
  <si>
    <t>31852.0</t>
  </si>
  <si>
    <t>45150.0</t>
  </si>
  <si>
    <t>39523.0</t>
  </si>
  <si>
    <t>16686632.0</t>
  </si>
  <si>
    <t>42490.0</t>
  </si>
  <si>
    <t>643.747</t>
  </si>
  <si>
    <t>2029544.0</t>
  </si>
  <si>
    <t>1791020.0</t>
  </si>
  <si>
    <t>238524.0</t>
  </si>
  <si>
    <t>60207.0</t>
  </si>
  <si>
    <t>44491.0</t>
  </si>
  <si>
    <t>16746093.0</t>
  </si>
  <si>
    <t>59461.0</t>
  </si>
  <si>
    <t>646.041</t>
  </si>
  <si>
    <t>42052.0</t>
  </si>
  <si>
    <t>1.622</t>
  </si>
  <si>
    <t>1644.5</t>
  </si>
  <si>
    <t>2112285.0</t>
  </si>
  <si>
    <t>1867045.0</t>
  </si>
  <si>
    <t>245240.0</t>
  </si>
  <si>
    <t>82741.0</t>
  </si>
  <si>
    <t>46655.0</t>
  </si>
  <si>
    <t>1782.0</t>
  </si>
  <si>
    <t>43103.0</t>
  </si>
  <si>
    <t>16796515.0</t>
  </si>
  <si>
    <t>50422.0</t>
  </si>
  <si>
    <t>647.986</t>
  </si>
  <si>
    <t>43943.0</t>
  </si>
  <si>
    <t>1922.5</t>
  </si>
  <si>
    <t>2179544.0</t>
  </si>
  <si>
    <t>1926672.0</t>
  </si>
  <si>
    <t>252872.0</t>
  </si>
  <si>
    <t>67259.0</t>
  </si>
  <si>
    <t>46278.0</t>
  </si>
  <si>
    <t>8.33</t>
  </si>
  <si>
    <t>7.36</t>
  </si>
  <si>
    <t>42624.0</t>
  </si>
  <si>
    <t>16840781.0</t>
  </si>
  <si>
    <t>44266.0</t>
  </si>
  <si>
    <t>649.694</t>
  </si>
  <si>
    <t>45487.0</t>
  </si>
  <si>
    <t>2015.3</t>
  </si>
  <si>
    <t>2234844.0</t>
  </si>
  <si>
    <t>1976315.0</t>
  </si>
  <si>
    <t>258529.0</t>
  </si>
  <si>
    <t>55300.0</t>
  </si>
  <si>
    <t>41984.0</t>
  </si>
  <si>
    <t>16884102.0</t>
  </si>
  <si>
    <t>43321.0</t>
  </si>
  <si>
    <t>651.365</t>
  </si>
  <si>
    <t>2009.8</t>
  </si>
  <si>
    <t>2254074.0</t>
  </si>
  <si>
    <t>1994063.0</t>
  </si>
  <si>
    <t>260011.0</t>
  </si>
  <si>
    <t>19230.0</t>
  </si>
  <si>
    <t>45714.0</t>
  </si>
  <si>
    <t>41815.0</t>
  </si>
  <si>
    <t>16917316.0</t>
  </si>
  <si>
    <t>652.647</t>
  </si>
  <si>
    <t>44829.0</t>
  </si>
  <si>
    <t>1986.1</t>
  </si>
  <si>
    <t>2260615.0</t>
  </si>
  <si>
    <t>1999899.0</t>
  </si>
  <si>
    <t>260716.0</t>
  </si>
  <si>
    <t>6541.0</t>
  </si>
  <si>
    <t>46161.0</t>
  </si>
  <si>
    <t>7.64</t>
  </si>
  <si>
    <t>42165.0</t>
  </si>
  <si>
    <t>-2252.3</t>
  </si>
  <si>
    <t>-1.03</t>
  </si>
  <si>
    <t>-86.0398335817027</t>
  </si>
  <si>
    <t>16946216.0</t>
  </si>
  <si>
    <t>28900.0</t>
  </si>
  <si>
    <t>653.762</t>
  </si>
  <si>
    <t>43153.0</t>
  </si>
  <si>
    <t>1.665</t>
  </si>
  <si>
    <t>2271.2</t>
  </si>
  <si>
    <t>2316969.0</t>
  </si>
  <si>
    <t>2051573.0</t>
  </si>
  <si>
    <t>265396.0</t>
  </si>
  <si>
    <t>56354.0</t>
  </si>
  <si>
    <t>49662.0</t>
  </si>
  <si>
    <t>1897.0</t>
  </si>
  <si>
    <t>45117.0</t>
  </si>
  <si>
    <t>16976949.0</t>
  </si>
  <si>
    <t>30733.0</t>
  </si>
  <si>
    <t>654.947</t>
  </si>
  <si>
    <t>41474.0</t>
  </si>
  <si>
    <t>2524.4</t>
  </si>
  <si>
    <t>2396314.0</t>
  </si>
  <si>
    <t>2124394.0</t>
  </si>
  <si>
    <t>271920.0</t>
  </si>
  <si>
    <t>79345.0</t>
  </si>
  <si>
    <t>52396.0</t>
  </si>
  <si>
    <t>47625.0</t>
  </si>
  <si>
    <t>17030186.0</t>
  </si>
  <si>
    <t>53237.0</t>
  </si>
  <si>
    <t>657.001</t>
  </si>
  <si>
    <t>2559.4</t>
  </si>
  <si>
    <t>2473529.0</t>
  </si>
  <si>
    <t>2195139.0</t>
  </si>
  <si>
    <t>278390.0</t>
  </si>
  <si>
    <t>77215.0</t>
  </si>
  <si>
    <t>46871.0</t>
  </si>
  <si>
    <t>17079932.0</t>
  </si>
  <si>
    <t>49746.0</t>
  </si>
  <si>
    <t>658.92</t>
  </si>
  <si>
    <t>40488.0</t>
  </si>
  <si>
    <t>2983.4</t>
  </si>
  <si>
    <t>2554531.0</t>
  </si>
  <si>
    <t>2268890.0</t>
  </si>
  <si>
    <t>285641.0</t>
  </si>
  <si>
    <t>81002.0</t>
  </si>
  <si>
    <t>53570.0</t>
  </si>
  <si>
    <t>9.76</t>
  </si>
  <si>
    <t>48888.0</t>
  </si>
  <si>
    <t>17128901.0</t>
  </si>
  <si>
    <t>48969.0</t>
  </si>
  <si>
    <t>660.809</t>
  </si>
  <si>
    <t>41160.0</t>
  </si>
  <si>
    <t>3032.9</t>
  </si>
  <si>
    <t>2627725.0</t>
  </si>
  <si>
    <t>2335211.0</t>
  </si>
  <si>
    <t>292514.0</t>
  </si>
  <si>
    <t>73194.0</t>
  </si>
  <si>
    <t>56126.0</t>
  </si>
  <si>
    <t>51271.0</t>
  </si>
  <si>
    <t>17181579.0</t>
  </si>
  <si>
    <t>52678.0</t>
  </si>
  <si>
    <t>662.842</t>
  </si>
  <si>
    <t>42497.0</t>
  </si>
  <si>
    <t>3035.5</t>
  </si>
  <si>
    <t>2654338.0</t>
  </si>
  <si>
    <t>2360192.0</t>
  </si>
  <si>
    <t>294146.0</t>
  </si>
  <si>
    <t>57181.0</t>
  </si>
  <si>
    <t>10.14</t>
  </si>
  <si>
    <t>52304.0</t>
  </si>
  <si>
    <t>17223049.0</t>
  </si>
  <si>
    <t>41470.0</t>
  </si>
  <si>
    <t>664.442</t>
  </si>
  <si>
    <t>43676.0</t>
  </si>
  <si>
    <t>3287.4</t>
  </si>
  <si>
    <t>2663221.0</t>
  </si>
  <si>
    <t>2368476.0</t>
  </si>
  <si>
    <t>294745.0</t>
  </si>
  <si>
    <t>8883.0</t>
  </si>
  <si>
    <t>57515.0</t>
  </si>
  <si>
    <t>9.05</t>
  </si>
  <si>
    <t>52654.0</t>
  </si>
  <si>
    <t>-1990.2</t>
  </si>
  <si>
    <t>-0.9</t>
  </si>
  <si>
    <t>8.46</t>
  </si>
  <si>
    <t>-76.0273839161323</t>
  </si>
  <si>
    <t>17259848.0</t>
  </si>
  <si>
    <t>665.861</t>
  </si>
  <si>
    <t>44805.0</t>
  </si>
  <si>
    <t>3564.2</t>
  </si>
  <si>
    <t>2736107.0</t>
  </si>
  <si>
    <t>2436106.0</t>
  </si>
  <si>
    <t>300001.0</t>
  </si>
  <si>
    <t>72886.0</t>
  </si>
  <si>
    <t>59877.0</t>
  </si>
  <si>
    <t>2287.0</t>
  </si>
  <si>
    <t>54933.0</t>
  </si>
  <si>
    <t>17295039.0</t>
  </si>
  <si>
    <t>35191.0</t>
  </si>
  <si>
    <t>667.219</t>
  </si>
  <si>
    <t>1.358</t>
  </si>
  <si>
    <t>45441.0</t>
  </si>
  <si>
    <t>3927.1</t>
  </si>
  <si>
    <t>2812486.0</t>
  </si>
  <si>
    <t>2506399.0</t>
  </si>
  <si>
    <t>306087.0</t>
  </si>
  <si>
    <t>76379.0</t>
  </si>
  <si>
    <t>59453.0</t>
  </si>
  <si>
    <t>54572.0</t>
  </si>
  <si>
    <t>17356514.0</t>
  </si>
  <si>
    <t>61475.0</t>
  </si>
  <si>
    <t>669.59</t>
  </si>
  <si>
    <t>2.372</t>
  </si>
  <si>
    <t>46618.0</t>
  </si>
  <si>
    <t>4596.1</t>
  </si>
  <si>
    <t>2894770.0</t>
  </si>
  <si>
    <t>2580660.0</t>
  </si>
  <si>
    <t>314110.0</t>
  </si>
  <si>
    <t>55074.0</t>
  </si>
  <si>
    <t>17411746.0</t>
  </si>
  <si>
    <t>55232.0</t>
  </si>
  <si>
    <t>671.721</t>
  </si>
  <si>
    <t>47402.0</t>
  </si>
  <si>
    <t>5184.5</t>
  </si>
  <si>
    <t>2980644.0</t>
  </si>
  <si>
    <t>2660509.0</t>
  </si>
  <si>
    <t>320135.0</t>
  </si>
  <si>
    <t>85874.0</t>
  </si>
  <si>
    <t>60873.0</t>
  </si>
  <si>
    <t>55946.0</t>
  </si>
  <si>
    <t>17465839.0</t>
  </si>
  <si>
    <t>54093.0</t>
  </si>
  <si>
    <t>673.808</t>
  </si>
  <si>
    <t>48134.0</t>
  </si>
  <si>
    <t>5809.1</t>
  </si>
  <si>
    <t>3056797.0</t>
  </si>
  <si>
    <t>2728447.0</t>
  </si>
  <si>
    <t>328350.0</t>
  </si>
  <si>
    <t>76153.0</t>
  </si>
  <si>
    <t>61296.0</t>
  </si>
  <si>
    <t>10.42</t>
  </si>
  <si>
    <t>2342.0</t>
  </si>
  <si>
    <t>56177.0</t>
  </si>
  <si>
    <t>17509569.0</t>
  </si>
  <si>
    <t>43730.0</t>
  </si>
  <si>
    <t>675.495</t>
  </si>
  <si>
    <t>46856.0</t>
  </si>
  <si>
    <t>6188.9</t>
  </si>
  <si>
    <t>3089184.0</t>
  </si>
  <si>
    <t>2758361.0</t>
  </si>
  <si>
    <t>330823.0</t>
  </si>
  <si>
    <t>32387.0</t>
  </si>
  <si>
    <t>62121.0</t>
  </si>
  <si>
    <t>2373.0</t>
  </si>
  <si>
    <t>56881.0</t>
  </si>
  <si>
    <t>17544909.0</t>
  </si>
  <si>
    <t>35340.0</t>
  </si>
  <si>
    <t>676.858</t>
  </si>
  <si>
    <t>45980.0</t>
  </si>
  <si>
    <t>6848.4</t>
  </si>
  <si>
    <t>3100137.0</t>
  </si>
  <si>
    <t>2768527.0</t>
  </si>
  <si>
    <t>331610.0</t>
  </si>
  <si>
    <t>10953.0</t>
  </si>
  <si>
    <t>62417.0</t>
  </si>
  <si>
    <t>-1850.3</t>
  </si>
  <si>
    <t>-0.82</t>
  </si>
  <si>
    <t>-70.6830813285195</t>
  </si>
  <si>
    <t>17581041.0</t>
  </si>
  <si>
    <t>36132.0</t>
  </si>
  <si>
    <t>678.252</t>
  </si>
  <si>
    <t>45885.0</t>
  </si>
  <si>
    <t>7137.2</t>
  </si>
  <si>
    <t>3183324.0</t>
  </si>
  <si>
    <t>2772593.0</t>
  </si>
  <si>
    <t>410731.0</t>
  </si>
  <si>
    <t>83187.0</t>
  </si>
  <si>
    <t>63888.0</t>
  </si>
  <si>
    <t>10.59</t>
  </si>
  <si>
    <t>2441.0</t>
  </si>
  <si>
    <t>48070.0</t>
  </si>
  <si>
    <t>17620395.0</t>
  </si>
  <si>
    <t>39354.0</t>
  </si>
  <si>
    <t>679.771</t>
  </si>
  <si>
    <t>46479.0</t>
  </si>
  <si>
    <t>7073.4</t>
  </si>
  <si>
    <t>3278854.0</t>
  </si>
  <si>
    <t>2861133.0</t>
  </si>
  <si>
    <t>417721.0</t>
  </si>
  <si>
    <t>95530.0</t>
  </si>
  <si>
    <t>66624.0</t>
  </si>
  <si>
    <t>10.93</t>
  </si>
  <si>
    <t>50676.0</t>
  </si>
  <si>
    <t>17678919.0</t>
  </si>
  <si>
    <t>58524.0</t>
  </si>
  <si>
    <t>682.028</t>
  </si>
  <si>
    <t>46058.0</t>
  </si>
  <si>
    <t>8060.6</t>
  </si>
  <si>
    <t>3371728.0</t>
  </si>
  <si>
    <t>2946301.0</t>
  </si>
  <si>
    <t>425427.0</t>
  </si>
  <si>
    <t>92874.0</t>
  </si>
  <si>
    <t>68137.0</t>
  </si>
  <si>
    <t>12.88</t>
  </si>
  <si>
    <t>11.26</t>
  </si>
  <si>
    <t>17734254.0</t>
  </si>
  <si>
    <t>55335.0</t>
  </si>
  <si>
    <t>684.163</t>
  </si>
  <si>
    <t>46073.0</t>
  </si>
  <si>
    <t>7678.8</t>
  </si>
  <si>
    <t>3472874.0</t>
  </si>
  <si>
    <t>3038105.0</t>
  </si>
  <si>
    <t>434769.0</t>
  </si>
  <si>
    <t>101146.0</t>
  </si>
  <si>
    <t>70319.0</t>
  </si>
  <si>
    <t>11.61</t>
  </si>
  <si>
    <t>53942.0</t>
  </si>
  <si>
    <t>17784447.0</t>
  </si>
  <si>
    <t>686.1</t>
  </si>
  <si>
    <t>45515.0</t>
  </si>
  <si>
    <t>8170.0</t>
  </si>
  <si>
    <t>3562495.0</t>
  </si>
  <si>
    <t>3120757.0</t>
  </si>
  <si>
    <t>89621.0</t>
  </si>
  <si>
    <t>72243.0</t>
  </si>
  <si>
    <t>56044.0</t>
  </si>
  <si>
    <t>17824269.0</t>
  </si>
  <si>
    <t>39822.0</t>
  </si>
  <si>
    <t>687.636</t>
  </si>
  <si>
    <t>44957.0</t>
  </si>
  <si>
    <t>1.734</t>
  </si>
  <si>
    <t>9835.3</t>
  </si>
  <si>
    <t>3599964.0</t>
  </si>
  <si>
    <t>3156107.0</t>
  </si>
  <si>
    <t>37469.0</t>
  </si>
  <si>
    <t>72969.0</t>
  </si>
  <si>
    <t>13.75</t>
  </si>
  <si>
    <t>12.06</t>
  </si>
  <si>
    <t>17860755.0</t>
  </si>
  <si>
    <t>36486.0</t>
  </si>
  <si>
    <t>689.043</t>
  </si>
  <si>
    <t>45121.0</t>
  </si>
  <si>
    <t>7703.8</t>
  </si>
  <si>
    <t>3613053.0</t>
  </si>
  <si>
    <t>3168814.0</t>
  </si>
  <si>
    <t>13089.0</t>
  </si>
  <si>
    <t>73274.0</t>
  </si>
  <si>
    <t>57184.0</t>
  </si>
  <si>
    <t>-1713.4</t>
  </si>
  <si>
    <t>-0.75</t>
  </si>
  <si>
    <t>-65.4533813696618</t>
  </si>
  <si>
    <t>17891090.0</t>
  </si>
  <si>
    <t>30335.0</t>
  </si>
  <si>
    <t>690.214</t>
  </si>
  <si>
    <t>44293.0</t>
  </si>
  <si>
    <t>6740.7</t>
  </si>
  <si>
    <t>3690622.0</t>
  </si>
  <si>
    <t>3255437.0</t>
  </si>
  <si>
    <t>435185.0</t>
  </si>
  <si>
    <t>77569.0</t>
  </si>
  <si>
    <t>72471.0</t>
  </si>
  <si>
    <t>68978.0</t>
  </si>
  <si>
    <t>17926654.0</t>
  </si>
  <si>
    <t>35564.0</t>
  </si>
  <si>
    <t>691.586</t>
  </si>
  <si>
    <t>1.372</t>
  </si>
  <si>
    <t>43751.0</t>
  </si>
  <si>
    <t>5671.6</t>
  </si>
  <si>
    <t>3795280.0</t>
  </si>
  <si>
    <t>3320569.0</t>
  </si>
  <si>
    <t>474711.0</t>
  </si>
  <si>
    <t>104658.0</t>
  </si>
  <si>
    <t>73775.0</t>
  </si>
  <si>
    <t>65634.0</t>
  </si>
  <si>
    <t>17988148.0</t>
  </si>
  <si>
    <t>61494.0</t>
  </si>
  <si>
    <t>693.958</t>
  </si>
  <si>
    <t>44176.0</t>
  </si>
  <si>
    <t>1.704</t>
  </si>
  <si>
    <t>4547.7</t>
  </si>
  <si>
    <t>3906668.0</t>
  </si>
  <si>
    <t>3425248.0</t>
  </si>
  <si>
    <t>481420.0</t>
  </si>
  <si>
    <t>111388.0</t>
  </si>
  <si>
    <t>76420.0</t>
  </si>
  <si>
    <t>68421.0</t>
  </si>
  <si>
    <t>18069196.0</t>
  </si>
  <si>
    <t>81048.0</t>
  </si>
  <si>
    <t>697.085</t>
  </si>
  <si>
    <t>3.127</t>
  </si>
  <si>
    <t>47849.0</t>
  </si>
  <si>
    <t>4466.0</t>
  </si>
  <si>
    <t>4031539.0</t>
  </si>
  <si>
    <t>3541569.0</t>
  </si>
  <si>
    <t>489970.0</t>
  </si>
  <si>
    <t>124871.0</t>
  </si>
  <si>
    <t>79809.0</t>
  </si>
  <si>
    <t>71923.0</t>
  </si>
  <si>
    <t>18164843.0</t>
  </si>
  <si>
    <t>95647.0</t>
  </si>
  <si>
    <t>700.775</t>
  </si>
  <si>
    <t>54342.0</t>
  </si>
  <si>
    <t>4754.7</t>
  </si>
  <si>
    <t>4153149.0</t>
  </si>
  <si>
    <t>3655905.0</t>
  </si>
  <si>
    <t>497244.0</t>
  </si>
  <si>
    <t>121610.0</t>
  </si>
  <si>
    <t>84379.0</t>
  </si>
  <si>
    <t>13.97</t>
  </si>
  <si>
    <t>76450.0</t>
  </si>
  <si>
    <t>18254973.0</t>
  </si>
  <si>
    <t>90130.0</t>
  </si>
  <si>
    <t>704.252</t>
  </si>
  <si>
    <t>61529.0</t>
  </si>
  <si>
    <t>4839.5</t>
  </si>
  <si>
    <t>4212899.0</t>
  </si>
  <si>
    <t>3714197.0</t>
  </si>
  <si>
    <t>498702.0</t>
  </si>
  <si>
    <t>59750.0</t>
  </si>
  <si>
    <t>87562.0</t>
  </si>
  <si>
    <t>14.19</t>
  </si>
  <si>
    <t>79727.0</t>
  </si>
  <si>
    <t>18328056.0</t>
  </si>
  <si>
    <t>73083.0</t>
  </si>
  <si>
    <t>707.071</t>
  </si>
  <si>
    <t>2.819</t>
  </si>
  <si>
    <t>66757.0</t>
  </si>
  <si>
    <t>2.575</t>
  </si>
  <si>
    <t>5433.6</t>
  </si>
  <si>
    <t>4243600.0</t>
  </si>
  <si>
    <t>3743622.0</t>
  </si>
  <si>
    <t>499978.0</t>
  </si>
  <si>
    <t>30701.0</t>
  </si>
  <si>
    <t>90078.0</t>
  </si>
  <si>
    <t>82115.0</t>
  </si>
  <si>
    <t>-1502.1</t>
  </si>
  <si>
    <t>-0.65</t>
  </si>
  <si>
    <t>-57.3815362176777</t>
  </si>
  <si>
    <t>18404719.0</t>
  </si>
  <si>
    <t>76663.0</t>
  </si>
  <si>
    <t>710.029</t>
  </si>
  <si>
    <t>73376.0</t>
  </si>
  <si>
    <t>2.831</t>
  </si>
  <si>
    <t>5771.3</t>
  </si>
  <si>
    <t>4362739.0</t>
  </si>
  <si>
    <t>3856485.0</t>
  </si>
  <si>
    <t>506254.0</t>
  </si>
  <si>
    <t>119139.0</t>
  </si>
  <si>
    <t>96017.0</t>
  </si>
  <si>
    <t>14.73</t>
  </si>
  <si>
    <t>85864.0</t>
  </si>
  <si>
    <t>18472960.0</t>
  </si>
  <si>
    <t>712.661</t>
  </si>
  <si>
    <t>78044.0</t>
  </si>
  <si>
    <t>7003.9</t>
  </si>
  <si>
    <t>4501444.0</t>
  </si>
  <si>
    <t>3960329.0</t>
  </si>
  <si>
    <t>541115.0</t>
  </si>
  <si>
    <t>138705.0</t>
  </si>
  <si>
    <t>100881.0</t>
  </si>
  <si>
    <t>15.13</t>
  </si>
  <si>
    <t>3854.0</t>
  </si>
  <si>
    <t>91394.0</t>
  </si>
  <si>
    <t>18566365.0</t>
  </si>
  <si>
    <t>93405.0</t>
  </si>
  <si>
    <t>716.265</t>
  </si>
  <si>
    <t>3.603</t>
  </si>
  <si>
    <t>3.187</t>
  </si>
  <si>
    <t>7814.0</t>
  </si>
  <si>
    <t>4642703.0</t>
  </si>
  <si>
    <t>4092509.0</t>
  </si>
  <si>
    <t>550194.0</t>
  </si>
  <si>
    <t>141259.0</t>
  </si>
  <si>
    <t>105148.0</t>
  </si>
  <si>
    <t>4017.0</t>
  </si>
  <si>
    <t>95323.0</t>
  </si>
  <si>
    <t>18662368.0</t>
  </si>
  <si>
    <t>96003.0</t>
  </si>
  <si>
    <t>719.969</t>
  </si>
  <si>
    <t>84739.0</t>
  </si>
  <si>
    <t>3.269</t>
  </si>
  <si>
    <t>8853.7</t>
  </si>
  <si>
    <t>4786362.0</t>
  </si>
  <si>
    <t>4226528.0</t>
  </si>
  <si>
    <t>559834.0</t>
  </si>
  <si>
    <t>143659.0</t>
  </si>
  <si>
    <t>107832.0</t>
  </si>
  <si>
    <t>4119.0</t>
  </si>
  <si>
    <t>18751395.0</t>
  </si>
  <si>
    <t>723.403</t>
  </si>
  <si>
    <t>3.435</t>
  </si>
  <si>
    <t>83793.0</t>
  </si>
  <si>
    <t>7926.7</t>
  </si>
  <si>
    <t>4927607.0</t>
  </si>
  <si>
    <t>4357962.0</t>
  </si>
  <si>
    <t>569645.0</t>
  </si>
  <si>
    <t>141245.0</t>
  </si>
  <si>
    <t>110637.0</t>
  </si>
  <si>
    <t>16.65</t>
  </si>
  <si>
    <t>100294.0</t>
  </si>
  <si>
    <t>18820841.0</t>
  </si>
  <si>
    <t>726.082</t>
  </si>
  <si>
    <t>80838.0</t>
  </si>
  <si>
    <t>3.119</t>
  </si>
  <si>
    <t>7348.9</t>
  </si>
  <si>
    <t>5016352.0</t>
  </si>
  <si>
    <t>4442925.0</t>
  </si>
  <si>
    <t>573427.0</t>
  </si>
  <si>
    <t>88745.0</t>
  </si>
  <si>
    <t>114779.0</t>
  </si>
  <si>
    <t>16.97</t>
  </si>
  <si>
    <t>4385.0</t>
  </si>
  <si>
    <t>104104.0</t>
  </si>
  <si>
    <t>18874509.0</t>
  </si>
  <si>
    <t>53668.0</t>
  </si>
  <si>
    <t>728.153</t>
  </si>
  <si>
    <t>78065.0</t>
  </si>
  <si>
    <t>5076413.0</t>
  </si>
  <si>
    <t>4463413.0</t>
  </si>
  <si>
    <t>613000.0</t>
  </si>
  <si>
    <t>60061.0</t>
  </si>
  <si>
    <t>118973.0</t>
  </si>
  <si>
    <t>17.05</t>
  </si>
  <si>
    <t>4545.0</t>
  </si>
  <si>
    <t>102827.0</t>
  </si>
  <si>
    <t>-1443.6</t>
  </si>
  <si>
    <t>-55.1467849569533</t>
  </si>
  <si>
    <t>18963509.0</t>
  </si>
  <si>
    <t>89000.0</t>
  </si>
  <si>
    <t>731.586</t>
  </si>
  <si>
    <t>3.433</t>
  </si>
  <si>
    <t>79827.0</t>
  </si>
  <si>
    <t>6422.6</t>
  </si>
  <si>
    <t>5203977.0</t>
  </si>
  <si>
    <t>4568516.0</t>
  </si>
  <si>
    <t>635461.0</t>
  </si>
  <si>
    <t>127564.0</t>
  </si>
  <si>
    <t>120177.0</t>
  </si>
  <si>
    <t>19.88</t>
  </si>
  <si>
    <t>4591.0</t>
  </si>
  <si>
    <t>101719.0</t>
  </si>
  <si>
    <t>19017546.0</t>
  </si>
  <si>
    <t>54037.0</t>
  </si>
  <si>
    <t>733.671</t>
  </si>
  <si>
    <t>77798.0</t>
  </si>
  <si>
    <t>3.001</t>
  </si>
  <si>
    <t>6332.2</t>
  </si>
  <si>
    <t>5344862.0</t>
  </si>
  <si>
    <t>4693030.0</t>
  </si>
  <si>
    <t>651832.0</t>
  </si>
  <si>
    <t>140885.0</t>
  </si>
  <si>
    <t>120488.0</t>
  </si>
  <si>
    <t>104672.0</t>
  </si>
  <si>
    <t>19090830.0</t>
  </si>
  <si>
    <t>73284.0</t>
  </si>
  <si>
    <t>736.498</t>
  </si>
  <si>
    <t>74924.0</t>
  </si>
  <si>
    <t>5960.1</t>
  </si>
  <si>
    <t>5487670.0</t>
  </si>
  <si>
    <t>4817746.0</t>
  </si>
  <si>
    <t>669924.0</t>
  </si>
  <si>
    <t>142808.0</t>
  </si>
  <si>
    <t>120710.0</t>
  </si>
  <si>
    <t>20.96</t>
  </si>
  <si>
    <t>103605.0</t>
  </si>
  <si>
    <t>19158308.0</t>
  </si>
  <si>
    <t>67478.0</t>
  </si>
  <si>
    <t>739.101</t>
  </si>
  <si>
    <t>70849.0</t>
  </si>
  <si>
    <t>5700.3</t>
  </si>
  <si>
    <t>5641008.0</t>
  </si>
  <si>
    <t>4954528.0</t>
  </si>
  <si>
    <t>686480.0</t>
  </si>
  <si>
    <t>153338.0</t>
  </si>
  <si>
    <t>122092.0</t>
  </si>
  <si>
    <t>104000.0</t>
  </si>
  <si>
    <t>19212774.0</t>
  </si>
  <si>
    <t>54466.0</t>
  </si>
  <si>
    <t>741.202</t>
  </si>
  <si>
    <t>65911.0</t>
  </si>
  <si>
    <t>5991.9</t>
  </si>
  <si>
    <t>5773924.0</t>
  </si>
  <si>
    <t>703581.0</t>
  </si>
  <si>
    <t>132916.0</t>
  </si>
  <si>
    <t>120902.0</t>
  </si>
  <si>
    <t>22.06</t>
  </si>
  <si>
    <t>4619.0</t>
  </si>
  <si>
    <t>87433.0</t>
  </si>
  <si>
    <t>19261870.0</t>
  </si>
  <si>
    <t>49096.0</t>
  </si>
  <si>
    <t>743.096</t>
  </si>
  <si>
    <t>63004.0</t>
  </si>
  <si>
    <t>5880.5</t>
  </si>
  <si>
    <t>5834746.0</t>
  </si>
  <si>
    <t>710650.0</t>
  </si>
  <si>
    <t>60822.0</t>
  </si>
  <si>
    <t>116913.0</t>
  </si>
  <si>
    <t>22.29</t>
  </si>
  <si>
    <t>2.71</t>
  </si>
  <si>
    <t>77504.0</t>
  </si>
  <si>
    <t>19312703.0</t>
  </si>
  <si>
    <t>50833.0</t>
  </si>
  <si>
    <t>745.058</t>
  </si>
  <si>
    <t>62599.0</t>
  </si>
  <si>
    <t>6171.6</t>
  </si>
  <si>
    <t>5867299.0</t>
  </si>
  <si>
    <t>5000913.0</t>
  </si>
  <si>
    <t>866386.0</t>
  </si>
  <si>
    <t>32553.0</t>
  </si>
  <si>
    <t>112984.0</t>
  </si>
  <si>
    <t>22.41</t>
  </si>
  <si>
    <t>76786.0</t>
  </si>
  <si>
    <t>-1270.5</t>
  </si>
  <si>
    <t>-0.53</t>
  </si>
  <si>
    <t>5.12</t>
  </si>
  <si>
    <t>-48.5342132777841</t>
  </si>
  <si>
    <t>19351858.0</t>
  </si>
  <si>
    <t>39155.0</t>
  </si>
  <si>
    <t>746.568</t>
  </si>
  <si>
    <t>55478.0</t>
  </si>
  <si>
    <t>5711.1</t>
  </si>
  <si>
    <t>5931245.0</t>
  </si>
  <si>
    <t>5029208.0</t>
  </si>
  <si>
    <t>902037.0</t>
  </si>
  <si>
    <t>63946.0</t>
  </si>
  <si>
    <t>103895.0</t>
  </si>
  <si>
    <t>22.66</t>
  </si>
  <si>
    <t>3969.0</t>
  </si>
  <si>
    <t>65813.0</t>
  </si>
  <si>
    <t>19394794.0</t>
  </si>
  <si>
    <t>42936.0</t>
  </si>
  <si>
    <t>748.225</t>
  </si>
  <si>
    <t>1.656</t>
  </si>
  <si>
    <t>53893.0</t>
  </si>
  <si>
    <t>2.079</t>
  </si>
  <si>
    <t>4963.9</t>
  </si>
  <si>
    <t>6083320.0</t>
  </si>
  <si>
    <t>5157291.0</t>
  </si>
  <si>
    <t>926029.0</t>
  </si>
  <si>
    <t>152075.0</t>
  </si>
  <si>
    <t>105494.0</t>
  </si>
  <si>
    <t>23.24</t>
  </si>
  <si>
    <t>3.54</t>
  </si>
  <si>
    <t>4030.0</t>
  </si>
  <si>
    <t>66323.0</t>
  </si>
  <si>
    <t>19442231.0</t>
  </si>
  <si>
    <t>47437.0</t>
  </si>
  <si>
    <t>750.055</t>
  </si>
  <si>
    <t>50200.0</t>
  </si>
  <si>
    <t>4623.7</t>
  </si>
  <si>
    <t>6219330.0</t>
  </si>
  <si>
    <t>5258090.0</t>
  </si>
  <si>
    <t>961240.0</t>
  </si>
  <si>
    <t>136010.0</t>
  </si>
  <si>
    <t>104523.0</t>
  </si>
  <si>
    <t>3993.0</t>
  </si>
  <si>
    <t>62906.0</t>
  </si>
  <si>
    <t>19512699.0</t>
  </si>
  <si>
    <t>70468.0</t>
  </si>
  <si>
    <t>752.773</t>
  </si>
  <si>
    <t>2.719</t>
  </si>
  <si>
    <t>50627.0</t>
  </si>
  <si>
    <t>1.953</t>
  </si>
  <si>
    <t>4375.3</t>
  </si>
  <si>
    <t>6360666.0</t>
  </si>
  <si>
    <t>5340569.0</t>
  </si>
  <si>
    <t>1020097.0</t>
  </si>
  <si>
    <t>141336.0</t>
  </si>
  <si>
    <t>102808.0</t>
  </si>
  <si>
    <t>55149.0</t>
  </si>
  <si>
    <t>19588343.0</t>
  </si>
  <si>
    <t>75644.0</t>
  </si>
  <si>
    <t>755.691</t>
  </si>
  <si>
    <t>2.918</t>
  </si>
  <si>
    <t>53653.0</t>
  </si>
  <si>
    <t>4268.0</t>
  </si>
  <si>
    <t>6491476.0</t>
  </si>
  <si>
    <t>5447144.0</t>
  </si>
  <si>
    <t>1044332.0</t>
  </si>
  <si>
    <t>130810.0</t>
  </si>
  <si>
    <t>102507.0</t>
  </si>
  <si>
    <t>24.8</t>
  </si>
  <si>
    <t>20.81</t>
  </si>
  <si>
    <t>68165.0</t>
  </si>
  <si>
    <t>19661897.0</t>
  </si>
  <si>
    <t>73554.0</t>
  </si>
  <si>
    <t>758.529</t>
  </si>
  <si>
    <t>2.838</t>
  </si>
  <si>
    <t>57147.0</t>
  </si>
  <si>
    <t>4819.7</t>
  </si>
  <si>
    <t>6556029.0</t>
  </si>
  <si>
    <t>5499359.0</t>
  </si>
  <si>
    <t>1056670.0</t>
  </si>
  <si>
    <t>64553.0</t>
  </si>
  <si>
    <t>103040.0</t>
  </si>
  <si>
    <t>25.04</t>
  </si>
  <si>
    <t>3936.0</t>
  </si>
  <si>
    <t>73415.0</t>
  </si>
  <si>
    <t>19719043.0</t>
  </si>
  <si>
    <t>57146.0</t>
  </si>
  <si>
    <t>760.734</t>
  </si>
  <si>
    <t>58049.0</t>
  </si>
  <si>
    <t>4369.2</t>
  </si>
  <si>
    <t>6590741.0</t>
  </si>
  <si>
    <t>5509653.0</t>
  </si>
  <si>
    <t>1081088.0</t>
  </si>
  <si>
    <t>34712.0</t>
  </si>
  <si>
    <t>103349.0</t>
  </si>
  <si>
    <t>3948.0</t>
  </si>
  <si>
    <t>72677.0</t>
  </si>
  <si>
    <t>-1114.8</t>
  </si>
  <si>
    <t>-42.5863368453945</t>
  </si>
  <si>
    <t>19779231.0</t>
  </si>
  <si>
    <t>60188.0</t>
  </si>
  <si>
    <t>763.056</t>
  </si>
  <si>
    <t>61053.0</t>
  </si>
  <si>
    <t>2.355</t>
  </si>
  <si>
    <t>4595.3</t>
  </si>
  <si>
    <t>6719384.0</t>
  </si>
  <si>
    <t>5630732.0</t>
  </si>
  <si>
    <t>1088652.0</t>
  </si>
  <si>
    <t>128643.0</t>
  </si>
  <si>
    <t>112591.0</t>
  </si>
  <si>
    <t>25.67</t>
  </si>
  <si>
    <t>21.51</t>
  </si>
  <si>
    <t>85932.0</t>
  </si>
  <si>
    <t>19839066.0</t>
  </si>
  <si>
    <t>59835.0</t>
  </si>
  <si>
    <t>765.364</t>
  </si>
  <si>
    <t>4726.1</t>
  </si>
  <si>
    <t>6860276.0</t>
  </si>
  <si>
    <t>5645745.0</t>
  </si>
  <si>
    <t>1214531.0</t>
  </si>
  <si>
    <t>140892.0</t>
  </si>
  <si>
    <t>110994.0</t>
  </si>
  <si>
    <t>4.64</t>
  </si>
  <si>
    <t>4240.0</t>
  </si>
  <si>
    <t>19935730.0</t>
  </si>
  <si>
    <t>96664.0</t>
  </si>
  <si>
    <t>769.093</t>
  </si>
  <si>
    <t>3.729</t>
  </si>
  <si>
    <t>70500.0</t>
  </si>
  <si>
    <t>4791.4</t>
  </si>
  <si>
    <t>6999198.0</t>
  </si>
  <si>
    <t>5756508.0</t>
  </si>
  <si>
    <t>1242690.0</t>
  </si>
  <si>
    <t>138922.0</t>
  </si>
  <si>
    <t>111410.0</t>
  </si>
  <si>
    <t>21.99</t>
  </si>
  <si>
    <t>71203.0</t>
  </si>
  <si>
    <t>20029252.0</t>
  </si>
  <si>
    <t>93522.0</t>
  </si>
  <si>
    <t>772.701</t>
  </si>
  <si>
    <t>3.608</t>
  </si>
  <si>
    <t>2.847</t>
  </si>
  <si>
    <t>4491.6</t>
  </si>
  <si>
    <t>7137632.0</t>
  </si>
  <si>
    <t>5777713.0</t>
  </si>
  <si>
    <t>1359919.0</t>
  </si>
  <si>
    <t>138434.0</t>
  </si>
  <si>
    <t>110995.0</t>
  </si>
  <si>
    <t>62449.0</t>
  </si>
  <si>
    <t>20121167.0</t>
  </si>
  <si>
    <t>91915.0</t>
  </si>
  <si>
    <t>776.247</t>
  </si>
  <si>
    <t>3.546</t>
  </si>
  <si>
    <t>76118.0</t>
  </si>
  <si>
    <t>2.937</t>
  </si>
  <si>
    <t>3946.8</t>
  </si>
  <si>
    <t>7257605.0</t>
  </si>
  <si>
    <t>5871374.0</t>
  </si>
  <si>
    <t>1386231.0</t>
  </si>
  <si>
    <t>119973.0</t>
  </si>
  <si>
    <t>109447.0</t>
  </si>
  <si>
    <t>27.72</t>
  </si>
  <si>
    <t>22.43</t>
  </si>
  <si>
    <t>60604.0</t>
  </si>
  <si>
    <t>20216940.0</t>
  </si>
  <si>
    <t>95773.0</t>
  </si>
  <si>
    <t>779.942</t>
  </si>
  <si>
    <t>3.695</t>
  </si>
  <si>
    <t>79292.0</t>
  </si>
  <si>
    <t>3.059</t>
  </si>
  <si>
    <t>3303.8</t>
  </si>
  <si>
    <t>7326320.0</t>
  </si>
  <si>
    <t>5876688.0</t>
  </si>
  <si>
    <t>1449632.0</t>
  </si>
  <si>
    <t>110042.0</t>
  </si>
  <si>
    <t>27.99</t>
  </si>
  <si>
    <t>22.45</t>
  </si>
  <si>
    <t>4204.0</t>
  </si>
  <si>
    <t>53904.0</t>
  </si>
  <si>
    <t>20307507.0</t>
  </si>
  <si>
    <t>90567.0</t>
  </si>
  <si>
    <t>783.436</t>
  </si>
  <si>
    <t>3.494</t>
  </si>
  <si>
    <t>84066.0</t>
  </si>
  <si>
    <t>3.243</t>
  </si>
  <si>
    <t>3401.6</t>
  </si>
  <si>
    <t>7374666.0</t>
  </si>
  <si>
    <t>5897308.0</t>
  </si>
  <si>
    <t>1477358.0</t>
  </si>
  <si>
    <t>48346.0</t>
  </si>
  <si>
    <t>111989.0</t>
  </si>
  <si>
    <t>22.53</t>
  </si>
  <si>
    <t>5.64</t>
  </si>
  <si>
    <t>55379.0</t>
  </si>
  <si>
    <t>-1023.9</t>
  </si>
  <si>
    <t>-0.42</t>
  </si>
  <si>
    <t>-39.1138771941151</t>
  </si>
  <si>
    <t>20407670.0</t>
  </si>
  <si>
    <t>100163.0</t>
  </si>
  <si>
    <t>787.3</t>
  </si>
  <si>
    <t>3.864</t>
  </si>
  <si>
    <t>3239.4</t>
  </si>
  <si>
    <t>7500700.0</t>
  </si>
  <si>
    <t>6021941.0</t>
  </si>
  <si>
    <t>1478759.0</t>
  </si>
  <si>
    <t>126034.0</t>
  </si>
  <si>
    <t>111617.0</t>
  </si>
  <si>
    <t>5.65</t>
  </si>
  <si>
    <t>55887.0</t>
  </si>
  <si>
    <t>20534615.0</t>
  </si>
  <si>
    <t>126945.0</t>
  </si>
  <si>
    <t>792.197</t>
  </si>
  <si>
    <t>99364.0</t>
  </si>
  <si>
    <t>3.833</t>
  </si>
  <si>
    <t>3133.1</t>
  </si>
  <si>
    <t>7645585.0</t>
  </si>
  <si>
    <t>6099088.0</t>
  </si>
  <si>
    <t>1546497.0</t>
  </si>
  <si>
    <t>144885.0</t>
  </si>
  <si>
    <t>112187.0</t>
  </si>
  <si>
    <t>4286.0</t>
  </si>
  <si>
    <t>64763.0</t>
  </si>
  <si>
    <t>20684917.0</t>
  </si>
  <si>
    <t>150302.0</t>
  </si>
  <si>
    <t>797.996</t>
  </si>
  <si>
    <t>5.798</t>
  </si>
  <si>
    <t>107027.0</t>
  </si>
  <si>
    <t>4.129</t>
  </si>
  <si>
    <t>3134.7</t>
  </si>
  <si>
    <t>7742536.0</t>
  </si>
  <si>
    <t>6109102.0</t>
  </si>
  <si>
    <t>1633434.0</t>
  </si>
  <si>
    <t>96951.0</t>
  </si>
  <si>
    <t>106191.0</t>
  </si>
  <si>
    <t>23.34</t>
  </si>
  <si>
    <t>6.24</t>
  </si>
  <si>
    <t>50371.0</t>
  </si>
  <si>
    <t>20840689.0</t>
  </si>
  <si>
    <t>155772.0</t>
  </si>
  <si>
    <t>804.005</t>
  </si>
  <si>
    <t>6.009</t>
  </si>
  <si>
    <t>115920.0</t>
  </si>
  <si>
    <t>4.472</t>
  </si>
  <si>
    <t>3120.9</t>
  </si>
  <si>
    <t>7927854.0</t>
  </si>
  <si>
    <t>6201581.0</t>
  </si>
  <si>
    <t>1726273.0</t>
  </si>
  <si>
    <t>185318.0</t>
  </si>
  <si>
    <t>112889.0</t>
  </si>
  <si>
    <t>4312.0</t>
  </si>
  <si>
    <t>60553.0</t>
  </si>
  <si>
    <t>21003473.0</t>
  </si>
  <si>
    <t>162784.0</t>
  </si>
  <si>
    <t>810.285</t>
  </si>
  <si>
    <t>126044.0</t>
  </si>
  <si>
    <t>4.863</t>
  </si>
  <si>
    <t>3185.3</t>
  </si>
  <si>
    <t>8082671.0</t>
  </si>
  <si>
    <t>6274405.0</t>
  </si>
  <si>
    <t>1808266.0</t>
  </si>
  <si>
    <t>154817.0</t>
  </si>
  <si>
    <t>117867.0</t>
  </si>
  <si>
    <t>6.91</t>
  </si>
  <si>
    <t>4503.0</t>
  </si>
  <si>
    <t>57576.0</t>
  </si>
  <si>
    <t>21136331.0</t>
  </si>
  <si>
    <t>132858.0</t>
  </si>
  <si>
    <t>815.411</t>
  </si>
  <si>
    <t>5.125</t>
  </si>
  <si>
    <t>131342.0</t>
  </si>
  <si>
    <t>5.067</t>
  </si>
  <si>
    <t>3619.6</t>
  </si>
  <si>
    <t>8175657.0</t>
  </si>
  <si>
    <t>6319911.0</t>
  </si>
  <si>
    <t>1855746.0</t>
  </si>
  <si>
    <t>92986.0</t>
  </si>
  <si>
    <t>121334.0</t>
  </si>
  <si>
    <t>31.23</t>
  </si>
  <si>
    <t>24.14</t>
  </si>
  <si>
    <t>63318.0</t>
  </si>
  <si>
    <t>21241364.0</t>
  </si>
  <si>
    <t>105033.0</t>
  </si>
  <si>
    <t>819.463</t>
  </si>
  <si>
    <t>4.052</t>
  </si>
  <si>
    <t>133408.0</t>
  </si>
  <si>
    <t>5.147</t>
  </si>
  <si>
    <t>3383.5</t>
  </si>
  <si>
    <t>8225986.0</t>
  </si>
  <si>
    <t>6348365.0</t>
  </si>
  <si>
    <t>1877621.0</t>
  </si>
  <si>
    <t>121617.0</t>
  </si>
  <si>
    <t>31.42</t>
  </si>
  <si>
    <t>24.25</t>
  </si>
  <si>
    <t>4646.0</t>
  </si>
  <si>
    <t>64437.0</t>
  </si>
  <si>
    <t>-974.399999999999</t>
  </si>
  <si>
    <t>-0.39</t>
  </si>
  <si>
    <t>-37.2229338196559</t>
  </si>
  <si>
    <t>21358298.0</t>
  </si>
  <si>
    <t>116934.0</t>
  </si>
  <si>
    <t>823.974</t>
  </si>
  <si>
    <t>4.511</t>
  </si>
  <si>
    <t>135804.0</t>
  </si>
  <si>
    <t>5.239</t>
  </si>
  <si>
    <t>3507.9</t>
  </si>
  <si>
    <t>8361030.0</t>
  </si>
  <si>
    <t>6416805.0</t>
  </si>
  <si>
    <t>1944225.0</t>
  </si>
  <si>
    <t>135044.0</t>
  </si>
  <si>
    <t>122904.0</t>
  </si>
  <si>
    <t>31.94</t>
  </si>
  <si>
    <t>7.43</t>
  </si>
  <si>
    <t>56409.0</t>
  </si>
  <si>
    <t>3.476</t>
  </si>
  <si>
    <t>21451861.0</t>
  </si>
  <si>
    <t>93563.0</t>
  </si>
  <si>
    <t>827.583</t>
  </si>
  <si>
    <t>3.61</t>
  </si>
  <si>
    <t>131035.0</t>
  </si>
  <si>
    <t>5.055</t>
  </si>
  <si>
    <t>3541.5</t>
  </si>
  <si>
    <t>8520494.0</t>
  </si>
  <si>
    <t>6496559.0</t>
  </si>
  <si>
    <t>2023935.0</t>
  </si>
  <si>
    <t>159464.0</t>
  </si>
  <si>
    <t>124987.0</t>
  </si>
  <si>
    <t>24.82</t>
  </si>
  <si>
    <t>7.73</t>
  </si>
  <si>
    <t>4775.0</t>
  </si>
  <si>
    <t>56782.0</t>
  </si>
  <si>
    <t>21533898.0</t>
  </si>
  <si>
    <t>82037.0</t>
  </si>
  <si>
    <t>830.748</t>
  </si>
  <si>
    <t>3.165</t>
  </si>
  <si>
    <t>121283.0</t>
  </si>
  <si>
    <t>4.679</t>
  </si>
  <si>
    <t>3265.3</t>
  </si>
  <si>
    <t>8670124.0</t>
  </si>
  <si>
    <t>6570649.0</t>
  </si>
  <si>
    <t>2099475.0</t>
  </si>
  <si>
    <t>149630.0</t>
  </si>
  <si>
    <t>132513.0</t>
  </si>
  <si>
    <t>65935.0</t>
  </si>
  <si>
    <t>21633133.0</t>
  </si>
  <si>
    <t>99235.0</t>
  </si>
  <si>
    <t>834.577</t>
  </si>
  <si>
    <t>113206.0</t>
  </si>
  <si>
    <t>2967.9</t>
  </si>
  <si>
    <t>8826874.0</t>
  </si>
  <si>
    <t>6646330.0</t>
  </si>
  <si>
    <t>2180544.0</t>
  </si>
  <si>
    <t>156750.0</t>
  </si>
  <si>
    <t>128431.0</t>
  </si>
  <si>
    <t>63536.0</t>
  </si>
  <si>
    <t>21731237.0</t>
  </si>
  <si>
    <t>98104.0</t>
  </si>
  <si>
    <t>838.361</t>
  </si>
  <si>
    <t>3.785</t>
  </si>
  <si>
    <t>4.011</t>
  </si>
  <si>
    <t>2589.9</t>
  </si>
  <si>
    <t>8971704.0</t>
  </si>
  <si>
    <t>6717106.0</t>
  </si>
  <si>
    <t>2254598.0</t>
  </si>
  <si>
    <t>144830.0</t>
  </si>
  <si>
    <t>127005.0</t>
  </si>
  <si>
    <t>4852.0</t>
  </si>
  <si>
    <t>63243.0</t>
  </si>
  <si>
    <t>21824859.0</t>
  </si>
  <si>
    <t>93622.0</t>
  </si>
  <si>
    <t>841.973</t>
  </si>
  <si>
    <t>3.612</t>
  </si>
  <si>
    <t>98361.0</t>
  </si>
  <si>
    <t>3.795</t>
  </si>
  <si>
    <t>1984.2</t>
  </si>
  <si>
    <t>9070369.0</t>
  </si>
  <si>
    <t>6766522.0</t>
  </si>
  <si>
    <t>2303847.0</t>
  </si>
  <si>
    <t>98665.0</t>
  </si>
  <si>
    <t>127816.0</t>
  </si>
  <si>
    <t>4883.0</t>
  </si>
  <si>
    <t>63802.0</t>
  </si>
  <si>
    <t>4.737</t>
  </si>
  <si>
    <t>21916914.0</t>
  </si>
  <si>
    <t>92055.0</t>
  </si>
  <si>
    <t>845.524</t>
  </si>
  <si>
    <t>3.551</t>
  </si>
  <si>
    <t>96507.0</t>
  </si>
  <si>
    <t>3.723</t>
  </si>
  <si>
    <t>9123787.0</t>
  </si>
  <si>
    <t>6798066.0</t>
  </si>
  <si>
    <t>2325721.0</t>
  </si>
  <si>
    <t>53418.0</t>
  </si>
  <si>
    <t>128257.0</t>
  </si>
  <si>
    <t>34.85</t>
  </si>
  <si>
    <t>64243.0</t>
  </si>
  <si>
    <t>-925.899999999999</t>
  </si>
  <si>
    <t>-0.37</t>
  </si>
  <si>
    <t>-35.3701913214485</t>
  </si>
  <si>
    <t>22047047.0</t>
  </si>
  <si>
    <t>130133.0</t>
  </si>
  <si>
    <t>850.545</t>
  </si>
  <si>
    <t>98393.0</t>
  </si>
  <si>
    <t>1399.9</t>
  </si>
  <si>
    <t>9269905.0</t>
  </si>
  <si>
    <t>6869133.0</t>
  </si>
  <si>
    <t>2400772.0</t>
  </si>
  <si>
    <t>146118.0</t>
  </si>
  <si>
    <t>129839.0</t>
  </si>
  <si>
    <t>35.41</t>
  </si>
  <si>
    <t>26.24</t>
  </si>
  <si>
    <t>64618.0</t>
  </si>
  <si>
    <t>4.661</t>
  </si>
  <si>
    <t>22149843.0</t>
  </si>
  <si>
    <t>102796.0</t>
  </si>
  <si>
    <t>854.511</t>
  </si>
  <si>
    <t>3.966</t>
  </si>
  <si>
    <t>99712.0</t>
  </si>
  <si>
    <t>3.847</t>
  </si>
  <si>
    <t>1228.8</t>
  </si>
  <si>
    <t>9438826.0</t>
  </si>
  <si>
    <t>6950177.0</t>
  </si>
  <si>
    <t>2488649.0</t>
  </si>
  <si>
    <t>168921.0</t>
  </si>
  <si>
    <t>131190.0</t>
  </si>
  <si>
    <t>36.06</t>
  </si>
  <si>
    <t>5012.0</t>
  </si>
  <si>
    <t>64803.0</t>
  </si>
  <si>
    <t>22275925.0</t>
  </si>
  <si>
    <t>126082.0</t>
  </si>
  <si>
    <t>859.375</t>
  </si>
  <si>
    <t>4.864</t>
  </si>
  <si>
    <t>106004.0</t>
  </si>
  <si>
    <t>4.089</t>
  </si>
  <si>
    <t>1216.4</t>
  </si>
  <si>
    <t>9608851.0</t>
  </si>
  <si>
    <t>7030339.0</t>
  </si>
  <si>
    <t>2578512.0</t>
  </si>
  <si>
    <t>170025.0</t>
  </si>
  <si>
    <t>134104.0</t>
  </si>
  <si>
    <t>9.85</t>
  </si>
  <si>
    <t>65670.0</t>
  </si>
  <si>
    <t>22388993.0</t>
  </si>
  <si>
    <t>113068.0</t>
  </si>
  <si>
    <t>863.737</t>
  </si>
  <si>
    <t>4.362</t>
  </si>
  <si>
    <t>107980.0</t>
  </si>
  <si>
    <t>4.166</t>
  </si>
  <si>
    <t>1119.8</t>
  </si>
  <si>
    <t>9780543.0</t>
  </si>
  <si>
    <t>7110598.0</t>
  </si>
  <si>
    <t>2669945.0</t>
  </si>
  <si>
    <t>171692.0</t>
  </si>
  <si>
    <t>136238.0</t>
  </si>
  <si>
    <t>37.36</t>
  </si>
  <si>
    <t>27.16</t>
  </si>
  <si>
    <t>66324.0</t>
  </si>
  <si>
    <t>22529974.0</t>
  </si>
  <si>
    <t>140981.0</t>
  </si>
  <si>
    <t>869.175</t>
  </si>
  <si>
    <t>114105.0</t>
  </si>
  <si>
    <t>4.402</t>
  </si>
  <si>
    <t>1056.5</t>
  </si>
  <si>
    <t>9943302.0</t>
  </si>
  <si>
    <t>7189791.0</t>
  </si>
  <si>
    <t>2753511.0</t>
  </si>
  <si>
    <t>162759.0</t>
  </si>
  <si>
    <t>138800.0</t>
  </si>
  <si>
    <t>10.52</t>
  </si>
  <si>
    <t>5302.0</t>
  </si>
  <si>
    <t>67526.0</t>
  </si>
  <si>
    <t>22688656.0</t>
  </si>
  <si>
    <t>158682.0</t>
  </si>
  <si>
    <t>875.297</t>
  </si>
  <si>
    <t>6.122</t>
  </si>
  <si>
    <t>123400.0</t>
  </si>
  <si>
    <t>4.761</t>
  </si>
  <si>
    <t>1081.1</t>
  </si>
  <si>
    <t>10045830.0</t>
  </si>
  <si>
    <t>7243962.0</t>
  </si>
  <si>
    <t>2801868.0</t>
  </si>
  <si>
    <t>102528.0</t>
  </si>
  <si>
    <t>139352.0</t>
  </si>
  <si>
    <t>38.38</t>
  </si>
  <si>
    <t>5323.0</t>
  </si>
  <si>
    <t>68206.0</t>
  </si>
  <si>
    <t>4.699</t>
  </si>
  <si>
    <t>22833930.0</t>
  </si>
  <si>
    <t>145274.0</t>
  </si>
  <si>
    <t>880.902</t>
  </si>
  <si>
    <t>5.604</t>
  </si>
  <si>
    <t>131002.0</t>
  </si>
  <si>
    <t>5.054</t>
  </si>
  <si>
    <t>1153.5</t>
  </si>
  <si>
    <t>10103159.0</t>
  </si>
  <si>
    <t>7274900.0</t>
  </si>
  <si>
    <t>2828259.0</t>
  </si>
  <si>
    <t>57329.0</t>
  </si>
  <si>
    <t>139910.0</t>
  </si>
  <si>
    <t>38.59</t>
  </si>
  <si>
    <t>68119.0</t>
  </si>
  <si>
    <t>-813.199999999999</t>
  </si>
  <si>
    <t>-0.32</t>
  </si>
  <si>
    <t>3.25</t>
  </si>
  <si>
    <t>-31.064952567882</t>
  </si>
  <si>
    <t>22992738.0</t>
  </si>
  <si>
    <t>158808.0</t>
  </si>
  <si>
    <t>887.028</t>
  </si>
  <si>
    <t>6.127</t>
  </si>
  <si>
    <t>135099.0</t>
  </si>
  <si>
    <t>5.212</t>
  </si>
  <si>
    <t>1186.6</t>
  </si>
  <si>
    <t>10270344.0</t>
  </si>
  <si>
    <t>7363541.0</t>
  </si>
  <si>
    <t>2906803.0</t>
  </si>
  <si>
    <t>167185.0</t>
  </si>
  <si>
    <t>142920.0</t>
  </si>
  <si>
    <t>70630.0</t>
  </si>
  <si>
    <t>5.577</t>
  </si>
  <si>
    <t>23130114.0</t>
  </si>
  <si>
    <t>892.328</t>
  </si>
  <si>
    <t>140039.0</t>
  </si>
  <si>
    <t>5.403</t>
  </si>
  <si>
    <t>1171.2</t>
  </si>
  <si>
    <t>10443776.0</t>
  </si>
  <si>
    <t>7449080.0</t>
  </si>
  <si>
    <t>2994696.0</t>
  </si>
  <si>
    <t>173432.0</t>
  </si>
  <si>
    <t>143564.0</t>
  </si>
  <si>
    <t>39.9</t>
  </si>
  <si>
    <t>28.46</t>
  </si>
  <si>
    <t>11.44</t>
  </si>
  <si>
    <t>71272.0</t>
  </si>
  <si>
    <t>6.036</t>
  </si>
  <si>
    <t>23310294.0</t>
  </si>
  <si>
    <t>180180.0</t>
  </si>
  <si>
    <t>899.279</t>
  </si>
  <si>
    <t>6.951</t>
  </si>
  <si>
    <t>147767.0</t>
  </si>
  <si>
    <t>5.701</t>
  </si>
  <si>
    <t>1132.9</t>
  </si>
  <si>
    <t>10638716.0</t>
  </si>
  <si>
    <t>7548583.0</t>
  </si>
  <si>
    <t>3090133.0</t>
  </si>
  <si>
    <t>194940.0</t>
  </si>
  <si>
    <t>147124.0</t>
  </si>
  <si>
    <t>5620.0</t>
  </si>
  <si>
    <t>74035.0</t>
  </si>
  <si>
    <t>23484726.0</t>
  </si>
  <si>
    <t>174432.0</t>
  </si>
  <si>
    <t>906.008</t>
  </si>
  <si>
    <t>6.729</t>
  </si>
  <si>
    <t>156533.0</t>
  </si>
  <si>
    <t>6.039</t>
  </si>
  <si>
    <t>1146.2</t>
  </si>
  <si>
    <t>10826896.0</t>
  </si>
  <si>
    <t>7643470.0</t>
  </si>
  <si>
    <t>3183426.0</t>
  </si>
  <si>
    <t>188180.0</t>
  </si>
  <si>
    <t>149479.0</t>
  </si>
  <si>
    <t>41.36</t>
  </si>
  <si>
    <t>5710.0</t>
  </si>
  <si>
    <t>76125.0</t>
  </si>
  <si>
    <t>6.609</t>
  </si>
  <si>
    <t>23664216.0</t>
  </si>
  <si>
    <t>179490.0</t>
  </si>
  <si>
    <t>912.933</t>
  </si>
  <si>
    <t>6.924</t>
  </si>
  <si>
    <t>162035.0</t>
  </si>
  <si>
    <t>6.251</t>
  </si>
  <si>
    <t>11011255.0</t>
  </si>
  <si>
    <t>7739291.0</t>
  </si>
  <si>
    <t>3271964.0</t>
  </si>
  <si>
    <t>184359.0</t>
  </si>
  <si>
    <t>152565.0</t>
  </si>
  <si>
    <t>42.06</t>
  </si>
  <si>
    <t>78500.0</t>
  </si>
  <si>
    <t>23839682.0</t>
  </si>
  <si>
    <t>175466.0</t>
  </si>
  <si>
    <t>919.702</t>
  </si>
  <si>
    <t>164432.0</t>
  </si>
  <si>
    <t>6.344</t>
  </si>
  <si>
    <t>1129.6</t>
  </si>
  <si>
    <t>11130234.0</t>
  </si>
  <si>
    <t>7803021.0</t>
  </si>
  <si>
    <t>3327213.0</t>
  </si>
  <si>
    <t>118979.0</t>
  </si>
  <si>
    <t>154915.0</t>
  </si>
  <si>
    <t>42.52</t>
  </si>
  <si>
    <t>29.81</t>
  </si>
  <si>
    <t>12.71</t>
  </si>
  <si>
    <t>5918.0</t>
  </si>
  <si>
    <t>79866.0</t>
  </si>
  <si>
    <t>24013507.0</t>
  </si>
  <si>
    <t>173825.0</t>
  </si>
  <si>
    <t>926.408</t>
  </si>
  <si>
    <t>168511.0</t>
  </si>
  <si>
    <t>6.501</t>
  </si>
  <si>
    <t>1106.5</t>
  </si>
  <si>
    <t>11199809.0</t>
  </si>
  <si>
    <t>7840804.0</t>
  </si>
  <si>
    <t>3359005.0</t>
  </si>
  <si>
    <t>69575.0</t>
  </si>
  <si>
    <t>156664.0</t>
  </si>
  <si>
    <t>42.78</t>
  </si>
  <si>
    <t>29.95</t>
  </si>
  <si>
    <t>80843.0</t>
  </si>
  <si>
    <t>-758.499999999999</t>
  </si>
  <si>
    <t>-0.29</t>
  </si>
  <si>
    <t>-28.975364636914</t>
  </si>
  <si>
    <t>7.908</t>
  </si>
  <si>
    <t>24177665.0</t>
  </si>
  <si>
    <t>164158.0</t>
  </si>
  <si>
    <t>932.741</t>
  </si>
  <si>
    <t>6.333</t>
  </si>
  <si>
    <t>169275.0</t>
  </si>
  <si>
    <t>11379476.0</t>
  </si>
  <si>
    <t>7934454.0</t>
  </si>
  <si>
    <t>3445022.0</t>
  </si>
  <si>
    <t>179667.0</t>
  </si>
  <si>
    <t>158447.0</t>
  </si>
  <si>
    <t>43.47</t>
  </si>
  <si>
    <t>30.31</t>
  </si>
  <si>
    <t>81559.0</t>
  </si>
  <si>
    <t>24324400.0</t>
  </si>
  <si>
    <t>146735.0</t>
  </si>
  <si>
    <t>938.402</t>
  </si>
  <si>
    <t>5.661</t>
  </si>
  <si>
    <t>170612.0</t>
  </si>
  <si>
    <t>6.582</t>
  </si>
  <si>
    <t>989.5</t>
  </si>
  <si>
    <t>11570868.0</t>
  </si>
  <si>
    <t>8025806.0</t>
  </si>
  <si>
    <t>3545062.0</t>
  </si>
  <si>
    <t>191392.0</t>
  </si>
  <si>
    <t>161013.0</t>
  </si>
  <si>
    <t>6151.0</t>
  </si>
  <si>
    <t>82389.0</t>
  </si>
  <si>
    <t>8.557</t>
  </si>
  <si>
    <t>24493366.0</t>
  </si>
  <si>
    <t>168966.0</t>
  </si>
  <si>
    <t>944.92</t>
  </si>
  <si>
    <t>6.518</t>
  </si>
  <si>
    <t>6.52</t>
  </si>
  <si>
    <t>910.1</t>
  </si>
  <si>
    <t>11794088.0</t>
  </si>
  <si>
    <t>8137548.0</t>
  </si>
  <si>
    <t>3656540.0</t>
  </si>
  <si>
    <t>223220.0</t>
  </si>
  <si>
    <t>165053.0</t>
  </si>
  <si>
    <t>6305.0</t>
  </si>
  <si>
    <t>84138.0</t>
  </si>
  <si>
    <t>8.939</t>
  </si>
  <si>
    <t>24697610.0</t>
  </si>
  <si>
    <t>204244.0</t>
  </si>
  <si>
    <t>952.8</t>
  </si>
  <si>
    <t>7.879</t>
  </si>
  <si>
    <t>173269.0</t>
  </si>
  <si>
    <t>6.684</t>
  </si>
  <si>
    <t>11999027.0</t>
  </si>
  <si>
    <t>8237020.0</t>
  </si>
  <si>
    <t>3762007.0</t>
  </si>
  <si>
    <t>204939.0</t>
  </si>
  <si>
    <t>167447.0</t>
  </si>
  <si>
    <t>31.47</t>
  </si>
  <si>
    <t>14.37</t>
  </si>
  <si>
    <t>84793.0</t>
  </si>
  <si>
    <t>24873663.0</t>
  </si>
  <si>
    <t>176053.0</t>
  </si>
  <si>
    <t>959.592</t>
  </si>
  <si>
    <t>6.792</t>
  </si>
  <si>
    <t>172778.0</t>
  </si>
  <si>
    <t>6.666</t>
  </si>
  <si>
    <t>878.3</t>
  </si>
  <si>
    <t>12209797.0</t>
  </si>
  <si>
    <t>8344012.0</t>
  </si>
  <si>
    <t>3865785.0</t>
  </si>
  <si>
    <t>210770.0</t>
  </si>
  <si>
    <t>171220.0</t>
  </si>
  <si>
    <t>46.64</t>
  </si>
  <si>
    <t>86389.0</t>
  </si>
  <si>
    <t>10.543</t>
  </si>
  <si>
    <t>25041566.0</t>
  </si>
  <si>
    <t>966.069</t>
  </si>
  <si>
    <t>6.477</t>
  </si>
  <si>
    <t>171698.0</t>
  </si>
  <si>
    <t>6.624</t>
  </si>
  <si>
    <t>820.4</t>
  </si>
  <si>
    <t>12334071.0</t>
  </si>
  <si>
    <t>8407015.0</t>
  </si>
  <si>
    <t>3927056.0</t>
  </si>
  <si>
    <t>124274.0</t>
  </si>
  <si>
    <t>171977.0</t>
  </si>
  <si>
    <t>47.12</t>
  </si>
  <si>
    <t>6570.0</t>
  </si>
  <si>
    <t>86285.0</t>
  </si>
  <si>
    <t>11.078</t>
  </si>
  <si>
    <t>25183485.0</t>
  </si>
  <si>
    <t>141919.0</t>
  </si>
  <si>
    <t>971.544</t>
  </si>
  <si>
    <t>5.475</t>
  </si>
  <si>
    <t>167140.0</t>
  </si>
  <si>
    <t>6.448</t>
  </si>
  <si>
    <t>764.7</t>
  </si>
  <si>
    <t>12410127.0</t>
  </si>
  <si>
    <t>8445404.0</t>
  </si>
  <si>
    <t>3964723.0</t>
  </si>
  <si>
    <t>76056.0</t>
  </si>
  <si>
    <t>172903.0</t>
  </si>
  <si>
    <t>47.41</t>
  </si>
  <si>
    <t>32.26</t>
  </si>
  <si>
    <t>6605.0</t>
  </si>
  <si>
    <t>86371.0</t>
  </si>
  <si>
    <t>-673.799999999999</t>
  </si>
  <si>
    <t>-0.26</t>
  </si>
  <si>
    <t>-25.7397504183951</t>
  </si>
  <si>
    <t>12.148</t>
  </si>
  <si>
    <t>25366855.0</t>
  </si>
  <si>
    <t>183370.0</t>
  </si>
  <si>
    <t>978.618</t>
  </si>
  <si>
    <t>7.074</t>
  </si>
  <si>
    <t>169884.0</t>
  </si>
  <si>
    <t>757.4</t>
  </si>
  <si>
    <t>12599440.0</t>
  </si>
  <si>
    <t>8537516.0</t>
  </si>
  <si>
    <t>4061924.0</t>
  </si>
  <si>
    <t>189313.0</t>
  </si>
  <si>
    <t>174281.0</t>
  </si>
  <si>
    <t>48.13</t>
  </si>
  <si>
    <t>15.52</t>
  </si>
  <si>
    <t>6658.0</t>
  </si>
  <si>
    <t>86152.0</t>
  </si>
  <si>
    <t>25547468.0</t>
  </si>
  <si>
    <t>180613.0</t>
  </si>
  <si>
    <t>985.586</t>
  </si>
  <si>
    <t>6.968</t>
  </si>
  <si>
    <t>174724.0</t>
  </si>
  <si>
    <t>6.741</t>
  </si>
  <si>
    <t>756.8</t>
  </si>
  <si>
    <t>12818532.0</t>
  </si>
  <si>
    <t>8644506.0</t>
  </si>
  <si>
    <t>4174026.0</t>
  </si>
  <si>
    <t>219092.0</t>
  </si>
  <si>
    <t>178238.0</t>
  </si>
  <si>
    <t>33.02</t>
  </si>
  <si>
    <t>6809.0</t>
  </si>
  <si>
    <t>25752627.0</t>
  </si>
  <si>
    <t>205159.0</t>
  </si>
  <si>
    <t>993.501</t>
  </si>
  <si>
    <t>7.915</t>
  </si>
  <si>
    <t>179894.0</t>
  </si>
  <si>
    <t>756.3</t>
  </si>
  <si>
    <t>13041229.0</t>
  </si>
  <si>
    <t>8751409.0</t>
  </si>
  <si>
    <t>4289820.0</t>
  </si>
  <si>
    <t>222697.0</t>
  </si>
  <si>
    <t>178163.0</t>
  </si>
  <si>
    <t>33.43</t>
  </si>
  <si>
    <t>6806.0</t>
  </si>
  <si>
    <t>25955268.0</t>
  </si>
  <si>
    <t>202641.0</t>
  </si>
  <si>
    <t>1001.319</t>
  </si>
  <si>
    <t>7.818</t>
  </si>
  <si>
    <t>179665.0</t>
  </si>
  <si>
    <t>6.931</t>
  </si>
  <si>
    <t>703.0</t>
  </si>
  <si>
    <t>13281135.0</t>
  </si>
  <si>
    <t>8872330.0</t>
  </si>
  <si>
    <t>4408805.0</t>
  </si>
  <si>
    <t>239906.0</t>
  </si>
  <si>
    <t>183158.0</t>
  </si>
  <si>
    <t>90759.0</t>
  </si>
  <si>
    <t>16.541</t>
  </si>
  <si>
    <t>26163008.0</t>
  </si>
  <si>
    <t>207740.0</t>
  </si>
  <si>
    <t>1009.333</t>
  </si>
  <si>
    <t>8.014</t>
  </si>
  <si>
    <t>184192.0</t>
  </si>
  <si>
    <t>7.106</t>
  </si>
  <si>
    <t>671.2</t>
  </si>
  <si>
    <t>13517126.0</t>
  </si>
  <si>
    <t>8990538.0</t>
  </si>
  <si>
    <t>4526588.0</t>
  </si>
  <si>
    <t>235991.0</t>
  </si>
  <si>
    <t>186761.0</t>
  </si>
  <si>
    <t>51.64</t>
  </si>
  <si>
    <t>34.34</t>
  </si>
  <si>
    <t>17.29</t>
  </si>
  <si>
    <t>92361.0</t>
  </si>
  <si>
    <t>26366214.0</t>
  </si>
  <si>
    <t>203206.0</t>
  </si>
  <si>
    <t>1017.172</t>
  </si>
  <si>
    <t>7.839</t>
  </si>
  <si>
    <t>189235.0</t>
  </si>
  <si>
    <t>681.1</t>
  </si>
  <si>
    <t>13673060.0</t>
  </si>
  <si>
    <t>9061739.0</t>
  </si>
  <si>
    <t>4611321.0</t>
  </si>
  <si>
    <t>155934.0</t>
  </si>
  <si>
    <t>191284.0</t>
  </si>
  <si>
    <t>17.62</t>
  </si>
  <si>
    <t>93532.0</t>
  </si>
  <si>
    <t>26535025.0</t>
  </si>
  <si>
    <t>168811.0</t>
  </si>
  <si>
    <t>1023.685</t>
  </si>
  <si>
    <t>6.512</t>
  </si>
  <si>
    <t>193077.0</t>
  </si>
  <si>
    <t>669.7</t>
  </si>
  <si>
    <t>13760468.0</t>
  </si>
  <si>
    <t>9108510.0</t>
  </si>
  <si>
    <t>4651958.0</t>
  </si>
  <si>
    <t>87408.0</t>
  </si>
  <si>
    <t>192906.0</t>
  </si>
  <si>
    <t>34.8</t>
  </si>
  <si>
    <t>17.77</t>
  </si>
  <si>
    <t>94729.0</t>
  </si>
  <si>
    <t>-744.299999999999</t>
  </si>
  <si>
    <t>-1.99</t>
  </si>
  <si>
    <t>-28.4329121941399</t>
  </si>
  <si>
    <t>26751476.0</t>
  </si>
  <si>
    <t>216451.0</t>
  </si>
  <si>
    <t>1032.035</t>
  </si>
  <si>
    <t>197803.0</t>
  </si>
  <si>
    <t>7.631</t>
  </si>
  <si>
    <t>636.9</t>
  </si>
  <si>
    <t>13978253.0</t>
  </si>
  <si>
    <t>9217113.0</t>
  </si>
  <si>
    <t>4761140.0</t>
  </si>
  <si>
    <t>217785.0</t>
  </si>
  <si>
    <t>196973.0</t>
  </si>
  <si>
    <t>53.4</t>
  </si>
  <si>
    <t>97085.0</t>
  </si>
  <si>
    <t>26912157.0</t>
  </si>
  <si>
    <t>160681.0</t>
  </si>
  <si>
    <t>1038.234</t>
  </si>
  <si>
    <t>6.199</t>
  </si>
  <si>
    <t>194956.0</t>
  </si>
  <si>
    <t>7.521</t>
  </si>
  <si>
    <t>596.5</t>
  </si>
  <si>
    <t>14244517.0</t>
  </si>
  <si>
    <t>9352280.0</t>
  </si>
  <si>
    <t>4892237.0</t>
  </si>
  <si>
    <t>266264.0</t>
  </si>
  <si>
    <t>203712.0</t>
  </si>
  <si>
    <t>7782.0</t>
  </si>
  <si>
    <t>101111.0</t>
  </si>
  <si>
    <t>27118125.0</t>
  </si>
  <si>
    <t>205968.0</t>
  </si>
  <si>
    <t>1046.18</t>
  </si>
  <si>
    <t>195071.0</t>
  </si>
  <si>
    <t>7.526</t>
  </si>
  <si>
    <t>579.1</t>
  </si>
  <si>
    <t>14507481.0</t>
  </si>
  <si>
    <t>9484184.0</t>
  </si>
  <si>
    <t>5023297.0</t>
  </si>
  <si>
    <t>262964.0</t>
  </si>
  <si>
    <t>209465.0</t>
  </si>
  <si>
    <t>36.23</t>
  </si>
  <si>
    <t>19.19</t>
  </si>
  <si>
    <t>8002.0</t>
  </si>
  <si>
    <t>104682.0</t>
  </si>
  <si>
    <t>27361269.0</t>
  </si>
  <si>
    <t>243144.0</t>
  </si>
  <si>
    <t>1055.56</t>
  </si>
  <si>
    <t>9.38</t>
  </si>
  <si>
    <t>200857.0</t>
  </si>
  <si>
    <t>7.749</t>
  </si>
  <si>
    <t>569.9</t>
  </si>
  <si>
    <t>14777274.0</t>
  </si>
  <si>
    <t>9618874.0</t>
  </si>
  <si>
    <t>5158400.0</t>
  </si>
  <si>
    <t>269793.0</t>
  </si>
  <si>
    <t>213734.0</t>
  </si>
  <si>
    <t>56.45</t>
  </si>
  <si>
    <t>19.71</t>
  </si>
  <si>
    <t>8165.0</t>
  </si>
  <si>
    <t>106649.0</t>
  </si>
  <si>
    <t>16.312</t>
  </si>
  <si>
    <t>27579080.0</t>
  </si>
  <si>
    <t>1063.963</t>
  </si>
  <si>
    <t>8.403</t>
  </si>
  <si>
    <t>202296.0</t>
  </si>
  <si>
    <t>7.804</t>
  </si>
  <si>
    <t>543.2</t>
  </si>
  <si>
    <t>15056296.0</t>
  </si>
  <si>
    <t>9760508.0</t>
  </si>
  <si>
    <t>5295788.0</t>
  </si>
  <si>
    <t>279022.0</t>
  </si>
  <si>
    <t>219881.0</t>
  </si>
  <si>
    <t>57.52</t>
  </si>
  <si>
    <t>8400.0</t>
  </si>
  <si>
    <t>109996.0</t>
  </si>
  <si>
    <t>16.197</t>
  </si>
  <si>
    <t>27776188.0</t>
  </si>
  <si>
    <t>197108.0</t>
  </si>
  <si>
    <t>1071.567</t>
  </si>
  <si>
    <t>7.604</t>
  </si>
  <si>
    <t>201425.0</t>
  </si>
  <si>
    <t>7.771</t>
  </si>
  <si>
    <t>509.2</t>
  </si>
  <si>
    <t>15220857.0</t>
  </si>
  <si>
    <t>9847969.0</t>
  </si>
  <si>
    <t>5372888.0</t>
  </si>
  <si>
    <t>164561.0</t>
  </si>
  <si>
    <t>221114.0</t>
  </si>
  <si>
    <t>58.15</t>
  </si>
  <si>
    <t>20.52</t>
  </si>
  <si>
    <t>112319.0</t>
  </si>
  <si>
    <t>27959920.0</t>
  </si>
  <si>
    <t>183732.0</t>
  </si>
  <si>
    <t>1078.655</t>
  </si>
  <si>
    <t>7.088</t>
  </si>
  <si>
    <t>203556.0</t>
  </si>
  <si>
    <t>0.0021</t>
  </si>
  <si>
    <t>477.4</t>
  </si>
  <si>
    <t>15315158.0</t>
  </si>
  <si>
    <t>9905472.0</t>
  </si>
  <si>
    <t>5409686.0</t>
  </si>
  <si>
    <t>94301.0</t>
  </si>
  <si>
    <t>222099.0</t>
  </si>
  <si>
    <t>37.84</t>
  </si>
  <si>
    <t>8484.0</t>
  </si>
  <si>
    <t>113852.0</t>
  </si>
  <si>
    <t>-875.199999999999</t>
  </si>
  <si>
    <t>-3.68</t>
  </si>
  <si>
    <t>-33.4334068954873</t>
  </si>
  <si>
    <t>18.795</t>
  </si>
  <si>
    <t>28177568.0</t>
  </si>
  <si>
    <t>217648.0</t>
  </si>
  <si>
    <t>1087.052</t>
  </si>
  <si>
    <t>8.397</t>
  </si>
  <si>
    <t>203727.0</t>
  </si>
  <si>
    <t>15593985.0</t>
  </si>
  <si>
    <t>10051748.0</t>
  </si>
  <si>
    <t>5542237.0</t>
  </si>
  <si>
    <t>278827.0</t>
  </si>
  <si>
    <t>230819.0</t>
  </si>
  <si>
    <t>59.57</t>
  </si>
  <si>
    <t>8817.0</t>
  </si>
  <si>
    <t>119234.0</t>
  </si>
  <si>
    <t>19.215</t>
  </si>
  <si>
    <t>28390559.0</t>
  </si>
  <si>
    <t>212991.0</t>
  </si>
  <si>
    <t>1095.269</t>
  </si>
  <si>
    <t>8.217</t>
  </si>
  <si>
    <t>211200.0</t>
  </si>
  <si>
    <t>8.148</t>
  </si>
  <si>
    <t>435.2</t>
  </si>
  <si>
    <t>15867284.0</t>
  </si>
  <si>
    <t>10195842.0</t>
  </si>
  <si>
    <t>5671442.0</t>
  </si>
  <si>
    <t>273299.0</t>
  </si>
  <si>
    <t>231824.0</t>
  </si>
  <si>
    <t>60.61</t>
  </si>
  <si>
    <t>38.95</t>
  </si>
  <si>
    <t>8856.0</t>
  </si>
  <si>
    <t>120509.0</t>
  </si>
  <si>
    <t>28570720.0</t>
  </si>
  <si>
    <t>180161.0</t>
  </si>
  <si>
    <t>1102.219</t>
  </si>
  <si>
    <t>6.95</t>
  </si>
  <si>
    <t>207514.0</t>
  </si>
  <si>
    <t>8.006</t>
  </si>
  <si>
    <t>385.1</t>
  </si>
  <si>
    <t>16175628.0</t>
  </si>
  <si>
    <t>10359796.0</t>
  </si>
  <si>
    <t>5815832.0</t>
  </si>
  <si>
    <t>308344.0</t>
  </si>
  <si>
    <t>238307.0</t>
  </si>
  <si>
    <t>22.22</t>
  </si>
  <si>
    <t>125087.0</t>
  </si>
  <si>
    <t>19.33</t>
  </si>
  <si>
    <t>28776897.0</t>
  </si>
  <si>
    <t>206177.0</t>
  </si>
  <si>
    <t>1110.173</t>
  </si>
  <si>
    <t>7.954</t>
  </si>
  <si>
    <t>202233.0</t>
  </si>
  <si>
    <t>7.802</t>
  </si>
  <si>
    <t>348.4</t>
  </si>
  <si>
    <t>16478313.0</t>
  </si>
  <si>
    <t>10519590.0</t>
  </si>
  <si>
    <t>5958723.0</t>
  </si>
  <si>
    <t>302685.0</t>
  </si>
  <si>
    <t>243006.0</t>
  </si>
  <si>
    <t>62.95</t>
  </si>
  <si>
    <t>40.19</t>
  </si>
  <si>
    <t>128674.0</t>
  </si>
  <si>
    <t>21.163</t>
  </si>
  <si>
    <t>28989560.0</t>
  </si>
  <si>
    <t>212663.0</t>
  </si>
  <si>
    <t>1118.377</t>
  </si>
  <si>
    <t>8.204</t>
  </si>
  <si>
    <t>201497.0</t>
  </si>
  <si>
    <t>7.773</t>
  </si>
  <si>
    <t>316.2</t>
  </si>
  <si>
    <t>16788159.0</t>
  </si>
  <si>
    <t>10684738.0</t>
  </si>
  <si>
    <t>6103421.0</t>
  </si>
  <si>
    <t>309846.0</t>
  </si>
  <si>
    <t>247409.0</t>
  </si>
  <si>
    <t>40.82</t>
  </si>
  <si>
    <t>9451.0</t>
  </si>
  <si>
    <t>132033.0</t>
  </si>
  <si>
    <t>23.112</t>
  </si>
  <si>
    <t>29188844.0</t>
  </si>
  <si>
    <t>199284.0</t>
  </si>
  <si>
    <t>1126.065</t>
  </si>
  <si>
    <t>7.688</t>
  </si>
  <si>
    <t>201808.0</t>
  </si>
  <si>
    <t>7.785</t>
  </si>
  <si>
    <t>286.6</t>
  </si>
  <si>
    <t>16983749.0</t>
  </si>
  <si>
    <t>10793183.0</t>
  </si>
  <si>
    <t>6190566.0</t>
  </si>
  <si>
    <t>195590.0</t>
  </si>
  <si>
    <t>251842.0</t>
  </si>
  <si>
    <t>64.88</t>
  </si>
  <si>
    <t>41.23</t>
  </si>
  <si>
    <t>23.65</t>
  </si>
  <si>
    <t>9621.0</t>
  </si>
  <si>
    <t>135031.0</t>
  </si>
  <si>
    <t>24.487</t>
  </si>
  <si>
    <t>29463447.0</t>
  </si>
  <si>
    <t>274603.0</t>
  </si>
  <si>
    <t>1136.659</t>
  </si>
  <si>
    <t>10.594</t>
  </si>
  <si>
    <t>214790.0</t>
  </si>
  <si>
    <t>8.286</t>
  </si>
  <si>
    <t>283.4</t>
  </si>
  <si>
    <t>17123030.0</t>
  </si>
  <si>
    <t>10882390.0</t>
  </si>
  <si>
    <t>6240640.0</t>
  </si>
  <si>
    <t>139281.0</t>
  </si>
  <si>
    <t>258267.0</t>
  </si>
  <si>
    <t>65.41</t>
  </si>
  <si>
    <t>41.57</t>
  </si>
  <si>
    <t>23.84</t>
  </si>
  <si>
    <t>9866.0</t>
  </si>
  <si>
    <t>139560.0</t>
  </si>
  <si>
    <t>-983.899999999999</t>
  </si>
  <si>
    <t>-3.02</t>
  </si>
  <si>
    <t>-37.5858421440471</t>
  </si>
  <si>
    <t>25.518</t>
  </si>
  <si>
    <t>29853027.0</t>
  </si>
  <si>
    <t>389580.0</t>
  </si>
  <si>
    <t>1151.689</t>
  </si>
  <si>
    <t>15.029</t>
  </si>
  <si>
    <t>239351.0</t>
  </si>
  <si>
    <t>9.234</t>
  </si>
  <si>
    <t>296.2</t>
  </si>
  <si>
    <t>17412205.0</t>
  </si>
  <si>
    <t>11043784.0</t>
  </si>
  <si>
    <t>6368421.0</t>
  </si>
  <si>
    <t>289175.0</t>
  </si>
  <si>
    <t>259746.0</t>
  </si>
  <si>
    <t>42.19</t>
  </si>
  <si>
    <t>24.33</t>
  </si>
  <si>
    <t>9923.0</t>
  </si>
  <si>
    <t>141719.0</t>
  </si>
  <si>
    <t>4.775</t>
  </si>
  <si>
    <t>30065143.0</t>
  </si>
  <si>
    <t>212116.0</t>
  </si>
  <si>
    <t>1159.872</t>
  </si>
  <si>
    <t>8.183</t>
  </si>
  <si>
    <t>239226.0</t>
  </si>
  <si>
    <t>9.229</t>
  </si>
  <si>
    <t>281.4</t>
  </si>
  <si>
    <t>17718300.0</t>
  </si>
  <si>
    <t>11210096.0</t>
  </si>
  <si>
    <t>6508204.0</t>
  </si>
  <si>
    <t>306095.0</t>
  </si>
  <si>
    <t>264431.0</t>
  </si>
  <si>
    <t>10101.0</t>
  </si>
  <si>
    <t>144893.0</t>
  </si>
  <si>
    <t>5.043</t>
  </si>
  <si>
    <t>30303518.0</t>
  </si>
  <si>
    <t>238375.0</t>
  </si>
  <si>
    <t>1169.068</t>
  </si>
  <si>
    <t>9.196</t>
  </si>
  <si>
    <t>247543.0</t>
  </si>
  <si>
    <t>274.2</t>
  </si>
  <si>
    <t>18052293.0</t>
  </si>
  <si>
    <t>11391093.0</t>
  </si>
  <si>
    <t>6661200.0</t>
  </si>
  <si>
    <t>333993.0</t>
  </si>
  <si>
    <t>268095.0</t>
  </si>
  <si>
    <t>68.96</t>
  </si>
  <si>
    <t>43.51</t>
  </si>
  <si>
    <t>10241.0</t>
  </si>
  <si>
    <t>147328.0</t>
  </si>
  <si>
    <t>5.119</t>
  </si>
  <si>
    <t>32.165</t>
  </si>
  <si>
    <t>30541835.0</t>
  </si>
  <si>
    <t>238317.0</t>
  </si>
  <si>
    <t>1178.262</t>
  </si>
  <si>
    <t>9.194</t>
  </si>
  <si>
    <t>252134.0</t>
  </si>
  <si>
    <t>9.727</t>
  </si>
  <si>
    <t>267.9</t>
  </si>
  <si>
    <t>18358731.0</t>
  </si>
  <si>
    <t>11550262.0</t>
  </si>
  <si>
    <t>6808469.0</t>
  </si>
  <si>
    <t>306438.0</t>
  </si>
  <si>
    <t>268631.0</t>
  </si>
  <si>
    <t>70.13</t>
  </si>
  <si>
    <t>26.01</t>
  </si>
  <si>
    <t>147239.0</t>
  </si>
  <si>
    <t>30743658.0</t>
  </si>
  <si>
    <t>201823.0</t>
  </si>
  <si>
    <t>1186.048</t>
  </si>
  <si>
    <t>7.786</t>
  </si>
  <si>
    <t>250585.0</t>
  </si>
  <si>
    <t>257.3</t>
  </si>
  <si>
    <t>18674306.0</t>
  </si>
  <si>
    <t>11724184.0</t>
  </si>
  <si>
    <t>6950122.0</t>
  </si>
  <si>
    <t>315575.0</t>
  </si>
  <si>
    <t>269450.0</t>
  </si>
  <si>
    <t>148492.0</t>
  </si>
  <si>
    <t>0.567</t>
  </si>
  <si>
    <t>5.348</t>
  </si>
  <si>
    <t>30951810.0</t>
  </si>
  <si>
    <t>208152.0</t>
  </si>
  <si>
    <t>1194.078</t>
  </si>
  <si>
    <t>8.03</t>
  </si>
  <si>
    <t>251852.0</t>
  </si>
  <si>
    <t>9.716</t>
  </si>
  <si>
    <t>243.8</t>
  </si>
  <si>
    <t>18894458.0</t>
  </si>
  <si>
    <t>11850205.0</t>
  </si>
  <si>
    <t>7044253.0</t>
  </si>
  <si>
    <t>220152.0</t>
  </si>
  <si>
    <t>272958.0</t>
  </si>
  <si>
    <t>10427.0</t>
  </si>
  <si>
    <t>151003.0</t>
  </si>
  <si>
    <t>5.921</t>
  </si>
  <si>
    <t>31124672.0</t>
  </si>
  <si>
    <t>172862.0</t>
  </si>
  <si>
    <t>1200.747</t>
  </si>
  <si>
    <t>6.669</t>
  </si>
  <si>
    <t>237318.0</t>
  </si>
  <si>
    <t>9.155</t>
  </si>
  <si>
    <t>19052562.0</t>
  </si>
  <si>
    <t>11956986.0</t>
  </si>
  <si>
    <t>7095576.0</t>
  </si>
  <si>
    <t>158104.0</t>
  </si>
  <si>
    <t>275647.0</t>
  </si>
  <si>
    <t>45.68</t>
  </si>
  <si>
    <t>10530.0</t>
  </si>
  <si>
    <t>153514.0</t>
  </si>
  <si>
    <t>-1201.4</t>
  </si>
  <si>
    <t>-6.0</t>
  </si>
  <si>
    <t>-45.8945327287917</t>
  </si>
  <si>
    <t>31344192.0</t>
  </si>
  <si>
    <t>219520.0</t>
  </si>
  <si>
    <t>1209.216</t>
  </si>
  <si>
    <t>8.469</t>
  </si>
  <si>
    <t>213024.0</t>
  </si>
  <si>
    <t>8.218</t>
  </si>
  <si>
    <t>19329147.0</t>
  </si>
  <si>
    <t>12106618.0</t>
  </si>
  <si>
    <t>7222529.0</t>
  </si>
  <si>
    <t>276585.0</t>
  </si>
  <si>
    <t>273849.0</t>
  </si>
  <si>
    <t>73.84</t>
  </si>
  <si>
    <t>27.59</t>
  </si>
  <si>
    <t>151833.0</t>
  </si>
  <si>
    <t>6.685</t>
  </si>
  <si>
    <t>31554838.0</t>
  </si>
  <si>
    <t>210646.0</t>
  </si>
  <si>
    <t>1217.342</t>
  </si>
  <si>
    <t>8.126</t>
  </si>
  <si>
    <t>212814.0</t>
  </si>
  <si>
    <t>8.21</t>
  </si>
  <si>
    <t>19663122.0</t>
  </si>
  <si>
    <t>12293802.0</t>
  </si>
  <si>
    <t>7369320.0</t>
  </si>
  <si>
    <t>333975.0</t>
  </si>
  <si>
    <t>277832.0</t>
  </si>
  <si>
    <t>46.96</t>
  </si>
  <si>
    <t>154815.0</t>
  </si>
  <si>
    <t>31821007.0</t>
  </si>
  <si>
    <t>266169.0</t>
  </si>
  <si>
    <t>1227.611</t>
  </si>
  <si>
    <t>10.268</t>
  </si>
  <si>
    <t>216784.0</t>
  </si>
  <si>
    <t>8.363</t>
  </si>
  <si>
    <t>19992967.0</t>
  </si>
  <si>
    <t>12480413.0</t>
  </si>
  <si>
    <t>7512554.0</t>
  </si>
  <si>
    <t>329845.0</t>
  </si>
  <si>
    <t>277239.0</t>
  </si>
  <si>
    <t>10591.0</t>
  </si>
  <si>
    <t>155617.0</t>
  </si>
  <si>
    <t>6.838</t>
  </si>
  <si>
    <t>32024250.0</t>
  </si>
  <si>
    <t>203243.0</t>
  </si>
  <si>
    <t>1235.452</t>
  </si>
  <si>
    <t>7.841</t>
  </si>
  <si>
    <t>211774.0</t>
  </si>
  <si>
    <t>20293640.0</t>
  </si>
  <si>
    <t>12640002.0</t>
  </si>
  <si>
    <t>7653638.0</t>
  </si>
  <si>
    <t>300673.0</t>
  </si>
  <si>
    <t>276416.0</t>
  </si>
  <si>
    <t>48.29</t>
  </si>
  <si>
    <t>29.24</t>
  </si>
  <si>
    <t>155677.0</t>
  </si>
  <si>
    <t>7.564</t>
  </si>
  <si>
    <t>43.74</t>
  </si>
  <si>
    <t>32259945.0</t>
  </si>
  <si>
    <t>235695.0</t>
  </si>
  <si>
    <t>1244.544</t>
  </si>
  <si>
    <t>9.093</t>
  </si>
  <si>
    <t>216612.0</t>
  </si>
  <si>
    <t>8.357</t>
  </si>
  <si>
    <t>20605153.0</t>
  </si>
  <si>
    <t>12811797.0</t>
  </si>
  <si>
    <t>7793356.0</t>
  </si>
  <si>
    <t>311513.0</t>
  </si>
  <si>
    <t>275835.0</t>
  </si>
  <si>
    <t>48.94</t>
  </si>
  <si>
    <t>29.77</t>
  </si>
  <si>
    <t>10537.0</t>
  </si>
  <si>
    <t>155373.0</t>
  </si>
  <si>
    <t>32461893.0</t>
  </si>
  <si>
    <t>201948.0</t>
  </si>
  <si>
    <t>1252.335</t>
  </si>
  <si>
    <t>7.791</t>
  </si>
  <si>
    <t>215726.0</t>
  </si>
  <si>
    <t>8.322</t>
  </si>
  <si>
    <t>145.7</t>
  </si>
  <si>
    <t>20818248.0</t>
  </si>
  <si>
    <t>12938761.0</t>
  </si>
  <si>
    <t>7879487.0</t>
  </si>
  <si>
    <t>213095.0</t>
  </si>
  <si>
    <t>274827.0</t>
  </si>
  <si>
    <t>79.53</t>
  </si>
  <si>
    <t>49.43</t>
  </si>
  <si>
    <t>30.1</t>
  </si>
  <si>
    <t>10499.0</t>
  </si>
  <si>
    <t>155508.0</t>
  </si>
  <si>
    <t>7.793</t>
  </si>
  <si>
    <t>32644546.0</t>
  </si>
  <si>
    <t>182653.0</t>
  </si>
  <si>
    <t>1259.382</t>
  </si>
  <si>
    <t>7.047</t>
  </si>
  <si>
    <t>217125.0</t>
  </si>
  <si>
    <t>8.376</t>
  </si>
  <si>
    <t>144.1</t>
  </si>
  <si>
    <t>20948514.0</t>
  </si>
  <si>
    <t>13023788.0</t>
  </si>
  <si>
    <t>7924726.0</t>
  </si>
  <si>
    <t>130266.0</t>
  </si>
  <si>
    <t>270850.0</t>
  </si>
  <si>
    <t>80.03</t>
  </si>
  <si>
    <t>49.75</t>
  </si>
  <si>
    <t>10347.0</t>
  </si>
  <si>
    <t>152400.0</t>
  </si>
  <si>
    <t>-1354.9</t>
  </si>
  <si>
    <t>-0.48</t>
  </si>
  <si>
    <t>-51.7583672334276</t>
  </si>
  <si>
    <t>8.519</t>
  </si>
  <si>
    <t>32851251.0</t>
  </si>
  <si>
    <t>206705.0</t>
  </si>
  <si>
    <t>1267.356</t>
  </si>
  <si>
    <t>7.974</t>
  </si>
  <si>
    <t>215294.0</t>
  </si>
  <si>
    <t>8.306</t>
  </si>
  <si>
    <t>140.2</t>
  </si>
  <si>
    <t>21206791.0</t>
  </si>
  <si>
    <t>13160225.0</t>
  </si>
  <si>
    <t>8046566.0</t>
  </si>
  <si>
    <t>258277.0</t>
  </si>
  <si>
    <t>268235.0</t>
  </si>
  <si>
    <t>81.01</t>
  </si>
  <si>
    <t>50.27</t>
  </si>
  <si>
    <t>10247.0</t>
  </si>
  <si>
    <t>150515.0</t>
  </si>
  <si>
    <t>33023840.0</t>
  </si>
  <si>
    <t>172589.0</t>
  </si>
  <si>
    <t>1274.014</t>
  </si>
  <si>
    <t>6.658</t>
  </si>
  <si>
    <t>209857.0</t>
  </si>
  <si>
    <t>8.096</t>
  </si>
  <si>
    <t>0.0076</t>
  </si>
  <si>
    <t>130.9</t>
  </si>
  <si>
    <t>21500652.0</t>
  </si>
  <si>
    <t>13313703.0</t>
  </si>
  <si>
    <t>8186949.0</t>
  </si>
  <si>
    <t>293861.0</t>
  </si>
  <si>
    <t>262504.0</t>
  </si>
  <si>
    <t>50.86</t>
  </si>
  <si>
    <t>31.27</t>
  </si>
  <si>
    <t>10028.0</t>
  </si>
  <si>
    <t>145700.0</t>
  </si>
  <si>
    <t>9.015</t>
  </si>
  <si>
    <t>33227789.0</t>
  </si>
  <si>
    <t>203949.0</t>
  </si>
  <si>
    <t>1281.882</t>
  </si>
  <si>
    <t>7.868</t>
  </si>
  <si>
    <t>200969.0</t>
  </si>
  <si>
    <t>7.753</t>
  </si>
  <si>
    <t>122.5</t>
  </si>
  <si>
    <t>21811393.0</t>
  </si>
  <si>
    <t>13480795.0</t>
  </si>
  <si>
    <t>8330598.0</t>
  </si>
  <si>
    <t>310741.0</t>
  </si>
  <si>
    <t>259775.0</t>
  </si>
  <si>
    <t>51.5</t>
  </si>
  <si>
    <t>142912.0</t>
  </si>
  <si>
    <t>33468224.0</t>
  </si>
  <si>
    <t>240435.0</t>
  </si>
  <si>
    <t>1291.158</t>
  </si>
  <si>
    <t>9.276</t>
  </si>
  <si>
    <t>206282.0</t>
  </si>
  <si>
    <t>7.958</t>
  </si>
  <si>
    <t>123.4</t>
  </si>
  <si>
    <t>22129655.0</t>
  </si>
  <si>
    <t>13646933.0</t>
  </si>
  <si>
    <t>8482722.0</t>
  </si>
  <si>
    <t>318262.0</t>
  </si>
  <si>
    <t>262288.0</t>
  </si>
  <si>
    <t>52.13</t>
  </si>
  <si>
    <t>10020.0</t>
  </si>
  <si>
    <t>143847.0</t>
  </si>
  <si>
    <t>9.856</t>
  </si>
  <si>
    <t>33668883.0</t>
  </si>
  <si>
    <t>200659.0</t>
  </si>
  <si>
    <t>1298.899</t>
  </si>
  <si>
    <t>7.741</t>
  </si>
  <si>
    <t>201277.0</t>
  </si>
  <si>
    <t>7.765</t>
  </si>
  <si>
    <t>0.0085</t>
  </si>
  <si>
    <t>22432434.0</t>
  </si>
  <si>
    <t>13800869.0</t>
  </si>
  <si>
    <t>8631565.0</t>
  </si>
  <si>
    <t>302779.0</t>
  </si>
  <si>
    <t>261040.0</t>
  </si>
  <si>
    <t>85.69</t>
  </si>
  <si>
    <t>52.72</t>
  </si>
  <si>
    <t>32.97</t>
  </si>
  <si>
    <t>141296.0</t>
  </si>
  <si>
    <t>9.818</t>
  </si>
  <si>
    <t>33881168.0</t>
  </si>
  <si>
    <t>212285.0</t>
  </si>
  <si>
    <t>1307.089</t>
  </si>
  <si>
    <t>8.19</t>
  </si>
  <si>
    <t>202754.0</t>
  </si>
  <si>
    <t>7.822</t>
  </si>
  <si>
    <t>118.4</t>
  </si>
  <si>
    <t>22627723.0</t>
  </si>
  <si>
    <t>13907333.0</t>
  </si>
  <si>
    <t>8720390.0</t>
  </si>
  <si>
    <t>195289.0</t>
  </si>
  <si>
    <t>258496.0</t>
  </si>
  <si>
    <t>86.44</t>
  </si>
  <si>
    <t>53.13</t>
  </si>
  <si>
    <t>33.31</t>
  </si>
  <si>
    <t>138367.0</t>
  </si>
  <si>
    <t>0.529</t>
  </si>
  <si>
    <t>52.45</t>
  </si>
  <si>
    <t>34056309.0</t>
  </si>
  <si>
    <t>175141.0</t>
  </si>
  <si>
    <t>1313.846</t>
  </si>
  <si>
    <t>6.757</t>
  </si>
  <si>
    <t>201680.0</t>
  </si>
  <si>
    <t>7.781</t>
  </si>
  <si>
    <t>22760601.0</t>
  </si>
  <si>
    <t>13986743.0</t>
  </si>
  <si>
    <t>8773858.0</t>
  </si>
  <si>
    <t>132878.0</t>
  </si>
  <si>
    <t>258870.0</t>
  </si>
  <si>
    <t>86.95</t>
  </si>
  <si>
    <t>53.43</t>
  </si>
  <si>
    <t>33.52</t>
  </si>
  <si>
    <t>9889.0</t>
  </si>
  <si>
    <t>137565.0</t>
  </si>
  <si>
    <t>-1521.6</t>
  </si>
  <si>
    <t>-4.67</t>
  </si>
  <si>
    <t>-58.1264533045859</t>
  </si>
  <si>
    <t>34277304.0</t>
  </si>
  <si>
    <t>220995.0</t>
  </si>
  <si>
    <t>1322.371</t>
  </si>
  <si>
    <t>8.526</t>
  </si>
  <si>
    <t>203722.0</t>
  </si>
  <si>
    <t>7.859</t>
  </si>
  <si>
    <t>116.1</t>
  </si>
  <si>
    <t>23100911.0</t>
  </si>
  <si>
    <t>14179661.0</t>
  </si>
  <si>
    <t>8921250.0</t>
  </si>
  <si>
    <t>340310.0</t>
  </si>
  <si>
    <t>270589.0</t>
  </si>
  <si>
    <t>88.25</t>
  </si>
  <si>
    <t>54.17</t>
  </si>
  <si>
    <t>34.08</t>
  </si>
  <si>
    <t>10337.0</t>
  </si>
  <si>
    <t>145634.0</t>
  </si>
  <si>
    <t>55.047</t>
  </si>
  <si>
    <t>34464347.0</t>
  </si>
  <si>
    <t>187043.0</t>
  </si>
  <si>
    <t>1329.587</t>
  </si>
  <si>
    <t>7.216</t>
  </si>
  <si>
    <t>205787.0</t>
  </si>
  <si>
    <t>7.939</t>
  </si>
  <si>
    <t>117.8</t>
  </si>
  <si>
    <t>23402471.0</t>
  </si>
  <si>
    <t>14336221.0</t>
  </si>
  <si>
    <t>9066250.0</t>
  </si>
  <si>
    <t>301560.0</t>
  </si>
  <si>
    <t>271688.0</t>
  </si>
  <si>
    <t>89.4</t>
  </si>
  <si>
    <t>54.77</t>
  </si>
  <si>
    <t>10379.0</t>
  </si>
  <si>
    <t>146074.0</t>
  </si>
  <si>
    <t>10.811</t>
  </si>
  <si>
    <t>1443.0</t>
  </si>
  <si>
    <t>34688089.0</t>
  </si>
  <si>
    <t>223742.0</t>
  </si>
  <si>
    <t>1338.219</t>
  </si>
  <si>
    <t>8.632</t>
  </si>
  <si>
    <t>208614.0</t>
  </si>
  <si>
    <t>8.048</t>
  </si>
  <si>
    <t>118.2</t>
  </si>
  <si>
    <t>23707553.0</t>
  </si>
  <si>
    <t>14491771.0</t>
  </si>
  <si>
    <t>9215782.0</t>
  </si>
  <si>
    <t>305082.0</t>
  </si>
  <si>
    <t>270880.0</t>
  </si>
  <si>
    <t>55.36</t>
  </si>
  <si>
    <t>144425.0</t>
  </si>
  <si>
    <t>34911907.0</t>
  </si>
  <si>
    <t>223818.0</t>
  </si>
  <si>
    <t>1346.853</t>
  </si>
  <si>
    <t>8.635</t>
  </si>
  <si>
    <t>206240.0</t>
  </si>
  <si>
    <t>7.956</t>
  </si>
  <si>
    <t>117.5</t>
  </si>
  <si>
    <t>24009073.0</t>
  </si>
  <si>
    <t>14648688.0</t>
  </si>
  <si>
    <t>9360385.0</t>
  </si>
  <si>
    <t>301520.0</t>
  </si>
  <si>
    <t>268488.0</t>
  </si>
  <si>
    <t>91.72</t>
  </si>
  <si>
    <t>10256.0</t>
  </si>
  <si>
    <t>143108.0</t>
  </si>
  <si>
    <t>35243329.0</t>
  </si>
  <si>
    <t>331422.0</t>
  </si>
  <si>
    <t>1359.639</t>
  </si>
  <si>
    <t>12.786</t>
  </si>
  <si>
    <t>224921.0</t>
  </si>
  <si>
    <t>8.677</t>
  </si>
  <si>
    <t>130.5</t>
  </si>
  <si>
    <t>24346522.0</t>
  </si>
  <si>
    <t>14816773.0</t>
  </si>
  <si>
    <t>9529749.0</t>
  </si>
  <si>
    <t>337449.0</t>
  </si>
  <si>
    <t>273441.0</t>
  </si>
  <si>
    <t>56.6</t>
  </si>
  <si>
    <t>10446.0</t>
  </si>
  <si>
    <t>145129.0</t>
  </si>
  <si>
    <t>56.155</t>
  </si>
  <si>
    <t>35449952.0</t>
  </si>
  <si>
    <t>206623.0</t>
  </si>
  <si>
    <t>1367.61</t>
  </si>
  <si>
    <t>224112.0</t>
  </si>
  <si>
    <t>8.646</t>
  </si>
  <si>
    <t>24572951.0</t>
  </si>
  <si>
    <t>14939866.0</t>
  </si>
  <si>
    <t>9633085.0</t>
  </si>
  <si>
    <t>226429.0</t>
  </si>
  <si>
    <t>277890.0</t>
  </si>
  <si>
    <t>93.87</t>
  </si>
  <si>
    <t>57.07</t>
  </si>
  <si>
    <t>10616.0</t>
  </si>
  <si>
    <t>147505.0</t>
  </si>
  <si>
    <t>11.346</t>
  </si>
  <si>
    <t>35625424.0</t>
  </si>
  <si>
    <t>175472.0</t>
  </si>
  <si>
    <t>1374.38</t>
  </si>
  <si>
    <t>224159.0</t>
  </si>
  <si>
    <t>8.648</t>
  </si>
  <si>
    <t>132.9</t>
  </si>
  <si>
    <t>24745225.0</t>
  </si>
  <si>
    <t>15044653.0</t>
  </si>
  <si>
    <t>9700572.0</t>
  </si>
  <si>
    <t>172274.0</t>
  </si>
  <si>
    <t>283518.0</t>
  </si>
  <si>
    <t>94.53</t>
  </si>
  <si>
    <t>57.47</t>
  </si>
  <si>
    <t>10831.0</t>
  </si>
  <si>
    <t>-1527.9</t>
  </si>
  <si>
    <t>-0.18</t>
  </si>
  <si>
    <t>-58.3671188249716</t>
  </si>
  <si>
    <t>11.689</t>
  </si>
  <si>
    <t>35829149.0</t>
  </si>
  <si>
    <t>203725.0</t>
  </si>
  <si>
    <t>1382.239</t>
  </si>
  <si>
    <t>221692.0</t>
  </si>
  <si>
    <t>25065581.0</t>
  </si>
  <si>
    <t>15211965.0</t>
  </si>
  <si>
    <t>9853616.0</t>
  </si>
  <si>
    <t>320356.0</t>
  </si>
  <si>
    <t>280667.0</t>
  </si>
  <si>
    <t>95.75</t>
  </si>
  <si>
    <t>58.11</t>
  </si>
  <si>
    <t>37.64</t>
  </si>
  <si>
    <t>147472.0</t>
  </si>
  <si>
    <t>11.537</t>
  </si>
  <si>
    <t>57.989</t>
  </si>
  <si>
    <t>36023900.0</t>
  </si>
  <si>
    <t>194751.0</t>
  </si>
  <si>
    <t>1389.753</t>
  </si>
  <si>
    <t>7.513</t>
  </si>
  <si>
    <t>222793.0</t>
  </si>
  <si>
    <t>8.595</t>
  </si>
  <si>
    <t>131.9</t>
  </si>
  <si>
    <t>25396636.0</t>
  </si>
  <si>
    <t>15377929.0</t>
  </si>
  <si>
    <t>10018707.0</t>
  </si>
  <si>
    <t>331055.0</t>
  </si>
  <si>
    <t>284881.0</t>
  </si>
  <si>
    <t>97.02</t>
  </si>
  <si>
    <t>58.75</t>
  </si>
  <si>
    <t>10883.0</t>
  </si>
  <si>
    <t>148815.0</t>
  </si>
  <si>
    <t>11.269</t>
  </si>
  <si>
    <t>36245879.0</t>
  </si>
  <si>
    <t>221979.0</t>
  </si>
  <si>
    <t>1398.316</t>
  </si>
  <si>
    <t>8.564</t>
  </si>
  <si>
    <t>222541.0</t>
  </si>
  <si>
    <t>8.585</t>
  </si>
  <si>
    <t>132.3</t>
  </si>
  <si>
    <t>25733071.0</t>
  </si>
  <si>
    <t>15549405.0</t>
  </si>
  <si>
    <t>10183666.0</t>
  </si>
  <si>
    <t>336435.0</t>
  </si>
  <si>
    <t>289360.0</t>
  </si>
  <si>
    <t>98.3</t>
  </si>
  <si>
    <t>11054.0</t>
  </si>
  <si>
    <t>151091.0</t>
  </si>
  <si>
    <t>11.498</t>
  </si>
  <si>
    <t>36475743.0</t>
  </si>
  <si>
    <t>229864.0</t>
  </si>
  <si>
    <t>1407.184</t>
  </si>
  <si>
    <t>8.868</t>
  </si>
  <si>
    <t>223405.0</t>
  </si>
  <si>
    <t>133.2</t>
  </si>
  <si>
    <t>26080012.0</t>
  </si>
  <si>
    <t>15724785.0</t>
  </si>
  <si>
    <t>10355227.0</t>
  </si>
  <si>
    <t>346941.0</t>
  </si>
  <si>
    <t>295848.0</t>
  </si>
  <si>
    <t>99.63</t>
  </si>
  <si>
    <t>60.07</t>
  </si>
  <si>
    <t>11302.0</t>
  </si>
  <si>
    <t>153728.0</t>
  </si>
  <si>
    <t>58.409</t>
  </si>
  <si>
    <t>36691070.0</t>
  </si>
  <si>
    <t>215327.0</t>
  </si>
  <si>
    <t>1415.491</t>
  </si>
  <si>
    <t>8.307</t>
  </si>
  <si>
    <t>206820.0</t>
  </si>
  <si>
    <t>7.979</t>
  </si>
  <si>
    <t>123.2</t>
  </si>
  <si>
    <t>26390465.0</t>
  </si>
  <si>
    <t>15867929.0</t>
  </si>
  <si>
    <t>10522536.0</t>
  </si>
  <si>
    <t>310453.0</t>
  </si>
  <si>
    <t>291992.0</t>
  </si>
  <si>
    <t>100.81</t>
  </si>
  <si>
    <t>40.2</t>
  </si>
  <si>
    <t>11154.0</t>
  </si>
  <si>
    <t>150165.0</t>
  </si>
  <si>
    <t>11.422</t>
  </si>
  <si>
    <t>1493.0</t>
  </si>
  <si>
    <t>36878132.0</t>
  </si>
  <si>
    <t>187062.0</t>
  </si>
  <si>
    <t>1422.708</t>
  </si>
  <si>
    <t>7.217</t>
  </si>
  <si>
    <t>204026.0</t>
  </si>
  <si>
    <t>7.871</t>
  </si>
  <si>
    <t>119.7</t>
  </si>
  <si>
    <t>26609171.0</t>
  </si>
  <si>
    <t>15974334.0</t>
  </si>
  <si>
    <t>10634837.0</t>
  </si>
  <si>
    <t>218706.0</t>
  </si>
  <si>
    <t>290889.0</t>
  </si>
  <si>
    <t>101.65</t>
  </si>
  <si>
    <t>61.02</t>
  </si>
  <si>
    <t>11112.0</t>
  </si>
  <si>
    <t>147781.0</t>
  </si>
  <si>
    <t>1538.0</t>
  </si>
  <si>
    <t>58.753</t>
  </si>
  <si>
    <t>37047138.0</t>
  </si>
  <si>
    <t>169006.0</t>
  </si>
  <si>
    <t>1429.228</t>
  </si>
  <si>
    <t>203102.0</t>
  </si>
  <si>
    <t>7.835</t>
  </si>
  <si>
    <t>119.4</t>
  </si>
  <si>
    <t>26754136.0</t>
  </si>
  <si>
    <t>16050194.0</t>
  </si>
  <si>
    <t>10703942.0</t>
  </si>
  <si>
    <t>144965.0</t>
  </si>
  <si>
    <t>286987.0</t>
  </si>
  <si>
    <t>61.31</t>
  </si>
  <si>
    <t>40.89</t>
  </si>
  <si>
    <t>10963.0</t>
  </si>
  <si>
    <t>143649.0</t>
  </si>
  <si>
    <t>-1608.2</t>
  </si>
  <si>
    <t>-0.55</t>
  </si>
  <si>
    <t>-61.434649187983</t>
  </si>
  <si>
    <t>37217210.0</t>
  </si>
  <si>
    <t>170072.0</t>
  </si>
  <si>
    <t>1435.789</t>
  </si>
  <si>
    <t>6.561</t>
  </si>
  <si>
    <t>198294.0</t>
  </si>
  <si>
    <t>113.8</t>
  </si>
  <si>
    <t>27056868.0</t>
  </si>
  <si>
    <t>16194869.0</t>
  </si>
  <si>
    <t>10861999.0</t>
  </si>
  <si>
    <t>302732.0</t>
  </si>
  <si>
    <t>284470.0</t>
  </si>
  <si>
    <t>61.87</t>
  </si>
  <si>
    <t>41.49</t>
  </si>
  <si>
    <t>10867.0</t>
  </si>
  <si>
    <t>140415.0</t>
  </si>
  <si>
    <t>11.307</t>
  </si>
  <si>
    <t>37421014.0</t>
  </si>
  <si>
    <t>203804.0</t>
  </si>
  <si>
    <t>1443.651</t>
  </si>
  <si>
    <t>7.862</t>
  </si>
  <si>
    <t>199588.0</t>
  </si>
  <si>
    <t>113.1</t>
  </si>
  <si>
    <t>27387830.0</t>
  </si>
  <si>
    <t>16348214.0</t>
  </si>
  <si>
    <t>11039616.0</t>
  </si>
  <si>
    <t>330962.0</t>
  </si>
  <si>
    <t>284456.0</t>
  </si>
  <si>
    <t>42.17</t>
  </si>
  <si>
    <t>10866.0</t>
  </si>
  <si>
    <t>138612.0</t>
  </si>
  <si>
    <t>11.575</t>
  </si>
  <si>
    <t>57.836</t>
  </si>
  <si>
    <t>37631431.0</t>
  </si>
  <si>
    <t>210417.0</t>
  </si>
  <si>
    <t>1451.769</t>
  </si>
  <si>
    <t>8.118</t>
  </si>
  <si>
    <t>197936.0</t>
  </si>
  <si>
    <t>7.636</t>
  </si>
  <si>
    <t>27695682.0</t>
  </si>
  <si>
    <t>16493044.0</t>
  </si>
  <si>
    <t>11202638.0</t>
  </si>
  <si>
    <t>307852.0</t>
  </si>
  <si>
    <t>280373.0</t>
  </si>
  <si>
    <t>42.8</t>
  </si>
  <si>
    <t>10710.0</t>
  </si>
  <si>
    <t>134806.0</t>
  </si>
  <si>
    <t>37845681.0</t>
  </si>
  <si>
    <t>214250.0</t>
  </si>
  <si>
    <t>1460.034</t>
  </si>
  <si>
    <t>8.265</t>
  </si>
  <si>
    <t>195705.0</t>
  </si>
  <si>
    <t>103.5</t>
  </si>
  <si>
    <t>28035888.0</t>
  </si>
  <si>
    <t>16649549.0</t>
  </si>
  <si>
    <t>11386339.0</t>
  </si>
  <si>
    <t>340206.0</t>
  </si>
  <si>
    <t>279411.0</t>
  </si>
  <si>
    <t>107.1</t>
  </si>
  <si>
    <t>132109.0</t>
  </si>
  <si>
    <t>0.505</t>
  </si>
  <si>
    <t>1468.0</t>
  </si>
  <si>
    <t>56.079</t>
  </si>
  <si>
    <t>38048742.0</t>
  </si>
  <si>
    <t>203061.0</t>
  </si>
  <si>
    <t>1467.868</t>
  </si>
  <si>
    <t>7.834</t>
  </si>
  <si>
    <t>193953.0</t>
  </si>
  <si>
    <t>7.482</t>
  </si>
  <si>
    <t>0.0101</t>
  </si>
  <si>
    <t>28361886.0</t>
  </si>
  <si>
    <t>16790440.0</t>
  </si>
  <si>
    <t>11571446.0</t>
  </si>
  <si>
    <t>325998.0</t>
  </si>
  <si>
    <t>281632.0</t>
  </si>
  <si>
    <t>108.34</t>
  </si>
  <si>
    <t>10759.0</t>
  </si>
  <si>
    <t>131787.0</t>
  </si>
  <si>
    <t>57.149</t>
  </si>
  <si>
    <t>38251122.0</t>
  </si>
  <si>
    <t>202380.0</t>
  </si>
  <si>
    <t>1475.676</t>
  </si>
  <si>
    <t>7.808</t>
  </si>
  <si>
    <t>196141.0</t>
  </si>
  <si>
    <t>7.567</t>
  </si>
  <si>
    <t>99.3</t>
  </si>
  <si>
    <t>28572558.0</t>
  </si>
  <si>
    <t>16882622.0</t>
  </si>
  <si>
    <t>11689936.0</t>
  </si>
  <si>
    <t>210672.0</t>
  </si>
  <si>
    <t>280484.0</t>
  </si>
  <si>
    <t>109.15</t>
  </si>
  <si>
    <t>44.66</t>
  </si>
  <si>
    <t>129755.0</t>
  </si>
  <si>
    <t>38438450.0</t>
  </si>
  <si>
    <t>187328.0</t>
  </si>
  <si>
    <t>1482.903</t>
  </si>
  <si>
    <t>7.227</t>
  </si>
  <si>
    <t>198759.0</t>
  </si>
  <si>
    <t>7.668</t>
  </si>
  <si>
    <t>0.0103</t>
  </si>
  <si>
    <t>96.8</t>
  </si>
  <si>
    <t>28710701.0</t>
  </si>
  <si>
    <t>16943837.0</t>
  </si>
  <si>
    <t>11766864.0</t>
  </si>
  <si>
    <t>138143.0</t>
  </si>
  <si>
    <t>279509.0</t>
  </si>
  <si>
    <t>109.68</t>
  </si>
  <si>
    <t>10677.0</t>
  </si>
  <si>
    <t>127663.0</t>
  </si>
  <si>
    <t>-1407.5</t>
  </si>
  <si>
    <t>-53.767733324267</t>
  </si>
  <si>
    <t>38607959.0</t>
  </si>
  <si>
    <t>169509.0</t>
  </si>
  <si>
    <t>1489.442</t>
  </si>
  <si>
    <t>6.539</t>
  </si>
  <si>
    <t>198678.0</t>
  </si>
  <si>
    <t>7.665</t>
  </si>
  <si>
    <t>28895930.0</t>
  </si>
  <si>
    <t>17027036.0</t>
  </si>
  <si>
    <t>11868894.0</t>
  </si>
  <si>
    <t>185229.0</t>
  </si>
  <si>
    <t>262723.0</t>
  </si>
  <si>
    <t>110.38</t>
  </si>
  <si>
    <t>118881.0</t>
  </si>
  <si>
    <t>1526.0</t>
  </si>
  <si>
    <t>58.295</t>
  </si>
  <si>
    <t>38781130.0</t>
  </si>
  <si>
    <t>173171.0</t>
  </si>
  <si>
    <t>1496.123</t>
  </si>
  <si>
    <t>6.681</t>
  </si>
  <si>
    <t>194302.0</t>
  </si>
  <si>
    <t>7.496</t>
  </si>
  <si>
    <t>29245786.0</t>
  </si>
  <si>
    <t>17160890.0</t>
  </si>
  <si>
    <t>12084896.0</t>
  </si>
  <si>
    <t>349856.0</t>
  </si>
  <si>
    <t>265422.0</t>
  </si>
  <si>
    <t>111.72</t>
  </si>
  <si>
    <t>65.56</t>
  </si>
  <si>
    <t>10139.0</t>
  </si>
  <si>
    <t>116097.0</t>
  </si>
  <si>
    <t>38970695.0</t>
  </si>
  <si>
    <t>189565.0</t>
  </si>
  <si>
    <t>1503.436</t>
  </si>
  <si>
    <t>7.313</t>
  </si>
  <si>
    <t>191323.0</t>
  </si>
  <si>
    <t>7.381</t>
  </si>
  <si>
    <t>89.8</t>
  </si>
  <si>
    <t>29581238.0</t>
  </si>
  <si>
    <t>17287976.0</t>
  </si>
  <si>
    <t>12293262.0</t>
  </si>
  <si>
    <t>335452.0</t>
  </si>
  <si>
    <t>269365.0</t>
  </si>
  <si>
    <t>66.04</t>
  </si>
  <si>
    <t>10290.0</t>
  </si>
  <si>
    <t>113562.0</t>
  </si>
  <si>
    <t>1522.0</t>
  </si>
  <si>
    <t>39191561.0</t>
  </si>
  <si>
    <t>220866.0</t>
  </si>
  <si>
    <t>1511.957</t>
  </si>
  <si>
    <t>8.521</t>
  </si>
  <si>
    <t>192269.0</t>
  </si>
  <si>
    <t>7.417</t>
  </si>
  <si>
    <t>29911860.0</t>
  </si>
  <si>
    <t>17408468.0</t>
  </si>
  <si>
    <t>12503241.0</t>
  </si>
  <si>
    <t>330622.0</t>
  </si>
  <si>
    <t>267996.0</t>
  </si>
  <si>
    <t>114.27</t>
  </si>
  <si>
    <t>47.76</t>
  </si>
  <si>
    <t>108417.0</t>
  </si>
  <si>
    <t>39403312.0</t>
  </si>
  <si>
    <t>211751.0</t>
  </si>
  <si>
    <t>1520.126</t>
  </si>
  <si>
    <t>8.169</t>
  </si>
  <si>
    <t>193510.0</t>
  </si>
  <si>
    <t>7.465</t>
  </si>
  <si>
    <t>0.0115</t>
  </si>
  <si>
    <t>30242274.0</t>
  </si>
  <si>
    <t>17521126.0</t>
  </si>
  <si>
    <t>12720856.0</t>
  </si>
  <si>
    <t>330414.0</t>
  </si>
  <si>
    <t>268627.0</t>
  </si>
  <si>
    <t>115.53</t>
  </si>
  <si>
    <t>48.59</t>
  </si>
  <si>
    <t>104384.0</t>
  </si>
  <si>
    <t>39581452.0</t>
  </si>
  <si>
    <t>178140.0</t>
  </si>
  <si>
    <t>1526.998</t>
  </si>
  <si>
    <t>6.872</t>
  </si>
  <si>
    <t>190047.0</t>
  </si>
  <si>
    <t>7.332</t>
  </si>
  <si>
    <t>30477912.0</t>
  </si>
  <si>
    <t>17593798.0</t>
  </si>
  <si>
    <t>12883681.0</t>
  </si>
  <si>
    <t>235638.0</t>
  </si>
  <si>
    <t>272193.0</t>
  </si>
  <si>
    <t>116.43</t>
  </si>
  <si>
    <t>49.22</t>
  </si>
  <si>
    <t>101597.0</t>
  </si>
  <si>
    <t>1492.0</t>
  </si>
  <si>
    <t>39758570.0</t>
  </si>
  <si>
    <t>177118.0</t>
  </si>
  <si>
    <t>1533.831</t>
  </si>
  <si>
    <t>6.833</t>
  </si>
  <si>
    <t>7.276</t>
  </si>
  <si>
    <t>0.0122</t>
  </si>
  <si>
    <t>30643517.0</t>
  </si>
  <si>
    <t>17644750.0</t>
  </si>
  <si>
    <t>12998286.0</t>
  </si>
  <si>
    <t>165605.0</t>
  </si>
  <si>
    <t>276117.0</t>
  </si>
  <si>
    <t>117.06</t>
  </si>
  <si>
    <t>67.4</t>
  </si>
  <si>
    <t>10548.0</t>
  </si>
  <si>
    <t>100130.0</t>
  </si>
  <si>
    <t>-1341.6</t>
  </si>
  <si>
    <t>-0.45</t>
  </si>
  <si>
    <t>-51.25029557928</t>
  </si>
  <si>
    <t>39943975.0</t>
  </si>
  <si>
    <t>185405.0</t>
  </si>
  <si>
    <t>1540.984</t>
  </si>
  <si>
    <t>7.153</t>
  </si>
  <si>
    <t>190859.0</t>
  </si>
  <si>
    <t>7.363</t>
  </si>
  <si>
    <t>85.6</t>
  </si>
  <si>
    <t>30955777.0</t>
  </si>
  <si>
    <t>17742605.0</t>
  </si>
  <si>
    <t>13212457.0</t>
  </si>
  <si>
    <t>312260.0</t>
  </si>
  <si>
    <t>294264.0</t>
  </si>
  <si>
    <t>118.25</t>
  </si>
  <si>
    <t>50.47</t>
  </si>
  <si>
    <t>11241.0</t>
  </si>
  <si>
    <t>102224.0</t>
  </si>
  <si>
    <t>55.85</t>
  </si>
  <si>
    <t>40122594.0</t>
  </si>
  <si>
    <t>178619.0</t>
  </si>
  <si>
    <t>1547.875</t>
  </si>
  <si>
    <t>6.891</t>
  </si>
  <si>
    <t>191638.0</t>
  </si>
  <si>
    <t>7.393</t>
  </si>
  <si>
    <t>31292016.0</t>
  </si>
  <si>
    <t>17844016.0</t>
  </si>
  <si>
    <t>13446945.0</t>
  </si>
  <si>
    <t>336239.0</t>
  </si>
  <si>
    <t>292319.0</t>
  </si>
  <si>
    <t>68.17</t>
  </si>
  <si>
    <t>51.37</t>
  </si>
  <si>
    <t>11167.0</t>
  </si>
  <si>
    <t>97589.0</t>
  </si>
  <si>
    <t>40332853.0</t>
  </si>
  <si>
    <t>210259.0</t>
  </si>
  <si>
    <t>1555.986</t>
  </si>
  <si>
    <t>8.112</t>
  </si>
  <si>
    <t>194594.0</t>
  </si>
  <si>
    <t>7.507</t>
  </si>
  <si>
    <t>31610475.0</t>
  </si>
  <si>
    <t>17936776.0</t>
  </si>
  <si>
    <t>13672371.0</t>
  </si>
  <si>
    <t>318459.0</t>
  </si>
  <si>
    <t>289891.0</t>
  </si>
  <si>
    <t>120.75</t>
  </si>
  <si>
    <t>11074.0</t>
  </si>
  <si>
    <t>92686.0</t>
  </si>
  <si>
    <t>11.88</t>
  </si>
  <si>
    <t>1414.0</t>
  </si>
  <si>
    <t>40530009.0</t>
  </si>
  <si>
    <t>197156.0</t>
  </si>
  <si>
    <t>1563.592</t>
  </si>
  <si>
    <t>7.606</t>
  </si>
  <si>
    <t>191207.0</t>
  </si>
  <si>
    <t>31923197.0</t>
  </si>
  <si>
    <t>18030376.0</t>
  </si>
  <si>
    <t>13891163.0</t>
  </si>
  <si>
    <t>312722.0</t>
  </si>
  <si>
    <t>287334.0</t>
  </si>
  <si>
    <t>121.95</t>
  </si>
  <si>
    <t>88844.0</t>
  </si>
  <si>
    <t>11.919</t>
  </si>
  <si>
    <t>40715932.0</t>
  </si>
  <si>
    <t>185923.0</t>
  </si>
  <si>
    <t>1570.765</t>
  </si>
  <si>
    <t>7.173</t>
  </si>
  <si>
    <t>187517.0</t>
  </si>
  <si>
    <t>32222172.0</t>
  </si>
  <si>
    <t>18118501.0</t>
  </si>
  <si>
    <t>14101561.0</t>
  </si>
  <si>
    <t>2110.0</t>
  </si>
  <si>
    <t>298975.0</t>
  </si>
  <si>
    <t>282843.0</t>
  </si>
  <si>
    <t>123.09</t>
  </si>
  <si>
    <t>85339.0</t>
  </si>
  <si>
    <t>40879808.0</t>
  </si>
  <si>
    <t>163876.0</t>
  </si>
  <si>
    <t>1577.087</t>
  </si>
  <si>
    <t>6.322</t>
  </si>
  <si>
    <t>185479.0</t>
  </si>
  <si>
    <t>7.156</t>
  </si>
  <si>
    <t>32418073.0</t>
  </si>
  <si>
    <t>18170223.0</t>
  </si>
  <si>
    <t>14245406.0</t>
  </si>
  <si>
    <t>195901.0</t>
  </si>
  <si>
    <t>277166.0</t>
  </si>
  <si>
    <t>123.84</t>
  </si>
  <si>
    <t>82346.0</t>
  </si>
  <si>
    <t>57.378</t>
  </si>
  <si>
    <t>41039341.0</t>
  </si>
  <si>
    <t>159533.0</t>
  </si>
  <si>
    <t>1583.241</t>
  </si>
  <si>
    <t>6.155</t>
  </si>
  <si>
    <t>182967.0</t>
  </si>
  <si>
    <t>7.059</t>
  </si>
  <si>
    <t>32577130.0</t>
  </si>
  <si>
    <t>18214049.0</t>
  </si>
  <si>
    <t>14360419.0</t>
  </si>
  <si>
    <t>159057.0</t>
  </si>
  <si>
    <t>276230.0</t>
  </si>
  <si>
    <t>124.45</t>
  </si>
  <si>
    <t>69.58</t>
  </si>
  <si>
    <t>54.86</t>
  </si>
  <si>
    <t>10552.0</t>
  </si>
  <si>
    <t>81328.0</t>
  </si>
  <si>
    <t>-1273.1</t>
  </si>
  <si>
    <t>-48.6335355560386</t>
  </si>
  <si>
    <t>11.002</t>
  </si>
  <si>
    <t>54.092</t>
  </si>
  <si>
    <t>41192051.0</t>
  </si>
  <si>
    <t>152710.0</t>
  </si>
  <si>
    <t>1589.133</t>
  </si>
  <si>
    <t>5.891</t>
  </si>
  <si>
    <t>178297.0</t>
  </si>
  <si>
    <t>6.878</t>
  </si>
  <si>
    <t>32854557.0</t>
  </si>
  <si>
    <t>18292826.0</t>
  </si>
  <si>
    <t>14558572.0</t>
  </si>
  <si>
    <t>3159.0</t>
  </si>
  <si>
    <t>277427.0</t>
  </si>
  <si>
    <t>271254.0</t>
  </si>
  <si>
    <t>125.51</t>
  </si>
  <si>
    <t>10362.0</t>
  </si>
  <si>
    <t>78603.0</t>
  </si>
  <si>
    <t>41371800.0</t>
  </si>
  <si>
    <t>179749.0</t>
  </si>
  <si>
    <t>1596.067</t>
  </si>
  <si>
    <t>178458.0</t>
  </si>
  <si>
    <t>6.885</t>
  </si>
  <si>
    <t>33129907.0</t>
  </si>
  <si>
    <t>18373112.0</t>
  </si>
  <si>
    <t>14753069.0</t>
  </si>
  <si>
    <t>3726.0</t>
  </si>
  <si>
    <t>275350.0</t>
  </si>
  <si>
    <t>262556.0</t>
  </si>
  <si>
    <t>126.56</t>
  </si>
  <si>
    <t>10030.0</t>
  </si>
  <si>
    <t>75585.0</t>
  </si>
  <si>
    <t>51.304</t>
  </si>
  <si>
    <t>41564096.0</t>
  </si>
  <si>
    <t>192296.0</t>
  </si>
  <si>
    <t>1603.486</t>
  </si>
  <si>
    <t>7.419</t>
  </si>
  <si>
    <t>175892.0</t>
  </si>
  <si>
    <t>6.786</t>
  </si>
  <si>
    <t>33404278.0</t>
  </si>
  <si>
    <t>18452962.0</t>
  </si>
  <si>
    <t>14946699.0</t>
  </si>
  <si>
    <t>274371.0</t>
  </si>
  <si>
    <t>256258.0</t>
  </si>
  <si>
    <t>127.61</t>
  </si>
  <si>
    <t>9789.0</t>
  </si>
  <si>
    <t>73741.0</t>
  </si>
  <si>
    <t>10.773</t>
  </si>
  <si>
    <t>1309.0</t>
  </si>
  <si>
    <t>50.005</t>
  </si>
  <si>
    <t>41752789.0</t>
  </si>
  <si>
    <t>188693.0</t>
  </si>
  <si>
    <t>1610.765</t>
  </si>
  <si>
    <t>7.28</t>
  </si>
  <si>
    <t>174683.0</t>
  </si>
  <si>
    <t>6.739</t>
  </si>
  <si>
    <t>0.0129</t>
  </si>
  <si>
    <t>33681381.0</t>
  </si>
  <si>
    <t>18531078.0</t>
  </si>
  <si>
    <t>15144905.0</t>
  </si>
  <si>
    <t>5398.0</t>
  </si>
  <si>
    <t>277103.0</t>
  </si>
  <si>
    <t>251169.0</t>
  </si>
  <si>
    <t>57.85</t>
  </si>
  <si>
    <t>71529.0</t>
  </si>
  <si>
    <t>49.05</t>
  </si>
  <si>
    <t>41924671.0</t>
  </si>
  <si>
    <t>171882.0</t>
  </si>
  <si>
    <t>1617.396</t>
  </si>
  <si>
    <t>6.631</t>
  </si>
  <si>
    <t>172677.0</t>
  </si>
  <si>
    <t>6.662</t>
  </si>
  <si>
    <t>33951546.0</t>
  </si>
  <si>
    <t>18603298.0</t>
  </si>
  <si>
    <t>15342065.0</t>
  </si>
  <si>
    <t>270165.0</t>
  </si>
  <si>
    <t>247053.0</t>
  </si>
  <si>
    <t>129.7</t>
  </si>
  <si>
    <t>71.07</t>
  </si>
  <si>
    <t>58.61</t>
  </si>
  <si>
    <t>69257.0</t>
  </si>
  <si>
    <t>50.12</t>
  </si>
  <si>
    <t>42078068.0</t>
  </si>
  <si>
    <t>153397.0</t>
  </si>
  <si>
    <t>1623.314</t>
  </si>
  <si>
    <t>5.918</t>
  </si>
  <si>
    <t>171180.0</t>
  </si>
  <si>
    <t>6.604</t>
  </si>
  <si>
    <t>34143402.0</t>
  </si>
  <si>
    <t>18652593.0</t>
  </si>
  <si>
    <t>15484232.0</t>
  </si>
  <si>
    <t>6577.0</t>
  </si>
  <si>
    <t>246476.0</t>
  </si>
  <si>
    <t>130.43</t>
  </si>
  <si>
    <t>71.25</t>
  </si>
  <si>
    <t>9416.0</t>
  </si>
  <si>
    <t>68910.0</t>
  </si>
  <si>
    <t>42229437.0</t>
  </si>
  <si>
    <t>151369.0</t>
  </si>
  <si>
    <t>1629.154</t>
  </si>
  <si>
    <t>170014.0</t>
  </si>
  <si>
    <t>6.559</t>
  </si>
  <si>
    <t>0.0126</t>
  </si>
  <si>
    <t>79.5</t>
  </si>
  <si>
    <t>34268948.0</t>
  </si>
  <si>
    <t>18692857.0</t>
  </si>
  <si>
    <t>15569263.0</t>
  </si>
  <si>
    <t>125546.0</t>
  </si>
  <si>
    <t>241688.0</t>
  </si>
  <si>
    <t>130.91</t>
  </si>
  <si>
    <t>59.48</t>
  </si>
  <si>
    <t>9233.0</t>
  </si>
  <si>
    <t>68401.0</t>
  </si>
  <si>
    <t>-1148.2</t>
  </si>
  <si>
    <t>-0.38</t>
  </si>
  <si>
    <t>-43.8622461122013</t>
  </si>
  <si>
    <t>10.123</t>
  </si>
  <si>
    <t>42368964.0</t>
  </si>
  <si>
    <t>139527.0</t>
  </si>
  <si>
    <t>1634.536</t>
  </si>
  <si>
    <t>168130.0</t>
  </si>
  <si>
    <t>6.486</t>
  </si>
  <si>
    <t>0.0125</t>
  </si>
  <si>
    <t>34501374.0</t>
  </si>
  <si>
    <t>18760049.0</t>
  </si>
  <si>
    <t>15733744.0</t>
  </si>
  <si>
    <t>7581.0</t>
  </si>
  <si>
    <t>232426.0</t>
  </si>
  <si>
    <t>235260.0</t>
  </si>
  <si>
    <t>131.8</t>
  </si>
  <si>
    <t>66746.0</t>
  </si>
  <si>
    <t>42518392.0</t>
  </si>
  <si>
    <t>149428.0</t>
  </si>
  <si>
    <t>1640.301</t>
  </si>
  <si>
    <t>5.765</t>
  </si>
  <si>
    <t>163799.0</t>
  </si>
  <si>
    <t>6.319</t>
  </si>
  <si>
    <t>79.3</t>
  </si>
  <si>
    <t>34725685.0</t>
  </si>
  <si>
    <t>18823795.0</t>
  </si>
  <si>
    <t>15893583.0</t>
  </si>
  <si>
    <t>224311.0</t>
  </si>
  <si>
    <t>227968.0</t>
  </si>
  <si>
    <t>132.66</t>
  </si>
  <si>
    <t>60.71</t>
  </si>
  <si>
    <t>64383.0</t>
  </si>
  <si>
    <t>8.633</t>
  </si>
  <si>
    <t>43.969</t>
  </si>
  <si>
    <t>42713811.0</t>
  </si>
  <si>
    <t>195419.0</t>
  </si>
  <si>
    <t>1647.84</t>
  </si>
  <si>
    <t>7.539</t>
  </si>
  <si>
    <t>164245.0</t>
  </si>
  <si>
    <t>6.336</t>
  </si>
  <si>
    <t>34943366.0</t>
  </si>
  <si>
    <t>18883733.0</t>
  </si>
  <si>
    <t>16050115.0</t>
  </si>
  <si>
    <t>9518.0</t>
  </si>
  <si>
    <t>217681.0</t>
  </si>
  <si>
    <t>219870.0</t>
  </si>
  <si>
    <t>133.49</t>
  </si>
  <si>
    <t>8399.0</t>
  </si>
  <si>
    <t>61539.0</t>
  </si>
  <si>
    <t>8.251</t>
  </si>
  <si>
    <t>43.014</t>
  </si>
  <si>
    <t>42905646.0</t>
  </si>
  <si>
    <t>191835.0</t>
  </si>
  <si>
    <t>1655.241</t>
  </si>
  <si>
    <t>7.401</t>
  </si>
  <si>
    <t>164694.0</t>
  </si>
  <si>
    <t>6.354</t>
  </si>
  <si>
    <t>86.7</t>
  </si>
  <si>
    <t>35166827.0</t>
  </si>
  <si>
    <t>18944029.0</t>
  </si>
  <si>
    <t>16212257.0</t>
  </si>
  <si>
    <t>10541.0</t>
  </si>
  <si>
    <t>223461.0</t>
  </si>
  <si>
    <t>212207.0</t>
  </si>
  <si>
    <t>134.34</t>
  </si>
  <si>
    <t>72.37</t>
  </si>
  <si>
    <t>8106.0</t>
  </si>
  <si>
    <t>58993.0</t>
  </si>
  <si>
    <t>43078812.0</t>
  </si>
  <si>
    <t>173166.0</t>
  </si>
  <si>
    <t>1661.921</t>
  </si>
  <si>
    <t>164877.0</t>
  </si>
  <si>
    <t>6.361</t>
  </si>
  <si>
    <t>88.7</t>
  </si>
  <si>
    <t>35373820.0</t>
  </si>
  <si>
    <t>18996212.0</t>
  </si>
  <si>
    <t>16363567.0</t>
  </si>
  <si>
    <t>14041.0</t>
  </si>
  <si>
    <t>206993.0</t>
  </si>
  <si>
    <t>203182.0</t>
  </si>
  <si>
    <t>135.13</t>
  </si>
  <si>
    <t>72.57</t>
  </si>
  <si>
    <t>56131.0</t>
  </si>
  <si>
    <t>43238860.0</t>
  </si>
  <si>
    <t>160048.0</t>
  </si>
  <si>
    <t>1668.096</t>
  </si>
  <si>
    <t>6.174</t>
  </si>
  <si>
    <t>165827.0</t>
  </si>
  <si>
    <t>6.397</t>
  </si>
  <si>
    <t>35515862.0</t>
  </si>
  <si>
    <t>19029312.0</t>
  </si>
  <si>
    <t>16469355.0</t>
  </si>
  <si>
    <t>17195.0</t>
  </si>
  <si>
    <t>142042.0</t>
  </si>
  <si>
    <t>196066.0</t>
  </si>
  <si>
    <t>135.67</t>
  </si>
  <si>
    <t>72.69</t>
  </si>
  <si>
    <t>62.91</t>
  </si>
  <si>
    <t>7490.0</t>
  </si>
  <si>
    <t>53817.0</t>
  </si>
  <si>
    <t>43382287.0</t>
  </si>
  <si>
    <t>143427.0</t>
  </si>
  <si>
    <t>1673.629</t>
  </si>
  <si>
    <t>5.533</t>
  </si>
  <si>
    <t>164693.0</t>
  </si>
  <si>
    <t>97.7</t>
  </si>
  <si>
    <t>35603091.0</t>
  </si>
  <si>
    <t>16529442.0</t>
  </si>
  <si>
    <t>21087.0</t>
  </si>
  <si>
    <t>87229.0</t>
  </si>
  <si>
    <t>190592.0</t>
  </si>
  <si>
    <t>136.01</t>
  </si>
  <si>
    <t>7281.0</t>
  </si>
  <si>
    <t>51386.0</t>
  </si>
  <si>
    <t>-994.699999999999</t>
  </si>
  <si>
    <t>-37.9984116075654</t>
  </si>
  <si>
    <t>7.755</t>
  </si>
  <si>
    <t>43509270.0</t>
  </si>
  <si>
    <t>126983.0</t>
  </si>
  <si>
    <t>1678.528</t>
  </si>
  <si>
    <t>4.899</t>
  </si>
  <si>
    <t>162901.0</t>
  </si>
  <si>
    <t>6.284</t>
  </si>
  <si>
    <t>102.3</t>
  </si>
  <si>
    <t>35825241.0</t>
  </si>
  <si>
    <t>19100734.0</t>
  </si>
  <si>
    <t>16678894.0</t>
  </si>
  <si>
    <t>45613.0</t>
  </si>
  <si>
    <t>222150.0</t>
  </si>
  <si>
    <t>189124.0</t>
  </si>
  <si>
    <t>136.86</t>
  </si>
  <si>
    <t>7225.0</t>
  </si>
  <si>
    <t>48669.0</t>
  </si>
  <si>
    <t>7.144</t>
  </si>
  <si>
    <t>43634338.0</t>
  </si>
  <si>
    <t>125068.0</t>
  </si>
  <si>
    <t>1683.353</t>
  </si>
  <si>
    <t>4.825</t>
  </si>
  <si>
    <t>159421.0</t>
  </si>
  <si>
    <t>107.2</t>
  </si>
  <si>
    <t>35989833.0</t>
  </si>
  <si>
    <t>19138869.0</t>
  </si>
  <si>
    <t>16777488.0</t>
  </si>
  <si>
    <t>73476.0</t>
  </si>
  <si>
    <t>164592.0</t>
  </si>
  <si>
    <t>180593.0</t>
  </si>
  <si>
    <t>137.48</t>
  </si>
  <si>
    <t>6899.0</t>
  </si>
  <si>
    <t>45011.0</t>
  </si>
  <si>
    <t>6.876</t>
  </si>
  <si>
    <t>43836283.0</t>
  </si>
  <si>
    <t>201945.0</t>
  </si>
  <si>
    <t>1691.144</t>
  </si>
  <si>
    <t>160353.0</t>
  </si>
  <si>
    <t>6.186</t>
  </si>
  <si>
    <t>36184662.0</t>
  </si>
  <si>
    <t>19177383.0</t>
  </si>
  <si>
    <t>16907279.0</t>
  </si>
  <si>
    <t>100000.0</t>
  </si>
  <si>
    <t>194829.0</t>
  </si>
  <si>
    <t>177328.0</t>
  </si>
  <si>
    <t>138.23</t>
  </si>
  <si>
    <t>6774.0</t>
  </si>
  <si>
    <t>41950.0</t>
  </si>
  <si>
    <t>6.532</t>
  </si>
  <si>
    <t>35.565</t>
  </si>
  <si>
    <t>43996638.0</t>
  </si>
  <si>
    <t>160355.0</t>
  </si>
  <si>
    <t>1697.33</t>
  </si>
  <si>
    <t>155856.0</t>
  </si>
  <si>
    <t>6.013</t>
  </si>
  <si>
    <t>113.6</t>
  </si>
  <si>
    <t>36379077.0</t>
  </si>
  <si>
    <t>19218733.0</t>
  </si>
  <si>
    <t>17033089.0</t>
  </si>
  <si>
    <t>127255.0</t>
  </si>
  <si>
    <t>194415.0</t>
  </si>
  <si>
    <t>173179.0</t>
  </si>
  <si>
    <t>6616.0</t>
  </si>
  <si>
    <t>39243.0</t>
  </si>
  <si>
    <t>44167017.0</t>
  </si>
  <si>
    <t>170379.0</t>
  </si>
  <si>
    <t>1703.903</t>
  </si>
  <si>
    <t>6.573</t>
  </si>
  <si>
    <t>155458.0</t>
  </si>
  <si>
    <t>5.997</t>
  </si>
  <si>
    <t>36576108.0</t>
  </si>
  <si>
    <t>19261941.0</t>
  </si>
  <si>
    <t>17164167.0</t>
  </si>
  <si>
    <t>150000.0</t>
  </si>
  <si>
    <t>197031.0</t>
  </si>
  <si>
    <t>171755.0</t>
  </si>
  <si>
    <t>139.72</t>
  </si>
  <si>
    <t>73.58</t>
  </si>
  <si>
    <t>37961.0</t>
  </si>
  <si>
    <t>5.692</t>
  </si>
  <si>
    <t>44319389.0</t>
  </si>
  <si>
    <t>152372.0</t>
  </si>
  <si>
    <t>1709.781</t>
  </si>
  <si>
    <t>5.878</t>
  </si>
  <si>
    <t>154361.0</t>
  </si>
  <si>
    <t>5.955</t>
  </si>
  <si>
    <t>36697075.0</t>
  </si>
  <si>
    <t>19286079.0</t>
  </si>
  <si>
    <t>17237996.0</t>
  </si>
  <si>
    <t>173000.0</t>
  </si>
  <si>
    <t>120967.0</t>
  </si>
  <si>
    <t>168745.0</t>
  </si>
  <si>
    <t>140.19</t>
  </si>
  <si>
    <t>73.67</t>
  </si>
  <si>
    <t>6446.0</t>
  </si>
  <si>
    <t>36681.0</t>
  </si>
  <si>
    <t>44460396.0</t>
  </si>
  <si>
    <t>141007.0</t>
  </si>
  <si>
    <t>1715.221</t>
  </si>
  <si>
    <t>154016.0</t>
  </si>
  <si>
    <t>5.942</t>
  </si>
  <si>
    <t>112.9</t>
  </si>
  <si>
    <t>36763501.0</t>
  </si>
  <si>
    <t>19303290.0</t>
  </si>
  <si>
    <t>17283428.0</t>
  </si>
  <si>
    <t>176783.0</t>
  </si>
  <si>
    <t>66426.0</t>
  </si>
  <si>
    <t>165773.0</t>
  </si>
  <si>
    <t>140.44</t>
  </si>
  <si>
    <t>66.02</t>
  </si>
  <si>
    <t>35818.0</t>
  </si>
  <si>
    <t>-851.399999999999</t>
  </si>
  <si>
    <t>-0.27</t>
  </si>
  <si>
    <t>-32.5242260406969</t>
  </si>
  <si>
    <t>5.081</t>
  </si>
  <si>
    <t>44582410.0</t>
  </si>
  <si>
    <t>122014.0</t>
  </si>
  <si>
    <t>1719.928</t>
  </si>
  <si>
    <t>4.707</t>
  </si>
  <si>
    <t>153306.0</t>
  </si>
  <si>
    <t>5.914</t>
  </si>
  <si>
    <t>110.6</t>
  </si>
  <si>
    <t>36918760.0</t>
  </si>
  <si>
    <t>19338366.0</t>
  </si>
  <si>
    <t>17389176.0</t>
  </si>
  <si>
    <t>191218.0</t>
  </si>
  <si>
    <t>155259.0</t>
  </si>
  <si>
    <t>156217.0</t>
  </si>
  <si>
    <t>141.03</t>
  </si>
  <si>
    <t>5968.0</t>
  </si>
  <si>
    <t>33947.0</t>
  </si>
  <si>
    <t>27.657</t>
  </si>
  <si>
    <t>44718873.0</t>
  </si>
  <si>
    <t>1725.193</t>
  </si>
  <si>
    <t>5.265</t>
  </si>
  <si>
    <t>154934.0</t>
  </si>
  <si>
    <t>5.977</t>
  </si>
  <si>
    <t>37068049.0</t>
  </si>
  <si>
    <t>19373942.0</t>
  </si>
  <si>
    <t>17487181.0</t>
  </si>
  <si>
    <t>206926.0</t>
  </si>
  <si>
    <t>149289.0</t>
  </si>
  <si>
    <t>154031.0</t>
  </si>
  <si>
    <t>141.6</t>
  </si>
  <si>
    <t>74.01</t>
  </si>
  <si>
    <t>26.817</t>
  </si>
  <si>
    <t>44910694.0</t>
  </si>
  <si>
    <t>191821.0</t>
  </si>
  <si>
    <t>1732.593</t>
  </si>
  <si>
    <t>153487.0</t>
  </si>
  <si>
    <t>37222034.0</t>
  </si>
  <si>
    <t>19417387.0</t>
  </si>
  <si>
    <t>17582957.0</t>
  </si>
  <si>
    <t>221690.0</t>
  </si>
  <si>
    <t>153985.0</t>
  </si>
  <si>
    <t>148196.0</t>
  </si>
  <si>
    <t>142.19</t>
  </si>
  <si>
    <t>74.18</t>
  </si>
  <si>
    <t>67.17</t>
  </si>
  <si>
    <t>5661.0</t>
  </si>
  <si>
    <t>34286.0</t>
  </si>
  <si>
    <t>4.431</t>
  </si>
  <si>
    <t>45080302.0</t>
  </si>
  <si>
    <t>169608.0</t>
  </si>
  <si>
    <t>1739.136</t>
  </si>
  <si>
    <t>6.543</t>
  </si>
  <si>
    <t>154809.0</t>
  </si>
  <si>
    <t>5.972</t>
  </si>
  <si>
    <t>112.3</t>
  </si>
  <si>
    <t>37383955.0</t>
  </si>
  <si>
    <t>19466357.0</t>
  </si>
  <si>
    <t>17680831.0</t>
  </si>
  <si>
    <t>236767.0</t>
  </si>
  <si>
    <t>161921.0</t>
  </si>
  <si>
    <t>143554.0</t>
  </si>
  <si>
    <t>142.81</t>
  </si>
  <si>
    <t>67.54</t>
  </si>
  <si>
    <t>35375.0</t>
  </si>
  <si>
    <t>6.571</t>
  </si>
  <si>
    <t>45248038.0</t>
  </si>
  <si>
    <t>167736.0</t>
  </si>
  <si>
    <t>1745.607</t>
  </si>
  <si>
    <t>6.471</t>
  </si>
  <si>
    <t>154432.0</t>
  </si>
  <si>
    <t>5.958</t>
  </si>
  <si>
    <t>37544059.0</t>
  </si>
  <si>
    <t>19514381.0</t>
  </si>
  <si>
    <t>17778385.0</t>
  </si>
  <si>
    <t>251293.0</t>
  </si>
  <si>
    <t>160104.0</t>
  </si>
  <si>
    <t>138279.0</t>
  </si>
  <si>
    <t>143.42</t>
  </si>
  <si>
    <t>67.91</t>
  </si>
  <si>
    <t>36063.0</t>
  </si>
  <si>
    <t>638.0</t>
  </si>
  <si>
    <t>45385353.0</t>
  </si>
  <si>
    <t>137315.0</t>
  </si>
  <si>
    <t>1750.905</t>
  </si>
  <si>
    <t>5.297</t>
  </si>
  <si>
    <t>152281.0</t>
  </si>
  <si>
    <t>5.875</t>
  </si>
  <si>
    <t>0.0087</t>
  </si>
  <si>
    <t>114.7</t>
  </si>
  <si>
    <t>37634423.0</t>
  </si>
  <si>
    <t>19541933.0</t>
  </si>
  <si>
    <t>17835028.0</t>
  </si>
  <si>
    <t>257462.0</t>
  </si>
  <si>
    <t>90364.0</t>
  </si>
  <si>
    <t>133907.0</t>
  </si>
  <si>
    <t>143.77</t>
  </si>
  <si>
    <t>36551.0</t>
  </si>
  <si>
    <t>23.494</t>
  </si>
  <si>
    <t>45521180.0</t>
  </si>
  <si>
    <t>135827.0</t>
  </si>
  <si>
    <t>1756.145</t>
  </si>
  <si>
    <t>151541.0</t>
  </si>
  <si>
    <t>5.846</t>
  </si>
  <si>
    <t>37695740.0</t>
  </si>
  <si>
    <t>19563025.0</t>
  </si>
  <si>
    <t>17872077.0</t>
  </si>
  <si>
    <t>260638.0</t>
  </si>
  <si>
    <t>61317.0</t>
  </si>
  <si>
    <t>133177.0</t>
  </si>
  <si>
    <t>68.27</t>
  </si>
  <si>
    <t>5087.0</t>
  </si>
  <si>
    <t>37105.0</t>
  </si>
  <si>
    <t>-791.499999999999</t>
  </si>
  <si>
    <t>-0.25</t>
  </si>
  <si>
    <t>-30.2359935532201</t>
  </si>
  <si>
    <t>6.341</t>
  </si>
  <si>
    <t>45640403.0</t>
  </si>
  <si>
    <t>119223.0</t>
  </si>
  <si>
    <t>1760.744</t>
  </si>
  <si>
    <t>151142.0</t>
  </si>
  <si>
    <t>5.831</t>
  </si>
  <si>
    <t>37835866.0</t>
  </si>
  <si>
    <t>19605792.0</t>
  </si>
  <si>
    <t>17958614.0</t>
  </si>
  <si>
    <t>271460.0</t>
  </si>
  <si>
    <t>140126.0</t>
  </si>
  <si>
    <t>131015.0</t>
  </si>
  <si>
    <t>144.54</t>
  </si>
  <si>
    <t>38204.0</t>
  </si>
  <si>
    <t>5.998</t>
  </si>
  <si>
    <t>45784624.0</t>
  </si>
  <si>
    <t>144221.0</t>
  </si>
  <si>
    <t>1766.308</t>
  </si>
  <si>
    <t>5.564</t>
  </si>
  <si>
    <t>152250.0</t>
  </si>
  <si>
    <t>5.874</t>
  </si>
  <si>
    <t>121.5</t>
  </si>
  <si>
    <t>37972232.0</t>
  </si>
  <si>
    <t>19646353.0</t>
  </si>
  <si>
    <t>18041042.0</t>
  </si>
  <si>
    <t>284837.0</t>
  </si>
  <si>
    <t>136366.0</t>
  </si>
  <si>
    <t>129169.0</t>
  </si>
  <si>
    <t>145.06</t>
  </si>
  <si>
    <t>4934.0</t>
  </si>
  <si>
    <t>38916.0</t>
  </si>
  <si>
    <t>45969170.0</t>
  </si>
  <si>
    <t>184546.0</t>
  </si>
  <si>
    <t>1773.427</t>
  </si>
  <si>
    <t>151211.0</t>
  </si>
  <si>
    <t>5.834</t>
  </si>
  <si>
    <t>124.7</t>
  </si>
  <si>
    <t>38100630.0</t>
  </si>
  <si>
    <t>19684790.0</t>
  </si>
  <si>
    <t>18116999.0</t>
  </si>
  <si>
    <t>298841.0</t>
  </si>
  <si>
    <t>128398.0</t>
  </si>
  <si>
    <t>125514.0</t>
  </si>
  <si>
    <t>145.55</t>
  </si>
  <si>
    <t>4795.0</t>
  </si>
  <si>
    <t>38200.0</t>
  </si>
  <si>
    <t>46145653.0</t>
  </si>
  <si>
    <t>176483.0</t>
  </si>
  <si>
    <t>1780.236</t>
  </si>
  <si>
    <t>6.808</t>
  </si>
  <si>
    <t>152193.0</t>
  </si>
  <si>
    <t>38228443.0</t>
  </si>
  <si>
    <t>19723676.0</t>
  </si>
  <si>
    <t>18192428.0</t>
  </si>
  <si>
    <t>312339.0</t>
  </si>
  <si>
    <t>127813.0</t>
  </si>
  <si>
    <t>120641.0</t>
  </si>
  <si>
    <t>146.04</t>
  </si>
  <si>
    <t>36760.0</t>
  </si>
  <si>
    <t>5.463</t>
  </si>
  <si>
    <t>46318391.0</t>
  </si>
  <si>
    <t>172738.0</t>
  </si>
  <si>
    <t>1786.9</t>
  </si>
  <si>
    <t>152908.0</t>
  </si>
  <si>
    <t>5.899</t>
  </si>
  <si>
    <t>126.2</t>
  </si>
  <si>
    <t>38348764.0</t>
  </si>
  <si>
    <t>19758303.0</t>
  </si>
  <si>
    <t>18266176.0</t>
  </si>
  <si>
    <t>324285.0</t>
  </si>
  <si>
    <t>120321.0</t>
  </si>
  <si>
    <t>114958.0</t>
  </si>
  <si>
    <t>146.5</t>
  </si>
  <si>
    <t>75.48</t>
  </si>
  <si>
    <t>69.78</t>
  </si>
  <si>
    <t>4391.0</t>
  </si>
  <si>
    <t>34846.0</t>
  </si>
  <si>
    <t>46465112.0</t>
  </si>
  <si>
    <t>146721.0</t>
  </si>
  <si>
    <t>1792.56</t>
  </si>
  <si>
    <t>154251.0</t>
  </si>
  <si>
    <t>5.951</t>
  </si>
  <si>
    <t>122.2</t>
  </si>
  <si>
    <t>38420798.0</t>
  </si>
  <si>
    <t>19779653.0</t>
  </si>
  <si>
    <t>18309411.0</t>
  </si>
  <si>
    <t>331734.0</t>
  </si>
  <si>
    <t>72034.0</t>
  </si>
  <si>
    <t>112339.0</t>
  </si>
  <si>
    <t>146.77</t>
  </si>
  <si>
    <t>33960.0</t>
  </si>
  <si>
    <t>4.966</t>
  </si>
  <si>
    <t>46599273.0</t>
  </si>
  <si>
    <t>134161.0</t>
  </si>
  <si>
    <t>1797.736</t>
  </si>
  <si>
    <t>5.176</t>
  </si>
  <si>
    <t>154013.0</t>
  </si>
  <si>
    <t>119.2</t>
  </si>
  <si>
    <t>38444149.0</t>
  </si>
  <si>
    <t>19787505.0</t>
  </si>
  <si>
    <t>18323181.0</t>
  </si>
  <si>
    <t>333463.0</t>
  </si>
  <si>
    <t>23351.0</t>
  </si>
  <si>
    <t>106916.0</t>
  </si>
  <si>
    <t>146.86</t>
  </si>
  <si>
    <t>32069.0</t>
  </si>
  <si>
    <t>-533.199999999999</t>
  </si>
  <si>
    <t>-0.17</t>
  </si>
  <si>
    <t>-20.3687072174061</t>
  </si>
  <si>
    <t>46718888.0</t>
  </si>
  <si>
    <t>119615.0</t>
  </si>
  <si>
    <t>1802.351</t>
  </si>
  <si>
    <t>4.615</t>
  </si>
  <si>
    <t>154069.0</t>
  </si>
  <si>
    <t>5.944</t>
  </si>
  <si>
    <t>38586639.0</t>
  </si>
  <si>
    <t>19829190.0</t>
  </si>
  <si>
    <t>18410862.0</t>
  </si>
  <si>
    <t>346587.0</t>
  </si>
  <si>
    <t>142490.0</t>
  </si>
  <si>
    <t>107253.0</t>
  </si>
  <si>
    <t>147.4</t>
  </si>
  <si>
    <t>75.75</t>
  </si>
  <si>
    <t>70.33</t>
  </si>
  <si>
    <t>4097.0</t>
  </si>
  <si>
    <t>31914.0</t>
  </si>
  <si>
    <t>46839190.0</t>
  </si>
  <si>
    <t>120302.0</t>
  </si>
  <si>
    <t>1806.992</t>
  </si>
  <si>
    <t>4.641</t>
  </si>
  <si>
    <t>150652.0</t>
  </si>
  <si>
    <t>5.812</t>
  </si>
  <si>
    <t>38695296.0</t>
  </si>
  <si>
    <t>19861082.0</t>
  </si>
  <si>
    <t>18472524.0</t>
  </si>
  <si>
    <t>361690.0</t>
  </si>
  <si>
    <t>108657.0</t>
  </si>
  <si>
    <t>103295.0</t>
  </si>
  <si>
    <t>147.82</t>
  </si>
  <si>
    <t>70.57</t>
  </si>
  <si>
    <t>30676.0</t>
  </si>
  <si>
    <t>21.507</t>
  </si>
  <si>
    <t>47022573.0</t>
  </si>
  <si>
    <t>183383.0</t>
  </si>
  <si>
    <t>1814.066</t>
  </si>
  <si>
    <t>7.075</t>
  </si>
  <si>
    <t>150486.0</t>
  </si>
  <si>
    <t>5.806</t>
  </si>
  <si>
    <t>110.5</t>
  </si>
  <si>
    <t>38801068.0</t>
  </si>
  <si>
    <t>19892336.0</t>
  </si>
  <si>
    <t>18533097.0</t>
  </si>
  <si>
    <t>375635.0</t>
  </si>
  <si>
    <t>105772.0</t>
  </si>
  <si>
    <t>100063.0</t>
  </si>
  <si>
    <t>148.22</t>
  </si>
  <si>
    <t>70.8</t>
  </si>
  <si>
    <t>29649.0</t>
  </si>
  <si>
    <t>47196759.0</t>
  </si>
  <si>
    <t>174186.0</t>
  </si>
  <si>
    <t>1820.786</t>
  </si>
  <si>
    <t>150158.0</t>
  </si>
  <si>
    <t>5.793</t>
  </si>
  <si>
    <t>108.9</t>
  </si>
  <si>
    <t>38906974.0</t>
  </si>
  <si>
    <t>19922295.0</t>
  </si>
  <si>
    <t>18594054.0</t>
  </si>
  <si>
    <t>390625.0</t>
  </si>
  <si>
    <t>105906.0</t>
  </si>
  <si>
    <t>96933.0</t>
  </si>
  <si>
    <t>148.63</t>
  </si>
  <si>
    <t>76.1</t>
  </si>
  <si>
    <t>28374.0</t>
  </si>
  <si>
    <t>4.622</t>
  </si>
  <si>
    <t>47377526.0</t>
  </si>
  <si>
    <t>180767.0</t>
  </si>
  <si>
    <t>1827.76</t>
  </si>
  <si>
    <t>6.974</t>
  </si>
  <si>
    <t>151305.0</t>
  </si>
  <si>
    <t>5.837</t>
  </si>
  <si>
    <t>108.4</t>
  </si>
  <si>
    <t>39011295.0</t>
  </si>
  <si>
    <t>19950573.0</t>
  </si>
  <si>
    <t>18655024.0</t>
  </si>
  <si>
    <t>405698.0</t>
  </si>
  <si>
    <t>104321.0</t>
  </si>
  <si>
    <t>94647.0</t>
  </si>
  <si>
    <t>149.03</t>
  </si>
  <si>
    <t>27467.0</t>
  </si>
  <si>
    <t>19.559</t>
  </si>
  <si>
    <t>47518617.0</t>
  </si>
  <si>
    <t>141091.0</t>
  </si>
  <si>
    <t>1833.203</t>
  </si>
  <si>
    <t>5.443</t>
  </si>
  <si>
    <t>150501.0</t>
  </si>
  <si>
    <t>110.4</t>
  </si>
  <si>
    <t>39062854.0</t>
  </si>
  <si>
    <t>19965449.0</t>
  </si>
  <si>
    <t>18685541.0</t>
  </si>
  <si>
    <t>411864.0</t>
  </si>
  <si>
    <t>51559.0</t>
  </si>
  <si>
    <t>91722.0</t>
  </si>
  <si>
    <t>149.22</t>
  </si>
  <si>
    <t>76.27</t>
  </si>
  <si>
    <t>71.38</t>
  </si>
  <si>
    <t>26542.0</t>
  </si>
  <si>
    <t>47644188.0</t>
  </si>
  <si>
    <t>125571.0</t>
  </si>
  <si>
    <t>1838.047</t>
  </si>
  <si>
    <t>4.844</t>
  </si>
  <si>
    <t>149274.0</t>
  </si>
  <si>
    <t>5.759</t>
  </si>
  <si>
    <t>110.1</t>
  </si>
  <si>
    <t>39095588.0</t>
  </si>
  <si>
    <t>19975729.0</t>
  </si>
  <si>
    <t>18704697.0</t>
  </si>
  <si>
    <t>415162.0</t>
  </si>
  <si>
    <t>32734.0</t>
  </si>
  <si>
    <t>93063.0</t>
  </si>
  <si>
    <t>149.35</t>
  </si>
  <si>
    <t>26889.0</t>
  </si>
  <si>
    <t>-375.699999999999</t>
  </si>
  <si>
    <t>-0.12</t>
  </si>
  <si>
    <t>-14.3520692077634</t>
  </si>
  <si>
    <t>47767406.0</t>
  </si>
  <si>
    <t>123218.0</t>
  </si>
  <si>
    <t>1842.801</t>
  </si>
  <si>
    <t>4.754</t>
  </si>
  <si>
    <t>149788.0</t>
  </si>
  <si>
    <t>5.779</t>
  </si>
  <si>
    <t>39190803.0</t>
  </si>
  <si>
    <t>20001144.0</t>
  </si>
  <si>
    <t>18759075.0</t>
  </si>
  <si>
    <t>430584.0</t>
  </si>
  <si>
    <t>95215.0</t>
  </si>
  <si>
    <t>86309.0</t>
  </si>
  <si>
    <t>149.71</t>
  </si>
  <si>
    <t>3297.0</t>
  </si>
  <si>
    <t>24565.0</t>
  </si>
  <si>
    <t>47895779.0</t>
  </si>
  <si>
    <t>128373.0</t>
  </si>
  <si>
    <t>1847.753</t>
  </si>
  <si>
    <t>4.952</t>
  </si>
  <si>
    <t>150941.0</t>
  </si>
  <si>
    <t>5.823</t>
  </si>
  <si>
    <t>39282954.0</t>
  </si>
  <si>
    <t>20025197.0</t>
  </si>
  <si>
    <t>18808812.0</t>
  </si>
  <si>
    <t>448945.0</t>
  </si>
  <si>
    <t>92151.0</t>
  </si>
  <si>
    <t>83951.0</t>
  </si>
  <si>
    <t>150.06</t>
  </si>
  <si>
    <t>76.5</t>
  </si>
  <si>
    <t>23445.0</t>
  </si>
  <si>
    <t>4.508</t>
  </si>
  <si>
    <t>48083702.0</t>
  </si>
  <si>
    <t>187923.0</t>
  </si>
  <si>
    <t>1855.003</t>
  </si>
  <si>
    <t>151590.0</t>
  </si>
  <si>
    <t>5.848</t>
  </si>
  <si>
    <t>109.2</t>
  </si>
  <si>
    <t>39375629.0</t>
  </si>
  <si>
    <t>20047381.0</t>
  </si>
  <si>
    <t>18858248.0</t>
  </si>
  <si>
    <t>470000.0</t>
  </si>
  <si>
    <t>92675.0</t>
  </si>
  <si>
    <t>150.42</t>
  </si>
  <si>
    <t>76.58</t>
  </si>
  <si>
    <t>22149.0</t>
  </si>
  <si>
    <t>48260895.0</t>
  </si>
  <si>
    <t>177193.0</t>
  </si>
  <si>
    <t>1861.839</t>
  </si>
  <si>
    <t>6.836</t>
  </si>
  <si>
    <t>152019.0</t>
  </si>
  <si>
    <t>5.865</t>
  </si>
  <si>
    <t>39474565.0</t>
  </si>
  <si>
    <t>20068712.0</t>
  </si>
  <si>
    <t>18910601.0</t>
  </si>
  <si>
    <t>495252.0</t>
  </si>
  <si>
    <t>98936.0</t>
  </si>
  <si>
    <t>81084.0</t>
  </si>
  <si>
    <t>150.8</t>
  </si>
  <si>
    <t>3097.0</t>
  </si>
  <si>
    <t>20917.0</t>
  </si>
  <si>
    <t>19.75</t>
  </si>
  <si>
    <t>48445060.0</t>
  </si>
  <si>
    <t>184165.0</t>
  </si>
  <si>
    <t>1868.944</t>
  </si>
  <si>
    <t>7.105</t>
  </si>
  <si>
    <t>152505.0</t>
  </si>
  <si>
    <t>5.883</t>
  </si>
  <si>
    <t>108.5</t>
  </si>
  <si>
    <t>39572839.0</t>
  </si>
  <si>
    <t>20088965.0</t>
  </si>
  <si>
    <t>18962130.0</t>
  </si>
  <si>
    <t>521744.0</t>
  </si>
  <si>
    <t>98274.0</t>
  </si>
  <si>
    <t>80221.0</t>
  </si>
  <si>
    <t>151.17</t>
  </si>
  <si>
    <t>3065.0</t>
  </si>
  <si>
    <t>19770.0</t>
  </si>
  <si>
    <t>4.278</t>
  </si>
  <si>
    <t>48606950.0</t>
  </si>
  <si>
    <t>161890.0</t>
  </si>
  <si>
    <t>1875.189</t>
  </si>
  <si>
    <t>6.245</t>
  </si>
  <si>
    <t>155476.0</t>
  </si>
  <si>
    <t>39621796.0</t>
  </si>
  <si>
    <t>20099492.0</t>
  </si>
  <si>
    <t>18990458.0</t>
  </si>
  <si>
    <t>531846.0</t>
  </si>
  <si>
    <t>48957.0</t>
  </si>
  <si>
    <t>79849.0</t>
  </si>
  <si>
    <t>151.36</t>
  </si>
  <si>
    <t>76.78</t>
  </si>
  <si>
    <t>19149.0</t>
  </si>
  <si>
    <t>48763394.0</t>
  </si>
  <si>
    <t>156444.0</t>
  </si>
  <si>
    <t>1881.225</t>
  </si>
  <si>
    <t>159887.0</t>
  </si>
  <si>
    <t>6.168</t>
  </si>
  <si>
    <t>39652404.0</t>
  </si>
  <si>
    <t>20106757.0</t>
  </si>
  <si>
    <t>19008755.0</t>
  </si>
  <si>
    <t>536892.0</t>
  </si>
  <si>
    <t>79545.0</t>
  </si>
  <si>
    <t>151.48</t>
  </si>
  <si>
    <t>18718.0</t>
  </si>
  <si>
    <t>-180.599999999999</t>
  </si>
  <si>
    <t>-6.89907825105688</t>
  </si>
  <si>
    <t>48911557.0</t>
  </si>
  <si>
    <t>148163.0</t>
  </si>
  <si>
    <t>1886.941</t>
  </si>
  <si>
    <t>5.716</t>
  </si>
  <si>
    <t>163450.0</t>
  </si>
  <si>
    <t>6.306</t>
  </si>
  <si>
    <t>110.9</t>
  </si>
  <si>
    <t>39739219.0</t>
  </si>
  <si>
    <t>20124711.0</t>
  </si>
  <si>
    <t>19055462.0</t>
  </si>
  <si>
    <t>559046.0</t>
  </si>
  <si>
    <t>78345.0</t>
  </si>
  <si>
    <t>72.79</t>
  </si>
  <si>
    <t>17652.0</t>
  </si>
  <si>
    <t>20.208</t>
  </si>
  <si>
    <t>49065149.0</t>
  </si>
  <si>
    <t>153592.0</t>
  </si>
  <si>
    <t>1892.866</t>
  </si>
  <si>
    <t>5.925</t>
  </si>
  <si>
    <t>167053.0</t>
  </si>
  <si>
    <t>6.445</t>
  </si>
  <si>
    <t>110.3</t>
  </si>
  <si>
    <t>39827552.0</t>
  </si>
  <si>
    <t>20142711.0</t>
  </si>
  <si>
    <t>19101361.0</t>
  </si>
  <si>
    <t>583480.0</t>
  </si>
  <si>
    <t>88333.0</t>
  </si>
  <si>
    <t>77800.0</t>
  </si>
  <si>
    <t>152.14</t>
  </si>
  <si>
    <t>16788.0</t>
  </si>
  <si>
    <t>20.59</t>
  </si>
  <si>
    <t>49272594.0</t>
  </si>
  <si>
    <t>207445.0</t>
  </si>
  <si>
    <t>1900.869</t>
  </si>
  <si>
    <t>8.003</t>
  </si>
  <si>
    <t>169842.0</t>
  </si>
  <si>
    <t>6.552</t>
  </si>
  <si>
    <t>112.6</t>
  </si>
  <si>
    <t>39922685.0</t>
  </si>
  <si>
    <t>20161524.0</t>
  </si>
  <si>
    <t>19149409.0</t>
  </si>
  <si>
    <t>611752.0</t>
  </si>
  <si>
    <t>95133.0</t>
  </si>
  <si>
    <t>78151.0</t>
  </si>
  <si>
    <t>152.51</t>
  </si>
  <si>
    <t>77.02</t>
  </si>
  <si>
    <t>16306.0</t>
  </si>
  <si>
    <t>49462060.0</t>
  </si>
  <si>
    <t>189466.0</t>
  </si>
  <si>
    <t>1908.178</t>
  </si>
  <si>
    <t>7.309</t>
  </si>
  <si>
    <t>171595.0</t>
  </si>
  <si>
    <t>111.8</t>
  </si>
  <si>
    <t>40019239.0</t>
  </si>
  <si>
    <t>20180465.0</t>
  </si>
  <si>
    <t>19196983.0</t>
  </si>
  <si>
    <t>641791.0</t>
  </si>
  <si>
    <t>77811.0</t>
  </si>
  <si>
    <t>152.88</t>
  </si>
  <si>
    <t>73.33</t>
  </si>
  <si>
    <t>15965.0</t>
  </si>
  <si>
    <t>49651387.0</t>
  </si>
  <si>
    <t>189327.0</t>
  </si>
  <si>
    <t>1915.482</t>
  </si>
  <si>
    <t>7.304</t>
  </si>
  <si>
    <t>172332.0</t>
  </si>
  <si>
    <t>6.648</t>
  </si>
  <si>
    <t>111.7</t>
  </si>
  <si>
    <t>40105497.0</t>
  </si>
  <si>
    <t>20196129.0</t>
  </si>
  <si>
    <t>19238301.0</t>
  </si>
  <si>
    <t>671067.0</t>
  </si>
  <si>
    <t>86258.0</t>
  </si>
  <si>
    <t>153.21</t>
  </si>
  <si>
    <t>77.15</t>
  </si>
  <si>
    <t>73.49</t>
  </si>
  <si>
    <t>15309.0</t>
  </si>
  <si>
    <t>49847183.0</t>
  </si>
  <si>
    <t>195796.0</t>
  </si>
  <si>
    <t>1923.036</t>
  </si>
  <si>
    <t>177176.0</t>
  </si>
  <si>
    <t>6.835</t>
  </si>
  <si>
    <t>40154757.0</t>
  </si>
  <si>
    <t>20205275.0</t>
  </si>
  <si>
    <t>19262415.0</t>
  </si>
  <si>
    <t>687067.0</t>
  </si>
  <si>
    <t>49260.0</t>
  </si>
  <si>
    <t>76137.0</t>
  </si>
  <si>
    <t>153.39</t>
  </si>
  <si>
    <t>15112.0</t>
  </si>
  <si>
    <t>5.425</t>
  </si>
  <si>
    <t>569.0</t>
  </si>
  <si>
    <t>50037304.0</t>
  </si>
  <si>
    <t>190121.0</t>
  </si>
  <si>
    <t>1930.37</t>
  </si>
  <si>
    <t>181987.0</t>
  </si>
  <si>
    <t>7.021</t>
  </si>
  <si>
    <t>40177641.0</t>
  </si>
  <si>
    <t>20208813.0</t>
  </si>
  <si>
    <t>19271471.0</t>
  </si>
  <si>
    <t>697357.0</t>
  </si>
  <si>
    <t>22884.0</t>
  </si>
  <si>
    <t>153.48</t>
  </si>
  <si>
    <t>77.2</t>
  </si>
  <si>
    <t>14579.0</t>
  </si>
  <si>
    <t>-40.0999999999989</t>
  </si>
  <si>
    <t>-0.01</t>
  </si>
  <si>
    <t>-1.53185513769311</t>
  </si>
  <si>
    <t>50201142.0</t>
  </si>
  <si>
    <t>163838.0</t>
  </si>
  <si>
    <t>1936.691</t>
  </si>
  <si>
    <t>6.321</t>
  </si>
  <si>
    <t>184226.0</t>
  </si>
  <si>
    <t>7.107</t>
  </si>
  <si>
    <t>105.9</t>
  </si>
  <si>
    <t>40331164.0</t>
  </si>
  <si>
    <t>20230376.0</t>
  </si>
  <si>
    <t>19329106.0</t>
  </si>
  <si>
    <t>771682.0</t>
  </si>
  <si>
    <t>153523.0</t>
  </si>
  <si>
    <t>84564.0</t>
  </si>
  <si>
    <t>154.07</t>
  </si>
  <si>
    <t>15095.0</t>
  </si>
  <si>
    <t>5.845</t>
  </si>
  <si>
    <t>23.876</t>
  </si>
  <si>
    <t>50379629.0</t>
  </si>
  <si>
    <t>178487.0</t>
  </si>
  <si>
    <t>1943.577</t>
  </si>
  <si>
    <t>6.886</t>
  </si>
  <si>
    <t>187783.0</t>
  </si>
  <si>
    <t>7.244</t>
  </si>
  <si>
    <t>98.9</t>
  </si>
  <si>
    <t>40492691.0</t>
  </si>
  <si>
    <t>20249293.0</t>
  </si>
  <si>
    <t>19375276.0</t>
  </si>
  <si>
    <t>868122.0</t>
  </si>
  <si>
    <t>161527.0</t>
  </si>
  <si>
    <t>95020.0</t>
  </si>
  <si>
    <t>154.69</t>
  </si>
  <si>
    <t>74.02</t>
  </si>
  <si>
    <t>3.32</t>
  </si>
  <si>
    <t>15226.0</t>
  </si>
  <si>
    <t>50602280.0</t>
  </si>
  <si>
    <t>222651.0</t>
  </si>
  <si>
    <t>1952.166</t>
  </si>
  <si>
    <t>189955.0</t>
  </si>
  <si>
    <t>7.328</t>
  </si>
  <si>
    <t>88.3</t>
  </si>
  <si>
    <t>40675738.0</t>
  </si>
  <si>
    <t>20268871.0</t>
  </si>
  <si>
    <t>19421269.0</t>
  </si>
  <si>
    <t>985598.0</t>
  </si>
  <si>
    <t>183047.0</t>
  </si>
  <si>
    <t>107579.0</t>
  </si>
  <si>
    <t>155.38</t>
  </si>
  <si>
    <t>77.43</t>
  </si>
  <si>
    <t>3.77</t>
  </si>
  <si>
    <t>50870821.0</t>
  </si>
  <si>
    <t>268541.0</t>
  </si>
  <si>
    <t>1962.526</t>
  </si>
  <si>
    <t>10.36</t>
  </si>
  <si>
    <t>201252.0</t>
  </si>
  <si>
    <t>7.764</t>
  </si>
  <si>
    <t>40874143.0</t>
  </si>
  <si>
    <t>20289049.0</t>
  </si>
  <si>
    <t>19468074.0</t>
  </si>
  <si>
    <t>1117020.0</t>
  </si>
  <si>
    <t>198405.0</t>
  </si>
  <si>
    <t>122129.0</t>
  </si>
  <si>
    <t>156.14</t>
  </si>
  <si>
    <t>77.51</t>
  </si>
  <si>
    <t>4665.0</t>
  </si>
  <si>
    <t>15512.0</t>
  </si>
  <si>
    <t>5.654</t>
  </si>
  <si>
    <t>27.39</t>
  </si>
  <si>
    <t>51123566.0</t>
  </si>
  <si>
    <t>252745.0</t>
  </si>
  <si>
    <t>1972.277</t>
  </si>
  <si>
    <t>9.751</t>
  </si>
  <si>
    <t>210311.0</t>
  </si>
  <si>
    <t>41082774.0</t>
  </si>
  <si>
    <t>20309711.0</t>
  </si>
  <si>
    <t>19515162.0</t>
  </si>
  <si>
    <t>1257901.0</t>
  </si>
  <si>
    <t>208631.0</t>
  </si>
  <si>
    <t>139611.0</t>
  </si>
  <si>
    <t>156.94</t>
  </si>
  <si>
    <t>16226.0</t>
  </si>
  <si>
    <t>51390929.0</t>
  </si>
  <si>
    <t>267363.0</t>
  </si>
  <si>
    <t>1982.591</t>
  </si>
  <si>
    <t>10.314</t>
  </si>
  <si>
    <t>220535.0</t>
  </si>
  <si>
    <t>8.508</t>
  </si>
  <si>
    <t>0.0141</t>
  </si>
  <si>
    <t>71.1</t>
  </si>
  <si>
    <t>41187932.0</t>
  </si>
  <si>
    <t>20320601.0</t>
  </si>
  <si>
    <t>19538547.0</t>
  </si>
  <si>
    <t>1328784.0</t>
  </si>
  <si>
    <t>105158.0</t>
  </si>
  <si>
    <t>147596.0</t>
  </si>
  <si>
    <t>157.34</t>
  </si>
  <si>
    <t>77.63</t>
  </si>
  <si>
    <t>74.64</t>
  </si>
  <si>
    <t>5638.0</t>
  </si>
  <si>
    <t>16475.0</t>
  </si>
  <si>
    <t>51658265.0</t>
  </si>
  <si>
    <t>267336.0</t>
  </si>
  <si>
    <t>1992.905</t>
  </si>
  <si>
    <t>10.313</t>
  </si>
  <si>
    <t>231566.0</t>
  </si>
  <si>
    <t>8.933</t>
  </si>
  <si>
    <t>0.0148</t>
  </si>
  <si>
    <t>41251388.0</t>
  </si>
  <si>
    <t>20328607.0</t>
  </si>
  <si>
    <t>19553057.0</t>
  </si>
  <si>
    <t>1369724.0</t>
  </si>
  <si>
    <t>153392.0</t>
  </si>
  <si>
    <t>77.66</t>
  </si>
  <si>
    <t>5860.0</t>
  </si>
  <si>
    <t>17113.0</t>
  </si>
  <si>
    <t>109.600000000001</t>
  </si>
  <si>
    <t>4.1868160371863</t>
  </si>
  <si>
    <t>29.567</t>
  </si>
  <si>
    <t>51932242.0</t>
  </si>
  <si>
    <t>273977.0</t>
  </si>
  <si>
    <t>2003.475</t>
  </si>
  <si>
    <t>10.57</t>
  </si>
  <si>
    <t>247300.0</t>
  </si>
  <si>
    <t>9.54</t>
  </si>
  <si>
    <t>0.0153</t>
  </si>
  <si>
    <t>41445662.0</t>
  </si>
  <si>
    <t>20346169.0</t>
  </si>
  <si>
    <t>19587839.0</t>
  </si>
  <si>
    <t>1511654.0</t>
  </si>
  <si>
    <t>194274.0</t>
  </si>
  <si>
    <t>159214.0</t>
  </si>
  <si>
    <t>158.33</t>
  </si>
  <si>
    <t>77.72</t>
  </si>
  <si>
    <t>30.331</t>
  </si>
  <si>
    <t>52202944.0</t>
  </si>
  <si>
    <t>270702.0</t>
  </si>
  <si>
    <t>2013.918</t>
  </si>
  <si>
    <t>10.443</t>
  </si>
  <si>
    <t>260474.0</t>
  </si>
  <si>
    <t>10.049</t>
  </si>
  <si>
    <t>41652458.0</t>
  </si>
  <si>
    <t>20363806.0</t>
  </si>
  <si>
    <t>19620308.0</t>
  </si>
  <si>
    <t>1668344.0</t>
  </si>
  <si>
    <t>206796.0</t>
  </si>
  <si>
    <t>165681.0</t>
  </si>
  <si>
    <t>159.12</t>
  </si>
  <si>
    <t>74.95</t>
  </si>
  <si>
    <t>6329.0</t>
  </si>
  <si>
    <t>16359.0</t>
  </si>
  <si>
    <t>52513245.0</t>
  </si>
  <si>
    <t>310301.0</t>
  </si>
  <si>
    <t>2025.889</t>
  </si>
  <si>
    <t>11.971</t>
  </si>
  <si>
    <t>272995.0</t>
  </si>
  <si>
    <t>10.532</t>
  </si>
  <si>
    <t>56.1</t>
  </si>
  <si>
    <t>41867748.0</t>
  </si>
  <si>
    <t>20380970.0</t>
  </si>
  <si>
    <t>19651146.0</t>
  </si>
  <si>
    <t>1835632.0</t>
  </si>
  <si>
    <t>215290.0</t>
  </si>
  <si>
    <t>170287.0</t>
  </si>
  <si>
    <t>159.94</t>
  </si>
  <si>
    <t>16014.0</t>
  </si>
  <si>
    <t>52832431.0</t>
  </si>
  <si>
    <t>319186.0</t>
  </si>
  <si>
    <t>2038.203</t>
  </si>
  <si>
    <t>12.314</t>
  </si>
  <si>
    <t>280230.0</t>
  </si>
  <si>
    <t>0.0196</t>
  </si>
  <si>
    <t>42060100.0</t>
  </si>
  <si>
    <t>20397079.0</t>
  </si>
  <si>
    <t>19678606.0</t>
  </si>
  <si>
    <t>1984415.0</t>
  </si>
  <si>
    <t>192352.0</t>
  </si>
  <si>
    <t>169422.0</t>
  </si>
  <si>
    <t>160.67</t>
  </si>
  <si>
    <t>77.92</t>
  </si>
  <si>
    <t>6472.0</t>
  </si>
  <si>
    <t>34.61</t>
  </si>
  <si>
    <t>53154261.0</t>
  </si>
  <si>
    <t>321830.0</t>
  </si>
  <si>
    <t>2050.618</t>
  </si>
  <si>
    <t>12.416</t>
  </si>
  <si>
    <t>290099.0</t>
  </si>
  <si>
    <t>11.192</t>
  </si>
  <si>
    <t>146468.0</t>
  </si>
  <si>
    <t>5595.0</t>
  </si>
  <si>
    <t>13131.0</t>
  </si>
  <si>
    <t>37.017</t>
  </si>
  <si>
    <t>53454234.0</t>
  </si>
  <si>
    <t>299973.0</t>
  </si>
  <si>
    <t>2062.191</t>
  </si>
  <si>
    <t>11.573</t>
  </si>
  <si>
    <t>294758.0</t>
  </si>
  <si>
    <t>11.371</t>
  </si>
  <si>
    <t>0.0242</t>
  </si>
  <si>
    <t>41.3</t>
  </si>
  <si>
    <t>138296.0</t>
  </si>
  <si>
    <t>5283.0</t>
  </si>
  <si>
    <t>12225.0</t>
  </si>
  <si>
    <t>53697393.0</t>
  </si>
  <si>
    <t>243159.0</t>
  </si>
  <si>
    <t>2071.572</t>
  </si>
  <si>
    <t>9.381</t>
  </si>
  <si>
    <t>291304.0</t>
  </si>
  <si>
    <t>11.238</t>
  </si>
  <si>
    <t>0.0274</t>
  </si>
  <si>
    <t>42203960.0</t>
  </si>
  <si>
    <t>20410720.0</t>
  </si>
  <si>
    <t>19699622.0</t>
  </si>
  <si>
    <t>2093618.0</t>
  </si>
  <si>
    <t>136082.0</t>
  </si>
  <si>
    <t>161.22</t>
  </si>
  <si>
    <t>11730.0</t>
  </si>
  <si>
    <t>404.100000000001</t>
  </si>
  <si>
    <t>9.72</t>
  </si>
  <si>
    <t>15.4369740933118</t>
  </si>
  <si>
    <t>7.258</t>
  </si>
  <si>
    <t>53909580.0</t>
  </si>
  <si>
    <t>212187.0</t>
  </si>
  <si>
    <t>2079.758</t>
  </si>
  <si>
    <t>282477.0</t>
  </si>
  <si>
    <t>10.898</t>
  </si>
  <si>
    <t>42235002.0</t>
  </si>
  <si>
    <t>20413876.0</t>
  </si>
  <si>
    <t>19704056.0</t>
  </si>
  <si>
    <t>2117070.0</t>
  </si>
  <si>
    <t>31042.0</t>
  </si>
  <si>
    <t>112763.0</t>
  </si>
  <si>
    <t>161.34</t>
  </si>
  <si>
    <t>9672.0</t>
  </si>
  <si>
    <t>54134598.0</t>
  </si>
  <si>
    <t>225018.0</t>
  </si>
  <si>
    <t>2088.438</t>
  </si>
  <si>
    <t>8.681</t>
  </si>
  <si>
    <t>275951.0</t>
  </si>
  <si>
    <t>10.646</t>
  </si>
  <si>
    <t>42272089.0</t>
  </si>
  <si>
    <t>20417817.0</t>
  </si>
  <si>
    <t>19709450.0</t>
  </si>
  <si>
    <t>2144822.0</t>
  </si>
  <si>
    <t>37087.0</t>
  </si>
  <si>
    <t>88519.0</t>
  </si>
  <si>
    <t>161.48</t>
  </si>
  <si>
    <t>75.29</t>
  </si>
  <si>
    <t>7716.0</t>
  </si>
  <si>
    <t>50.043</t>
  </si>
  <si>
    <t>54436495.0</t>
  </si>
  <si>
    <t>301897.0</t>
  </si>
  <si>
    <t>2100.085</t>
  </si>
  <si>
    <t>11.647</t>
  </si>
  <si>
    <t>10.599</t>
  </si>
  <si>
    <t>42420659.0</t>
  </si>
  <si>
    <t>20430343.0</t>
  </si>
  <si>
    <t>19733014.0</t>
  </si>
  <si>
    <t>2257302.0</t>
  </si>
  <si>
    <t>148570.0</t>
  </si>
  <si>
    <t>78987.0</t>
  </si>
  <si>
    <t>162.05</t>
  </si>
  <si>
    <t>8.62</t>
  </si>
  <si>
    <t>3017.0</t>
  </si>
  <si>
    <t>7053.0</t>
  </si>
  <si>
    <t>54703523.0</t>
  </si>
  <si>
    <t>267028.0</t>
  </si>
  <si>
    <t>2110.387</t>
  </si>
  <si>
    <t>10.302</t>
  </si>
  <si>
    <t>267299.0</t>
  </si>
  <si>
    <t>10.312</t>
  </si>
  <si>
    <t>0.0608</t>
  </si>
  <si>
    <t>42580539.0</t>
  </si>
  <si>
    <t>20444346.0</t>
  </si>
  <si>
    <t>19755837.0</t>
  </si>
  <si>
    <t>2380356.0</t>
  </si>
  <si>
    <t>159880.0</t>
  </si>
  <si>
    <t>74348.0</t>
  </si>
  <si>
    <t>9.09</t>
  </si>
  <si>
    <t>6752.0</t>
  </si>
  <si>
    <t>54958964.0</t>
  </si>
  <si>
    <t>255441.0</t>
  </si>
  <si>
    <t>2120.241</t>
  </si>
  <si>
    <t>9.855</t>
  </si>
  <si>
    <t>257815.0</t>
  </si>
  <si>
    <t>9.946</t>
  </si>
  <si>
    <t>0.0745</t>
  </si>
  <si>
    <t>76438.0</t>
  </si>
  <si>
    <t>2920.0</t>
  </si>
  <si>
    <t>7.411</t>
  </si>
  <si>
    <t>1828.0</t>
  </si>
  <si>
    <t>55239454.0</t>
  </si>
  <si>
    <t>280490.0</t>
  </si>
  <si>
    <t>2131.062</t>
  </si>
  <si>
    <t>10.821</t>
  </si>
  <si>
    <t>255031.0</t>
  </si>
  <si>
    <t>9.839</t>
  </si>
  <si>
    <t>0.0909</t>
  </si>
  <si>
    <t>78527.0</t>
  </si>
  <si>
    <t>6966.0</t>
  </si>
  <si>
    <t>76.516</t>
  </si>
  <si>
    <t>55443761.0</t>
  </si>
  <si>
    <t>204307.0</t>
  </si>
  <si>
    <t>2138.944</t>
  </si>
  <si>
    <t>7.882</t>
  </si>
  <si>
    <t>249481.0</t>
  </si>
  <si>
    <t>9.625</t>
  </si>
  <si>
    <t>42768270.0</t>
  </si>
  <si>
    <t>20460234.0</t>
  </si>
  <si>
    <t>19778026.0</t>
  </si>
  <si>
    <t>2530010.0</t>
  </si>
  <si>
    <t>80616.0</t>
  </si>
  <si>
    <t>7073.0</t>
  </si>
  <si>
    <t>598.400000000001</t>
  </si>
  <si>
    <t>6.54</t>
  </si>
  <si>
    <t>22.859404349017</t>
  </si>
  <si>
    <t>9.054</t>
  </si>
  <si>
    <t>55646598.0</t>
  </si>
  <si>
    <t>202837.0</t>
  </si>
  <si>
    <t>2146.769</t>
  </si>
  <si>
    <t>7.825</t>
  </si>
  <si>
    <t>248145.0</t>
  </si>
  <si>
    <t>9.573</t>
  </si>
  <si>
    <t>0.1238</t>
  </si>
  <si>
    <t>42812691.0</t>
  </si>
  <si>
    <t>20463839.0</t>
  </si>
  <si>
    <t>19782523.0</t>
  </si>
  <si>
    <t>2566329.0</t>
  </si>
  <si>
    <t>82527.0</t>
  </si>
  <si>
    <t>3153.0</t>
  </si>
  <si>
    <t>7138.0</t>
  </si>
  <si>
    <t>9.474</t>
  </si>
  <si>
    <t>55858644.0</t>
  </si>
  <si>
    <t>212046.0</t>
  </si>
  <si>
    <t>2154.95</t>
  </si>
  <si>
    <t>246292.0</t>
  </si>
  <si>
    <t>9.502</t>
  </si>
  <si>
    <t>0.1559</t>
  </si>
  <si>
    <t>43024593.0</t>
  </si>
  <si>
    <t>20475452.0</t>
  </si>
  <si>
    <t>19806589.0</t>
  </si>
  <si>
    <t>2742552.0</t>
  </si>
  <si>
    <t>211902.0</t>
  </si>
  <si>
    <t>107501.0</t>
  </si>
  <si>
    <t>4107.0</t>
  </si>
  <si>
    <t>103.41</t>
  </si>
  <si>
    <t>56078371.0</t>
  </si>
  <si>
    <t>219727.0</t>
  </si>
  <si>
    <t>2163.427</t>
  </si>
  <si>
    <t>8.477</t>
  </si>
  <si>
    <t>234554.0</t>
  </si>
  <si>
    <t>9.049</t>
  </si>
  <si>
    <t>0.1967</t>
  </si>
  <si>
    <t>43286155.0</t>
  </si>
  <si>
    <t>20488662.0</t>
  </si>
  <si>
    <t>19832376.0</t>
  </si>
  <si>
    <t>2965117.0</t>
  </si>
  <si>
    <t>261562.0</t>
  </si>
  <si>
    <t>123642.0</t>
  </si>
  <si>
    <t>165.36</t>
  </si>
  <si>
    <t>11.33</t>
  </si>
  <si>
    <t>8331.0</t>
  </si>
  <si>
    <t>56326737.0</t>
  </si>
  <si>
    <t>248366.0</t>
  </si>
  <si>
    <t>2173.008</t>
  </si>
  <si>
    <t>9.582</t>
  </si>
  <si>
    <t>231888.0</t>
  </si>
  <si>
    <t>8.946</t>
  </si>
  <si>
    <t>0.2263</t>
  </si>
  <si>
    <t>43558448.0</t>
  </si>
  <si>
    <t>20503096.0</t>
  </si>
  <si>
    <t>19857649.0</t>
  </si>
  <si>
    <t>3197703.0</t>
  </si>
  <si>
    <t>272293.0</t>
  </si>
  <si>
    <t>139701.0</t>
  </si>
  <si>
    <t>166.4</t>
  </si>
  <si>
    <t>5337.0</t>
  </si>
  <si>
    <t>8393.0</t>
  </si>
  <si>
    <t>3107.0</t>
  </si>
  <si>
    <t>118.69</t>
  </si>
  <si>
    <t>56585287.0</t>
  </si>
  <si>
    <t>258550.0</t>
  </si>
  <si>
    <t>2182.983</t>
  </si>
  <si>
    <t>9.975</t>
  </si>
  <si>
    <t>232332.0</t>
  </si>
  <si>
    <t>8.963</t>
  </si>
  <si>
    <t>43823668.0</t>
  </si>
  <si>
    <t>20516623.0</t>
  </si>
  <si>
    <t>19882365.0</t>
  </si>
  <si>
    <t>3424680.0</t>
  </si>
  <si>
    <t>265220.0</t>
  </si>
  <si>
    <t>168650.0</t>
  </si>
  <si>
    <t>167.41</t>
  </si>
  <si>
    <t>6443.0</t>
  </si>
  <si>
    <t>9569.0</t>
  </si>
  <si>
    <t>56866257.0</t>
  </si>
  <si>
    <t>280970.0</t>
  </si>
  <si>
    <t>2193.822</t>
  </si>
  <si>
    <t>10.839</t>
  </si>
  <si>
    <t>232400.0</t>
  </si>
  <si>
    <t>8.966</t>
  </si>
  <si>
    <t>0.3132</t>
  </si>
  <si>
    <t>43987111.0</t>
  </si>
  <si>
    <t>20524868.0</t>
  </si>
  <si>
    <t>19896355.0</t>
  </si>
  <si>
    <t>3565888.0</t>
  </si>
  <si>
    <t>163443.0</t>
  </si>
  <si>
    <t>183060.0</t>
  </si>
  <si>
    <t>168.03</t>
  </si>
  <si>
    <t>9990.0</t>
  </si>
  <si>
    <t>3523.0</t>
  </si>
  <si>
    <t>134.582</t>
  </si>
  <si>
    <t>57125238.0</t>
  </si>
  <si>
    <t>258981.0</t>
  </si>
  <si>
    <t>2203.813</t>
  </si>
  <si>
    <t>9.991</t>
  </si>
  <si>
    <t>240211.0</t>
  </si>
  <si>
    <t>9.267</t>
  </si>
  <si>
    <t>0.3287</t>
  </si>
  <si>
    <t>44086608.0</t>
  </si>
  <si>
    <t>20529932.0</t>
  </si>
  <si>
    <t>19904821.0</t>
  </si>
  <si>
    <t>3651855.0</t>
  </si>
  <si>
    <t>99497.0</t>
  </si>
  <si>
    <t>188334.0</t>
  </si>
  <si>
    <t>13.95</t>
  </si>
  <si>
    <t>7195.0</t>
  </si>
  <si>
    <t>9957.0</t>
  </si>
  <si>
    <t>886.200000000001</t>
  </si>
  <si>
    <t>33.8536165342561</t>
  </si>
  <si>
    <t>3865.0</t>
  </si>
  <si>
    <t>57346339.0</t>
  </si>
  <si>
    <t>221101.0</t>
  </si>
  <si>
    <t>2212.343</t>
  </si>
  <si>
    <t>242820.0</t>
  </si>
  <si>
    <t>9.368</t>
  </si>
  <si>
    <t>44374463.0</t>
  </si>
  <si>
    <t>20578901.0</t>
  </si>
  <si>
    <t>19928352.0</t>
  </si>
  <si>
    <t>3867210.0</t>
  </si>
  <si>
    <t>287855.0</t>
  </si>
  <si>
    <t>223110.0</t>
  </si>
  <si>
    <t>169.51</t>
  </si>
  <si>
    <t>76.13</t>
  </si>
  <si>
    <t>8523.0</t>
  </si>
  <si>
    <t>16437.0</t>
  </si>
  <si>
    <t>4006.0</t>
  </si>
  <si>
    <t>57561497.0</t>
  </si>
  <si>
    <t>215158.0</t>
  </si>
  <si>
    <t>2220.643</t>
  </si>
  <si>
    <t>8.301</t>
  </si>
  <si>
    <t>243265.0</t>
  </si>
  <si>
    <t>9.385</t>
  </si>
  <si>
    <t>44700720.0</t>
  </si>
  <si>
    <t>20644440.0</t>
  </si>
  <si>
    <t>19946441.0</t>
  </si>
  <si>
    <t>4109839.0</t>
  </si>
  <si>
    <t>326257.0</t>
  </si>
  <si>
    <t>239447.0</t>
  </si>
  <si>
    <t>9147.0</t>
  </si>
  <si>
    <t>160.329</t>
  </si>
  <si>
    <t>57850394.0</t>
  </si>
  <si>
    <t>288897.0</t>
  </si>
  <si>
    <t>2231.789</t>
  </si>
  <si>
    <t>11.145</t>
  </si>
  <si>
    <t>253146.0</t>
  </si>
  <si>
    <t>9.766</t>
  </si>
  <si>
    <t>0.4032</t>
  </si>
  <si>
    <t>45045755.0</t>
  </si>
  <si>
    <t>20714403.0</t>
  </si>
  <si>
    <t>19967401.0</t>
  </si>
  <si>
    <t>4363951.0</t>
  </si>
  <si>
    <t>345035.0</t>
  </si>
  <si>
    <t>251371.0</t>
  </si>
  <si>
    <t>172.08</t>
  </si>
  <si>
    <t>76.28</t>
  </si>
  <si>
    <t>32249.0</t>
  </si>
  <si>
    <t>13.791</t>
  </si>
  <si>
    <t>169.001</t>
  </si>
  <si>
    <t>58069697.0</t>
  </si>
  <si>
    <t>219303.0</t>
  </si>
  <si>
    <t>2240.249</t>
  </si>
  <si>
    <t>248994.0</t>
  </si>
  <si>
    <t>9.606</t>
  </si>
  <si>
    <t>0.4386</t>
  </si>
  <si>
    <t>45391353.0</t>
  </si>
  <si>
    <t>20784959.0</t>
  </si>
  <si>
    <t>19987928.0</t>
  </si>
  <si>
    <t>4618466.0</t>
  </si>
  <si>
    <t>345598.0</t>
  </si>
  <si>
    <t>261844.0</t>
  </si>
  <si>
    <t>79.4</t>
  </si>
  <si>
    <t>10003.0</t>
  </si>
  <si>
    <t>40266.0</t>
  </si>
  <si>
    <t>58321885.0</t>
  </si>
  <si>
    <t>252188.0</t>
  </si>
  <si>
    <t>2249.978</t>
  </si>
  <si>
    <t>9.729</t>
  </si>
  <si>
    <t>248085.0</t>
  </si>
  <si>
    <t>9.571</t>
  </si>
  <si>
    <t>0.4334</t>
  </si>
  <si>
    <t>45729166.0</t>
  </si>
  <si>
    <t>20857930.0</t>
  </si>
  <si>
    <t>20006998.0</t>
  </si>
  <si>
    <t>4864238.0</t>
  </si>
  <si>
    <t>337813.0</t>
  </si>
  <si>
    <t>272214.0</t>
  </si>
  <si>
    <t>174.69</t>
  </si>
  <si>
    <t>79.68</t>
  </si>
  <si>
    <t>10399.0</t>
  </si>
  <si>
    <t>48758.0</t>
  </si>
  <si>
    <t>58534983.0</t>
  </si>
  <si>
    <t>213098.0</t>
  </si>
  <si>
    <t>2258.199</t>
  </si>
  <si>
    <t>8.221</t>
  </si>
  <si>
    <t>238389.0</t>
  </si>
  <si>
    <t>9.197</t>
  </si>
  <si>
    <t>0.4516</t>
  </si>
  <si>
    <t>45919637.0</t>
  </si>
  <si>
    <t>20905692.0</t>
  </si>
  <si>
    <t>20015852.0</t>
  </si>
  <si>
    <t>4998093.0</t>
  </si>
  <si>
    <t>190471.0</t>
  </si>
  <si>
    <t>276075.0</t>
  </si>
  <si>
    <t>175.42</t>
  </si>
  <si>
    <t>19.09</t>
  </si>
  <si>
    <t>10546.0</t>
  </si>
  <si>
    <t>54403.0</t>
  </si>
  <si>
    <t>15.701</t>
  </si>
  <si>
    <t>5047.0</t>
  </si>
  <si>
    <t>192.8</t>
  </si>
  <si>
    <t>58785257.0</t>
  </si>
  <si>
    <t>250274.0</t>
  </si>
  <si>
    <t>2267.854</t>
  </si>
  <si>
    <t>9.655</t>
  </si>
  <si>
    <t>237146.0</t>
  </si>
  <si>
    <t>9.149</t>
  </si>
  <si>
    <t>0.4462</t>
  </si>
  <si>
    <t>46034466.0</t>
  </si>
  <si>
    <t>20938457.0</t>
  </si>
  <si>
    <t>20020735.0</t>
  </si>
  <si>
    <t>5075274.0</t>
  </si>
  <si>
    <t>114829.0</t>
  </si>
  <si>
    <t>278265.0</t>
  </si>
  <si>
    <t>175.86</t>
  </si>
  <si>
    <t>10630.0</t>
  </si>
  <si>
    <t>58361.0</t>
  </si>
  <si>
    <t>1591.8</t>
  </si>
  <si>
    <t>23.31</t>
  </si>
  <si>
    <t>60.8081548174552</t>
  </si>
  <si>
    <t>5238.0</t>
  </si>
  <si>
    <t>58984445.0</t>
  </si>
  <si>
    <t>199188.0</t>
  </si>
  <si>
    <t>2275.539</t>
  </si>
  <si>
    <t>7.684</t>
  </si>
  <si>
    <t>234015.0</t>
  </si>
  <si>
    <t>9.028</t>
  </si>
  <si>
    <t>0.4464</t>
  </si>
  <si>
    <t>46361913.0</t>
  </si>
  <si>
    <t>21009044.0</t>
  </si>
  <si>
    <t>20036097.0</t>
  </si>
  <si>
    <t>5316772.0</t>
  </si>
  <si>
    <t>327447.0</t>
  </si>
  <si>
    <t>283921.0</t>
  </si>
  <si>
    <t>177.11</t>
  </si>
  <si>
    <t>61449.0</t>
  </si>
  <si>
    <t>5307.0</t>
  </si>
  <si>
    <t>59149690.0</t>
  </si>
  <si>
    <t>165245.0</t>
  </si>
  <si>
    <t>2281.914</t>
  </si>
  <si>
    <t>6.375</t>
  </si>
  <si>
    <t>226885.0</t>
  </si>
  <si>
    <t>8.753</t>
  </si>
  <si>
    <t>46682438.0</t>
  </si>
  <si>
    <t>21078643.0</t>
  </si>
  <si>
    <t>20050685.0</t>
  </si>
  <si>
    <t>5553110.0</t>
  </si>
  <si>
    <t>320525.0</t>
  </si>
  <si>
    <t>283103.0</t>
  </si>
  <si>
    <t>178.33</t>
  </si>
  <si>
    <t>80.52</t>
  </si>
  <si>
    <t>76.6</t>
  </si>
  <si>
    <t>10815.0</t>
  </si>
  <si>
    <t>62029.0</t>
  </si>
  <si>
    <t>59362737.0</t>
  </si>
  <si>
    <t>213047.0</t>
  </si>
  <si>
    <t>2290.133</t>
  </si>
  <si>
    <t>8.219</t>
  </si>
  <si>
    <t>216049.0</t>
  </si>
  <si>
    <t>8.335</t>
  </si>
  <si>
    <t>0.4125</t>
  </si>
  <si>
    <t>47013624.0</t>
  </si>
  <si>
    <t>21148938.0</t>
  </si>
  <si>
    <t>20066316.0</t>
  </si>
  <si>
    <t>5798370.0</t>
  </si>
  <si>
    <t>331186.0</t>
  </si>
  <si>
    <t>281124.0</t>
  </si>
  <si>
    <t>179.6</t>
  </si>
  <si>
    <t>80.79</t>
  </si>
  <si>
    <t>10739.0</t>
  </si>
  <si>
    <t>62076.0</t>
  </si>
  <si>
    <t>196.62</t>
  </si>
  <si>
    <t>59549278.0</t>
  </si>
  <si>
    <t>186541.0</t>
  </si>
  <si>
    <t>2297.329</t>
  </si>
  <si>
    <t>7.196</t>
  </si>
  <si>
    <t>211369.0</t>
  </si>
  <si>
    <t>8.154</t>
  </si>
  <si>
    <t>0.3782</t>
  </si>
  <si>
    <t>47364850.0</t>
  </si>
  <si>
    <t>21218556.0</t>
  </si>
  <si>
    <t>20083160.0</t>
  </si>
  <si>
    <t>6063134.0</t>
  </si>
  <si>
    <t>351226.0</t>
  </si>
  <si>
    <t>281928.0</t>
  </si>
  <si>
    <t>180.94</t>
  </si>
  <si>
    <t>81.06</t>
  </si>
  <si>
    <t>23.16</t>
  </si>
  <si>
    <t>61942.0</t>
  </si>
  <si>
    <t>59736423.0</t>
  </si>
  <si>
    <t>187145.0</t>
  </si>
  <si>
    <t>2304.549</t>
  </si>
  <si>
    <t>7.22</t>
  </si>
  <si>
    <t>202077.0</t>
  </si>
  <si>
    <t>7.796</t>
  </si>
  <si>
    <t>0.3651</t>
  </si>
  <si>
    <t>47698880.0</t>
  </si>
  <si>
    <t>21284622.0</t>
  </si>
  <si>
    <t>20098787.0</t>
  </si>
  <si>
    <t>6315471.0</t>
  </si>
  <si>
    <t>334030.0</t>
  </si>
  <si>
    <t>281388.0</t>
  </si>
  <si>
    <t>182.21</t>
  </si>
  <si>
    <t>60956.0</t>
  </si>
  <si>
    <t>192.38</t>
  </si>
  <si>
    <t>59891185.0</t>
  </si>
  <si>
    <t>154762.0</t>
  </si>
  <si>
    <t>2310.52</t>
  </si>
  <si>
    <t>5.971</t>
  </si>
  <si>
    <t>193743.0</t>
  </si>
  <si>
    <t>7.474</t>
  </si>
  <si>
    <t>0.3471</t>
  </si>
  <si>
    <t>47889638.0</t>
  </si>
  <si>
    <t>21324245.0</t>
  </si>
  <si>
    <t>20106005.0</t>
  </si>
  <si>
    <t>6459388.0</t>
  </si>
  <si>
    <t>190758.0</t>
  </si>
  <si>
    <t>281429.0</t>
  </si>
  <si>
    <t>59793.0</t>
  </si>
  <si>
    <t>60052944.0</t>
  </si>
  <si>
    <t>161759.0</t>
  </si>
  <si>
    <t>2316.76</t>
  </si>
  <si>
    <t>181098.0</t>
  </si>
  <si>
    <t>6.987</t>
  </si>
  <si>
    <t>0.3495</t>
  </si>
  <si>
    <t>48010195.0</t>
  </si>
  <si>
    <t>21352957.0</t>
  </si>
  <si>
    <t>20110855.0</t>
  </si>
  <si>
    <t>6546383.0</t>
  </si>
  <si>
    <t>120557.0</t>
  </si>
  <si>
    <t>282247.0</t>
  </si>
  <si>
    <t>81.57</t>
  </si>
  <si>
    <t>10782.0</t>
  </si>
  <si>
    <t>59214.0</t>
  </si>
  <si>
    <t>2483.2</t>
  </si>
  <si>
    <t>94.8604159082201</t>
  </si>
  <si>
    <t>15.089</t>
  </si>
  <si>
    <t>5390.0</t>
  </si>
  <si>
    <t>60163582.0</t>
  </si>
  <si>
    <t>110638.0</t>
  </si>
  <si>
    <t>2321.028</t>
  </si>
  <si>
    <t>4.268</t>
  </si>
  <si>
    <t>168448.0</t>
  </si>
  <si>
    <t>0.3534</t>
  </si>
  <si>
    <t>48330551.0</t>
  </si>
  <si>
    <t>21414046.0</t>
  </si>
  <si>
    <t>20123268.0</t>
  </si>
  <si>
    <t>6793237.0</t>
  </si>
  <si>
    <t>281234.0</t>
  </si>
  <si>
    <t>184.63</t>
  </si>
  <si>
    <t>25.95</t>
  </si>
  <si>
    <t>10743.0</t>
  </si>
  <si>
    <t>57857.0</t>
  </si>
  <si>
    <t>60297892.0</t>
  </si>
  <si>
    <t>134310.0</t>
  </si>
  <si>
    <t>2326.21</t>
  </si>
  <si>
    <t>5.181</t>
  </si>
  <si>
    <t>164029.0</t>
  </si>
  <si>
    <t>6.328</t>
  </si>
  <si>
    <t>0.3354</t>
  </si>
  <si>
    <t>48651936.0</t>
  </si>
  <si>
    <t>21472820.0</t>
  </si>
  <si>
    <t>20137891.0</t>
  </si>
  <si>
    <t>7041225.0</t>
  </si>
  <si>
    <t>321385.0</t>
  </si>
  <si>
    <t>281357.0</t>
  </si>
  <si>
    <t>185.85</t>
  </si>
  <si>
    <t>10748.0</t>
  </si>
  <si>
    <t>56311.0</t>
  </si>
  <si>
    <t>5090.0</t>
  </si>
  <si>
    <t>60459462.0</t>
  </si>
  <si>
    <t>161570.0</t>
  </si>
  <si>
    <t>2332.443</t>
  </si>
  <si>
    <t>6.233</t>
  </si>
  <si>
    <t>156675.0</t>
  </si>
  <si>
    <t>48734111.0</t>
  </si>
  <si>
    <t>21490441.0</t>
  </si>
  <si>
    <t>20142694.0</t>
  </si>
  <si>
    <t>7100976.0</t>
  </si>
  <si>
    <t>245784.0</t>
  </si>
  <si>
    <t>9389.0</t>
  </si>
  <si>
    <t>48786.0</t>
  </si>
  <si>
    <t>60599918.0</t>
  </si>
  <si>
    <t>140456.0</t>
  </si>
  <si>
    <t>2337.862</t>
  </si>
  <si>
    <t>5.419</t>
  </si>
  <si>
    <t>150091.0</t>
  </si>
  <si>
    <t>0.3529</t>
  </si>
  <si>
    <t>49037474.0</t>
  </si>
  <si>
    <t>21543461.0</t>
  </si>
  <si>
    <t>20160170.0</t>
  </si>
  <si>
    <t>7333843.0</t>
  </si>
  <si>
    <t>303363.0</t>
  </si>
  <si>
    <t>238946.0</t>
  </si>
  <si>
    <t>187.33</t>
  </si>
  <si>
    <t>28.02</t>
  </si>
  <si>
    <t>9128.0</t>
  </si>
  <si>
    <t>46415.0</t>
  </si>
  <si>
    <t>4953.0</t>
  </si>
  <si>
    <t>60702677.0</t>
  </si>
  <si>
    <t>102759.0</t>
  </si>
  <si>
    <t>2341.826</t>
  </si>
  <si>
    <t>3.964</t>
  </si>
  <si>
    <t>138036.0</t>
  </si>
  <si>
    <t>5.325</t>
  </si>
  <si>
    <t>0.4073</t>
  </si>
  <si>
    <t>49343894.0</t>
  </si>
  <si>
    <t>21596983.0</t>
  </si>
  <si>
    <t>20178059.0</t>
  </si>
  <si>
    <t>7568852.0</t>
  </si>
  <si>
    <t>306420.0</t>
  </si>
  <si>
    <t>235002.0</t>
  </si>
  <si>
    <t>8977.0</t>
  </si>
  <si>
    <t>44623.0</t>
  </si>
  <si>
    <t>14.02</t>
  </si>
  <si>
    <t>60840097.0</t>
  </si>
  <si>
    <t>137420.0</t>
  </si>
  <si>
    <t>2347.127</t>
  </si>
  <si>
    <t>5.301</t>
  </si>
  <si>
    <t>135559.0</t>
  </si>
  <si>
    <t>0.3938</t>
  </si>
  <si>
    <t>49516636.0</t>
  </si>
  <si>
    <t>21629171.0</t>
  </si>
  <si>
    <t>20188421.0</t>
  </si>
  <si>
    <t>7699044.0</t>
  </si>
  <si>
    <t>172742.0</t>
  </si>
  <si>
    <t>232428.0</t>
  </si>
  <si>
    <t>189.16</t>
  </si>
  <si>
    <t>77.12</t>
  </si>
  <si>
    <t>43561.0</t>
  </si>
  <si>
    <t>14.173</t>
  </si>
  <si>
    <t>60959433.0</t>
  </si>
  <si>
    <t>119336.0</t>
  </si>
  <si>
    <t>2351.731</t>
  </si>
  <si>
    <t>4.604</t>
  </si>
  <si>
    <t>129498.0</t>
  </si>
  <si>
    <t>4.996</t>
  </si>
  <si>
    <t>0.4171</t>
  </si>
  <si>
    <t>49607239.0</t>
  </si>
  <si>
    <t>21647934.0</t>
  </si>
  <si>
    <t>20194741.0</t>
  </si>
  <si>
    <t>7764564.0</t>
  </si>
  <si>
    <t>90603.0</t>
  </si>
  <si>
    <t>228149.0</t>
  </si>
  <si>
    <t>29.66</t>
  </si>
  <si>
    <t>3276.2</t>
  </si>
  <si>
    <t>125.153710775818</t>
  </si>
  <si>
    <t>61058489.0</t>
  </si>
  <si>
    <t>99056.0</t>
  </si>
  <si>
    <t>2355.553</t>
  </si>
  <si>
    <t>127844.0</t>
  </si>
  <si>
    <t>4.932</t>
  </si>
  <si>
    <t>49866290.0</t>
  </si>
  <si>
    <t>21683520.0</t>
  </si>
  <si>
    <t>20211402.0</t>
  </si>
  <si>
    <t>7971368.0</t>
  </si>
  <si>
    <t>259051.0</t>
  </si>
  <si>
    <t>219391.0</t>
  </si>
  <si>
    <t>38496.0</t>
  </si>
  <si>
    <t>61151036.0</t>
  </si>
  <si>
    <t>92547.0</t>
  </si>
  <si>
    <t>2359.123</t>
  </si>
  <si>
    <t>121878.0</t>
  </si>
  <si>
    <t>4.702</t>
  </si>
  <si>
    <t>0.3602</t>
  </si>
  <si>
    <t>50132340.0</t>
  </si>
  <si>
    <t>21712260.0</t>
  </si>
  <si>
    <t>20228401.0</t>
  </si>
  <si>
    <t>8191679.0</t>
  </si>
  <si>
    <t>266050.0</t>
  </si>
  <si>
    <t>211486.0</t>
  </si>
  <si>
    <t>191.51</t>
  </si>
  <si>
    <t>8079.0</t>
  </si>
  <si>
    <t>34206.0</t>
  </si>
  <si>
    <t>13.026</t>
  </si>
  <si>
    <t>4594.0</t>
  </si>
  <si>
    <t>61281383.0</t>
  </si>
  <si>
    <t>130347.0</t>
  </si>
  <si>
    <t>2364.152</t>
  </si>
  <si>
    <t>117417.0</t>
  </si>
  <si>
    <t>0.3413</t>
  </si>
  <si>
    <t>50400541.0</t>
  </si>
  <si>
    <t>21738444.0</t>
  </si>
  <si>
    <t>20243421.0</t>
  </si>
  <si>
    <t>8418676.0</t>
  </si>
  <si>
    <t>268201.0</t>
  </si>
  <si>
    <t>238061.0</t>
  </si>
  <si>
    <t>192.53</t>
  </si>
  <si>
    <t>35429.0</t>
  </si>
  <si>
    <t>11.957</t>
  </si>
  <si>
    <t>4448.0</t>
  </si>
  <si>
    <t>61391571.0</t>
  </si>
  <si>
    <t>110188.0</t>
  </si>
  <si>
    <t>2368.402</t>
  </si>
  <si>
    <t>113093.0</t>
  </si>
  <si>
    <t>4.363</t>
  </si>
  <si>
    <t>0.3114</t>
  </si>
  <si>
    <t>50653287.0</t>
  </si>
  <si>
    <t>21763718.0</t>
  </si>
  <si>
    <t>20258283.0</t>
  </si>
  <si>
    <t>8631286.0</t>
  </si>
  <si>
    <t>252746.0</t>
  </si>
  <si>
    <t>230830.0</t>
  </si>
  <si>
    <t>193.5</t>
  </si>
  <si>
    <t>8818.0</t>
  </si>
  <si>
    <t>31465.0</t>
  </si>
  <si>
    <t>61491811.0</t>
  </si>
  <si>
    <t>100240.0</t>
  </si>
  <si>
    <t>2372.27</t>
  </si>
  <si>
    <t>112733.0</t>
  </si>
  <si>
    <t>4.349</t>
  </si>
  <si>
    <t>50900072.0</t>
  </si>
  <si>
    <t>21787774.0</t>
  </si>
  <si>
    <t>20273781.0</t>
  </si>
  <si>
    <t>8838517.0</t>
  </si>
  <si>
    <t>246785.0</t>
  </si>
  <si>
    <t>222311.0</t>
  </si>
  <si>
    <t>194.44</t>
  </si>
  <si>
    <t>8492.0</t>
  </si>
  <si>
    <t>10.849</t>
  </si>
  <si>
    <t>4147.0</t>
  </si>
  <si>
    <t>61597812.0</t>
  </si>
  <si>
    <t>106001.0</t>
  </si>
  <si>
    <t>2376.359</t>
  </si>
  <si>
    <t>108245.0</t>
  </si>
  <si>
    <t>4.176</t>
  </si>
  <si>
    <t>0.2423</t>
  </si>
  <si>
    <t>51027861.0</t>
  </si>
  <si>
    <t>21803823.0</t>
  </si>
  <si>
    <t>20282518.0</t>
  </si>
  <si>
    <t>8941520.0</t>
  </si>
  <si>
    <t>127789.0</t>
  </si>
  <si>
    <t>215889.0</t>
  </si>
  <si>
    <t>194.93</t>
  </si>
  <si>
    <t>34.16</t>
  </si>
  <si>
    <t>24950.0</t>
  </si>
  <si>
    <t>3914.0</t>
  </si>
  <si>
    <t>61685982.0</t>
  </si>
  <si>
    <t>88170.0</t>
  </si>
  <si>
    <t>2379.76</t>
  </si>
  <si>
    <t>3.401</t>
  </si>
  <si>
    <t>103793.0</t>
  </si>
  <si>
    <t>4.004</t>
  </si>
  <si>
    <t>0.2369</t>
  </si>
  <si>
    <t>51098236.0</t>
  </si>
  <si>
    <t>21813079.0</t>
  </si>
  <si>
    <t>20287496.0</t>
  </si>
  <si>
    <t>8997661.0</t>
  </si>
  <si>
    <t>70375.0</t>
  </si>
  <si>
    <t>213000.0</t>
  </si>
  <si>
    <t>195.2</t>
  </si>
  <si>
    <t>83.33</t>
  </si>
  <si>
    <t>34.37</t>
  </si>
  <si>
    <t>8137.0</t>
  </si>
  <si>
    <t>23592.0</t>
  </si>
  <si>
    <t>4056.2</t>
  </si>
  <si>
    <t>26.37</t>
  </si>
  <si>
    <t>154.950394252143</t>
  </si>
  <si>
    <t>10.352</t>
  </si>
  <si>
    <t>61768507.0</t>
  </si>
  <si>
    <t>82525.0</t>
  </si>
  <si>
    <t>2382.944</t>
  </si>
  <si>
    <t>3.184</t>
  </si>
  <si>
    <t>101431.0</t>
  </si>
  <si>
    <t>3.913</t>
  </si>
  <si>
    <t>51313905.0</t>
  </si>
  <si>
    <t>21831166.0</t>
  </si>
  <si>
    <t>20300210.0</t>
  </si>
  <si>
    <t>9182529.0</t>
  </si>
  <si>
    <t>215669.0</t>
  </si>
  <si>
    <t>206802.0</t>
  </si>
  <si>
    <t>196.02</t>
  </si>
  <si>
    <t>21092.0</t>
  </si>
  <si>
    <t>10.467</t>
  </si>
  <si>
    <t>61854639.0</t>
  </si>
  <si>
    <t>86132.0</t>
  </si>
  <si>
    <t>2386.267</t>
  </si>
  <si>
    <t>100515.0</t>
  </si>
  <si>
    <t>3.878</t>
  </si>
  <si>
    <t>0.2713</t>
  </si>
  <si>
    <t>51533463.0</t>
  </si>
  <si>
    <t>21849002.0</t>
  </si>
  <si>
    <t>20313139.0</t>
  </si>
  <si>
    <t>9371322.0</t>
  </si>
  <si>
    <t>219558.0</t>
  </si>
  <si>
    <t>200160.0</t>
  </si>
  <si>
    <t>196.86</t>
  </si>
  <si>
    <t>83.47</t>
  </si>
  <si>
    <t>7646.0</t>
  </si>
  <si>
    <t>61968530.0</t>
  </si>
  <si>
    <t>113891.0</t>
  </si>
  <si>
    <t>2390.661</t>
  </si>
  <si>
    <t>4.394</t>
  </si>
  <si>
    <t>98164.0</t>
  </si>
  <si>
    <t>3.787</t>
  </si>
  <si>
    <t>51747277.0</t>
  </si>
  <si>
    <t>21865954.0</t>
  </si>
  <si>
    <t>20326872.0</t>
  </si>
  <si>
    <t>9554451.0</t>
  </si>
  <si>
    <t>213814.0</t>
  </si>
  <si>
    <t>192391.0</t>
  </si>
  <si>
    <t>197.68</t>
  </si>
  <si>
    <t>83.53</t>
  </si>
  <si>
    <t>18216.0</t>
  </si>
  <si>
    <t>62063166.0</t>
  </si>
  <si>
    <t>94636.0</t>
  </si>
  <si>
    <t>2394.312</t>
  </si>
  <si>
    <t>95942.0</t>
  </si>
  <si>
    <t>3.701</t>
  </si>
  <si>
    <t>0.2638</t>
  </si>
  <si>
    <t>51948284.0</t>
  </si>
  <si>
    <t>21880794.0</t>
  </si>
  <si>
    <t>20339977.0</t>
  </si>
  <si>
    <t>9727513.0</t>
  </si>
  <si>
    <t>201007.0</t>
  </si>
  <si>
    <t>185000.0</t>
  </si>
  <si>
    <t>83.59</t>
  </si>
  <si>
    <t>77.7</t>
  </si>
  <si>
    <t>37.16</t>
  </si>
  <si>
    <t>16725.0</t>
  </si>
  <si>
    <t>62163476.0</t>
  </si>
  <si>
    <t>100310.0</t>
  </si>
  <si>
    <t>2398.181</t>
  </si>
  <si>
    <t>95952.0</t>
  </si>
  <si>
    <t>3.702</t>
  </si>
  <si>
    <t>0.2567</t>
  </si>
  <si>
    <t>52150693.0</t>
  </si>
  <si>
    <t>21895835.0</t>
  </si>
  <si>
    <t>20353147.0</t>
  </si>
  <si>
    <t>9901711.0</t>
  </si>
  <si>
    <t>202409.0</t>
  </si>
  <si>
    <t>178660.0</t>
  </si>
  <si>
    <t>199.22</t>
  </si>
  <si>
    <t>83.64</t>
  </si>
  <si>
    <t>6825.0</t>
  </si>
  <si>
    <t>15437.0</t>
  </si>
  <si>
    <t>62235928.0</t>
  </si>
  <si>
    <t>72452.0</t>
  </si>
  <si>
    <t>2400.977</t>
  </si>
  <si>
    <t>91159.0</t>
  </si>
  <si>
    <t>3.517</t>
  </si>
  <si>
    <t>0.2743</t>
  </si>
  <si>
    <t>52258992.0</t>
  </si>
  <si>
    <t>21906946.0</t>
  </si>
  <si>
    <t>20360127.0</t>
  </si>
  <si>
    <t>9991919.0</t>
  </si>
  <si>
    <t>108299.0</t>
  </si>
  <si>
    <t>175876.0</t>
  </si>
  <si>
    <t>199.63</t>
  </si>
  <si>
    <t>83.69</t>
  </si>
  <si>
    <t>77.78</t>
  </si>
  <si>
    <t>38.17</t>
  </si>
  <si>
    <t>6719.0</t>
  </si>
  <si>
    <t>14732.0</t>
  </si>
  <si>
    <t>8.824</t>
  </si>
  <si>
    <t>62322827.0</t>
  </si>
  <si>
    <t>86899.0</t>
  </si>
  <si>
    <t>2404.329</t>
  </si>
  <si>
    <t>3.352</t>
  </si>
  <si>
    <t>90978.0</t>
  </si>
  <si>
    <t>0.2545</t>
  </si>
  <si>
    <t>52308370.0</t>
  </si>
  <si>
    <t>21911397.0</t>
  </si>
  <si>
    <t>20363428.0</t>
  </si>
  <si>
    <t>10033545.0</t>
  </si>
  <si>
    <t>172876.0</t>
  </si>
  <si>
    <t>199.82</t>
  </si>
  <si>
    <t>14045.0</t>
  </si>
  <si>
    <t>4620.6</t>
  </si>
  <si>
    <t>18.85</t>
  </si>
  <si>
    <t>176.510968808603</t>
  </si>
  <si>
    <t>8.481</t>
  </si>
  <si>
    <t>112.654</t>
  </si>
  <si>
    <t>62390424.0</t>
  </si>
  <si>
    <t>67597.0</t>
  </si>
  <si>
    <t>2406.937</t>
  </si>
  <si>
    <t>88845.0</t>
  </si>
  <si>
    <t>3.428</t>
  </si>
  <si>
    <t>0.2663</t>
  </si>
  <si>
    <t>52474947.0</t>
  </si>
  <si>
    <t>21922677.0</t>
  </si>
  <si>
    <t>20374213.0</t>
  </si>
  <si>
    <t>10178057.0</t>
  </si>
  <si>
    <t>166577.0</t>
  </si>
  <si>
    <t>165863.0</t>
  </si>
  <si>
    <t>200.46</t>
  </si>
  <si>
    <t>83.75</t>
  </si>
  <si>
    <t>38.88</t>
  </si>
  <si>
    <t>13073.0</t>
  </si>
  <si>
    <t>62448135.0</t>
  </si>
  <si>
    <t>57711.0</t>
  </si>
  <si>
    <t>2409.163</t>
  </si>
  <si>
    <t>84785.0</t>
  </si>
  <si>
    <t>3.271</t>
  </si>
  <si>
    <t>0.2671</t>
  </si>
  <si>
    <t>52635184.0</t>
  </si>
  <si>
    <t>21933086.0</t>
  </si>
  <si>
    <t>20384601.0</t>
  </si>
  <si>
    <t>10317497.0</t>
  </si>
  <si>
    <t>160237.0</t>
  </si>
  <si>
    <t>157389.0</t>
  </si>
  <si>
    <t>201.07</t>
  </si>
  <si>
    <t>77.87</t>
  </si>
  <si>
    <t>39.41</t>
  </si>
  <si>
    <t>6012.0</t>
  </si>
  <si>
    <t>12012.0</t>
  </si>
  <si>
    <t>62551107.0</t>
  </si>
  <si>
    <t>102972.0</t>
  </si>
  <si>
    <t>2413.136</t>
  </si>
  <si>
    <t>3.973</t>
  </si>
  <si>
    <t>83225.0</t>
  </si>
  <si>
    <t>3.211</t>
  </si>
  <si>
    <t>52791256.0</t>
  </si>
  <si>
    <t>21943571.0</t>
  </si>
  <si>
    <t>20393712.0</t>
  </si>
  <si>
    <t>10453973.0</t>
  </si>
  <si>
    <t>156072.0</t>
  </si>
  <si>
    <t>149140.0</t>
  </si>
  <si>
    <t>201.67</t>
  </si>
  <si>
    <t>5697.0</t>
  </si>
  <si>
    <t>11088.0</t>
  </si>
  <si>
    <t>2528.0</t>
  </si>
  <si>
    <t>96.572</t>
  </si>
  <si>
    <t>62656365.0</t>
  </si>
  <si>
    <t>105258.0</t>
  </si>
  <si>
    <t>2417.196</t>
  </si>
  <si>
    <t>4.061</t>
  </si>
  <si>
    <t>84743.0</t>
  </si>
  <si>
    <t>52941505.0</t>
  </si>
  <si>
    <t>21954313.0</t>
  </si>
  <si>
    <t>20403693.0</t>
  </si>
  <si>
    <t>10583499.0</t>
  </si>
  <si>
    <t>150249.0</t>
  </si>
  <si>
    <t>141889.0</t>
  </si>
  <si>
    <t>202.24</t>
  </si>
  <si>
    <t>40.43</t>
  </si>
  <si>
    <t>10503.0</t>
  </si>
  <si>
    <t>62746248.0</t>
  </si>
  <si>
    <t>89883.0</t>
  </si>
  <si>
    <t>2420.664</t>
  </si>
  <si>
    <t>3.468</t>
  </si>
  <si>
    <t>83253.0</t>
  </si>
  <si>
    <t>3.212</t>
  </si>
  <si>
    <t>0.2388</t>
  </si>
  <si>
    <t>53096563.0</t>
  </si>
  <si>
    <t>21967182.0</t>
  </si>
  <si>
    <t>20414450.0</t>
  </si>
  <si>
    <t>10714931.0</t>
  </si>
  <si>
    <t>155058.0</t>
  </si>
  <si>
    <t>135124.0</t>
  </si>
  <si>
    <t>202.83</t>
  </si>
  <si>
    <t>83.92</t>
  </si>
  <si>
    <t>40.93</t>
  </si>
  <si>
    <t>5162.0</t>
  </si>
  <si>
    <t>10192.0</t>
  </si>
  <si>
    <t>62825366.0</t>
  </si>
  <si>
    <t>79118.0</t>
  </si>
  <si>
    <t>2423.716</t>
  </si>
  <si>
    <t>3.052</t>
  </si>
  <si>
    <t>84205.0</t>
  </si>
  <si>
    <t>3.249</t>
  </si>
  <si>
    <t>0.2221</t>
  </si>
  <si>
    <t>53183572.0</t>
  </si>
  <si>
    <t>21976357.0</t>
  </si>
  <si>
    <t>20420498.0</t>
  </si>
  <si>
    <t>10786717.0</t>
  </si>
  <si>
    <t>87009.0</t>
  </si>
  <si>
    <t>132083.0</t>
  </si>
  <si>
    <t>203.17</t>
  </si>
  <si>
    <t>78.01</t>
  </si>
  <si>
    <t>41.21</t>
  </si>
  <si>
    <t>5046.0</t>
  </si>
  <si>
    <t>9916.0</t>
  </si>
  <si>
    <t>62891271.0</t>
  </si>
  <si>
    <t>65905.0</t>
  </si>
  <si>
    <t>2426.259</t>
  </si>
  <si>
    <t>81206.0</t>
  </si>
  <si>
    <t>3.133</t>
  </si>
  <si>
    <t>53224792.0</t>
  </si>
  <si>
    <t>21980295.0</t>
  </si>
  <si>
    <t>20423361.0</t>
  </si>
  <si>
    <t>10821136.0</t>
  </si>
  <si>
    <t>41220.0</t>
  </si>
  <si>
    <t>130917.0</t>
  </si>
  <si>
    <t>203.32</t>
  </si>
  <si>
    <t>41.34</t>
  </si>
  <si>
    <t>9843.0</t>
  </si>
  <si>
    <t>192.990826823586</t>
  </si>
  <si>
    <t>91.95</t>
  </si>
  <si>
    <t>62942737.0</t>
  </si>
  <si>
    <t>51466.0</t>
  </si>
  <si>
    <t>2428.244</t>
  </si>
  <si>
    <t>78902.0</t>
  </si>
  <si>
    <t>0.2374</t>
  </si>
  <si>
    <t>53365398.0</t>
  </si>
  <si>
    <t>21992267.0</t>
  </si>
  <si>
    <t>20433044.0</t>
  </si>
  <si>
    <t>10940087.0</t>
  </si>
  <si>
    <t>140606.0</t>
  </si>
  <si>
    <t>127207.0</t>
  </si>
  <si>
    <t>203.86</t>
  </si>
  <si>
    <t>9941.0</t>
  </si>
  <si>
    <t>63024944.0</t>
  </si>
  <si>
    <t>82207.0</t>
  </si>
  <si>
    <t>2431.416</t>
  </si>
  <si>
    <t>82401.0</t>
  </si>
  <si>
    <t>3.179</t>
  </si>
  <si>
    <t>0.2287</t>
  </si>
  <si>
    <t>53497461.0</t>
  </si>
  <si>
    <t>22004154.0</t>
  </si>
  <si>
    <t>20441976.0</t>
  </si>
  <si>
    <t>11051331.0</t>
  </si>
  <si>
    <t>132063.0</t>
  </si>
  <si>
    <t>123182.0</t>
  </si>
  <si>
    <t>204.36</t>
  </si>
  <si>
    <t>78.09</t>
  </si>
  <si>
    <t>4706.0</t>
  </si>
  <si>
    <t>63125647.0</t>
  </si>
  <si>
    <t>100703.0</t>
  </si>
  <si>
    <t>2435.301</t>
  </si>
  <si>
    <t>3.885</t>
  </si>
  <si>
    <t>82077.0</t>
  </si>
  <si>
    <t>3.166</t>
  </si>
  <si>
    <t>0.2729</t>
  </si>
  <si>
    <t>53621446.0</t>
  </si>
  <si>
    <t>22015487.0</t>
  </si>
  <si>
    <t>20450588.0</t>
  </si>
  <si>
    <t>11155371.0</t>
  </si>
  <si>
    <t>123985.0</t>
  </si>
  <si>
    <t>118599.0</t>
  </si>
  <si>
    <t>204.84</t>
  </si>
  <si>
    <t>42.61</t>
  </si>
  <si>
    <t>10274.0</t>
  </si>
  <si>
    <t>79.152</t>
  </si>
  <si>
    <t>63215179.0</t>
  </si>
  <si>
    <t>89532.0</t>
  </si>
  <si>
    <t>2438.755</t>
  </si>
  <si>
    <t>79831.0</t>
  </si>
  <si>
    <t>0.2876</t>
  </si>
  <si>
    <t>53744582.0</t>
  </si>
  <si>
    <t>22026289.0</t>
  </si>
  <si>
    <t>20459281.0</t>
  </si>
  <si>
    <t>11259012.0</t>
  </si>
  <si>
    <t>123136.0</t>
  </si>
  <si>
    <t>114725.0</t>
  </si>
  <si>
    <t>43.01</t>
  </si>
  <si>
    <t>10282.0</t>
  </si>
  <si>
    <t>63315728.0</t>
  </si>
  <si>
    <t>100549.0</t>
  </si>
  <si>
    <t>2442.634</t>
  </si>
  <si>
    <t>3.879</t>
  </si>
  <si>
    <t>81354.0</t>
  </si>
  <si>
    <t>3.139</t>
  </si>
  <si>
    <t>0.2762</t>
  </si>
  <si>
    <t>53866202.0</t>
  </si>
  <si>
    <t>22036909.0</t>
  </si>
  <si>
    <t>20468250.0</t>
  </si>
  <si>
    <t>11361043.0</t>
  </si>
  <si>
    <t>121620.0</t>
  </si>
  <si>
    <t>109948.0</t>
  </si>
  <si>
    <t>205.77</t>
  </si>
  <si>
    <t>78.19</t>
  </si>
  <si>
    <t>9961.0</t>
  </si>
  <si>
    <t>63394389.0</t>
  </si>
  <si>
    <t>78661.0</t>
  </si>
  <si>
    <t>2445.668</t>
  </si>
  <si>
    <t>3.035</t>
  </si>
  <si>
    <t>81289.0</t>
  </si>
  <si>
    <t>3.136</t>
  </si>
  <si>
    <t>0.2768</t>
  </si>
  <si>
    <t>53932803.0</t>
  </si>
  <si>
    <t>22044111.0</t>
  </si>
  <si>
    <t>20473343.0</t>
  </si>
  <si>
    <t>11415349.0</t>
  </si>
  <si>
    <t>66601.0</t>
  </si>
  <si>
    <t>107033.0</t>
  </si>
  <si>
    <t>206.03</t>
  </si>
  <si>
    <t>43.61</t>
  </si>
  <si>
    <t>4089.0</t>
  </si>
  <si>
    <t>9679.0</t>
  </si>
  <si>
    <t>5.195</t>
  </si>
  <si>
    <t>63465213.0</t>
  </si>
  <si>
    <t>70824.0</t>
  </si>
  <si>
    <t>2448.401</t>
  </si>
  <si>
    <t>2.732</t>
  </si>
  <si>
    <t>81992.0</t>
  </si>
  <si>
    <t>3.163</t>
  </si>
  <si>
    <t>0.2801</t>
  </si>
  <si>
    <t>53963467.0</t>
  </si>
  <si>
    <t>22047151.0</t>
  </si>
  <si>
    <t>20475638.0</t>
  </si>
  <si>
    <t>11440678.0</t>
  </si>
  <si>
    <t>30664.0</t>
  </si>
  <si>
    <t>105525.0</t>
  </si>
  <si>
    <t>206.15</t>
  </si>
  <si>
    <t>43.7</t>
  </si>
  <si>
    <t>206.972347531708</t>
  </si>
  <si>
    <t>5.004</t>
  </si>
  <si>
    <t>63523582.0</t>
  </si>
  <si>
    <t>58369.0</t>
  </si>
  <si>
    <t>2450.653</t>
  </si>
  <si>
    <t>82978.0</t>
  </si>
  <si>
    <t>3.201</t>
  </si>
  <si>
    <t>0.2772</t>
  </si>
  <si>
    <t>54065507.0</t>
  </si>
  <si>
    <t>22055898.0</t>
  </si>
  <si>
    <t>20483240.0</t>
  </si>
  <si>
    <t>11526369.0</t>
  </si>
  <si>
    <t>102040.0</t>
  </si>
  <si>
    <t>100016.0</t>
  </si>
  <si>
    <t>206.53</t>
  </si>
  <si>
    <t>3821.0</t>
  </si>
  <si>
    <t>9090.0</t>
  </si>
  <si>
    <t>63593367.0</t>
  </si>
  <si>
    <t>69785.0</t>
  </si>
  <si>
    <t>2453.345</t>
  </si>
  <si>
    <t>81203.0</t>
  </si>
  <si>
    <t>0.2771</t>
  </si>
  <si>
    <t>54155508.0</t>
  </si>
  <si>
    <t>22063566.0</t>
  </si>
  <si>
    <t>20490408.0</t>
  </si>
  <si>
    <t>11601534.0</t>
  </si>
  <si>
    <t>90001.0</t>
  </si>
  <si>
    <t>94007.0</t>
  </si>
  <si>
    <t>206.88</t>
  </si>
  <si>
    <t>44.32</t>
  </si>
  <si>
    <t>8487.0</t>
  </si>
  <si>
    <t>63691521.0</t>
  </si>
  <si>
    <t>98154.0</t>
  </si>
  <si>
    <t>2457.131</t>
  </si>
  <si>
    <t>80839.0</t>
  </si>
  <si>
    <t>0.3052</t>
  </si>
  <si>
    <t>54241892.0</t>
  </si>
  <si>
    <t>22070693.0</t>
  </si>
  <si>
    <t>20497591.0</t>
  </si>
  <si>
    <t>11673608.0</t>
  </si>
  <si>
    <t>86384.0</t>
  </si>
  <si>
    <t>88635.0</t>
  </si>
  <si>
    <t>207.21</t>
  </si>
  <si>
    <t>44.59</t>
  </si>
  <si>
    <t>7887.0</t>
  </si>
  <si>
    <t>4.202</t>
  </si>
  <si>
    <t>63786457.0</t>
  </si>
  <si>
    <t>94936.0</t>
  </si>
  <si>
    <t>2460.794</t>
  </si>
  <si>
    <t>3.663</t>
  </si>
  <si>
    <t>81611.0</t>
  </si>
  <si>
    <t>3.148</t>
  </si>
  <si>
    <t>0.2996</t>
  </si>
  <si>
    <t>54327853.0</t>
  </si>
  <si>
    <t>22078148.0</t>
  </si>
  <si>
    <t>20505135.0</t>
  </si>
  <si>
    <t>11744570.0</t>
  </si>
  <si>
    <t>85961.0</t>
  </si>
  <si>
    <t>83324.0</t>
  </si>
  <si>
    <t>207.54</t>
  </si>
  <si>
    <t>63878542.0</t>
  </si>
  <si>
    <t>92085.0</t>
  </si>
  <si>
    <t>2464.346</t>
  </si>
  <si>
    <t>80402.0</t>
  </si>
  <si>
    <t>3.102</t>
  </si>
  <si>
    <t>54418534.0</t>
  </si>
  <si>
    <t>22085942.0</t>
  </si>
  <si>
    <t>20513850.0</t>
  </si>
  <si>
    <t>11818742.0</t>
  </si>
  <si>
    <t>90681.0</t>
  </si>
  <si>
    <t>78905.0</t>
  </si>
  <si>
    <t>207.88</t>
  </si>
  <si>
    <t>7005.0</t>
  </si>
  <si>
    <t>63958888.0</t>
  </si>
  <si>
    <t>2467.446</t>
  </si>
  <si>
    <t>80643.0</t>
  </si>
  <si>
    <t>3.111</t>
  </si>
  <si>
    <t>0.3081</t>
  </si>
  <si>
    <t>54469705.0</t>
  </si>
  <si>
    <t>22091094.0</t>
  </si>
  <si>
    <t>20520964.0</t>
  </si>
  <si>
    <t>11857647.0</t>
  </si>
  <si>
    <t>51171.0</t>
  </si>
  <si>
    <t>76700.0</t>
  </si>
  <si>
    <t>208.08</t>
  </si>
  <si>
    <t>6712.0</t>
  </si>
  <si>
    <t>69.105</t>
  </si>
  <si>
    <t>64028929.0</t>
  </si>
  <si>
    <t>70041.0</t>
  </si>
  <si>
    <t>2470.148</t>
  </si>
  <si>
    <t>2.702</t>
  </si>
  <si>
    <t>80531.0</t>
  </si>
  <si>
    <t>3.107</t>
  </si>
  <si>
    <t>0.3098</t>
  </si>
  <si>
    <t>54492395.0</t>
  </si>
  <si>
    <t>22093332.0</t>
  </si>
  <si>
    <t>20524493.0</t>
  </si>
  <si>
    <t>11874570.0</t>
  </si>
  <si>
    <t>22690.0</t>
  </si>
  <si>
    <t>75561.0</t>
  </si>
  <si>
    <t>208.17</t>
  </si>
  <si>
    <t>45.36</t>
  </si>
  <si>
    <t>6597.0</t>
  </si>
  <si>
    <t>5777.4</t>
  </si>
  <si>
    <t>220.701742456568</t>
  </si>
  <si>
    <t>64093950.0</t>
  </si>
  <si>
    <t>65021.0</t>
  </si>
  <si>
    <t>2472.657</t>
  </si>
  <si>
    <t>81481.0</t>
  </si>
  <si>
    <t>3.143</t>
  </si>
  <si>
    <t>0.3404</t>
  </si>
  <si>
    <t>54570032.0</t>
  </si>
  <si>
    <t>22098997.0</t>
  </si>
  <si>
    <t>20543714.0</t>
  </si>
  <si>
    <t>11927321.0</t>
  </si>
  <si>
    <t>77637.0</t>
  </si>
  <si>
    <t>72075.0</t>
  </si>
  <si>
    <t>208.46</t>
  </si>
  <si>
    <t>6157.0</t>
  </si>
  <si>
    <t>64165448.0</t>
  </si>
  <si>
    <t>71498.0</t>
  </si>
  <si>
    <t>2475.415</t>
  </si>
  <si>
    <t>81726.0</t>
  </si>
  <si>
    <t>3.153</t>
  </si>
  <si>
    <t>54659334.0</t>
  </si>
  <si>
    <t>22105692.0</t>
  </si>
  <si>
    <t>20568346.0</t>
  </si>
  <si>
    <t>11985296.0</t>
  </si>
  <si>
    <t>89302.0</t>
  </si>
  <si>
    <t>71975.0</t>
  </si>
  <si>
    <t>208.8</t>
  </si>
  <si>
    <t>6018.0</t>
  </si>
  <si>
    <t>1688.0</t>
  </si>
  <si>
    <t>64.483</t>
  </si>
  <si>
    <t>64265447.0</t>
  </si>
  <si>
    <t>99999.0</t>
  </si>
  <si>
    <t>2479.273</t>
  </si>
  <si>
    <t>81989.0</t>
  </si>
  <si>
    <t>0.3475</t>
  </si>
  <si>
    <t>54749553.0</t>
  </si>
  <si>
    <t>22111780.0</t>
  </si>
  <si>
    <t>20596172.0</t>
  </si>
  <si>
    <t>12041601.0</t>
  </si>
  <si>
    <t>90219.0</t>
  </si>
  <si>
    <t>72523.0</t>
  </si>
  <si>
    <t>209.15</t>
  </si>
  <si>
    <t>64359555.0</t>
  </si>
  <si>
    <t>94108.0</t>
  </si>
  <si>
    <t>2482.903</t>
  </si>
  <si>
    <t>3.158</t>
  </si>
  <si>
    <t>0.3594</t>
  </si>
  <si>
    <t>54842227.0</t>
  </si>
  <si>
    <t>22117596.0</t>
  </si>
  <si>
    <t>20626131.0</t>
  </si>
  <si>
    <t>12098500.0</t>
  </si>
  <si>
    <t>92674.0</t>
  </si>
  <si>
    <t>73482.0</t>
  </si>
  <si>
    <t>209.5</t>
  </si>
  <si>
    <t>84.49</t>
  </si>
  <si>
    <t>46.22</t>
  </si>
  <si>
    <t>3.705</t>
  </si>
  <si>
    <t>64470080.0</t>
  </si>
  <si>
    <t>110525.0</t>
  </si>
  <si>
    <t>2487.167</t>
  </si>
  <si>
    <t>84505.0</t>
  </si>
  <si>
    <t>54948620.0</t>
  </si>
  <si>
    <t>22124182.0</t>
  </si>
  <si>
    <t>20661863.0</t>
  </si>
  <si>
    <t>12162575.0</t>
  </si>
  <si>
    <t>106393.0</t>
  </si>
  <si>
    <t>75727.0</t>
  </si>
  <si>
    <t>209.91</t>
  </si>
  <si>
    <t>46.46</t>
  </si>
  <si>
    <t>5463.0</t>
  </si>
  <si>
    <t>64555122.0</t>
  </si>
  <si>
    <t>85042.0</t>
  </si>
  <si>
    <t>2490.448</t>
  </si>
  <si>
    <t>3.281</t>
  </si>
  <si>
    <t>3.286</t>
  </si>
  <si>
    <t>0.3932</t>
  </si>
  <si>
    <t>55020466.0</t>
  </si>
  <si>
    <t>22128293.0</t>
  </si>
  <si>
    <t>20696352.0</t>
  </si>
  <si>
    <t>12195821.0</t>
  </si>
  <si>
    <t>71846.0</t>
  </si>
  <si>
    <t>78680.0</t>
  </si>
  <si>
    <t>210.18</t>
  </si>
  <si>
    <t>46.59</t>
  </si>
  <si>
    <t>64640707.0</t>
  </si>
  <si>
    <t>85585.0</t>
  </si>
  <si>
    <t>2493.75</t>
  </si>
  <si>
    <t>3.302</t>
  </si>
  <si>
    <t>0.3902</t>
  </si>
  <si>
    <t>55054842.0</t>
  </si>
  <si>
    <t>22130630.0</t>
  </si>
  <si>
    <t>20714246.0</t>
  </si>
  <si>
    <t>12209966.0</t>
  </si>
  <si>
    <t>34376.0</t>
  </si>
  <si>
    <t>80350.0</t>
  </si>
  <si>
    <t>210.31</t>
  </si>
  <si>
    <t>5933.2</t>
  </si>
  <si>
    <t>226.653438976583</t>
  </si>
  <si>
    <t>1801.0</t>
  </si>
  <si>
    <t>64710352.0</t>
  </si>
  <si>
    <t>69645.0</t>
  </si>
  <si>
    <t>2496.436</t>
  </si>
  <si>
    <t>2.687</t>
  </si>
  <si>
    <t>88057.0</t>
  </si>
  <si>
    <t>3.397</t>
  </si>
  <si>
    <t>55128376.0</t>
  </si>
  <si>
    <t>22135420.0</t>
  </si>
  <si>
    <t>20743572.0</t>
  </si>
  <si>
    <t>12249384.0</t>
  </si>
  <si>
    <t>73534.0</t>
  </si>
  <si>
    <t>79763.0</t>
  </si>
  <si>
    <t>210.6</t>
  </si>
  <si>
    <t>64787909.0</t>
  </si>
  <si>
    <t>77557.0</t>
  </si>
  <si>
    <t>2499.429</t>
  </si>
  <si>
    <t>2.992</t>
  </si>
  <si>
    <t>88923.0</t>
  </si>
  <si>
    <t>3.431</t>
  </si>
  <si>
    <t>0.3954</t>
  </si>
  <si>
    <t>55224388.0</t>
  </si>
  <si>
    <t>22141043.0</t>
  </si>
  <si>
    <t>20780753.0</t>
  </si>
  <si>
    <t>12302592.0</t>
  </si>
  <si>
    <t>96012.0</t>
  </si>
  <si>
    <t>80722.0</t>
  </si>
  <si>
    <t>210.96</t>
  </si>
  <si>
    <t>79.38</t>
  </si>
  <si>
    <t>5050.0</t>
  </si>
  <si>
    <t>64889929.0</t>
  </si>
  <si>
    <t>102020.0</t>
  </si>
  <si>
    <t>2503.364</t>
  </si>
  <si>
    <t>3.936</t>
  </si>
  <si>
    <t>89212.0</t>
  </si>
  <si>
    <t>3.442</t>
  </si>
  <si>
    <t>0.4275</t>
  </si>
  <si>
    <t>55316946.0</t>
  </si>
  <si>
    <t>22146677.0</t>
  </si>
  <si>
    <t>20817597.0</t>
  </si>
  <si>
    <t>12352672.0</t>
  </si>
  <si>
    <t>92558.0</t>
  </si>
  <si>
    <t>211.32</t>
  </si>
  <si>
    <t>65010968.0</t>
  </si>
  <si>
    <t>121039.0</t>
  </si>
  <si>
    <t>2508.034</t>
  </si>
  <si>
    <t>93059.0</t>
  </si>
  <si>
    <t>0.4366</t>
  </si>
  <si>
    <t>55408135.0</t>
  </si>
  <si>
    <t>22152482.0</t>
  </si>
  <si>
    <t>20852962.0</t>
  </si>
  <si>
    <t>12402691.0</t>
  </si>
  <si>
    <t>91189.0</t>
  </si>
  <si>
    <t>80844.0</t>
  </si>
  <si>
    <t>211.66</t>
  </si>
  <si>
    <t>79.66</t>
  </si>
  <si>
    <t>47.38</t>
  </si>
  <si>
    <t>4984.0</t>
  </si>
  <si>
    <t>3.247</t>
  </si>
  <si>
    <t>65112260.0</t>
  </si>
  <si>
    <t>101292.0</t>
  </si>
  <si>
    <t>2511.942</t>
  </si>
  <si>
    <t>3.908</t>
  </si>
  <si>
    <t>91740.0</t>
  </si>
  <si>
    <t>3.539</t>
  </si>
  <si>
    <t>0.4614</t>
  </si>
  <si>
    <t>55507339.0</t>
  </si>
  <si>
    <t>22158259.0</t>
  </si>
  <si>
    <t>20893155.0</t>
  </si>
  <si>
    <t>12455925.0</t>
  </si>
  <si>
    <t>99204.0</t>
  </si>
  <si>
    <t>79817.0</t>
  </si>
  <si>
    <t>212.04</t>
  </si>
  <si>
    <t>47.58</t>
  </si>
  <si>
    <t>65221844.0</t>
  </si>
  <si>
    <t>109584.0</t>
  </si>
  <si>
    <t>2516.169</t>
  </si>
  <si>
    <t>4.228</t>
  </si>
  <si>
    <t>95246.0</t>
  </si>
  <si>
    <t>3.674</t>
  </si>
  <si>
    <t>0.4555</t>
  </si>
  <si>
    <t>55577748.0</t>
  </si>
  <si>
    <t>22162034.0</t>
  </si>
  <si>
    <t>20931268.0</t>
  </si>
  <si>
    <t>12484446.0</t>
  </si>
  <si>
    <t>70409.0</t>
  </si>
  <si>
    <t>79612.0</t>
  </si>
  <si>
    <t>212.31</t>
  </si>
  <si>
    <t>47.69</t>
  </si>
  <si>
    <t>3041.0</t>
  </si>
  <si>
    <t>4820.0</t>
  </si>
  <si>
    <t>65324860.0</t>
  </si>
  <si>
    <t>103016.0</t>
  </si>
  <si>
    <t>2520.143</t>
  </si>
  <si>
    <t>3.974</t>
  </si>
  <si>
    <t>97736.0</t>
  </si>
  <si>
    <t>0.4684</t>
  </si>
  <si>
    <t>55613993.0</t>
  </si>
  <si>
    <t>22163996.0</t>
  </si>
  <si>
    <t>20952845.0</t>
  </si>
  <si>
    <t>12497152.0</t>
  </si>
  <si>
    <t>36245.0</t>
  </si>
  <si>
    <t>79879.0</t>
  </si>
  <si>
    <t>212.45</t>
  </si>
  <si>
    <t>4767.0</t>
  </si>
  <si>
    <t>6287.2</t>
  </si>
  <si>
    <t>240.176549169685</t>
  </si>
  <si>
    <t>65406558.0</t>
  </si>
  <si>
    <t>81698.0</t>
  </si>
  <si>
    <t>2523.295</t>
  </si>
  <si>
    <t>3.152</t>
  </si>
  <si>
    <t>99458.0</t>
  </si>
  <si>
    <t>3.837</t>
  </si>
  <si>
    <t>0.4951</t>
  </si>
  <si>
    <t>55700491.0</t>
  </si>
  <si>
    <t>22169145.0</t>
  </si>
  <si>
    <t>20988310.0</t>
  </si>
  <si>
    <t>12543036.0</t>
  </si>
  <si>
    <t>86498.0</t>
  </si>
  <si>
    <t>81731.0</t>
  </si>
  <si>
    <t>212.78</t>
  </si>
  <si>
    <t>47.92</t>
  </si>
  <si>
    <t>4818.0</t>
  </si>
  <si>
    <t>2104.0</t>
  </si>
  <si>
    <t>80.375</t>
  </si>
  <si>
    <t>65446475.0</t>
  </si>
  <si>
    <t>39917.0</t>
  </si>
  <si>
    <t>2524.835</t>
  </si>
  <si>
    <t>94081.0</t>
  </si>
  <si>
    <t>0.5284</t>
  </si>
  <si>
    <t>55783094.0</t>
  </si>
  <si>
    <t>22174087.0</t>
  </si>
  <si>
    <t>21020180.0</t>
  </si>
  <si>
    <t>12588827.0</t>
  </si>
  <si>
    <t>82603.0</t>
  </si>
  <si>
    <t>79815.0</t>
  </si>
  <si>
    <t>213.1</t>
  </si>
  <si>
    <t>84.71</t>
  </si>
  <si>
    <t>80.3</t>
  </si>
  <si>
    <t>4721.0</t>
  </si>
  <si>
    <t>3.896</t>
  </si>
  <si>
    <t>2149.0</t>
  </si>
  <si>
    <t>65592780.0</t>
  </si>
  <si>
    <t>146305.0</t>
  </si>
  <si>
    <t>2530.479</t>
  </si>
  <si>
    <t>5.644</t>
  </si>
  <si>
    <t>100407.0</t>
  </si>
  <si>
    <t>3.874</t>
  </si>
  <si>
    <t>0.4987</t>
  </si>
  <si>
    <t>55854308.0</t>
  </si>
  <si>
    <t>22178419.0</t>
  </si>
  <si>
    <t>21043844.0</t>
  </si>
  <si>
    <t>12632045.0</t>
  </si>
  <si>
    <t>71214.0</t>
  </si>
  <si>
    <t>76766.0</t>
  </si>
  <si>
    <t>84.72</t>
  </si>
  <si>
    <t>48.26</t>
  </si>
  <si>
    <t>65706632.0</t>
  </si>
  <si>
    <t>2534.872</t>
  </si>
  <si>
    <t>4.392</t>
  </si>
  <si>
    <t>99381.0</t>
  </si>
  <si>
    <t>0.5292</t>
  </si>
  <si>
    <t>55932910.0</t>
  </si>
  <si>
    <t>22183299.0</t>
  </si>
  <si>
    <t>21072503.0</t>
  </si>
  <si>
    <t>12677108.0</t>
  </si>
  <si>
    <t>78602.0</t>
  </si>
  <si>
    <t>74968.0</t>
  </si>
  <si>
    <t>213.67</t>
  </si>
  <si>
    <t>84.74</t>
  </si>
  <si>
    <t>80.5</t>
  </si>
  <si>
    <t>4402.0</t>
  </si>
  <si>
    <t>65836260.0</t>
  </si>
  <si>
    <t>129628.0</t>
  </si>
  <si>
    <t>2539.872</t>
  </si>
  <si>
    <t>5.001</t>
  </si>
  <si>
    <t>103429.0</t>
  </si>
  <si>
    <t>0.5099</t>
  </si>
  <si>
    <t>56017618.0</t>
  </si>
  <si>
    <t>22188155.0</t>
  </si>
  <si>
    <t>21104880.0</t>
  </si>
  <si>
    <t>12724583.0</t>
  </si>
  <si>
    <t>84708.0</t>
  </si>
  <si>
    <t>72897.0</t>
  </si>
  <si>
    <t>84.76</t>
  </si>
  <si>
    <t>80.62</t>
  </si>
  <si>
    <t>48.61</t>
  </si>
  <si>
    <t>2785.0</t>
  </si>
  <si>
    <t>4271.0</t>
  </si>
  <si>
    <t>65953829.0</t>
  </si>
  <si>
    <t>117569.0</t>
  </si>
  <si>
    <t>2544.408</t>
  </si>
  <si>
    <t>4.536</t>
  </si>
  <si>
    <t>104569.0</t>
  </si>
  <si>
    <t>4.034</t>
  </si>
  <si>
    <t>0.5124</t>
  </si>
  <si>
    <t>56077605.0</t>
  </si>
  <si>
    <t>22191506.0</t>
  </si>
  <si>
    <t>21136762.0</t>
  </si>
  <si>
    <t>12749337.0</t>
  </si>
  <si>
    <t>59987.0</t>
  </si>
  <si>
    <t>71408.0</t>
  </si>
  <si>
    <t>214.22</t>
  </si>
  <si>
    <t>84.77</t>
  </si>
  <si>
    <t>80.74</t>
  </si>
  <si>
    <t>48.7</t>
  </si>
  <si>
    <t>4210.0</t>
  </si>
  <si>
    <t>66069576.0</t>
  </si>
  <si>
    <t>115747.0</t>
  </si>
  <si>
    <t>2548.873</t>
  </si>
  <si>
    <t>4.465</t>
  </si>
  <si>
    <t>106388.0</t>
  </si>
  <si>
    <t>4.104</t>
  </si>
  <si>
    <t>56107787.0</t>
  </si>
  <si>
    <t>22193476.0</t>
  </si>
  <si>
    <t>21153372.0</t>
  </si>
  <si>
    <t>12760939.0</t>
  </si>
  <si>
    <t>30182.0</t>
  </si>
  <si>
    <t>70542.0</t>
  </si>
  <si>
    <t>214.34</t>
  </si>
  <si>
    <t>84.78</t>
  </si>
  <si>
    <t>80.81</t>
  </si>
  <si>
    <t>48.75</t>
  </si>
  <si>
    <t>6607.2</t>
  </si>
  <si>
    <t>252.400829570229</t>
  </si>
  <si>
    <t>66168140.0</t>
  </si>
  <si>
    <t>98564.0</t>
  </si>
  <si>
    <t>2552.676</t>
  </si>
  <si>
    <t>3.802</t>
  </si>
  <si>
    <t>108797.0</t>
  </si>
  <si>
    <t>4.197</t>
  </si>
  <si>
    <t>0.5062</t>
  </si>
  <si>
    <t>56179315.0</t>
  </si>
  <si>
    <t>22198092.0</t>
  </si>
  <si>
    <t>21179377.0</t>
  </si>
  <si>
    <t>12801846.0</t>
  </si>
  <si>
    <t>71528.0</t>
  </si>
  <si>
    <t>68403.0</t>
  </si>
  <si>
    <t>214.61</t>
  </si>
  <si>
    <t>84.8</t>
  </si>
  <si>
    <t>80.91</t>
  </si>
  <si>
    <t>2446.0</t>
  </si>
  <si>
    <t>66276358.0</t>
  </si>
  <si>
    <t>108218.0</t>
  </si>
  <si>
    <t>2556.851</t>
  </si>
  <si>
    <t>4.175</t>
  </si>
  <si>
    <t>118555.0</t>
  </si>
  <si>
    <t>4.574</t>
  </si>
  <si>
    <t>0.4741</t>
  </si>
  <si>
    <t>56242913.0</t>
  </si>
  <si>
    <t>22202366.0</t>
  </si>
  <si>
    <t>21200432.0</t>
  </si>
  <si>
    <t>12840115.0</t>
  </si>
  <si>
    <t>63598.0</t>
  </si>
  <si>
    <t>65688.0</t>
  </si>
  <si>
    <t>214.85</t>
  </si>
  <si>
    <t>80.99</t>
  </si>
  <si>
    <t>66416441.0</t>
  </si>
  <si>
    <t>140083.0</t>
  </si>
  <si>
    <t>2562.255</t>
  </si>
  <si>
    <t>5.404</t>
  </si>
  <si>
    <t>117666.0</t>
  </si>
  <si>
    <t>4.539</t>
  </si>
  <si>
    <t>0.4783</t>
  </si>
  <si>
    <t>56303174.0</t>
  </si>
  <si>
    <t>22206384.0</t>
  </si>
  <si>
    <t>21219755.0</t>
  </si>
  <si>
    <t>12877035.0</t>
  </si>
  <si>
    <t>60261.0</t>
  </si>
  <si>
    <t>64124.0</t>
  </si>
  <si>
    <t>215.08</t>
  </si>
  <si>
    <t>84.83</t>
  </si>
  <si>
    <t>49.19</t>
  </si>
  <si>
    <t>3.362</t>
  </si>
  <si>
    <t>66546212.0</t>
  </si>
  <si>
    <t>129771.0</t>
  </si>
  <si>
    <t>2567.261</t>
  </si>
  <si>
    <t>5.006</t>
  </si>
  <si>
    <t>119940.0</t>
  </si>
  <si>
    <t>4.627</t>
  </si>
  <si>
    <t>0.4676</t>
  </si>
  <si>
    <t>56362692.0</t>
  </si>
  <si>
    <t>22210293.0</t>
  </si>
  <si>
    <t>21240452.0</t>
  </si>
  <si>
    <t>12911947.0</t>
  </si>
  <si>
    <t>59518.0</t>
  </si>
  <si>
    <t>61397.0</t>
  </si>
  <si>
    <t>215.31</t>
  </si>
  <si>
    <t>84.85</t>
  </si>
  <si>
    <t>81.14</t>
  </si>
  <si>
    <t>49.32</t>
  </si>
  <si>
    <t>66680026.0</t>
  </si>
  <si>
    <t>133814.0</t>
  </si>
  <si>
    <t>2572.424</t>
  </si>
  <si>
    <t>5.162</t>
  </si>
  <si>
    <t>120538.0</t>
  </si>
  <si>
    <t>0.4737</t>
  </si>
  <si>
    <t>56421957.0</t>
  </si>
  <si>
    <t>22214445.0</t>
  </si>
  <si>
    <t>21260487.0</t>
  </si>
  <si>
    <t>12947025.0</t>
  </si>
  <si>
    <t>59265.0</t>
  </si>
  <si>
    <t>57763.0</t>
  </si>
  <si>
    <t>215.54</t>
  </si>
  <si>
    <t>84.86</t>
  </si>
  <si>
    <t>66788210.0</t>
  </si>
  <si>
    <t>108184.0</t>
  </si>
  <si>
    <t>2576.597</t>
  </si>
  <si>
    <t>4.174</t>
  </si>
  <si>
    <t>119197.0</t>
  </si>
  <si>
    <t>4.598</t>
  </si>
  <si>
    <t>0.4807</t>
  </si>
  <si>
    <t>56461823.0</t>
  </si>
  <si>
    <t>22217203.0</t>
  </si>
  <si>
    <t>21280501.0</t>
  </si>
  <si>
    <t>12964119.0</t>
  </si>
  <si>
    <t>39866.0</t>
  </si>
  <si>
    <t>54888.0</t>
  </si>
  <si>
    <t>215.69</t>
  </si>
  <si>
    <t>84.87</t>
  </si>
  <si>
    <t>49.52</t>
  </si>
  <si>
    <t>3671.0</t>
  </si>
  <si>
    <t>66887250.0</t>
  </si>
  <si>
    <t>99040.0</t>
  </si>
  <si>
    <t>2580.418</t>
  </si>
  <si>
    <t>116811.0</t>
  </si>
  <si>
    <t>4.506</t>
  </si>
  <si>
    <t>0.4778</t>
  </si>
  <si>
    <t>56481559.0</t>
  </si>
  <si>
    <t>22218298.0</t>
  </si>
  <si>
    <t>21291087.0</t>
  </si>
  <si>
    <t>12972174.0</t>
  </si>
  <si>
    <t>19736.0</t>
  </si>
  <si>
    <t>53396.0</t>
  </si>
  <si>
    <t>215.76</t>
  </si>
  <si>
    <t>84.88</t>
  </si>
  <si>
    <t>49.55</t>
  </si>
  <si>
    <t>3546.0</t>
  </si>
  <si>
    <t>6974.8</t>
  </si>
  <si>
    <t>266.443471680353</t>
  </si>
  <si>
    <t>66984863.0</t>
  </si>
  <si>
    <t>97613.0</t>
  </si>
  <si>
    <t>2584.184</t>
  </si>
  <si>
    <t>3.766</t>
  </si>
  <si>
    <t>116675.0</t>
  </si>
  <si>
    <t>4.501</t>
  </si>
  <si>
    <t>56532490.0</t>
  </si>
  <si>
    <t>22222194.0</t>
  </si>
  <si>
    <t>21307694.0</t>
  </si>
  <si>
    <t>13002602.0</t>
  </si>
  <si>
    <t>50931.0</t>
  </si>
  <si>
    <t>50454.0</t>
  </si>
  <si>
    <t>215.96</t>
  </si>
  <si>
    <t>84.89</t>
  </si>
  <si>
    <t>81.4</t>
  </si>
  <si>
    <t>49.67</t>
  </si>
  <si>
    <t>2811.0</t>
  </si>
  <si>
    <t>67085597.0</t>
  </si>
  <si>
    <t>100734.0</t>
  </si>
  <si>
    <t>2588.07</t>
  </si>
  <si>
    <t>3.886</t>
  </si>
  <si>
    <t>115606.0</t>
  </si>
  <si>
    <t>0.4952</t>
  </si>
  <si>
    <t>56579444.0</t>
  </si>
  <si>
    <t>22225434.0</t>
  </si>
  <si>
    <t>21322046.0</t>
  </si>
  <si>
    <t>13031964.0</t>
  </si>
  <si>
    <t>46954.0</t>
  </si>
  <si>
    <t>48076.0</t>
  </si>
  <si>
    <t>216.14</t>
  </si>
  <si>
    <t>84.9</t>
  </si>
  <si>
    <t>49.78</t>
  </si>
  <si>
    <t>3295.0</t>
  </si>
  <si>
    <t>67219381.0</t>
  </si>
  <si>
    <t>133784.0</t>
  </si>
  <si>
    <t>2593.231</t>
  </si>
  <si>
    <t>5.161</t>
  </si>
  <si>
    <t>114706.0</t>
  </si>
  <si>
    <t>4.425</t>
  </si>
  <si>
    <t>56624383.0</t>
  </si>
  <si>
    <t>22228650.0</t>
  </si>
  <si>
    <t>21335439.0</t>
  </si>
  <si>
    <t>13060294.0</t>
  </si>
  <si>
    <t>44939.0</t>
  </si>
  <si>
    <t>45887.0</t>
  </si>
  <si>
    <t>216.31</t>
  </si>
  <si>
    <t>84.92</t>
  </si>
  <si>
    <t>3181.0</t>
  </si>
  <si>
    <t>107.65</t>
  </si>
  <si>
    <t>67351674.0</t>
  </si>
  <si>
    <t>132293.0</t>
  </si>
  <si>
    <t>2598.335</t>
  </si>
  <si>
    <t>5.104</t>
  </si>
  <si>
    <t>115066.0</t>
  </si>
  <si>
    <t>4.439</t>
  </si>
  <si>
    <t>0.4944</t>
  </si>
  <si>
    <t>56668400.0</t>
  </si>
  <si>
    <t>22231734.0</t>
  </si>
  <si>
    <t>21348489.0</t>
  </si>
  <si>
    <t>13088177.0</t>
  </si>
  <si>
    <t>44017.0</t>
  </si>
  <si>
    <t>43673.0</t>
  </si>
  <si>
    <t>216.48</t>
  </si>
  <si>
    <t>67478280.0</t>
  </si>
  <si>
    <t>126606.0</t>
  </si>
  <si>
    <t>2603.219</t>
  </si>
  <si>
    <t>4.884</t>
  </si>
  <si>
    <t>114036.0</t>
  </si>
  <si>
    <t>4.399</t>
  </si>
  <si>
    <t>0.4916</t>
  </si>
  <si>
    <t>56715194.0</t>
  </si>
  <si>
    <t>21363417.0</t>
  </si>
  <si>
    <t>13116627.0</t>
  </si>
  <si>
    <t>46794.0</t>
  </si>
  <si>
    <t>41891.0</t>
  </si>
  <si>
    <t>216.66</t>
  </si>
  <si>
    <t>50.11</t>
  </si>
  <si>
    <t>67583985.0</t>
  </si>
  <si>
    <t>105705.0</t>
  </si>
  <si>
    <t>2607.297</t>
  </si>
  <si>
    <t>4.078</t>
  </si>
  <si>
    <t>113682.0</t>
  </si>
  <si>
    <t>4.386</t>
  </si>
  <si>
    <t>0.4818</t>
  </si>
  <si>
    <t>56738523.0</t>
  </si>
  <si>
    <t>21372943.0</t>
  </si>
  <si>
    <t>13128699.0</t>
  </si>
  <si>
    <t>23329.0</t>
  </si>
  <si>
    <t>39529.0</t>
  </si>
  <si>
    <t>216.75</t>
  </si>
  <si>
    <t>3092.0</t>
  </si>
  <si>
    <t>67680643.0</t>
  </si>
  <si>
    <t>96658.0</t>
  </si>
  <si>
    <t>2611.026</t>
  </si>
  <si>
    <t>113342.0</t>
  </si>
  <si>
    <t>4.373</t>
  </si>
  <si>
    <t>0.4934</t>
  </si>
  <si>
    <t>56902635.0</t>
  </si>
  <si>
    <t>21378262.0</t>
  </si>
  <si>
    <t>13286513.0</t>
  </si>
  <si>
    <t>164112.0</t>
  </si>
  <si>
    <t>60154.0</t>
  </si>
  <si>
    <t>217.37</t>
  </si>
  <si>
    <t>81.67</t>
  </si>
  <si>
    <t>50.76</t>
  </si>
  <si>
    <t>7360.6</t>
  </si>
  <si>
    <t>12.62</t>
  </si>
  <si>
    <t>281.181369738259</t>
  </si>
  <si>
    <t>120.142</t>
  </si>
  <si>
    <t>67762200.0</t>
  </si>
  <si>
    <t>81557.0</t>
  </si>
  <si>
    <t>2614.173</t>
  </si>
  <si>
    <t>3.146</t>
  </si>
  <si>
    <t>111048.0</t>
  </si>
  <si>
    <t>4.284</t>
  </si>
  <si>
    <t>0.4917</t>
  </si>
  <si>
    <t>56956090.0</t>
  </si>
  <si>
    <t>21396664.0</t>
  </si>
  <si>
    <t>13317459.0</t>
  </si>
  <si>
    <t>53455.0</t>
  </si>
  <si>
    <t>60514.0</t>
  </si>
  <si>
    <t>217.58</t>
  </si>
  <si>
    <t>81.74</t>
  </si>
  <si>
    <t>67847632.0</t>
  </si>
  <si>
    <t>85432.0</t>
  </si>
  <si>
    <t>2617.468</t>
  </si>
  <si>
    <t>3.296</t>
  </si>
  <si>
    <t>108862.0</t>
  </si>
  <si>
    <t>0.4717</t>
  </si>
  <si>
    <t>56999362.0</t>
  </si>
  <si>
    <t>21410025.0</t>
  </si>
  <si>
    <t>13343842.0</t>
  </si>
  <si>
    <t>43272.0</t>
  </si>
  <si>
    <t>59988.0</t>
  </si>
  <si>
    <t>217.74</t>
  </si>
  <si>
    <t>50.97</t>
  </si>
  <si>
    <t>67959817.0</t>
  </si>
  <si>
    <t>112185.0</t>
  </si>
  <si>
    <t>2621.796</t>
  </si>
  <si>
    <t>4.328</t>
  </si>
  <si>
    <t>105777.0</t>
  </si>
  <si>
    <t>4.081</t>
  </si>
  <si>
    <t>0.4748</t>
  </si>
  <si>
    <t>57038091.0</t>
  </si>
  <si>
    <t>21422263.0</t>
  </si>
  <si>
    <t>13367049.0</t>
  </si>
  <si>
    <t>38729.0</t>
  </si>
  <si>
    <t>59101.0</t>
  </si>
  <si>
    <t>217.89</t>
  </si>
  <si>
    <t>51.06</t>
  </si>
  <si>
    <t>68072923.0</t>
  </si>
  <si>
    <t>113106.0</t>
  </si>
  <si>
    <t>2626.16</t>
  </si>
  <si>
    <t>103036.0</t>
  </si>
  <si>
    <t>3.975</t>
  </si>
  <si>
    <t>57077786.0</t>
  </si>
  <si>
    <t>21434290.0</t>
  </si>
  <si>
    <t>13391428.0</t>
  </si>
  <si>
    <t>58484.0</t>
  </si>
  <si>
    <t>218.04</t>
  </si>
  <si>
    <t>51.16</t>
  </si>
  <si>
    <t>68173310.0</t>
  </si>
  <si>
    <t>100387.0</t>
  </si>
  <si>
    <t>2630.033</t>
  </si>
  <si>
    <t>3.873</t>
  </si>
  <si>
    <t>99290.0</t>
  </si>
  <si>
    <t>0.4673</t>
  </si>
  <si>
    <t>57081480.0</t>
  </si>
  <si>
    <t>21435569.0</t>
  </si>
  <si>
    <t>13393506.0</t>
  </si>
  <si>
    <t>3694.0</t>
  </si>
  <si>
    <t>52327.0</t>
  </si>
  <si>
    <t>218.06</t>
  </si>
  <si>
    <t>81.89</t>
  </si>
  <si>
    <t>68259410.0</t>
  </si>
  <si>
    <t>86100.0</t>
  </si>
  <si>
    <t>2633.354</t>
  </si>
  <si>
    <t>3.322</t>
  </si>
  <si>
    <t>96489.0</t>
  </si>
  <si>
    <t>3.722</t>
  </si>
  <si>
    <t>0.4811</t>
  </si>
  <si>
    <t>57090843.0</t>
  </si>
  <si>
    <t>21438984.0</t>
  </si>
  <si>
    <t>13398681.0</t>
  </si>
  <si>
    <t>9363.0</t>
  </si>
  <si>
    <t>50331.0</t>
  </si>
  <si>
    <t>218.09</t>
  </si>
  <si>
    <t>51.18</t>
  </si>
  <si>
    <t>68314619.0</t>
  </si>
  <si>
    <t>55209.0</t>
  </si>
  <si>
    <t>2635.484</t>
  </si>
  <si>
    <t>90568.0</t>
  </si>
  <si>
    <t>0.4868</t>
  </si>
  <si>
    <t>57155581.0</t>
  </si>
  <si>
    <t>21439688.0</t>
  </si>
  <si>
    <t>13462452.0</t>
  </si>
  <si>
    <t>64738.0</t>
  </si>
  <si>
    <t>36135.0</t>
  </si>
  <si>
    <t>218.34</t>
  </si>
  <si>
    <t>7624.0</t>
  </si>
  <si>
    <t>8.49</t>
  </si>
  <si>
    <t>291.243480542957</t>
  </si>
  <si>
    <t>68374034.0</t>
  </si>
  <si>
    <t>59415.0</t>
  </si>
  <si>
    <t>2637.776</t>
  </si>
  <si>
    <t>87405.0</t>
  </si>
  <si>
    <t>0.4975</t>
  </si>
  <si>
    <t>57162085.0</t>
  </si>
  <si>
    <t>21441137.0</t>
  </si>
  <si>
    <t>13467133.0</t>
  </si>
  <si>
    <t>6504.0</t>
  </si>
  <si>
    <t>29428.0</t>
  </si>
  <si>
    <t>218.36</t>
  </si>
  <si>
    <t>51.45</t>
  </si>
  <si>
    <t>3329.0</t>
  </si>
  <si>
    <t>68438949.0</t>
  </si>
  <si>
    <t>64915.0</t>
  </si>
  <si>
    <t>2640.281</t>
  </si>
  <si>
    <t>2.504</t>
  </si>
  <si>
    <t>84474.0</t>
  </si>
  <si>
    <t>3.259</t>
  </si>
  <si>
    <t>0.5106</t>
  </si>
  <si>
    <t>57197856.0</t>
  </si>
  <si>
    <t>21452092.0</t>
  </si>
  <si>
    <t>13488405.0</t>
  </si>
  <si>
    <t>35771.0</t>
  </si>
  <si>
    <t>28356.0</t>
  </si>
  <si>
    <t>218.5</t>
  </si>
  <si>
    <t>51.53</t>
  </si>
  <si>
    <t>5.616</t>
  </si>
  <si>
    <t>126.521</t>
  </si>
  <si>
    <t>68521092.0</t>
  </si>
  <si>
    <t>82143.0</t>
  </si>
  <si>
    <t>2643.45</t>
  </si>
  <si>
    <t>80182.0</t>
  </si>
  <si>
    <t>3.093</t>
  </si>
  <si>
    <t>0.5365</t>
  </si>
  <si>
    <t>57231365.0</t>
  </si>
  <si>
    <t>21462052.0</t>
  </si>
  <si>
    <t>13508982.0</t>
  </si>
  <si>
    <t>33509.0</t>
  </si>
  <si>
    <t>27611.0</t>
  </si>
  <si>
    <t>218.63</t>
  </si>
  <si>
    <t>51.61</t>
  </si>
  <si>
    <t>68626642.0</t>
  </si>
  <si>
    <t>105550.0</t>
  </si>
  <si>
    <t>2647.522</t>
  </si>
  <si>
    <t>4.072</t>
  </si>
  <si>
    <t>79103.0</t>
  </si>
  <si>
    <t>0.5499</t>
  </si>
  <si>
    <t>57264495.0</t>
  </si>
  <si>
    <t>21471656.0</t>
  </si>
  <si>
    <t>13529513.0</t>
  </si>
  <si>
    <t>33130.0</t>
  </si>
  <si>
    <t>26673.0</t>
  </si>
  <si>
    <t>218.76</t>
  </si>
  <si>
    <t>51.68</t>
  </si>
  <si>
    <t>68725615.0</t>
  </si>
  <si>
    <t>98973.0</t>
  </si>
  <si>
    <t>2651.34</t>
  </si>
  <si>
    <t>3.818</t>
  </si>
  <si>
    <t>78901.0</t>
  </si>
  <si>
    <t>0.5524</t>
  </si>
  <si>
    <t>57298477.0</t>
  </si>
  <si>
    <t>21482424.0</t>
  </si>
  <si>
    <t>13549792.0</t>
  </si>
  <si>
    <t>33982.0</t>
  </si>
  <si>
    <t>31000.0</t>
  </si>
  <si>
    <t>218.89</t>
  </si>
  <si>
    <t>51.76</t>
  </si>
  <si>
    <t>3152.0</t>
  </si>
  <si>
    <t>120.409</t>
  </si>
  <si>
    <t>68809729.0</t>
  </si>
  <si>
    <t>84114.0</t>
  </si>
  <si>
    <t>2654.585</t>
  </si>
  <si>
    <t>3.245</t>
  </si>
  <si>
    <t>78617.0</t>
  </si>
  <si>
    <t>3.033</t>
  </si>
  <si>
    <t>0.5469</t>
  </si>
  <si>
    <t>57317327.0</t>
  </si>
  <si>
    <t>21490232.0</t>
  </si>
  <si>
    <t>13559379.0</t>
  </si>
  <si>
    <t>18850.0</t>
  </si>
  <si>
    <t>218.96</t>
  </si>
  <si>
    <t>82.09</t>
  </si>
  <si>
    <t>68879615.0</t>
  </si>
  <si>
    <t>69886.0</t>
  </si>
  <si>
    <t>2657.281</t>
  </si>
  <si>
    <t>80714.0</t>
  </si>
  <si>
    <t>3.114</t>
  </si>
  <si>
    <t>0.5351</t>
  </si>
  <si>
    <t>57457036.0</t>
  </si>
  <si>
    <t>21493460.0</t>
  </si>
  <si>
    <t>13694925.0</t>
  </si>
  <si>
    <t>139709.0</t>
  </si>
  <si>
    <t>43065.0</t>
  </si>
  <si>
    <t>219.49</t>
  </si>
  <si>
    <t>52.32</t>
  </si>
  <si>
    <t>7994.2</t>
  </si>
  <si>
    <t>305.385444931336</t>
  </si>
  <si>
    <t>68936116.0</t>
  </si>
  <si>
    <t>2659.461</t>
  </si>
  <si>
    <t>80297.0</t>
  </si>
  <si>
    <t>3.098</t>
  </si>
  <si>
    <t>0.5298</t>
  </si>
  <si>
    <t>57460079.0</t>
  </si>
  <si>
    <t>21494357.0</t>
  </si>
  <si>
    <t>13696802.0</t>
  </si>
  <si>
    <t>42571.0</t>
  </si>
  <si>
    <t>219.5</t>
  </si>
  <si>
    <t>68999108.0</t>
  </si>
  <si>
    <t>62992.0</t>
  </si>
  <si>
    <t>2661.891</t>
  </si>
  <si>
    <t>80023.0</t>
  </si>
  <si>
    <t>0.5125</t>
  </si>
  <si>
    <t>57487919.0</t>
  </si>
  <si>
    <t>21502153.0</t>
  </si>
  <si>
    <t>13714345.0</t>
  </si>
  <si>
    <t>27840.0</t>
  </si>
  <si>
    <t>41438.0</t>
  </si>
  <si>
    <t>219.61</t>
  </si>
  <si>
    <t>3284.0</t>
  </si>
  <si>
    <t>69073514.0</t>
  </si>
  <si>
    <t>74406.0</t>
  </si>
  <si>
    <t>2664.761</t>
  </si>
  <si>
    <t>78917.0</t>
  </si>
  <si>
    <t>3.045</t>
  </si>
  <si>
    <t>0.5143</t>
  </si>
  <si>
    <t>57512161.0</t>
  </si>
  <si>
    <t>21508496.0</t>
  </si>
  <si>
    <t>13730241.0</t>
  </si>
  <si>
    <t>24242.0</t>
  </si>
  <si>
    <t>40114.0</t>
  </si>
  <si>
    <t>219.7</t>
  </si>
  <si>
    <t>1532.0</t>
  </si>
  <si>
    <t>69172527.0</t>
  </si>
  <si>
    <t>99013.0</t>
  </si>
  <si>
    <t>2668.581</t>
  </si>
  <si>
    <t>77984.0</t>
  </si>
  <si>
    <t>3.009</t>
  </si>
  <si>
    <t>0.5056</t>
  </si>
  <si>
    <t>57536051.0</t>
  </si>
  <si>
    <t>21514550.0</t>
  </si>
  <si>
    <t>13746068.0</t>
  </si>
  <si>
    <t>23890.0</t>
  </si>
  <si>
    <t>38794.0</t>
  </si>
  <si>
    <t>219.79</t>
  </si>
  <si>
    <t>82.19</t>
  </si>
  <si>
    <t>52.51</t>
  </si>
  <si>
    <t>69264961.0</t>
  </si>
  <si>
    <t>92434.0</t>
  </si>
  <si>
    <t>2672.147</t>
  </si>
  <si>
    <t>3.566</t>
  </si>
  <si>
    <t>77049.0</t>
  </si>
  <si>
    <t>2.972</t>
  </si>
  <si>
    <t>0.5135</t>
  </si>
  <si>
    <t>57561209.0</t>
  </si>
  <si>
    <t>21521419.0</t>
  </si>
  <si>
    <t>13762209.0</t>
  </si>
  <si>
    <t>25158.0</t>
  </si>
  <si>
    <t>37533.0</t>
  </si>
  <si>
    <t>219.89</t>
  </si>
  <si>
    <t>82.21</t>
  </si>
  <si>
    <t>3099.0</t>
  </si>
  <si>
    <t>69345105.0</t>
  </si>
  <si>
    <t>80144.0</t>
  </si>
  <si>
    <t>2675.239</t>
  </si>
  <si>
    <t>3.092</t>
  </si>
  <si>
    <t>76482.0</t>
  </si>
  <si>
    <t>0.4997</t>
  </si>
  <si>
    <t>57575626.0</t>
  </si>
  <si>
    <t>21527099.0</t>
  </si>
  <si>
    <t>13769753.0</t>
  </si>
  <si>
    <t>14417.0</t>
  </si>
  <si>
    <t>36900.0</t>
  </si>
  <si>
    <t>122.93</t>
  </si>
  <si>
    <t>69416570.0</t>
  </si>
  <si>
    <t>71465.0</t>
  </si>
  <si>
    <t>2677.996</t>
  </si>
  <si>
    <t>76708.0</t>
  </si>
  <si>
    <t>2.959</t>
  </si>
  <si>
    <t>0.5085</t>
  </si>
  <si>
    <t>57735950.0</t>
  </si>
  <si>
    <t>21528799.0</t>
  </si>
  <si>
    <t>13927876.0</t>
  </si>
  <si>
    <t>160324.0</t>
  </si>
  <si>
    <t>220.56</t>
  </si>
  <si>
    <t>53.21</t>
  </si>
  <si>
    <t>8374.6</t>
  </si>
  <si>
    <t>319.917058257482</t>
  </si>
  <si>
    <t>117.964</t>
  </si>
  <si>
    <t>69477142.0</t>
  </si>
  <si>
    <t>60572.0</t>
  </si>
  <si>
    <t>2680.333</t>
  </si>
  <si>
    <t>77289.0</t>
  </si>
  <si>
    <t>2.982</t>
  </si>
  <si>
    <t>0.5054</t>
  </si>
  <si>
    <t>57753579.0</t>
  </si>
  <si>
    <t>21533340.0</t>
  </si>
  <si>
    <t>13939476.0</t>
  </si>
  <si>
    <t>17629.0</t>
  </si>
  <si>
    <t>41929.0</t>
  </si>
  <si>
    <t>220.62</t>
  </si>
  <si>
    <t>82.26</t>
  </si>
  <si>
    <t>53.25</t>
  </si>
  <si>
    <t>69543932.0</t>
  </si>
  <si>
    <t>66790.0</t>
  </si>
  <si>
    <t>2682.909</t>
  </si>
  <si>
    <t>2.577</t>
  </si>
  <si>
    <t>3.003</t>
  </si>
  <si>
    <t>0.5063</t>
  </si>
  <si>
    <t>57773120.0</t>
  </si>
  <si>
    <t>21537560.0</t>
  </si>
  <si>
    <t>13953035.0</t>
  </si>
  <si>
    <t>19541.0</t>
  </si>
  <si>
    <t>40743.0</t>
  </si>
  <si>
    <t>220.7</t>
  </si>
  <si>
    <t>82.28</t>
  </si>
  <si>
    <t>69633418.0</t>
  </si>
  <si>
    <t>89486.0</t>
  </si>
  <si>
    <t>2686.362</t>
  </si>
  <si>
    <t>3.452</t>
  </si>
  <si>
    <t>79986.0</t>
  </si>
  <si>
    <t>3.086</t>
  </si>
  <si>
    <t>0.5059</t>
  </si>
  <si>
    <t>57792004.0</t>
  </si>
  <si>
    <t>21541667.0</t>
  </si>
  <si>
    <t>13966068.0</t>
  </si>
  <si>
    <t>18884.0</t>
  </si>
  <si>
    <t>39978.0</t>
  </si>
  <si>
    <t>220.77</t>
  </si>
  <si>
    <t>69736592.0</t>
  </si>
  <si>
    <t>103174.0</t>
  </si>
  <si>
    <t>2690.342</t>
  </si>
  <si>
    <t>80581.0</t>
  </si>
  <si>
    <t>3.109</t>
  </si>
  <si>
    <t>0.5004</t>
  </si>
  <si>
    <t>57811614.0</t>
  </si>
  <si>
    <t>21545790.0</t>
  </si>
  <si>
    <t>13979721.0</t>
  </si>
  <si>
    <t>19610.0</t>
  </si>
  <si>
    <t>39366.0</t>
  </si>
  <si>
    <t>220.85</t>
  </si>
  <si>
    <t>69815498.0</t>
  </si>
  <si>
    <t>78906.0</t>
  </si>
  <si>
    <t>2693.386</t>
  </si>
  <si>
    <t>78648.0</t>
  </si>
  <si>
    <t>0.5088</t>
  </si>
  <si>
    <t>57831047.0</t>
  </si>
  <si>
    <t>21550385.0</t>
  </si>
  <si>
    <t>13992829.0</t>
  </si>
  <si>
    <t>19433.0</t>
  </si>
  <si>
    <t>38548.0</t>
  </si>
  <si>
    <t>220.92</t>
  </si>
  <si>
    <t>69899709.0</t>
  </si>
  <si>
    <t>84211.0</t>
  </si>
  <si>
    <t>2696.635</t>
  </si>
  <si>
    <t>79229.0</t>
  </si>
  <si>
    <t>3.057</t>
  </si>
  <si>
    <t>57840803.0</t>
  </si>
  <si>
    <t>21553633.0</t>
  </si>
  <si>
    <t>13998418.0</t>
  </si>
  <si>
    <t>9756.0</t>
  </si>
  <si>
    <t>37882.0</t>
  </si>
  <si>
    <t>220.96</t>
  </si>
  <si>
    <t>69970822.0</t>
  </si>
  <si>
    <t>71113.0</t>
  </si>
  <si>
    <t>2699.378</t>
  </si>
  <si>
    <t>2.743</t>
  </si>
  <si>
    <t>79179.0</t>
  </si>
  <si>
    <t>3.055</t>
  </si>
  <si>
    <t>0.5315</t>
  </si>
  <si>
    <t>58050262.0</t>
  </si>
  <si>
    <t>21554537.0</t>
  </si>
  <si>
    <t>14206545.0</t>
  </si>
  <si>
    <t>209459.0</t>
  </si>
  <si>
    <t>44902.0</t>
  </si>
  <si>
    <t>221.76</t>
  </si>
  <si>
    <t>54.27</t>
  </si>
  <si>
    <t>8913.8</t>
  </si>
  <si>
    <t>340.514970732399</t>
  </si>
  <si>
    <t>121.02</t>
  </si>
  <si>
    <t>70040749.0</t>
  </si>
  <si>
    <t>2702.076</t>
  </si>
  <si>
    <t>2.698</t>
  </si>
  <si>
    <t>80515.0</t>
  </si>
  <si>
    <t>3.106</t>
  </si>
  <si>
    <t>0.5407</t>
  </si>
  <si>
    <t>58067475.0</t>
  </si>
  <si>
    <t>21557891.0</t>
  </si>
  <si>
    <t>14218708.0</t>
  </si>
  <si>
    <t>17213.0</t>
  </si>
  <si>
    <t>44842.0</t>
  </si>
  <si>
    <t>221.82</t>
  </si>
  <si>
    <t>54.32</t>
  </si>
  <si>
    <t>70117750.0</t>
  </si>
  <si>
    <t>77001.0</t>
  </si>
  <si>
    <t>2705.046</t>
  </si>
  <si>
    <t>2.971</t>
  </si>
  <si>
    <t>81974.0</t>
  </si>
  <si>
    <t>3.162</t>
  </si>
  <si>
    <t>0.5567</t>
  </si>
  <si>
    <t>58084460.0</t>
  </si>
  <si>
    <t>21561125.0</t>
  </si>
  <si>
    <t>14230973.0</t>
  </si>
  <si>
    <t>16985.0</t>
  </si>
  <si>
    <t>44477.0</t>
  </si>
  <si>
    <t>221.89</t>
  </si>
  <si>
    <t>54.36</t>
  </si>
  <si>
    <t>1699.0</t>
  </si>
  <si>
    <t>70226063.0</t>
  </si>
  <si>
    <t>108313.0</t>
  </si>
  <si>
    <t>2709.225</t>
  </si>
  <si>
    <t>4.179</t>
  </si>
  <si>
    <t>84664.0</t>
  </si>
  <si>
    <t>3.266</t>
  </si>
  <si>
    <t>0.5375</t>
  </si>
  <si>
    <t>58101143.0</t>
  </si>
  <si>
    <t>21564370.0</t>
  </si>
  <si>
    <t>14242894.0</t>
  </si>
  <si>
    <t>16683.0</t>
  </si>
  <si>
    <t>44163.0</t>
  </si>
  <si>
    <t>221.95</t>
  </si>
  <si>
    <t>54.41</t>
  </si>
  <si>
    <t>2988.0</t>
  </si>
  <si>
    <t>70329030.0</t>
  </si>
  <si>
    <t>102967.0</t>
  </si>
  <si>
    <t>2713.197</t>
  </si>
  <si>
    <t>84634.0</t>
  </si>
  <si>
    <t>58118259.0</t>
  </si>
  <si>
    <t>21567673.0</t>
  </si>
  <si>
    <t>14255070.0</t>
  </si>
  <si>
    <t>17116.0</t>
  </si>
  <si>
    <t>43806.0</t>
  </si>
  <si>
    <t>222.02</t>
  </si>
  <si>
    <t>70433292.0</t>
  </si>
  <si>
    <t>104262.0</t>
  </si>
  <si>
    <t>2717.22</t>
  </si>
  <si>
    <t>4.022</t>
  </si>
  <si>
    <t>88256.0</t>
  </si>
  <si>
    <t>0.5515</t>
  </si>
  <si>
    <t>58135809.0</t>
  </si>
  <si>
    <t>21571384.0</t>
  </si>
  <si>
    <t>14267114.0</t>
  </si>
  <si>
    <t>17550.0</t>
  </si>
  <si>
    <t>43537.0</t>
  </si>
  <si>
    <t>222.08</t>
  </si>
  <si>
    <t>54.5</t>
  </si>
  <si>
    <t>1663.0</t>
  </si>
  <si>
    <t>70522263.0</t>
  </si>
  <si>
    <t>2720.652</t>
  </si>
  <si>
    <t>3.432</t>
  </si>
  <si>
    <t>88936.0</t>
  </si>
  <si>
    <t>0.5519</t>
  </si>
  <si>
    <t>58141095.0</t>
  </si>
  <si>
    <t>14272400.0</t>
  </si>
  <si>
    <t>5286.0</t>
  </si>
  <si>
    <t>42899.0</t>
  </si>
  <si>
    <t>222.1</t>
  </si>
  <si>
    <t>54.52</t>
  </si>
  <si>
    <t>70597113.0</t>
  </si>
  <si>
    <t>74850.0</t>
  </si>
  <si>
    <t>2723.54</t>
  </si>
  <si>
    <t>2.888</t>
  </si>
  <si>
    <t>89470.0</t>
  </si>
  <si>
    <t>0.5571</t>
  </si>
  <si>
    <t>58400788.0</t>
  </si>
  <si>
    <t>21575026.0</t>
  </si>
  <si>
    <t>14527073.0</t>
  </si>
  <si>
    <t>223.1</t>
  </si>
  <si>
    <t>55.49</t>
  </si>
  <si>
    <t>9443.8</t>
  </si>
  <si>
    <t>360.761435145799</t>
  </si>
  <si>
    <t>3162.0</t>
  </si>
  <si>
    <t>70676569.0</t>
  </si>
  <si>
    <t>79456.0</t>
  </si>
  <si>
    <t>2726.605</t>
  </si>
  <si>
    <t>3.065</t>
  </si>
  <si>
    <t>90831.0</t>
  </si>
  <si>
    <t>3.504</t>
  </si>
  <si>
    <t>0.5793</t>
  </si>
  <si>
    <t>58416891.0</t>
  </si>
  <si>
    <t>21577946.0</t>
  </si>
  <si>
    <t>14538424.0</t>
  </si>
  <si>
    <t>16103.0</t>
  </si>
  <si>
    <t>49917.0</t>
  </si>
  <si>
    <t>223.16</t>
  </si>
  <si>
    <t>55.54</t>
  </si>
  <si>
    <t>70755635.0</t>
  </si>
  <si>
    <t>79066.0</t>
  </si>
  <si>
    <t>2729.655</t>
  </si>
  <si>
    <t>91126.0</t>
  </si>
  <si>
    <t>3.516</t>
  </si>
  <si>
    <t>0.5765</t>
  </si>
  <si>
    <t>58432049.0</t>
  </si>
  <si>
    <t>21580707.0</t>
  </si>
  <si>
    <t>14549314.0</t>
  </si>
  <si>
    <t>15158.0</t>
  </si>
  <si>
    <t>49656.0</t>
  </si>
  <si>
    <t>223.22</t>
  </si>
  <si>
    <t>55.58</t>
  </si>
  <si>
    <t>70863587.0</t>
  </si>
  <si>
    <t>107952.0</t>
  </si>
  <si>
    <t>2733.82</t>
  </si>
  <si>
    <t>4.165</t>
  </si>
  <si>
    <t>91075.0</t>
  </si>
  <si>
    <t>0.5715</t>
  </si>
  <si>
    <t>58447879.0</t>
  </si>
  <si>
    <t>21583607.0</t>
  </si>
  <si>
    <t>14560707.0</t>
  </si>
  <si>
    <t>15830.0</t>
  </si>
  <si>
    <t>223.28</t>
  </si>
  <si>
    <t>82.45</t>
  </si>
  <si>
    <t>70972059.0</t>
  </si>
  <si>
    <t>108472.0</t>
  </si>
  <si>
    <t>2738.005</t>
  </si>
  <si>
    <t>4.185</t>
  </si>
  <si>
    <t>91861.0</t>
  </si>
  <si>
    <t>3.544</t>
  </si>
  <si>
    <t>0.5709</t>
  </si>
  <si>
    <t>58463990.0</t>
  </si>
  <si>
    <t>21586740.0</t>
  </si>
  <si>
    <t>14571977.0</t>
  </si>
  <si>
    <t>16111.0</t>
  </si>
  <si>
    <t>49390.0</t>
  </si>
  <si>
    <t>223.34</t>
  </si>
  <si>
    <t>55.67</t>
  </si>
  <si>
    <t>108.07</t>
  </si>
  <si>
    <t>71068640.0</t>
  </si>
  <si>
    <t>96581.0</t>
  </si>
  <si>
    <t>2741.73</t>
  </si>
  <si>
    <t>3.726</t>
  </si>
  <si>
    <t>90764.0</t>
  </si>
  <si>
    <t>3.502</t>
  </si>
  <si>
    <t>0.5699</t>
  </si>
  <si>
    <t>58480010.0</t>
  </si>
  <si>
    <t>21590037.0</t>
  </si>
  <si>
    <t>14583020.0</t>
  </si>
  <si>
    <t>16020.0</t>
  </si>
  <si>
    <t>49172.0</t>
  </si>
  <si>
    <t>223.4</t>
  </si>
  <si>
    <t>55.71</t>
  </si>
  <si>
    <t>1878.0</t>
  </si>
  <si>
    <t>71152829.0</t>
  </si>
  <si>
    <t>84189.0</t>
  </si>
  <si>
    <t>2744.978</t>
  </si>
  <si>
    <t>3.248</t>
  </si>
  <si>
    <t>90081.0</t>
  </si>
  <si>
    <t>3.475</t>
  </si>
  <si>
    <t>58487969.0</t>
  </si>
  <si>
    <t>21592267.0</t>
  </si>
  <si>
    <t>14587855.0</t>
  </si>
  <si>
    <t>7959.0</t>
  </si>
  <si>
    <t>49553.0</t>
  </si>
  <si>
    <t>223.43</t>
  </si>
  <si>
    <t>55.73</t>
  </si>
  <si>
    <t>71218939.0</t>
  </si>
  <si>
    <t>66110.0</t>
  </si>
  <si>
    <t>2747.529</t>
  </si>
  <si>
    <t>88832.0</t>
  </si>
  <si>
    <t>3.427</t>
  </si>
  <si>
    <t>0.5584</t>
  </si>
  <si>
    <t>58756853.0</t>
  </si>
  <si>
    <t>21593262.0</t>
  </si>
  <si>
    <t>14855317.0</t>
  </si>
  <si>
    <t>268884.0</t>
  </si>
  <si>
    <t>50866.0</t>
  </si>
  <si>
    <t>224.46</t>
  </si>
  <si>
    <t>56.75</t>
  </si>
  <si>
    <t>9839.8</t>
  </si>
  <si>
    <t>12.18</t>
  </si>
  <si>
    <t>375.888982141472</t>
  </si>
  <si>
    <t>2927.0</t>
  </si>
  <si>
    <t>71286114.0</t>
  </si>
  <si>
    <t>67175.0</t>
  </si>
  <si>
    <t>2750.12</t>
  </si>
  <si>
    <t>2.592</t>
  </si>
  <si>
    <t>87078.0</t>
  </si>
  <si>
    <t>3.359</t>
  </si>
  <si>
    <t>0.5293</t>
  </si>
  <si>
    <t>58812010.0</t>
  </si>
  <si>
    <t>21595792.0</t>
  </si>
  <si>
    <t>14906501.0</t>
  </si>
  <si>
    <t>55157.0</t>
  </si>
  <si>
    <t>56446.0</t>
  </si>
  <si>
    <t>224.67</t>
  </si>
  <si>
    <t>56.94</t>
  </si>
  <si>
    <t>2889.0</t>
  </si>
  <si>
    <t>71359956.0</t>
  </si>
  <si>
    <t>73842.0</t>
  </si>
  <si>
    <t>2752.969</t>
  </si>
  <si>
    <t>86332.0</t>
  </si>
  <si>
    <t>3.331</t>
  </si>
  <si>
    <t>0.5162</t>
  </si>
  <si>
    <t>58874211.0</t>
  </si>
  <si>
    <t>21598349.0</t>
  </si>
  <si>
    <t>14964679.0</t>
  </si>
  <si>
    <t>62201.0</t>
  </si>
  <si>
    <t>63166.0</t>
  </si>
  <si>
    <t>224.9</t>
  </si>
  <si>
    <t>57.17</t>
  </si>
  <si>
    <t>2905.0</t>
  </si>
  <si>
    <t>71455210.0</t>
  </si>
  <si>
    <t>95254.0</t>
  </si>
  <si>
    <t>2756.644</t>
  </si>
  <si>
    <t>3.675</t>
  </si>
  <si>
    <t>84518.0</t>
  </si>
  <si>
    <t>3.261</t>
  </si>
  <si>
    <t>0.5138</t>
  </si>
  <si>
    <t>58936138.0</t>
  </si>
  <si>
    <t>21600827.0</t>
  </si>
  <si>
    <t>15022669.0</t>
  </si>
  <si>
    <t>61927.0</t>
  </si>
  <si>
    <t>69751.0</t>
  </si>
  <si>
    <t>225.14</t>
  </si>
  <si>
    <t>57.39</t>
  </si>
  <si>
    <t>3.782</t>
  </si>
  <si>
    <t>2863.0</t>
  </si>
  <si>
    <t>71563709.0</t>
  </si>
  <si>
    <t>108499.0</t>
  </si>
  <si>
    <t>2760.83</t>
  </si>
  <si>
    <t>4.186</t>
  </si>
  <si>
    <t>84521.0</t>
  </si>
  <si>
    <t>0.4958</t>
  </si>
  <si>
    <t>58999547.0</t>
  </si>
  <si>
    <t>21603360.0</t>
  </si>
  <si>
    <t>15082078.0</t>
  </si>
  <si>
    <t>63409.0</t>
  </si>
  <si>
    <t>76508.0</t>
  </si>
  <si>
    <t>225.38</t>
  </si>
  <si>
    <t>71659625.0</t>
  </si>
  <si>
    <t>95916.0</t>
  </si>
  <si>
    <t>2764.53</t>
  </si>
  <si>
    <t>84426.0</t>
  </si>
  <si>
    <t>3.257</t>
  </si>
  <si>
    <t>0.4729</t>
  </si>
  <si>
    <t>59059590.0</t>
  </si>
  <si>
    <t>21606395.0</t>
  </si>
  <si>
    <t>15137443.0</t>
  </si>
  <si>
    <t>60043.0</t>
  </si>
  <si>
    <t>82797.0</t>
  </si>
  <si>
    <t>225.61</t>
  </si>
  <si>
    <t>57.83</t>
  </si>
  <si>
    <t>3163.0</t>
  </si>
  <si>
    <t>2712.0</t>
  </si>
  <si>
    <t>71736869.0</t>
  </si>
  <si>
    <t>77244.0</t>
  </si>
  <si>
    <t>2767.51</t>
  </si>
  <si>
    <t>83434.0</t>
  </si>
  <si>
    <t>3.219</t>
  </si>
  <si>
    <t>0.4586</t>
  </si>
  <si>
    <t>59072890.0</t>
  </si>
  <si>
    <t>15150743.0</t>
  </si>
  <si>
    <t>13300.0</t>
  </si>
  <si>
    <t>83560.0</t>
  </si>
  <si>
    <t>225.66</t>
  </si>
  <si>
    <t>57.88</t>
  </si>
  <si>
    <t>71787402.0</t>
  </si>
  <si>
    <t>50533.0</t>
  </si>
  <si>
    <t>2769.459</t>
  </si>
  <si>
    <t>81209.0</t>
  </si>
  <si>
    <t>59089678.0</t>
  </si>
  <si>
    <t>21609760.0</t>
  </si>
  <si>
    <t>15162810.0</t>
  </si>
  <si>
    <t>47546.0</t>
  </si>
  <si>
    <t>225.73</t>
  </si>
  <si>
    <t>57.92</t>
  </si>
  <si>
    <t>10272.2</t>
  </si>
  <si>
    <t>392.407041032707</t>
  </si>
  <si>
    <t>106.084</t>
  </si>
  <si>
    <t>71853338.0</t>
  </si>
  <si>
    <t>65936.0</t>
  </si>
  <si>
    <t>2772.003</t>
  </si>
  <si>
    <t>81032.0</t>
  </si>
  <si>
    <t>3.126</t>
  </si>
  <si>
    <t>0.4421</t>
  </si>
  <si>
    <t>59142893.0</t>
  </si>
  <si>
    <t>21612293.0</t>
  </si>
  <si>
    <t>15212032.0</t>
  </si>
  <si>
    <t>53215.0</t>
  </si>
  <si>
    <t>47269.0</t>
  </si>
  <si>
    <t>225.93</t>
  </si>
  <si>
    <t>1806.0</t>
  </si>
  <si>
    <t>71919290.0</t>
  </si>
  <si>
    <t>65952.0</t>
  </si>
  <si>
    <t>2774.547</t>
  </si>
  <si>
    <t>79905.0</t>
  </si>
  <si>
    <t>3.083</t>
  </si>
  <si>
    <t>0.4303</t>
  </si>
  <si>
    <t>59202011.0</t>
  </si>
  <si>
    <t>21614599.0</t>
  </si>
  <si>
    <t>15267312.0</t>
  </si>
  <si>
    <t>59118.0</t>
  </si>
  <si>
    <t>226.16</t>
  </si>
  <si>
    <t>72005172.0</t>
  </si>
  <si>
    <t>85882.0</t>
  </si>
  <si>
    <t>2777.861</t>
  </si>
  <si>
    <t>3.313</t>
  </si>
  <si>
    <t>78566.0</t>
  </si>
  <si>
    <t>3.031</t>
  </si>
  <si>
    <t>0.4153</t>
  </si>
  <si>
    <t>59261572.0</t>
  </si>
  <si>
    <t>21616911.0</t>
  </si>
  <si>
    <t>15323211.0</t>
  </si>
  <si>
    <t>59561.0</t>
  </si>
  <si>
    <t>46491.0</t>
  </si>
  <si>
    <t>226.38</t>
  </si>
  <si>
    <t>58.54</t>
  </si>
  <si>
    <t>72085039.0</t>
  </si>
  <si>
    <t>79867.0</t>
  </si>
  <si>
    <t>2780.942</t>
  </si>
  <si>
    <t>3.081</t>
  </si>
  <si>
    <t>74476.0</t>
  </si>
  <si>
    <t>2.873</t>
  </si>
  <si>
    <t>0.4234</t>
  </si>
  <si>
    <t>59321031.0</t>
  </si>
  <si>
    <t>21619219.0</t>
  </si>
  <si>
    <t>15378981.0</t>
  </si>
  <si>
    <t>59459.0</t>
  </si>
  <si>
    <t>45926.0</t>
  </si>
  <si>
    <t>226.61</t>
  </si>
  <si>
    <t>1754.0</t>
  </si>
  <si>
    <t>101.614</t>
  </si>
  <si>
    <t>72163238.0</t>
  </si>
  <si>
    <t>78199.0</t>
  </si>
  <si>
    <t>2783.959</t>
  </si>
  <si>
    <t>3.017</t>
  </si>
  <si>
    <t>71945.0</t>
  </si>
  <si>
    <t>2.776</t>
  </si>
  <si>
    <t>0.4281</t>
  </si>
  <si>
    <t>59375533.0</t>
  </si>
  <si>
    <t>21622010.0</t>
  </si>
  <si>
    <t>15429227.0</t>
  </si>
  <si>
    <t>54502.0</t>
  </si>
  <si>
    <t>45135.0</t>
  </si>
  <si>
    <t>226.82</t>
  </si>
  <si>
    <t>58.94</t>
  </si>
  <si>
    <t>1724.0</t>
  </si>
  <si>
    <t>102.722</t>
  </si>
  <si>
    <t>72224980.0</t>
  </si>
  <si>
    <t>61742.0</t>
  </si>
  <si>
    <t>2786.34</t>
  </si>
  <si>
    <t>69730.0</t>
  </si>
  <si>
    <t>0.4279</t>
  </si>
  <si>
    <t>59386702.0</t>
  </si>
  <si>
    <t>15440396.0</t>
  </si>
  <si>
    <t>11169.0</t>
  </si>
  <si>
    <t>44830.0</t>
  </si>
  <si>
    <t>226.86</t>
  </si>
  <si>
    <t>58.98</t>
  </si>
  <si>
    <t>3.591</t>
  </si>
  <si>
    <t>72277059.0</t>
  </si>
  <si>
    <t>52079.0</t>
  </si>
  <si>
    <t>2788.35</t>
  </si>
  <si>
    <t>69951.0</t>
  </si>
  <si>
    <t>0.4211</t>
  </si>
  <si>
    <t>59399900.0</t>
  </si>
  <si>
    <t>21624590.0</t>
  </si>
  <si>
    <t>15449895.0</t>
  </si>
  <si>
    <t>13198.0</t>
  </si>
  <si>
    <t>44317.0</t>
  </si>
  <si>
    <t>226.91</t>
  </si>
  <si>
    <t>59.02</t>
  </si>
  <si>
    <t>10829.8</t>
  </si>
  <si>
    <t>413.707849630655</t>
  </si>
  <si>
    <t>72323527.0</t>
  </si>
  <si>
    <t>46468.0</t>
  </si>
  <si>
    <t>2790.142</t>
  </si>
  <si>
    <t>67170.0</t>
  </si>
  <si>
    <t>2.591</t>
  </si>
  <si>
    <t>0.4248</t>
  </si>
  <si>
    <t>59444066.0</t>
  </si>
  <si>
    <t>21626635.0</t>
  </si>
  <si>
    <t>15490690.0</t>
  </si>
  <si>
    <t>44166.0</t>
  </si>
  <si>
    <t>43025.0</t>
  </si>
  <si>
    <t>227.08</t>
  </si>
  <si>
    <t>72380675.0</t>
  </si>
  <si>
    <t>57148.0</t>
  </si>
  <si>
    <t>2792.347</t>
  </si>
  <si>
    <t>65912.0</t>
  </si>
  <si>
    <t>59499838.0</t>
  </si>
  <si>
    <t>21628804.0</t>
  </si>
  <si>
    <t>15543079.0</t>
  </si>
  <si>
    <t>55772.0</t>
  </si>
  <si>
    <t>42547.0</t>
  </si>
  <si>
    <t>227.29</t>
  </si>
  <si>
    <t>72464393.0</t>
  </si>
  <si>
    <t>83718.0</t>
  </si>
  <si>
    <t>2795.577</t>
  </si>
  <si>
    <t>65603.0</t>
  </si>
  <si>
    <t>0.4267</t>
  </si>
  <si>
    <t>59552386.0</t>
  </si>
  <si>
    <t>21630947.0</t>
  </si>
  <si>
    <t>15592196.0</t>
  </si>
  <si>
    <t>52548.0</t>
  </si>
  <si>
    <t>41545.0</t>
  </si>
  <si>
    <t>227.5</t>
  </si>
  <si>
    <t>2705.0</t>
  </si>
  <si>
    <t>72550848.0</t>
  </si>
  <si>
    <t>86455.0</t>
  </si>
  <si>
    <t>2798.912</t>
  </si>
  <si>
    <t>3.335</t>
  </si>
  <si>
    <t>66544.0</t>
  </si>
  <si>
    <t>2.567</t>
  </si>
  <si>
    <t>59607038.0</t>
  </si>
  <si>
    <t>21633286.0</t>
  </si>
  <si>
    <t>15643187.0</t>
  </si>
  <si>
    <t>54652.0</t>
  </si>
  <si>
    <t>40858.0</t>
  </si>
  <si>
    <t>227.7</t>
  </si>
  <si>
    <t>59.76</t>
  </si>
  <si>
    <t>2651.0</t>
  </si>
  <si>
    <t>72625179.0</t>
  </si>
  <si>
    <t>74331.0</t>
  </si>
  <si>
    <t>2801.78</t>
  </si>
  <si>
    <t>2.868</t>
  </si>
  <si>
    <t>65992.0</t>
  </si>
  <si>
    <t>2.546</t>
  </si>
  <si>
    <t>59652982.0</t>
  </si>
  <si>
    <t>21635697.0</t>
  </si>
  <si>
    <t>15685297.0</t>
  </si>
  <si>
    <t>45944.0</t>
  </si>
  <si>
    <t>39636.0</t>
  </si>
  <si>
    <t>227.88</t>
  </si>
  <si>
    <t>59.92</t>
  </si>
  <si>
    <t>72692094.0</t>
  </si>
  <si>
    <t>2804.361</t>
  </si>
  <si>
    <t>66731.0</t>
  </si>
  <si>
    <t>2.574</t>
  </si>
  <si>
    <t>0.4034</t>
  </si>
  <si>
    <t>38772.0</t>
  </si>
  <si>
    <t>104.632</t>
  </si>
  <si>
    <t>72744729.0</t>
  </si>
  <si>
    <t>52635.0</t>
  </si>
  <si>
    <t>2806.392</t>
  </si>
  <si>
    <t>66810.0</t>
  </si>
  <si>
    <t>0.3979</t>
  </si>
  <si>
    <t>59663231.0</t>
  </si>
  <si>
    <t>15693206.0</t>
  </si>
  <si>
    <t>37619.0</t>
  </si>
  <si>
    <t>227.92</t>
  </si>
  <si>
    <t>11430.0</t>
  </si>
  <si>
    <t>17.58</t>
  </si>
  <si>
    <t>436.636015556925</t>
  </si>
  <si>
    <t>72782508.0</t>
  </si>
  <si>
    <t>37779.0</t>
  </si>
  <si>
    <t>2807.849</t>
  </si>
  <si>
    <t>1.457</t>
  </si>
  <si>
    <t>65569.0</t>
  </si>
  <si>
    <t>59684229.0</t>
  </si>
  <si>
    <t>21636888.0</t>
  </si>
  <si>
    <t>15715917.0</t>
  </si>
  <si>
    <t>20998.0</t>
  </si>
  <si>
    <t>34309.0</t>
  </si>
  <si>
    <t>72826646.0</t>
  </si>
  <si>
    <t>2809.552</t>
  </si>
  <si>
    <t>63710.0</t>
  </si>
  <si>
    <t>0.4082</t>
  </si>
  <si>
    <t>59739431.0</t>
  </si>
  <si>
    <t>21641140.0</t>
  </si>
  <si>
    <t>15763259.0</t>
  </si>
  <si>
    <t>55202.0</t>
  </si>
  <si>
    <t>34228.0</t>
  </si>
  <si>
    <t>228.21</t>
  </si>
  <si>
    <t>60.22</t>
  </si>
  <si>
    <t>72900494.0</t>
  </si>
  <si>
    <t>73848.0</t>
  </si>
  <si>
    <t>2812.401</t>
  </si>
  <si>
    <t>62300.0</t>
  </si>
  <si>
    <t>2.403</t>
  </si>
  <si>
    <t>0.4172</t>
  </si>
  <si>
    <t>59788611.0</t>
  </si>
  <si>
    <t>21643147.0</t>
  </si>
  <si>
    <t>15809249.0</t>
  </si>
  <si>
    <t>49180.0</t>
  </si>
  <si>
    <t>33746.0</t>
  </si>
  <si>
    <t>228.4</t>
  </si>
  <si>
    <t>72979213.0</t>
  </si>
  <si>
    <t>78719.0</t>
  </si>
  <si>
    <t>2815.438</t>
  </si>
  <si>
    <t>61195.0</t>
  </si>
  <si>
    <t>0.4253</t>
  </si>
  <si>
    <t>59835561.0</t>
  </si>
  <si>
    <t>21643777.0</t>
  </si>
  <si>
    <t>15855742.0</t>
  </si>
  <si>
    <t>46950.0</t>
  </si>
  <si>
    <t>32646.0</t>
  </si>
  <si>
    <t>228.58</t>
  </si>
  <si>
    <t>60.57</t>
  </si>
  <si>
    <t>73061559.0</t>
  </si>
  <si>
    <t>2818.615</t>
  </si>
  <si>
    <t>3.177</t>
  </si>
  <si>
    <t>2.405</t>
  </si>
  <si>
    <t>0.4146</t>
  </si>
  <si>
    <t>59882363.0</t>
  </si>
  <si>
    <t>21647523.0</t>
  </si>
  <si>
    <t>15895938.0</t>
  </si>
  <si>
    <t>46802.0</t>
  </si>
  <si>
    <t>32769.0</t>
  </si>
  <si>
    <t>228.76</t>
  </si>
  <si>
    <t>60.72</t>
  </si>
  <si>
    <t>73121700.0</t>
  </si>
  <si>
    <t>60141.0</t>
  </si>
  <si>
    <t>2820.935</t>
  </si>
  <si>
    <t>61372.0</t>
  </si>
  <si>
    <t>0.4356</t>
  </si>
  <si>
    <t>59897091.0</t>
  </si>
  <si>
    <t>15908339.0</t>
  </si>
  <si>
    <t>14728.0</t>
  </si>
  <si>
    <t>34141.0</t>
  </si>
  <si>
    <t>228.81</t>
  </si>
  <si>
    <t>73175540.0</t>
  </si>
  <si>
    <t>53840.0</t>
  </si>
  <si>
    <t>2823.012</t>
  </si>
  <si>
    <t>61544.0</t>
  </si>
  <si>
    <t>0.4426</t>
  </si>
  <si>
    <t>59899939.0</t>
  </si>
  <si>
    <t>15911187.0</t>
  </si>
  <si>
    <t>2848.0</t>
  </si>
  <si>
    <t>33815.0</t>
  </si>
  <si>
    <t>228.82</t>
  </si>
  <si>
    <t>60.78</t>
  </si>
  <si>
    <t>12177.8</t>
  </si>
  <si>
    <t>465.202630817946</t>
  </si>
  <si>
    <t>116.704</t>
  </si>
  <si>
    <t>73231296.0</t>
  </si>
  <si>
    <t>55756.0</t>
  </si>
  <si>
    <t>2825.163</t>
  </si>
  <si>
    <t>64113.0</t>
  </si>
  <si>
    <t>2.473</t>
  </si>
  <si>
    <t>0.4326</t>
  </si>
  <si>
    <t>59942310.0</t>
  </si>
  <si>
    <t>15949387.0</t>
  </si>
  <si>
    <t>42371.0</t>
  </si>
  <si>
    <t>36869.0</t>
  </si>
  <si>
    <t>228.98</t>
  </si>
  <si>
    <t>60.93</t>
  </si>
  <si>
    <t>73287896.0</t>
  </si>
  <si>
    <t>56600.0</t>
  </si>
  <si>
    <t>2827.346</t>
  </si>
  <si>
    <t>2.184</t>
  </si>
  <si>
    <t>65893.0</t>
  </si>
  <si>
    <t>0.4251</t>
  </si>
  <si>
    <t>59987771.0</t>
  </si>
  <si>
    <t>15991809.0</t>
  </si>
  <si>
    <t>45461.0</t>
  </si>
  <si>
    <t>35477.0</t>
  </si>
  <si>
    <t>229.16</t>
  </si>
  <si>
    <t>61.09</t>
  </si>
  <si>
    <t>1355.0</t>
  </si>
  <si>
    <t>73370295.0</t>
  </si>
  <si>
    <t>82399.0</t>
  </si>
  <si>
    <t>2830.525</t>
  </si>
  <si>
    <t>67114.0</t>
  </si>
  <si>
    <t>2.589</t>
  </si>
  <si>
    <t>60030381.0</t>
  </si>
  <si>
    <t>16031325.0</t>
  </si>
  <si>
    <t>42610.0</t>
  </si>
  <si>
    <t>34539.0</t>
  </si>
  <si>
    <t>229.32</t>
  </si>
  <si>
    <t>61.24</t>
  </si>
  <si>
    <t>2987.0</t>
  </si>
  <si>
    <t>60075193.0</t>
  </si>
  <si>
    <t>16072663.0</t>
  </si>
  <si>
    <t>44812.0</t>
  </si>
  <si>
    <t>34233.0</t>
  </si>
  <si>
    <t>229.49</t>
  </si>
  <si>
    <t>116.36</t>
  </si>
  <si>
    <t>60113851.0</t>
  </si>
  <si>
    <t>16107740.0</t>
  </si>
  <si>
    <t>38658.0</t>
  </si>
  <si>
    <t>229.64</t>
  </si>
  <si>
    <t>119.11</t>
  </si>
  <si>
    <t>60125909.0</t>
  </si>
  <si>
    <t>16117499.0</t>
  </si>
  <si>
    <t>12058.0</t>
  </si>
  <si>
    <t>32688.0</t>
  </si>
  <si>
    <t>229.69</t>
  </si>
  <si>
    <t>61.57</t>
  </si>
  <si>
    <t>60131190.0</t>
  </si>
  <si>
    <t>16121636.0</t>
  </si>
  <si>
    <t>5281.0</t>
  </si>
  <si>
    <t>33036.0</t>
  </si>
  <si>
    <t>229.71</t>
  </si>
  <si>
    <t>61.59</t>
  </si>
  <si>
    <t>12765.8</t>
  </si>
  <si>
    <t>17.34</t>
  </si>
  <si>
    <t>487.664746053945</t>
  </si>
  <si>
    <t>60165116.0</t>
  </si>
  <si>
    <t>16151996.0</t>
  </si>
  <si>
    <t>33926.0</t>
  </si>
  <si>
    <t>31829.0</t>
  </si>
  <si>
    <t>229.84</t>
  </si>
  <si>
    <t>3224.0</t>
  </si>
  <si>
    <t>60203805.0</t>
  </si>
  <si>
    <t>16187191.0</t>
  </si>
  <si>
    <t>38689.0</t>
  </si>
  <si>
    <t>30862.0</t>
  </si>
  <si>
    <t>229.98</t>
  </si>
  <si>
    <t>61.84</t>
  </si>
  <si>
    <t>3267.0</t>
  </si>
  <si>
    <t>60240472.0</t>
  </si>
  <si>
    <t>16220228.0</t>
  </si>
  <si>
    <t>36667.0</t>
  </si>
  <si>
    <t>30013.0</t>
  </si>
  <si>
    <t>230.12</t>
  </si>
  <si>
    <t>61.96</t>
  </si>
  <si>
    <t>60277104.0</t>
  </si>
  <si>
    <t>16253282.0</t>
  </si>
  <si>
    <t>36632.0</t>
  </si>
  <si>
    <t>28844.0</t>
  </si>
  <si>
    <t>230.26</t>
  </si>
  <si>
    <t>60307995.0</t>
  </si>
  <si>
    <t>16280641.0</t>
  </si>
  <si>
    <t>30891.0</t>
  </si>
  <si>
    <t>27735.0</t>
  </si>
  <si>
    <t>230.38</t>
  </si>
  <si>
    <t>3415.0</t>
  </si>
  <si>
    <t>60317275.0</t>
  </si>
  <si>
    <t>16288173.0</t>
  </si>
  <si>
    <t>9280.0</t>
  </si>
  <si>
    <t>230.42</t>
  </si>
  <si>
    <t>62.22</t>
  </si>
  <si>
    <t>60319007.0</t>
  </si>
  <si>
    <t>16289905.0</t>
  </si>
  <si>
    <t>26831.0</t>
  </si>
  <si>
    <t>13215.4</t>
  </si>
  <si>
    <t>13.05</t>
  </si>
  <si>
    <t>504.839860016709</t>
  </si>
  <si>
    <t>60352205.0</t>
  </si>
  <si>
    <t>16318419.0</t>
  </si>
  <si>
    <t>33198.0</t>
  </si>
  <si>
    <t>230.55</t>
  </si>
  <si>
    <t>62.34</t>
  </si>
  <si>
    <t>144.438</t>
  </si>
  <si>
    <t>60390456.0</t>
  </si>
  <si>
    <t>16352535.0</t>
  </si>
  <si>
    <t>38251.0</t>
  </si>
  <si>
    <t>26664.0</t>
  </si>
  <si>
    <t>230.7</t>
  </si>
  <si>
    <t>62.47</t>
  </si>
  <si>
    <t>60430700.0</t>
  </si>
  <si>
    <t>16388673.0</t>
  </si>
  <si>
    <t>40244.0</t>
  </si>
  <si>
    <t>27175.0</t>
  </si>
  <si>
    <t>230.85</t>
  </si>
  <si>
    <t>62.61</t>
  </si>
  <si>
    <t>60478973.0</t>
  </si>
  <si>
    <t>16432702.0</t>
  </si>
  <si>
    <t>48273.0</t>
  </si>
  <si>
    <t>28838.0</t>
  </si>
  <si>
    <t>231.03</t>
  </si>
  <si>
    <t>60538256.0</t>
  </si>
  <si>
    <t>16487193.0</t>
  </si>
  <si>
    <t>59283.0</t>
  </si>
  <si>
    <t>32894.0</t>
  </si>
  <si>
    <t>231.26</t>
  </si>
  <si>
    <t>1257.0</t>
  </si>
  <si>
    <t>60558799.0</t>
  </si>
  <si>
    <t>16505643.0</t>
  </si>
  <si>
    <t>20543.0</t>
  </si>
  <si>
    <t>34503.0</t>
  </si>
  <si>
    <t>231.34</t>
  </si>
  <si>
    <t>60566832.0</t>
  </si>
  <si>
    <t>16512990.0</t>
  </si>
  <si>
    <t>8033.0</t>
  </si>
  <si>
    <t>35404.0</t>
  </si>
  <si>
    <t>231.37</t>
  </si>
  <si>
    <t>13766.0</t>
  </si>
  <si>
    <t>525.873262480895</t>
  </si>
  <si>
    <t>4468.0</t>
  </si>
  <si>
    <t>60666885.0</t>
  </si>
  <si>
    <t>16608804.0</t>
  </si>
  <si>
    <t>100053.0</t>
  </si>
  <si>
    <t>44954.0</t>
  </si>
  <si>
    <t>231.75</t>
  </si>
  <si>
    <t>4477.0</t>
  </si>
  <si>
    <t>60785581.0</t>
  </si>
  <si>
    <t>16723047.0</t>
  </si>
  <si>
    <t>118696.0</t>
  </si>
  <si>
    <t>232.21</t>
  </si>
  <si>
    <t>4512.0</t>
  </si>
  <si>
    <t>60901407.0</t>
  </si>
  <si>
    <t>16834530.0</t>
  </si>
  <si>
    <t>115826.0</t>
  </si>
  <si>
    <t>67244.0</t>
  </si>
  <si>
    <t>232.65</t>
  </si>
  <si>
    <t>61018137.0</t>
  </si>
  <si>
    <t>16946592.0</t>
  </si>
  <si>
    <t>116730.0</t>
  </si>
  <si>
    <t>77023.0</t>
  </si>
  <si>
    <t>233.09</t>
  </si>
  <si>
    <t>64.74</t>
  </si>
  <si>
    <t>4740.0</t>
  </si>
  <si>
    <t>61135222.0</t>
  </si>
  <si>
    <t>17058703.0</t>
  </si>
  <si>
    <t>117085.0</t>
  </si>
  <si>
    <t>85281.0</t>
  </si>
  <si>
    <t>233.54</t>
  </si>
  <si>
    <t>65.17</t>
  </si>
  <si>
    <t>4719.0</t>
  </si>
  <si>
    <t>180.27</t>
  </si>
  <si>
    <t>61184744.0</t>
  </si>
  <si>
    <t>17105410.0</t>
  </si>
  <si>
    <t>49522.0</t>
  </si>
  <si>
    <t>89421.0</t>
  </si>
  <si>
    <t>233.73</t>
  </si>
  <si>
    <t>61205725.0</t>
  </si>
  <si>
    <t>17125242.0</t>
  </si>
  <si>
    <t>20981.0</t>
  </si>
  <si>
    <t>91270.0</t>
  </si>
  <si>
    <t>233.81</t>
  </si>
  <si>
    <t>14345.8</t>
  </si>
  <si>
    <t>548.02213053163</t>
  </si>
  <si>
    <t>200.134</t>
  </si>
  <si>
    <t>61308022.0</t>
  </si>
  <si>
    <t>17223139.0</t>
  </si>
  <si>
    <t>102297.0</t>
  </si>
  <si>
    <t>91591.0</t>
  </si>
  <si>
    <t>234.2</t>
  </si>
  <si>
    <t>6.456</t>
  </si>
  <si>
    <t>61418398.0</t>
  </si>
  <si>
    <t>17329593.0</t>
  </si>
  <si>
    <t>110376.0</t>
  </si>
  <si>
    <t>90402.0</t>
  </si>
  <si>
    <t>234.62</t>
  </si>
  <si>
    <t>5360.0</t>
  </si>
  <si>
    <t>61524870.0</t>
  </si>
  <si>
    <t>17432192.0</t>
  </si>
  <si>
    <t>106472.0</t>
  </si>
  <si>
    <t>235.03</t>
  </si>
  <si>
    <t>3402.0</t>
  </si>
  <si>
    <t>6.074</t>
  </si>
  <si>
    <t>61632291.0</t>
  </si>
  <si>
    <t>17535147.0</t>
  </si>
  <si>
    <t>107421.0</t>
  </si>
  <si>
    <t>87736.0</t>
  </si>
  <si>
    <t>235.44</t>
  </si>
  <si>
    <t>5251.0</t>
  </si>
  <si>
    <t>61737742.0</t>
  </si>
  <si>
    <t>17636183.0</t>
  </si>
  <si>
    <t>105451.0</t>
  </si>
  <si>
    <t>86074.0</t>
  </si>
  <si>
    <t>235.84</t>
  </si>
  <si>
    <t>67.37</t>
  </si>
  <si>
    <t>5.539</t>
  </si>
  <si>
    <t>5362.0</t>
  </si>
  <si>
    <t>61781182.0</t>
  </si>
  <si>
    <t>17676707.0</t>
  </si>
  <si>
    <t>43440.0</t>
  </si>
  <si>
    <t>85205.0</t>
  </si>
  <si>
    <t>236.01</t>
  </si>
  <si>
    <t>6.112</t>
  </si>
  <si>
    <t>61796565.0</t>
  </si>
  <si>
    <t>17691177.0</t>
  </si>
  <si>
    <t>15383.0</t>
  </si>
  <si>
    <t>84406.0</t>
  </si>
  <si>
    <t>67.58</t>
  </si>
  <si>
    <t>14871.6</t>
  </si>
  <si>
    <t>568.108151264774</t>
  </si>
  <si>
    <t>6.303</t>
  </si>
  <si>
    <t>61878802.0</t>
  </si>
  <si>
    <t>17773414.0</t>
  </si>
  <si>
    <t>82237.0</t>
  </si>
  <si>
    <t>81540.0</t>
  </si>
  <si>
    <t>236.38</t>
  </si>
  <si>
    <t>5364.0</t>
  </si>
  <si>
    <t>204.91</t>
  </si>
  <si>
    <t>61973263.0</t>
  </si>
  <si>
    <t>17860650.0</t>
  </si>
  <si>
    <t>94461.0</t>
  </si>
  <si>
    <t>79266.0</t>
  </si>
  <si>
    <t>236.74</t>
  </si>
  <si>
    <t>6.227</t>
  </si>
  <si>
    <t>5232.0</t>
  </si>
  <si>
    <t>62057787.0</t>
  </si>
  <si>
    <t>17941716.0</t>
  </si>
  <si>
    <t>84524.0</t>
  </si>
  <si>
    <t>76131.0</t>
  </si>
  <si>
    <t>237.07</t>
  </si>
  <si>
    <t>62140178.0</t>
  </si>
  <si>
    <t>18020460.0</t>
  </si>
  <si>
    <t>82391.0</t>
  </si>
  <si>
    <t>72555.0</t>
  </si>
  <si>
    <t>237.38</t>
  </si>
  <si>
    <t>5032.0</t>
  </si>
  <si>
    <t>62214063.0</t>
  </si>
  <si>
    <t>18090649.0</t>
  </si>
  <si>
    <t>73885.0</t>
  </si>
  <si>
    <t>68046.0</t>
  </si>
  <si>
    <t>237.66</t>
  </si>
  <si>
    <t>62245285.0</t>
  </si>
  <si>
    <t>18119521.0</t>
  </si>
  <si>
    <t>31222.0</t>
  </si>
  <si>
    <t>66300.0</t>
  </si>
  <si>
    <t>237.78</t>
  </si>
  <si>
    <t>62255266.0</t>
  </si>
  <si>
    <t>18128815.0</t>
  </si>
  <si>
    <t>9981.0</t>
  </si>
  <si>
    <t>237.82</t>
  </si>
  <si>
    <t>15380.4</t>
  </si>
  <si>
    <t>587.544757101638</t>
  </si>
  <si>
    <t>62311916.0</t>
  </si>
  <si>
    <t>18182528.0</t>
  </si>
  <si>
    <t>56650.0</t>
  </si>
  <si>
    <t>61873.0</t>
  </si>
  <si>
    <t>4851.0</t>
  </si>
  <si>
    <t>62371340.0</t>
  </si>
  <si>
    <t>18238992.0</t>
  </si>
  <si>
    <t>59424.0</t>
  </si>
  <si>
    <t>56868.0</t>
  </si>
  <si>
    <t>238.26</t>
  </si>
  <si>
    <t>62426327.0</t>
  </si>
  <si>
    <t>18291313.0</t>
  </si>
  <si>
    <t>54987.0</t>
  </si>
  <si>
    <t>52649.0</t>
  </si>
  <si>
    <t>238.47</t>
  </si>
  <si>
    <t>62481417.0</t>
  </si>
  <si>
    <t>18343383.0</t>
  </si>
  <si>
    <t>55090.0</t>
  </si>
  <si>
    <t>48748.0</t>
  </si>
  <si>
    <t>238.68</t>
  </si>
  <si>
    <t>70.07</t>
  </si>
  <si>
    <t>4478.0</t>
  </si>
  <si>
    <t>4431.0</t>
  </si>
  <si>
    <t>169.268</t>
  </si>
  <si>
    <t>41946.0</t>
  </si>
  <si>
    <t>171.293</t>
  </si>
  <si>
    <t>44627.0</t>
  </si>
  <si>
    <t>1705.0</t>
  </si>
  <si>
    <t>610.297198997151</t>
  </si>
  <si>
    <t>62596404.0</t>
  </si>
  <si>
    <t>18450319.0</t>
  </si>
  <si>
    <t>40641.0</t>
  </si>
  <si>
    <t>239.12</t>
  </si>
  <si>
    <t>70.48</t>
  </si>
  <si>
    <t>62637824.0</t>
  </si>
  <si>
    <t>18489245.0</t>
  </si>
  <si>
    <t>41420.0</t>
  </si>
  <si>
    <t>38069.0</t>
  </si>
  <si>
    <t>239.28</t>
  </si>
  <si>
    <t>70.63</t>
  </si>
  <si>
    <t>4274.0</t>
  </si>
  <si>
    <t>62675448.0</t>
  </si>
  <si>
    <t>18524602.0</t>
  </si>
  <si>
    <t>37624.0</t>
  </si>
  <si>
    <t>35589.0</t>
  </si>
  <si>
    <t>239.43</t>
  </si>
  <si>
    <t>4098.0</t>
  </si>
  <si>
    <t>62712556.0</t>
  </si>
  <si>
    <t>18559235.0</t>
  </si>
  <si>
    <t>37108.0</t>
  </si>
  <si>
    <t>33020.0</t>
  </si>
  <si>
    <t>239.57</t>
  </si>
  <si>
    <t>29910.0</t>
  </si>
  <si>
    <t>153.3</t>
  </si>
  <si>
    <t>62766146.0</t>
  </si>
  <si>
    <t>18608076.0</t>
  </si>
  <si>
    <t>239.77</t>
  </si>
  <si>
    <t>16450.2</t>
  </si>
  <si>
    <t>628.412054515707</t>
  </si>
  <si>
    <t>62794740.0</t>
  </si>
  <si>
    <t>18634216.0</t>
  </si>
  <si>
    <t>28594.0</t>
  </si>
  <si>
    <t>239.88</t>
  </si>
  <si>
    <t>71.18</t>
  </si>
  <si>
    <t>62825336.0</t>
  </si>
  <si>
    <t>18662588.0</t>
  </si>
  <si>
    <t>30596.0</t>
  </si>
  <si>
    <t>26787.0</t>
  </si>
  <si>
    <t>62857791.0</t>
  </si>
  <si>
    <t>18692846.0</t>
  </si>
  <si>
    <t>32455.0</t>
  </si>
  <si>
    <t>26049.0</t>
  </si>
  <si>
    <t>240.12</t>
  </si>
  <si>
    <t>138.249</t>
  </si>
  <si>
    <t>62885656.0</t>
  </si>
  <si>
    <t>18718552.0</t>
  </si>
  <si>
    <t>27865.0</t>
  </si>
  <si>
    <t>24729.0</t>
  </si>
  <si>
    <t>240.23</t>
  </si>
  <si>
    <t>71.51</t>
  </si>
  <si>
    <t>24099.0</t>
  </si>
  <si>
    <t>23470.0</t>
  </si>
  <si>
    <t>3429.0</t>
  </si>
  <si>
    <t>62926030.0</t>
  </si>
  <si>
    <t>18754700.0</t>
  </si>
  <si>
    <t>22841.0</t>
  </si>
  <si>
    <t>240.38</t>
  </si>
  <si>
    <t>16676.6</t>
  </si>
  <si>
    <t>637.060732899091</t>
  </si>
  <si>
    <t>132.06</t>
  </si>
  <si>
    <t>62946742.0</t>
  </si>
  <si>
    <t>18773316.0</t>
  </si>
  <si>
    <t>20712.0</t>
  </si>
  <si>
    <t>21715.0</t>
  </si>
  <si>
    <t>71.72</t>
  </si>
  <si>
    <t>3324.0</t>
  </si>
  <si>
    <t>126.98</t>
  </si>
  <si>
    <t>62969297.0</t>
  </si>
  <si>
    <t>18793980.0</t>
  </si>
  <si>
    <t>22555.0</t>
  </si>
  <si>
    <t>20566.0</t>
  </si>
  <si>
    <t>240.55</t>
  </si>
  <si>
    <t>71.79</t>
  </si>
  <si>
    <t>62990246.0</t>
  </si>
  <si>
    <t>18813204.0</t>
  </si>
  <si>
    <t>20949.0</t>
  </si>
  <si>
    <t>18922.0</t>
  </si>
  <si>
    <t>63011373.0</t>
  </si>
  <si>
    <t>18832487.0</t>
  </si>
  <si>
    <t>21127.0</t>
  </si>
  <si>
    <t>17960.0</t>
  </si>
  <si>
    <t>240.71</t>
  </si>
  <si>
    <t>115.176</t>
  </si>
  <si>
    <t>16085.0</t>
  </si>
  <si>
    <t>14210.0</t>
  </si>
  <si>
    <t>18859966.0</t>
  </si>
  <si>
    <t>12335.0</t>
  </si>
  <si>
    <t>72.05</t>
  </si>
  <si>
    <t>16817.2</t>
  </si>
  <si>
    <t>642.43177610008</t>
  </si>
  <si>
    <t>18875258.0</t>
  </si>
  <si>
    <t>9424.0</t>
  </si>
  <si>
    <t>72.11</t>
  </si>
  <si>
    <t>18892933.0</t>
  </si>
  <si>
    <t>6249.0</t>
  </si>
  <si>
    <t>72.17</t>
  </si>
  <si>
    <t>18908728.0</t>
  </si>
  <si>
    <t>3304.0</t>
  </si>
  <si>
    <t>105.511</t>
  </si>
  <si>
    <t>18923633.0</t>
  </si>
  <si>
    <t>72.29</t>
  </si>
  <si>
    <t>103.83</t>
  </si>
  <si>
    <t>103.181</t>
  </si>
  <si>
    <t>18945768.0</t>
  </si>
  <si>
    <t>18957759.0</t>
  </si>
  <si>
    <t>18971212.0</t>
  </si>
  <si>
    <t>18983873.0</t>
  </si>
  <si>
    <t>18996903.0</t>
  </si>
  <si>
    <t>19048216.0</t>
  </si>
  <si>
    <t>72.77</t>
  </si>
  <si>
    <t>1947.0</t>
  </si>
  <si>
    <t>19096548.0</t>
  </si>
  <si>
    <t>72.95</t>
  </si>
  <si>
    <t>1563.0</t>
  </si>
  <si>
    <t>63025388.0</t>
  </si>
  <si>
    <t>21649174.0</t>
  </si>
  <si>
    <t>19141629.0</t>
  </si>
  <si>
    <t>240.76</t>
  </si>
  <si>
    <t>73.12</t>
  </si>
  <si>
    <t>4164.0</t>
  </si>
  <si>
    <t>63065259.0</t>
  </si>
  <si>
    <t>22234320.0</t>
  </si>
  <si>
    <t>21649912.0</t>
  </si>
  <si>
    <t>19181027.0</t>
  </si>
  <si>
    <t>240.91</t>
  </si>
  <si>
    <t>84.94</t>
  </si>
  <si>
    <t>5811.0</t>
  </si>
  <si>
    <t>5868.0</t>
  </si>
  <si>
    <t>5925.0</t>
  </si>
  <si>
    <t>1433.0</t>
  </si>
  <si>
    <t>63107940.0</t>
  </si>
  <si>
    <t>22234547.0</t>
  </si>
  <si>
    <t>21650712.0</t>
  </si>
  <si>
    <t>19222681.0</t>
  </si>
  <si>
    <t>241.08</t>
  </si>
  <si>
    <t>5704.0</t>
  </si>
  <si>
    <t>5573.0</t>
  </si>
  <si>
    <t>5442.0</t>
  </si>
  <si>
    <t>63144201.0</t>
  </si>
  <si>
    <t>22234620.0</t>
  </si>
  <si>
    <t>21651322.0</t>
  </si>
  <si>
    <t>19258259.0</t>
  </si>
  <si>
    <t>5180.0</t>
  </si>
  <si>
    <t>241.22</t>
  </si>
  <si>
    <t>5168.0</t>
  </si>
  <si>
    <t>5156.0</t>
  </si>
  <si>
    <t>5131.0</t>
  </si>
  <si>
    <t>53.29</t>
  </si>
  <si>
    <t>63179861.0</t>
  </si>
  <si>
    <t>22234662.0</t>
  </si>
  <si>
    <t>21651862.0</t>
  </si>
  <si>
    <t>19293337.0</t>
  </si>
  <si>
    <t>5094.0</t>
  </si>
  <si>
    <t>5941.0</t>
  </si>
  <si>
    <t>6365.0</t>
  </si>
  <si>
    <t>63236277.0</t>
  </si>
  <si>
    <t>22234705.0</t>
  </si>
  <si>
    <t>21652537.0</t>
  </si>
  <si>
    <t>19349035.0</t>
  </si>
  <si>
    <t>8059.0</t>
  </si>
  <si>
    <t>9668.0</t>
  </si>
  <si>
    <t>10473.0</t>
  </si>
  <si>
    <t>11277.0</t>
  </si>
  <si>
    <t>12081.0</t>
  </si>
  <si>
    <t>12886.0</t>
  </si>
  <si>
    <t>63332108.0</t>
  </si>
  <si>
    <t>21654109.0</t>
  </si>
  <si>
    <t>19442135.0</t>
  </si>
  <si>
    <t>13690.0</t>
  </si>
  <si>
    <t>241.93</t>
  </si>
  <si>
    <t>13255.0</t>
  </si>
  <si>
    <t>12820.0</t>
  </si>
  <si>
    <t>12386.0</t>
  </si>
  <si>
    <t>11951.0</t>
  </si>
  <si>
    <t>11516.0</t>
  </si>
  <si>
    <t>11081.0</t>
  </si>
  <si>
    <t>63406631.0</t>
  </si>
  <si>
    <t>21655294.0</t>
  </si>
  <si>
    <t>19514697.0</t>
  </si>
  <si>
    <t>10646.0</t>
  </si>
  <si>
    <t>10222.0</t>
  </si>
  <si>
    <t>9798.0</t>
  </si>
  <si>
    <t>9374.0</t>
  </si>
  <si>
    <t>8949.0</t>
  </si>
  <si>
    <t>8525.0</t>
  </si>
  <si>
    <t>8101.0</t>
  </si>
  <si>
    <t>63460368.0</t>
  </si>
  <si>
    <t>21656235.0</t>
  </si>
  <si>
    <t>19567150.0</t>
  </si>
  <si>
    <t>242.42</t>
  </si>
  <si>
    <t>74.75</t>
  </si>
  <si>
    <t>7328.0</t>
  </si>
  <si>
    <t>7153.0</t>
  </si>
  <si>
    <t>6979.0</t>
  </si>
  <si>
    <t>3076.0</t>
  </si>
  <si>
    <t>63505559.0</t>
  </si>
  <si>
    <t>21656364.0</t>
  </si>
  <si>
    <t>19613644.0</t>
  </si>
  <si>
    <t>6375.0</t>
  </si>
  <si>
    <t>6212.0</t>
  </si>
  <si>
    <t>63548762.0</t>
  </si>
  <si>
    <t>22235398.0</t>
  </si>
  <si>
    <t>19656814.0</t>
  </si>
  <si>
    <t>6000.0</t>
  </si>
  <si>
    <t>5829.0</t>
  </si>
  <si>
    <t>63583562.0</t>
  </si>
  <si>
    <t>22235469.0</t>
  </si>
  <si>
    <t>21656484.0</t>
  </si>
  <si>
    <t>19691609.0</t>
  </si>
  <si>
    <t>75.22</t>
  </si>
  <si>
    <t>AUT</t>
  </si>
  <si>
    <t>Austria</t>
  </si>
  <si>
    <t>28.4</t>
  </si>
  <si>
    <t>-807.0</t>
  </si>
  <si>
    <t>-4.9</t>
  </si>
  <si>
    <t>-4.02</t>
  </si>
  <si>
    <t>-90.272323747203</t>
  </si>
  <si>
    <t>-845.8</t>
  </si>
  <si>
    <t>-4.63</t>
  </si>
  <si>
    <t>-2.19</t>
  </si>
  <si>
    <t>-94.6125544304638</t>
  </si>
  <si>
    <t>-862.4</t>
  </si>
  <si>
    <t>-4.32</t>
  </si>
  <si>
    <t>-0.96</t>
  </si>
  <si>
    <t>-96.46945724856</t>
  </si>
  <si>
    <t>-651.6</t>
  </si>
  <si>
    <t>-72.8890286910502</t>
  </si>
  <si>
    <t>-560.6</t>
  </si>
  <si>
    <t>-2.41</t>
  </si>
  <si>
    <t>-62.7096216761859</t>
  </si>
  <si>
    <t>16834.0</t>
  </si>
  <si>
    <t>1.887</t>
  </si>
  <si>
    <t>116.56</t>
  </si>
  <si>
    <t>92190.0</t>
  </si>
  <si>
    <t>75356.0</t>
  </si>
  <si>
    <t>10.333</t>
  </si>
  <si>
    <t>8.446</t>
  </si>
  <si>
    <t>27.406</t>
  </si>
  <si>
    <t>98343.0</t>
  </si>
  <si>
    <t>6153.0</t>
  </si>
  <si>
    <t>11.022</t>
  </si>
  <si>
    <t>104134.0</t>
  </si>
  <si>
    <t>11.671</t>
  </si>
  <si>
    <t>956.0</t>
  </si>
  <si>
    <t>106.94</t>
  </si>
  <si>
    <t>108416.0</t>
  </si>
  <si>
    <t>4282.0</t>
  </si>
  <si>
    <t>12.151</t>
  </si>
  <si>
    <t>-344.2</t>
  </si>
  <si>
    <t>13.49</t>
  </si>
  <si>
    <t>-38.5027680716075</t>
  </si>
  <si>
    <t>27.965</t>
  </si>
  <si>
    <t>111296.0</t>
  </si>
  <si>
    <t>12.474</t>
  </si>
  <si>
    <t>27.182</t>
  </si>
  <si>
    <t>115235.0</t>
  </si>
  <si>
    <t>12.916</t>
  </si>
  <si>
    <t>122.6</t>
  </si>
  <si>
    <t>120755.0</t>
  </si>
  <si>
    <t>14846.0</t>
  </si>
  <si>
    <t>1.664</t>
  </si>
  <si>
    <t>29.755</t>
  </si>
  <si>
    <t>126287.0</t>
  </si>
  <si>
    <t>5532.0</t>
  </si>
  <si>
    <t>14.154</t>
  </si>
  <si>
    <t>134743.0</t>
  </si>
  <si>
    <t>8456.0</t>
  </si>
  <si>
    <t>15.102</t>
  </si>
  <si>
    <t>5200.0</t>
  </si>
  <si>
    <t>140975.0</t>
  </si>
  <si>
    <t>6232.0</t>
  </si>
  <si>
    <t>15.801</t>
  </si>
  <si>
    <t>5263.0</t>
  </si>
  <si>
    <t>144877.0</t>
  </si>
  <si>
    <t>3902.0</t>
  </si>
  <si>
    <t>5209.0</t>
  </si>
  <si>
    <t>-115.6</t>
  </si>
  <si>
    <t>-12.9312027573441</t>
  </si>
  <si>
    <t>148412.0</t>
  </si>
  <si>
    <t>16.634</t>
  </si>
  <si>
    <t>151796.0</t>
  </si>
  <si>
    <t>3384.0</t>
  </si>
  <si>
    <t>17.014</t>
  </si>
  <si>
    <t>156801.0</t>
  </si>
  <si>
    <t>17.574</t>
  </si>
  <si>
    <t>108.17</t>
  </si>
  <si>
    <t>162816.0</t>
  </si>
  <si>
    <t>18.249</t>
  </si>
  <si>
    <t>5218.0</t>
  </si>
  <si>
    <t>169272.0</t>
  </si>
  <si>
    <t>18.972</t>
  </si>
  <si>
    <t>4933.0</t>
  </si>
  <si>
    <t>175932.0</t>
  </si>
  <si>
    <t>19.719</t>
  </si>
  <si>
    <t>4994.0</t>
  </si>
  <si>
    <t>179244.0</t>
  </si>
  <si>
    <t>4910.0</t>
  </si>
  <si>
    <t>32.8000000000001</t>
  </si>
  <si>
    <t>3.66906098997307</t>
  </si>
  <si>
    <t>21.701</t>
  </si>
  <si>
    <t>182949.0</t>
  </si>
  <si>
    <t>3705.0</t>
  </si>
  <si>
    <t>20.505</t>
  </si>
  <si>
    <t>189018.0</t>
  </si>
  <si>
    <t>21.185</t>
  </si>
  <si>
    <t>201794.0</t>
  </si>
  <si>
    <t>12776.0</t>
  </si>
  <si>
    <t>22.617</t>
  </si>
  <si>
    <t>6428.0</t>
  </si>
  <si>
    <t>18.905</t>
  </si>
  <si>
    <t>205835.0</t>
  </si>
  <si>
    <t>4041.0</t>
  </si>
  <si>
    <t>6146.0</t>
  </si>
  <si>
    <t>212686.0</t>
  </si>
  <si>
    <t>6851.0</t>
  </si>
  <si>
    <t>23.838</t>
  </si>
  <si>
    <t>221089.0</t>
  </si>
  <si>
    <t>8403.0</t>
  </si>
  <si>
    <t>24.78</t>
  </si>
  <si>
    <t>227631.0</t>
  </si>
  <si>
    <t>25.513</t>
  </si>
  <si>
    <t>6912.0</t>
  </si>
  <si>
    <t>13.8037233586182</t>
  </si>
  <si>
    <t>232537.0</t>
  </si>
  <si>
    <t>26.063</t>
  </si>
  <si>
    <t>239578.0</t>
  </si>
  <si>
    <t>7041.0</t>
  </si>
  <si>
    <t>26.852</t>
  </si>
  <si>
    <t>7223.0</t>
  </si>
  <si>
    <t>14.654</t>
  </si>
  <si>
    <t>57.832</t>
  </si>
  <si>
    <t>247754.0</t>
  </si>
  <si>
    <t>8176.0</t>
  </si>
  <si>
    <t>27.769</t>
  </si>
  <si>
    <t>14.318</t>
  </si>
  <si>
    <t>256399.0</t>
  </si>
  <si>
    <t>28.738</t>
  </si>
  <si>
    <t>13.871</t>
  </si>
  <si>
    <t>264079.0</t>
  </si>
  <si>
    <t>7680.0</t>
  </si>
  <si>
    <t>29.598</t>
  </si>
  <si>
    <t>12.752</t>
  </si>
  <si>
    <t>269619.0</t>
  </si>
  <si>
    <t>30.219</t>
  </si>
  <si>
    <t>274355.0</t>
  </si>
  <si>
    <t>6675.0</t>
  </si>
  <si>
    <t>111.6</t>
  </si>
  <si>
    <t>-0.8</t>
  </si>
  <si>
    <t>12.4837562951522</t>
  </si>
  <si>
    <t>279071.0</t>
  </si>
  <si>
    <t>4716.0</t>
  </si>
  <si>
    <t>31.279</t>
  </si>
  <si>
    <t>6648.0</t>
  </si>
  <si>
    <t>285883.0</t>
  </si>
  <si>
    <t>32.042</t>
  </si>
  <si>
    <t>6615.0</t>
  </si>
  <si>
    <t>10.851</t>
  </si>
  <si>
    <t>6371.0</t>
  </si>
  <si>
    <t>32.756</t>
  </si>
  <si>
    <t>10.291</t>
  </si>
  <si>
    <t>40.27</t>
  </si>
  <si>
    <t>297894.0</t>
  </si>
  <si>
    <t>5640.0</t>
  </si>
  <si>
    <t>33.388</t>
  </si>
  <si>
    <t>5928.0</t>
  </si>
  <si>
    <t>304069.0</t>
  </si>
  <si>
    <t>8.837</t>
  </si>
  <si>
    <t>311690.0</t>
  </si>
  <si>
    <t>7621.0</t>
  </si>
  <si>
    <t>34.935</t>
  </si>
  <si>
    <t>8.054</t>
  </si>
  <si>
    <t>316508.0</t>
  </si>
  <si>
    <t>35.475</t>
  </si>
  <si>
    <t>6022.0</t>
  </si>
  <si>
    <t>3.94</t>
  </si>
  <si>
    <t>18.9046130276051</t>
  </si>
  <si>
    <t>7.607</t>
  </si>
  <si>
    <t>31.209</t>
  </si>
  <si>
    <t>319484.0</t>
  </si>
  <si>
    <t>2976.0</t>
  </si>
  <si>
    <t>35.808</t>
  </si>
  <si>
    <t>5773.0</t>
  </si>
  <si>
    <t>29.531</t>
  </si>
  <si>
    <t>329314.0</t>
  </si>
  <si>
    <t>9830.0</t>
  </si>
  <si>
    <t>6204.0</t>
  </si>
  <si>
    <t>6.152</t>
  </si>
  <si>
    <t>336252.0</t>
  </si>
  <si>
    <t>6938.0</t>
  </si>
  <si>
    <t>37.688</t>
  </si>
  <si>
    <t>6285.0</t>
  </si>
  <si>
    <t>6.041</t>
  </si>
  <si>
    <t>344606.0</t>
  </si>
  <si>
    <t>8354.0</t>
  </si>
  <si>
    <t>38.624</t>
  </si>
  <si>
    <t>5.257</t>
  </si>
  <si>
    <t>23.715</t>
  </si>
  <si>
    <t>351351.0</t>
  </si>
  <si>
    <t>6745.0</t>
  </si>
  <si>
    <t>5.593</t>
  </si>
  <si>
    <t>357393.0</t>
  </si>
  <si>
    <t>6042.0</t>
  </si>
  <si>
    <t>40.057</t>
  </si>
  <si>
    <t>6529.0</t>
  </si>
  <si>
    <t>5.369</t>
  </si>
  <si>
    <t>362509.0</t>
  </si>
  <si>
    <t>40.631</t>
  </si>
  <si>
    <t>166.8</t>
  </si>
  <si>
    <t>-0.15</t>
  </si>
  <si>
    <t>18.6585174733996</t>
  </si>
  <si>
    <t>5.034</t>
  </si>
  <si>
    <t>366069.0</t>
  </si>
  <si>
    <t>3560.0</t>
  </si>
  <si>
    <t>6655.0</t>
  </si>
  <si>
    <t>372435.0</t>
  </si>
  <si>
    <t>41.743</t>
  </si>
  <si>
    <t>6160.0</t>
  </si>
  <si>
    <t>4.139</t>
  </si>
  <si>
    <t>379592.0</t>
  </si>
  <si>
    <t>42.545</t>
  </si>
  <si>
    <t>6191.0</t>
  </si>
  <si>
    <t>385637.0</t>
  </si>
  <si>
    <t>6045.0</t>
  </si>
  <si>
    <t>43.223</t>
  </si>
  <si>
    <t>17.786</t>
  </si>
  <si>
    <t>390488.0</t>
  </si>
  <si>
    <t>43.766</t>
  </si>
  <si>
    <t>16.108</t>
  </si>
  <si>
    <t>396363.0</t>
  </si>
  <si>
    <t>5875.0</t>
  </si>
  <si>
    <t>44.425</t>
  </si>
  <si>
    <t>3.244</t>
  </si>
  <si>
    <t>401857.0</t>
  </si>
  <si>
    <t>45.041</t>
  </si>
  <si>
    <t>2.51</t>
  </si>
  <si>
    <t>22.7079079562357</t>
  </si>
  <si>
    <t>15.549</t>
  </si>
  <si>
    <t>405341.0</t>
  </si>
  <si>
    <t>45.431</t>
  </si>
  <si>
    <t>5610.0</t>
  </si>
  <si>
    <t>411185.0</t>
  </si>
  <si>
    <t>5844.0</t>
  </si>
  <si>
    <t>46.086</t>
  </si>
  <si>
    <t>418706.0</t>
  </si>
  <si>
    <t>7521.0</t>
  </si>
  <si>
    <t>46.929</t>
  </si>
  <si>
    <t>3.356</t>
  </si>
  <si>
    <t>11.969</t>
  </si>
  <si>
    <t>427372.0</t>
  </si>
  <si>
    <t>47.9</t>
  </si>
  <si>
    <t>5962.0</t>
  </si>
  <si>
    <t>2.797</t>
  </si>
  <si>
    <t>11.522</t>
  </si>
  <si>
    <t>434302.0</t>
  </si>
  <si>
    <t>6930.0</t>
  </si>
  <si>
    <t>48.677</t>
  </si>
  <si>
    <t>6259.0</t>
  </si>
  <si>
    <t>2.573</t>
  </si>
  <si>
    <t>442143.0</t>
  </si>
  <si>
    <t>7841.0</t>
  </si>
  <si>
    <t>49.556</t>
  </si>
  <si>
    <t>6540.0</t>
  </si>
  <si>
    <t>448534.0</t>
  </si>
  <si>
    <t>6391.0</t>
  </si>
  <si>
    <t>50.272</t>
  </si>
  <si>
    <t>6668.0</t>
  </si>
  <si>
    <t>179.4</t>
  </si>
  <si>
    <t>20.0679738293039</t>
  </si>
  <si>
    <t>451820.0</t>
  </si>
  <si>
    <t>3286.0</t>
  </si>
  <si>
    <t>50.641</t>
  </si>
  <si>
    <t>0.368</t>
  </si>
  <si>
    <t>2.908</t>
  </si>
  <si>
    <t>456378.0</t>
  </si>
  <si>
    <t>51.152</t>
  </si>
  <si>
    <t>2.349</t>
  </si>
  <si>
    <t>9.732</t>
  </si>
  <si>
    <t>462958.0</t>
  </si>
  <si>
    <t>6580.0</t>
  </si>
  <si>
    <t>6322.0</t>
  </si>
  <si>
    <t>2.461</t>
  </si>
  <si>
    <t>471466.0</t>
  </si>
  <si>
    <t>52.843</t>
  </si>
  <si>
    <t>479449.0</t>
  </si>
  <si>
    <t>53.737</t>
  </si>
  <si>
    <t>485912.0</t>
  </si>
  <si>
    <t>6463.0</t>
  </si>
  <si>
    <t>54.462</t>
  </si>
  <si>
    <t>489597.0</t>
  </si>
  <si>
    <t>54.875</t>
  </si>
  <si>
    <t>230.8</t>
  </si>
  <si>
    <t>25.817660868469</t>
  </si>
  <si>
    <t>9.173</t>
  </si>
  <si>
    <t>494761.0</t>
  </si>
  <si>
    <t>55.454</t>
  </si>
  <si>
    <t>500921.0</t>
  </si>
  <si>
    <t>56.144</t>
  </si>
  <si>
    <t>8.949</t>
  </si>
  <si>
    <t>506344.0</t>
  </si>
  <si>
    <t>56.752</t>
  </si>
  <si>
    <t>510311.0</t>
  </si>
  <si>
    <t>57.196</t>
  </si>
  <si>
    <t>516581.0</t>
  </si>
  <si>
    <t>57.899</t>
  </si>
  <si>
    <t>5305.0</t>
  </si>
  <si>
    <t>520976.0</t>
  </si>
  <si>
    <t>58.392</t>
  </si>
  <si>
    <t>524840.0</t>
  </si>
  <si>
    <t>58.825</t>
  </si>
  <si>
    <t>225.2</t>
  </si>
  <si>
    <t>25.1912358214004</t>
  </si>
  <si>
    <t>527670.0</t>
  </si>
  <si>
    <t>59.142</t>
  </si>
  <si>
    <t>8.725</t>
  </si>
  <si>
    <t>532700.0</t>
  </si>
  <si>
    <t>5030.0</t>
  </si>
  <si>
    <t>59.706</t>
  </si>
  <si>
    <t>4540.0</t>
  </si>
  <si>
    <t>7.942</t>
  </si>
  <si>
    <t>540615.0</t>
  </si>
  <si>
    <t>7915.0</t>
  </si>
  <si>
    <t>60.593</t>
  </si>
  <si>
    <t>545927.0</t>
  </si>
  <si>
    <t>61.188</t>
  </si>
  <si>
    <t>5088.0</t>
  </si>
  <si>
    <t>552130.0</t>
  </si>
  <si>
    <t>6203.0</t>
  </si>
  <si>
    <t>61.884</t>
  </si>
  <si>
    <t>5078.0</t>
  </si>
  <si>
    <t>8.278</t>
  </si>
  <si>
    <t>558208.0</t>
  </si>
  <si>
    <t>62.565</t>
  </si>
  <si>
    <t>560584.0</t>
  </si>
  <si>
    <t>62.831</t>
  </si>
  <si>
    <t>204.4</t>
  </si>
  <si>
    <t>22.8645142180029</t>
  </si>
  <si>
    <t>565800.0</t>
  </si>
  <si>
    <t>5216.0</t>
  </si>
  <si>
    <t>63.416</t>
  </si>
  <si>
    <t>5447.0</t>
  </si>
  <si>
    <t>572473.0</t>
  </si>
  <si>
    <t>64.164</t>
  </si>
  <si>
    <t>5682.0</t>
  </si>
  <si>
    <t>578584.0</t>
  </si>
  <si>
    <t>6111.0</t>
  </si>
  <si>
    <t>64.849</t>
  </si>
  <si>
    <t>584243.0</t>
  </si>
  <si>
    <t>65.483</t>
  </si>
  <si>
    <t>590442.0</t>
  </si>
  <si>
    <t>6199.0</t>
  </si>
  <si>
    <t>66.178</t>
  </si>
  <si>
    <t>597495.0</t>
  </si>
  <si>
    <t>66.968</t>
  </si>
  <si>
    <t>602520.0</t>
  </si>
  <si>
    <t>67.531</t>
  </si>
  <si>
    <t>218.4</t>
  </si>
  <si>
    <t>24.4305768356743</t>
  </si>
  <si>
    <t>606375.0</t>
  </si>
  <si>
    <t>612756.0</t>
  </si>
  <si>
    <t>6381.0</t>
  </si>
  <si>
    <t>68.679</t>
  </si>
  <si>
    <t>620866.0</t>
  </si>
  <si>
    <t>8110.0</t>
  </si>
  <si>
    <t>69.588</t>
  </si>
  <si>
    <t>628700.0</t>
  </si>
  <si>
    <t>7834.0</t>
  </si>
  <si>
    <t>70.466</t>
  </si>
  <si>
    <t>6351.0</t>
  </si>
  <si>
    <t>635505.0</t>
  </si>
  <si>
    <t>71.228</t>
  </si>
  <si>
    <t>6438.0</t>
  </si>
  <si>
    <t>642679.0</t>
  </si>
  <si>
    <t>7174.0</t>
  </si>
  <si>
    <t>72.032</t>
  </si>
  <si>
    <t>6455.0</t>
  </si>
  <si>
    <t>647804.0</t>
  </si>
  <si>
    <t>5125.0</t>
  </si>
  <si>
    <t>72.607</t>
  </si>
  <si>
    <t>6469.0</t>
  </si>
  <si>
    <t>35.571993744251</t>
  </si>
  <si>
    <t>654105.0</t>
  </si>
  <si>
    <t>73.313</t>
  </si>
  <si>
    <t>10.179</t>
  </si>
  <si>
    <t>660149.0</t>
  </si>
  <si>
    <t>6770.0</t>
  </si>
  <si>
    <t>8.613</t>
  </si>
  <si>
    <t>668220.0</t>
  </si>
  <si>
    <t>8071.0</t>
  </si>
  <si>
    <t>74.895</t>
  </si>
  <si>
    <t>6765.0</t>
  </si>
  <si>
    <t>675727.0</t>
  </si>
  <si>
    <t>7507.0</t>
  </si>
  <si>
    <t>75.736</t>
  </si>
  <si>
    <t>6718.0</t>
  </si>
  <si>
    <t>0.753</t>
  </si>
  <si>
    <t>683484.0</t>
  </si>
  <si>
    <t>7757.0</t>
  </si>
  <si>
    <t>76.606</t>
  </si>
  <si>
    <t>6854.0</t>
  </si>
  <si>
    <t>691709.0</t>
  </si>
  <si>
    <t>8225.0</t>
  </si>
  <si>
    <t>77.528</t>
  </si>
  <si>
    <t>7004.0</t>
  </si>
  <si>
    <t>9.285</t>
  </si>
  <si>
    <t>696740.0</t>
  </si>
  <si>
    <t>5031.0</t>
  </si>
  <si>
    <t>299.4</t>
  </si>
  <si>
    <t>-1.33</t>
  </si>
  <si>
    <t>33.491367695059</t>
  </si>
  <si>
    <t>700616.0</t>
  </si>
  <si>
    <t>78.526</t>
  </si>
  <si>
    <t>708128.0</t>
  </si>
  <si>
    <t>7512.0</t>
  </si>
  <si>
    <t>79.368</t>
  </si>
  <si>
    <t>10.739</t>
  </si>
  <si>
    <t>716293.0</t>
  </si>
  <si>
    <t>80.283</t>
  </si>
  <si>
    <t>726345.0</t>
  </si>
  <si>
    <t>7231.0</t>
  </si>
  <si>
    <t>11.074</t>
  </si>
  <si>
    <t>734413.0</t>
  </si>
  <si>
    <t>8068.0</t>
  </si>
  <si>
    <t>82.314</t>
  </si>
  <si>
    <t>7276.0</t>
  </si>
  <si>
    <t>743090.0</t>
  </si>
  <si>
    <t>8677.0</t>
  </si>
  <si>
    <t>83.287</t>
  </si>
  <si>
    <t>7340.0</t>
  </si>
  <si>
    <t>748669.0</t>
  </si>
  <si>
    <t>5579.0</t>
  </si>
  <si>
    <t>83.912</t>
  </si>
  <si>
    <t>7418.0</t>
  </si>
  <si>
    <t>0.831</t>
  </si>
  <si>
    <t>249.4</t>
  </si>
  <si>
    <t>-3.36</t>
  </si>
  <si>
    <t>27.898286917661</t>
  </si>
  <si>
    <t>12.529</t>
  </si>
  <si>
    <t>798436.0</t>
  </si>
  <si>
    <t>49767.0</t>
  </si>
  <si>
    <t>5.578</t>
  </si>
  <si>
    <t>805600.0</t>
  </si>
  <si>
    <t>7164.0</t>
  </si>
  <si>
    <t>90.293</t>
  </si>
  <si>
    <t>814681.0</t>
  </si>
  <si>
    <t>91.311</t>
  </si>
  <si>
    <t>14055.0</t>
  </si>
  <si>
    <t>1.575</t>
  </si>
  <si>
    <t>826031.0</t>
  </si>
  <si>
    <t>11350.0</t>
  </si>
  <si>
    <t>92.583</t>
  </si>
  <si>
    <t>833841.0</t>
  </si>
  <si>
    <t>7810.0</t>
  </si>
  <si>
    <t>93.458</t>
  </si>
  <si>
    <t>11.298</t>
  </si>
  <si>
    <t>840890.0</t>
  </si>
  <si>
    <t>94.248</t>
  </si>
  <si>
    <t>13971.0</t>
  </si>
  <si>
    <t>847898.0</t>
  </si>
  <si>
    <t>7008.0</t>
  </si>
  <si>
    <t>95.034</t>
  </si>
  <si>
    <t>14176.0</t>
  </si>
  <si>
    <t>186.4</t>
  </si>
  <si>
    <t>-4.18</t>
  </si>
  <si>
    <t>20.8510051381396</t>
  </si>
  <si>
    <t>10.627</t>
  </si>
  <si>
    <t>853169.0</t>
  </si>
  <si>
    <t>5271.0</t>
  </si>
  <si>
    <t>95.624</t>
  </si>
  <si>
    <t>9.956</t>
  </si>
  <si>
    <t>861206.0</t>
  </si>
  <si>
    <t>8037.0</t>
  </si>
  <si>
    <t>96.525</t>
  </si>
  <si>
    <t>7944.0</t>
  </si>
  <si>
    <t>870602.0</t>
  </si>
  <si>
    <t>9396.0</t>
  </si>
  <si>
    <t>97.578</t>
  </si>
  <si>
    <t>7989.0</t>
  </si>
  <si>
    <t>880036.0</t>
  </si>
  <si>
    <t>9434.0</t>
  </si>
  <si>
    <t>98.636</t>
  </si>
  <si>
    <t>7715.0</t>
  </si>
  <si>
    <t>11.186</t>
  </si>
  <si>
    <t>890461.0</t>
  </si>
  <si>
    <t>10425.0</t>
  </si>
  <si>
    <t>99.804</t>
  </si>
  <si>
    <t>8089.0</t>
  </si>
  <si>
    <t>897819.0</t>
  </si>
  <si>
    <t>7358.0</t>
  </si>
  <si>
    <t>100.629</t>
  </si>
  <si>
    <t>905314.0</t>
  </si>
  <si>
    <t>7495.0</t>
  </si>
  <si>
    <t>101.469</t>
  </si>
  <si>
    <t>8202.0</t>
  </si>
  <si>
    <t>184.4</t>
  </si>
  <si>
    <t>-0.13</t>
  </si>
  <si>
    <t>20.6272819070437</t>
  </si>
  <si>
    <t>910437.0</t>
  </si>
  <si>
    <t>102.043</t>
  </si>
  <si>
    <t>8181.0</t>
  </si>
  <si>
    <t>916778.0</t>
  </si>
  <si>
    <t>102.754</t>
  </si>
  <si>
    <t>7939.0</t>
  </si>
  <si>
    <t>12.864</t>
  </si>
  <si>
    <t>923902.0</t>
  </si>
  <si>
    <t>7124.0</t>
  </si>
  <si>
    <t>103.552</t>
  </si>
  <si>
    <t>13.088</t>
  </si>
  <si>
    <t>937275.0</t>
  </si>
  <si>
    <t>13373.0</t>
  </si>
  <si>
    <t>105.051</t>
  </si>
  <si>
    <t>8177.0</t>
  </si>
  <si>
    <t>947305.0</t>
  </si>
  <si>
    <t>106.175</t>
  </si>
  <si>
    <t>8121.0</t>
  </si>
  <si>
    <t>2.685</t>
  </si>
  <si>
    <t>13.423</t>
  </si>
  <si>
    <t>955239.0</t>
  </si>
  <si>
    <t>107.065</t>
  </si>
  <si>
    <t>8203.0</t>
  </si>
  <si>
    <t>13.535</t>
  </si>
  <si>
    <t>961868.0</t>
  </si>
  <si>
    <t>107.808</t>
  </si>
  <si>
    <t>-1.27</t>
  </si>
  <si>
    <t>18.5690281809612</t>
  </si>
  <si>
    <t>965758.0</t>
  </si>
  <si>
    <t>3890.0</t>
  </si>
  <si>
    <t>108.244</t>
  </si>
  <si>
    <t>13.312</t>
  </si>
  <si>
    <t>974508.0</t>
  </si>
  <si>
    <t>8750.0</t>
  </si>
  <si>
    <t>983018.0</t>
  </si>
  <si>
    <t>8510.0</t>
  </si>
  <si>
    <t>110.178</t>
  </si>
  <si>
    <t>991508.0</t>
  </si>
  <si>
    <t>8490.0</t>
  </si>
  <si>
    <t>111.13</t>
  </si>
  <si>
    <t>1003432.0</t>
  </si>
  <si>
    <t>11924.0</t>
  </si>
  <si>
    <t>112.466</t>
  </si>
  <si>
    <t>8018.0</t>
  </si>
  <si>
    <t>1009354.0</t>
  </si>
  <si>
    <t>5922.0</t>
  </si>
  <si>
    <t>113.13</t>
  </si>
  <si>
    <t>1018490.0</t>
  </si>
  <si>
    <t>9136.0</t>
  </si>
  <si>
    <t>114.154</t>
  </si>
  <si>
    <t>289.2</t>
  </si>
  <si>
    <t>32.3503792164698</t>
  </si>
  <si>
    <t>1024067.0</t>
  </si>
  <si>
    <t>114.779</t>
  </si>
  <si>
    <t>8330.0</t>
  </si>
  <si>
    <t>1037888.0</t>
  </si>
  <si>
    <t>13821.0</t>
  </si>
  <si>
    <t>116.328</t>
  </si>
  <si>
    <t>1049171.0</t>
  </si>
  <si>
    <t>11283.0</t>
  </si>
  <si>
    <t>117.593</t>
  </si>
  <si>
    <t>1061437.0</t>
  </si>
  <si>
    <t>12266.0</t>
  </si>
  <si>
    <t>118.967</t>
  </si>
  <si>
    <t>1075409.0</t>
  </si>
  <si>
    <t>13972.0</t>
  </si>
  <si>
    <t>120.533</t>
  </si>
  <si>
    <t>11746.0</t>
  </si>
  <si>
    <t>121.85</t>
  </si>
  <si>
    <t>11114.0</t>
  </si>
  <si>
    <t>1094987.0</t>
  </si>
  <si>
    <t>122.728</t>
  </si>
  <si>
    <t>10928.0</t>
  </si>
  <si>
    <t>303.2</t>
  </si>
  <si>
    <t>33.9164418341412</t>
  </si>
  <si>
    <t>15.101</t>
  </si>
  <si>
    <t>1101206.0</t>
  </si>
  <si>
    <t>6219.0</t>
  </si>
  <si>
    <t>123.425</t>
  </si>
  <si>
    <t>11020.0</t>
  </si>
  <si>
    <t>1110089.0</t>
  </si>
  <si>
    <t>124.42</t>
  </si>
  <si>
    <t>1.156</t>
  </si>
  <si>
    <t>15.772</t>
  </si>
  <si>
    <t>1119199.0</t>
  </si>
  <si>
    <t>9110.0</t>
  </si>
  <si>
    <t>125.441</t>
  </si>
  <si>
    <t>10004.0</t>
  </si>
  <si>
    <t>1133243.0</t>
  </si>
  <si>
    <t>14044.0</t>
  </si>
  <si>
    <t>127.016</t>
  </si>
  <si>
    <t>10258.0</t>
  </si>
  <si>
    <t>1147944.0</t>
  </si>
  <si>
    <t>14701.0</t>
  </si>
  <si>
    <t>128.663</t>
  </si>
  <si>
    <t>1160743.0</t>
  </si>
  <si>
    <t>130.098</t>
  </si>
  <si>
    <t>10513.0</t>
  </si>
  <si>
    <t>1172092.0</t>
  </si>
  <si>
    <t>11349.0</t>
  </si>
  <si>
    <t>131.37</t>
  </si>
  <si>
    <t>345.2</t>
  </si>
  <si>
    <t>38.6146296871555</t>
  </si>
  <si>
    <t>1180711.0</t>
  </si>
  <si>
    <t>8619.0</t>
  </si>
  <si>
    <t>132.336</t>
  </si>
  <si>
    <t>1193127.0</t>
  </si>
  <si>
    <t>12416.0</t>
  </si>
  <si>
    <t>133.727</t>
  </si>
  <si>
    <t>11863.0</t>
  </si>
  <si>
    <t>1210568.0</t>
  </si>
  <si>
    <t>17441.0</t>
  </si>
  <si>
    <t>135.682</t>
  </si>
  <si>
    <t>13053.0</t>
  </si>
  <si>
    <t>1.463</t>
  </si>
  <si>
    <t>18.01</t>
  </si>
  <si>
    <t>1222257.0</t>
  </si>
  <si>
    <t>136.992</t>
  </si>
  <si>
    <t>12716.0</t>
  </si>
  <si>
    <t>1236489.0</t>
  </si>
  <si>
    <t>14232.0</t>
  </si>
  <si>
    <t>138.587</t>
  </si>
  <si>
    <t>12649.0</t>
  </si>
  <si>
    <t>1247807.0</t>
  </si>
  <si>
    <t>139.856</t>
  </si>
  <si>
    <t>15.996</t>
  </si>
  <si>
    <t>1255825.0</t>
  </si>
  <si>
    <t>140.755</t>
  </si>
  <si>
    <t>11962.0</t>
  </si>
  <si>
    <t>1.341</t>
  </si>
  <si>
    <t>466.8</t>
  </si>
  <si>
    <t>52.2170021377873</t>
  </si>
  <si>
    <t>1266223.0</t>
  </si>
  <si>
    <t>141.92</t>
  </si>
  <si>
    <t>1.165</t>
  </si>
  <si>
    <t>12216.0</t>
  </si>
  <si>
    <t>1.369</t>
  </si>
  <si>
    <t>1276477.0</t>
  </si>
  <si>
    <t>143.069</t>
  </si>
  <si>
    <t>11907.0</t>
  </si>
  <si>
    <t>4.027</t>
  </si>
  <si>
    <t>1288059.0</t>
  </si>
  <si>
    <t>11582.0</t>
  </si>
  <si>
    <t>144.368</t>
  </si>
  <si>
    <t>11070.0</t>
  </si>
  <si>
    <t>1.241</t>
  </si>
  <si>
    <t>22.932</t>
  </si>
  <si>
    <t>1303030.0</t>
  </si>
  <si>
    <t>14971.0</t>
  </si>
  <si>
    <t>146.046</t>
  </si>
  <si>
    <t>11539.0</t>
  </si>
  <si>
    <t>4.586</t>
  </si>
  <si>
    <t>13789.0</t>
  </si>
  <si>
    <t>147.591</t>
  </si>
  <si>
    <t>11476.0</t>
  </si>
  <si>
    <t>4.698</t>
  </si>
  <si>
    <t>23.379</t>
  </si>
  <si>
    <t>1331493.0</t>
  </si>
  <si>
    <t>14674.0</t>
  </si>
  <si>
    <t>149.236</t>
  </si>
  <si>
    <t>11955.0</t>
  </si>
  <si>
    <t>4.922</t>
  </si>
  <si>
    <t>1342066.0</t>
  </si>
  <si>
    <t>10573.0</t>
  </si>
  <si>
    <t>150.421</t>
  </si>
  <si>
    <t>12320.0</t>
  </si>
  <si>
    <t>584.8</t>
  </si>
  <si>
    <t>65.4166727724465</t>
  </si>
  <si>
    <t>1351408.0</t>
  </si>
  <si>
    <t>9342.0</t>
  </si>
  <si>
    <t>151.468</t>
  </si>
  <si>
    <t>12169.0</t>
  </si>
  <si>
    <t>32.775</t>
  </si>
  <si>
    <t>1364508.0</t>
  </si>
  <si>
    <t>13100.0</t>
  </si>
  <si>
    <t>152.936</t>
  </si>
  <si>
    <t>12576.0</t>
  </si>
  <si>
    <t>35.908</t>
  </si>
  <si>
    <t>1379839.0</t>
  </si>
  <si>
    <t>15331.0</t>
  </si>
  <si>
    <t>154.654</t>
  </si>
  <si>
    <t>1.718</t>
  </si>
  <si>
    <t>13111.0</t>
  </si>
  <si>
    <t>1395111.0</t>
  </si>
  <si>
    <t>156.366</t>
  </si>
  <si>
    <t>13154.0</t>
  </si>
  <si>
    <t>6.935</t>
  </si>
  <si>
    <t>1413965.0</t>
  </si>
  <si>
    <t>18854.0</t>
  </si>
  <si>
    <t>158.479</t>
  </si>
  <si>
    <t>13878.0</t>
  </si>
  <si>
    <t>1432099.0</t>
  </si>
  <si>
    <t>18134.0</t>
  </si>
  <si>
    <t>160.512</t>
  </si>
  <si>
    <t>14372.0</t>
  </si>
  <si>
    <t>1444683.0</t>
  </si>
  <si>
    <t>12584.0</t>
  </si>
  <si>
    <t>161.922</t>
  </si>
  <si>
    <t>14660.0</t>
  </si>
  <si>
    <t>702.6</t>
  </si>
  <si>
    <t>78.5939710839961</t>
  </si>
  <si>
    <t>7.495</t>
  </si>
  <si>
    <t>1458095.0</t>
  </si>
  <si>
    <t>13412.0</t>
  </si>
  <si>
    <t>163.425</t>
  </si>
  <si>
    <t>15241.0</t>
  </si>
  <si>
    <t>1472647.0</t>
  </si>
  <si>
    <t>14552.0</t>
  </si>
  <si>
    <t>165.056</t>
  </si>
  <si>
    <t>15448.0</t>
  </si>
  <si>
    <t>1489264.0</t>
  </si>
  <si>
    <t>166.919</t>
  </si>
  <si>
    <t>15632.0</t>
  </si>
  <si>
    <t>1507782.0</t>
  </si>
  <si>
    <t>18518.0</t>
  </si>
  <si>
    <t>168.994</t>
  </si>
  <si>
    <t>2.076</t>
  </si>
  <si>
    <t>16096.0</t>
  </si>
  <si>
    <t>45.975</t>
  </si>
  <si>
    <t>1528191.0</t>
  </si>
  <si>
    <t>20409.0</t>
  </si>
  <si>
    <t>171.282</t>
  </si>
  <si>
    <t>16318.0</t>
  </si>
  <si>
    <t>1545634.0</t>
  </si>
  <si>
    <t>173.237</t>
  </si>
  <si>
    <t>16219.0</t>
  </si>
  <si>
    <t>1555499.0</t>
  </si>
  <si>
    <t>174.343</t>
  </si>
  <si>
    <t>15831.0</t>
  </si>
  <si>
    <t>742.8</t>
  </si>
  <si>
    <t>83.0908080290241</t>
  </si>
  <si>
    <t>1569992.0</t>
  </si>
  <si>
    <t>14493.0</t>
  </si>
  <si>
    <t>175.967</t>
  </si>
  <si>
    <t>15985.0</t>
  </si>
  <si>
    <t>10.068</t>
  </si>
  <si>
    <t>1586578.0</t>
  </si>
  <si>
    <t>16586.0</t>
  </si>
  <si>
    <t>177.826</t>
  </si>
  <si>
    <t>16276.0</t>
  </si>
  <si>
    <t>55.483</t>
  </si>
  <si>
    <t>1617987.0</t>
  </si>
  <si>
    <t>31409.0</t>
  </si>
  <si>
    <t>181.346</t>
  </si>
  <si>
    <t>18389.0</t>
  </si>
  <si>
    <t>1636573.0</t>
  </si>
  <si>
    <t>18586.0</t>
  </si>
  <si>
    <t>183.429</t>
  </si>
  <si>
    <t>18399.0</t>
  </si>
  <si>
    <t>2.062</t>
  </si>
  <si>
    <t>1658412.0</t>
  </si>
  <si>
    <t>21839.0</t>
  </si>
  <si>
    <t>185.877</t>
  </si>
  <si>
    <t>494.0</t>
  </si>
  <si>
    <t>55.26</t>
  </si>
  <si>
    <t>1673868.0</t>
  </si>
  <si>
    <t>15456.0</t>
  </si>
  <si>
    <t>187.61</t>
  </si>
  <si>
    <t>18319.0</t>
  </si>
  <si>
    <t>1686373.0</t>
  </si>
  <si>
    <t>12505.0</t>
  </si>
  <si>
    <t>189.011</t>
  </si>
  <si>
    <t>18696.0</t>
  </si>
  <si>
    <t>786.2</t>
  </si>
  <si>
    <t>87.9456021438055</t>
  </si>
  <si>
    <t>54.588</t>
  </si>
  <si>
    <t>1698268.0</t>
  </si>
  <si>
    <t>11895.0</t>
  </si>
  <si>
    <t>190.344</t>
  </si>
  <si>
    <t>18325.0</t>
  </si>
  <si>
    <t>1716505.0</t>
  </si>
  <si>
    <t>18237.0</t>
  </si>
  <si>
    <t>192.388</t>
  </si>
  <si>
    <t>18561.0</t>
  </si>
  <si>
    <t>1735094.0</t>
  </si>
  <si>
    <t>18589.0</t>
  </si>
  <si>
    <t>194.472</t>
  </si>
  <si>
    <t>16730.0</t>
  </si>
  <si>
    <t>56.602</t>
  </si>
  <si>
    <t>1756856.0</t>
  </si>
  <si>
    <t>21762.0</t>
  </si>
  <si>
    <t>196.911</t>
  </si>
  <si>
    <t>17183.0</t>
  </si>
  <si>
    <t>1775431.0</t>
  </si>
  <si>
    <t>18575.0</t>
  </si>
  <si>
    <t>198.993</t>
  </si>
  <si>
    <t>16717.0</t>
  </si>
  <si>
    <t>1795387.0</t>
  </si>
  <si>
    <t>19956.0</t>
  </si>
  <si>
    <t>201.23</t>
  </si>
  <si>
    <t>17360.0</t>
  </si>
  <si>
    <t>58.951</t>
  </si>
  <si>
    <t>1809263.0</t>
  </si>
  <si>
    <t>13876.0</t>
  </si>
  <si>
    <t>202.785</t>
  </si>
  <si>
    <t>17556.0</t>
  </si>
  <si>
    <t>97.0958822956285</t>
  </si>
  <si>
    <t>1822931.0</t>
  </si>
  <si>
    <t>13668.0</t>
  </si>
  <si>
    <t>204.317</t>
  </si>
  <si>
    <t>17809.0</t>
  </si>
  <si>
    <t>1.996</t>
  </si>
  <si>
    <t>1844639.0</t>
  </si>
  <si>
    <t>21708.0</t>
  </si>
  <si>
    <t>206.75</t>
  </si>
  <si>
    <t>2.433</t>
  </si>
  <si>
    <t>18305.0</t>
  </si>
  <si>
    <t>73.157</t>
  </si>
  <si>
    <t>1861672.0</t>
  </si>
  <si>
    <t>17033.0</t>
  </si>
  <si>
    <t>208.659</t>
  </si>
  <si>
    <t>1.909</t>
  </si>
  <si>
    <t>18083.0</t>
  </si>
  <si>
    <t>2.027</t>
  </si>
  <si>
    <t>74.276</t>
  </si>
  <si>
    <t>1881485.0</t>
  </si>
  <si>
    <t>19813.0</t>
  </si>
  <si>
    <t>210.88</t>
  </si>
  <si>
    <t>17804.0</t>
  </si>
  <si>
    <t>13.647</t>
  </si>
  <si>
    <t>1897604.0</t>
  </si>
  <si>
    <t>212.686</t>
  </si>
  <si>
    <t>17453.0</t>
  </si>
  <si>
    <t>14.542</t>
  </si>
  <si>
    <t>1922713.0</t>
  </si>
  <si>
    <t>25109.0</t>
  </si>
  <si>
    <t>2.814</t>
  </si>
  <si>
    <t>1938028.0</t>
  </si>
  <si>
    <t>15315.0</t>
  </si>
  <si>
    <t>217.217</t>
  </si>
  <si>
    <t>18395.0</t>
  </si>
  <si>
    <t>955.6</t>
  </si>
  <si>
    <t>106.89495981763</t>
  </si>
  <si>
    <t>1952578.0</t>
  </si>
  <si>
    <t>14550.0</t>
  </si>
  <si>
    <t>218.848</t>
  </si>
  <si>
    <t>18521.0</t>
  </si>
  <si>
    <t>1972047.0</t>
  </si>
  <si>
    <t>19469.0</t>
  </si>
  <si>
    <t>221.03</t>
  </si>
  <si>
    <t>2.182</t>
  </si>
  <si>
    <t>18201.0</t>
  </si>
  <si>
    <t>16.444</t>
  </si>
  <si>
    <t>107.387</t>
  </si>
  <si>
    <t>1993124.0</t>
  </si>
  <si>
    <t>21077.0</t>
  </si>
  <si>
    <t>223.392</t>
  </si>
  <si>
    <t>18779.0</t>
  </si>
  <si>
    <t>2.105</t>
  </si>
  <si>
    <t>2018402.0</t>
  </si>
  <si>
    <t>25278.0</t>
  </si>
  <si>
    <t>226.225</t>
  </si>
  <si>
    <t>2.833</t>
  </si>
  <si>
    <t>19560.0</t>
  </si>
  <si>
    <t>2.192</t>
  </si>
  <si>
    <t>118.35</t>
  </si>
  <si>
    <t>2046426.0</t>
  </si>
  <si>
    <t>28024.0</t>
  </si>
  <si>
    <t>229.366</t>
  </si>
  <si>
    <t>3.141</t>
  </si>
  <si>
    <t>21260.0</t>
  </si>
  <si>
    <t>2070615.0</t>
  </si>
  <si>
    <t>24189.0</t>
  </si>
  <si>
    <t>232.078</t>
  </si>
  <si>
    <t>2.711</t>
  </si>
  <si>
    <t>21129.0</t>
  </si>
  <si>
    <t>137.03</t>
  </si>
  <si>
    <t>2088359.0</t>
  </si>
  <si>
    <t>17744.0</t>
  </si>
  <si>
    <t>234.066</t>
  </si>
  <si>
    <t>1.989</t>
  </si>
  <si>
    <t>21476.0</t>
  </si>
  <si>
    <t>1199.4</t>
  </si>
  <si>
    <t>134.166821688222</t>
  </si>
  <si>
    <t>2111575.0</t>
  </si>
  <si>
    <t>23216.0</t>
  </si>
  <si>
    <t>236.668</t>
  </si>
  <si>
    <t>2125687.0</t>
  </si>
  <si>
    <t>14112.0</t>
  </si>
  <si>
    <t>238.25</t>
  </si>
  <si>
    <t>21949.0</t>
  </si>
  <si>
    <t>2.46</t>
  </si>
  <si>
    <t>2153066.0</t>
  </si>
  <si>
    <t>27379.0</t>
  </si>
  <si>
    <t>241.319</t>
  </si>
  <si>
    <t>22849.0</t>
  </si>
  <si>
    <t>2.561</t>
  </si>
  <si>
    <t>1692.0</t>
  </si>
  <si>
    <t>189.27</t>
  </si>
  <si>
    <t>2177572.0</t>
  </si>
  <si>
    <t>24506.0</t>
  </si>
  <si>
    <t>244.065</t>
  </si>
  <si>
    <t>22739.0</t>
  </si>
  <si>
    <t>2.549</t>
  </si>
  <si>
    <t>2203993.0</t>
  </si>
  <si>
    <t>26421.0</t>
  </si>
  <si>
    <t>247.027</t>
  </si>
  <si>
    <t>22510.0</t>
  </si>
  <si>
    <t>2.523</t>
  </si>
  <si>
    <t>2232735.0</t>
  </si>
  <si>
    <t>28742.0</t>
  </si>
  <si>
    <t>250.248</t>
  </si>
  <si>
    <t>3.221</t>
  </si>
  <si>
    <t>23160.0</t>
  </si>
  <si>
    <t>2256051.0</t>
  </si>
  <si>
    <t>23316.0</t>
  </si>
  <si>
    <t>252.861</t>
  </si>
  <si>
    <t>2.613</t>
  </si>
  <si>
    <t>23956.0</t>
  </si>
  <si>
    <t>1553.2</t>
  </si>
  <si>
    <t>23.09</t>
  </si>
  <si>
    <t>173.74346126909</t>
  </si>
  <si>
    <t>2279501.0</t>
  </si>
  <si>
    <t>23450.0</t>
  </si>
  <si>
    <t>255.49</t>
  </si>
  <si>
    <t>2.628</t>
  </si>
  <si>
    <t>23989.0</t>
  </si>
  <si>
    <t>2.689</t>
  </si>
  <si>
    <t>2305382.0</t>
  </si>
  <si>
    <t>25881.0</t>
  </si>
  <si>
    <t>258.391</t>
  </si>
  <si>
    <t>25671.0</t>
  </si>
  <si>
    <t>2334815.0</t>
  </si>
  <si>
    <t>29433.0</t>
  </si>
  <si>
    <t>261.689</t>
  </si>
  <si>
    <t>3.299</t>
  </si>
  <si>
    <t>25964.0</t>
  </si>
  <si>
    <t>2362948.0</t>
  </si>
  <si>
    <t>28133.0</t>
  </si>
  <si>
    <t>264.843</t>
  </si>
  <si>
    <t>26482.0</t>
  </si>
  <si>
    <t>2.968</t>
  </si>
  <si>
    <t>48.212</t>
  </si>
  <si>
    <t>2935.0</t>
  </si>
  <si>
    <t>2396015.0</t>
  </si>
  <si>
    <t>33067.0</t>
  </si>
  <si>
    <t>268.549</t>
  </si>
  <si>
    <t>3.706</t>
  </si>
  <si>
    <t>27432.0</t>
  </si>
  <si>
    <t>336.256</t>
  </si>
  <si>
    <t>2425825.0</t>
  </si>
  <si>
    <t>29810.0</t>
  </si>
  <si>
    <t>271.89</t>
  </si>
  <si>
    <t>3.341</t>
  </si>
  <si>
    <t>27584.0</t>
  </si>
  <si>
    <t>2452692.0</t>
  </si>
  <si>
    <t>26867.0</t>
  </si>
  <si>
    <t>274.901</t>
  </si>
  <si>
    <t>28092.0</t>
  </si>
  <si>
    <t>3.149</t>
  </si>
  <si>
    <t>2028.6</t>
  </si>
  <si>
    <t>226.92247330059</t>
  </si>
  <si>
    <t>2479068.0</t>
  </si>
  <si>
    <t>26376.0</t>
  </si>
  <si>
    <t>277.858</t>
  </si>
  <si>
    <t>28510.0</t>
  </si>
  <si>
    <t>3.195</t>
  </si>
  <si>
    <t>55.371</t>
  </si>
  <si>
    <t>2505608.0</t>
  </si>
  <si>
    <t>26540.0</t>
  </si>
  <si>
    <t>280.832</t>
  </si>
  <si>
    <t>2.975</t>
  </si>
  <si>
    <t>28604.0</t>
  </si>
  <si>
    <t>3719.0</t>
  </si>
  <si>
    <t>2537179.0</t>
  </si>
  <si>
    <t>31571.0</t>
  </si>
  <si>
    <t>284.371</t>
  </si>
  <si>
    <t>28909.0</t>
  </si>
  <si>
    <t>61.076</t>
  </si>
  <si>
    <t>2575405.0</t>
  </si>
  <si>
    <t>38226.0</t>
  </si>
  <si>
    <t>288.655</t>
  </si>
  <si>
    <t>30351.0</t>
  </si>
  <si>
    <t>3.402</t>
  </si>
  <si>
    <t>2607733.0</t>
  </si>
  <si>
    <t>292.279</t>
  </si>
  <si>
    <t>3.623</t>
  </si>
  <si>
    <t>2640800.0</t>
  </si>
  <si>
    <t>295.985</t>
  </si>
  <si>
    <t>30711.0</t>
  </si>
  <si>
    <t>67.005</t>
  </si>
  <si>
    <t>2667880.0</t>
  </si>
  <si>
    <t>27080.0</t>
  </si>
  <si>
    <t>299.02</t>
  </si>
  <si>
    <t>30741.0</t>
  </si>
  <si>
    <t>3.445</t>
  </si>
  <si>
    <t>306.500826601408</t>
  </si>
  <si>
    <t>4297.0</t>
  </si>
  <si>
    <t>2694112.0</t>
  </si>
  <si>
    <t>26232.0</t>
  </si>
  <si>
    <t>301.96</t>
  </si>
  <si>
    <t>2.94</t>
  </si>
  <si>
    <t>30721.0</t>
  </si>
  <si>
    <t>3.443</t>
  </si>
  <si>
    <t>2723162.0</t>
  </si>
  <si>
    <t>29050.0</t>
  </si>
  <si>
    <t>305.216</t>
  </si>
  <si>
    <t>3.256</t>
  </si>
  <si>
    <t>31079.0</t>
  </si>
  <si>
    <t>3.483</t>
  </si>
  <si>
    <t>4592.0</t>
  </si>
  <si>
    <t>2756290.0</t>
  </si>
  <si>
    <t>33128.0</t>
  </si>
  <si>
    <t>308.929</t>
  </si>
  <si>
    <t>3.713</t>
  </si>
  <si>
    <t>31302.0</t>
  </si>
  <si>
    <t>3.508</t>
  </si>
  <si>
    <t>4614.0</t>
  </si>
  <si>
    <t>2787606.0</t>
  </si>
  <si>
    <t>31316.0</t>
  </si>
  <si>
    <t>312.439</t>
  </si>
  <si>
    <t>30314.0</t>
  </si>
  <si>
    <t>3.398</t>
  </si>
  <si>
    <t>76.849</t>
  </si>
  <si>
    <t>4629.0</t>
  </si>
  <si>
    <t>517.807</t>
  </si>
  <si>
    <t>2820796.0</t>
  </si>
  <si>
    <t>33190.0</t>
  </si>
  <si>
    <t>316.159</t>
  </si>
  <si>
    <t>30438.0</t>
  </si>
  <si>
    <t>3.412</t>
  </si>
  <si>
    <t>2851604.0</t>
  </si>
  <si>
    <t>30808.0</t>
  </si>
  <si>
    <t>319.612</t>
  </si>
  <si>
    <t>3.453</t>
  </si>
  <si>
    <t>30115.0</t>
  </si>
  <si>
    <t>3.375</t>
  </si>
  <si>
    <t>2881435.0</t>
  </si>
  <si>
    <t>29831.0</t>
  </si>
  <si>
    <t>322.955</t>
  </si>
  <si>
    <t>3.344</t>
  </si>
  <si>
    <t>30508.0</t>
  </si>
  <si>
    <t>3.419</t>
  </si>
  <si>
    <t>3583.8</t>
  </si>
  <si>
    <t>400.889657800776</t>
  </si>
  <si>
    <t>4548.0</t>
  </si>
  <si>
    <t>2901857.0</t>
  </si>
  <si>
    <t>20422.0</t>
  </si>
  <si>
    <t>325.244</t>
  </si>
  <si>
    <t>2.289</t>
  </si>
  <si>
    <t>3.326</t>
  </si>
  <si>
    <t>4689.0</t>
  </si>
  <si>
    <t>2929927.0</t>
  </si>
  <si>
    <t>28070.0</t>
  </si>
  <si>
    <t>328.391</t>
  </si>
  <si>
    <t>3.311</t>
  </si>
  <si>
    <t>4576.0</t>
  </si>
  <si>
    <t>2960496.0</t>
  </si>
  <si>
    <t>30569.0</t>
  </si>
  <si>
    <t>331.817</t>
  </si>
  <si>
    <t>29172.0</t>
  </si>
  <si>
    <t>4461.0</t>
  </si>
  <si>
    <t>2993814.0</t>
  </si>
  <si>
    <t>33318.0</t>
  </si>
  <si>
    <t>335.551</t>
  </si>
  <si>
    <t>3.734</t>
  </si>
  <si>
    <t>29458.0</t>
  </si>
  <si>
    <t>3020862.0</t>
  </si>
  <si>
    <t>27048.0</t>
  </si>
  <si>
    <t>338.583</t>
  </si>
  <si>
    <t>3.032</t>
  </si>
  <si>
    <t>3061067.0</t>
  </si>
  <si>
    <t>40205.0</t>
  </si>
  <si>
    <t>343.089</t>
  </si>
  <si>
    <t>29923.0</t>
  </si>
  <si>
    <t>3.354</t>
  </si>
  <si>
    <t>4251.0</t>
  </si>
  <si>
    <t>3083264.0</t>
  </si>
  <si>
    <t>22197.0</t>
  </si>
  <si>
    <t>345.577</t>
  </si>
  <si>
    <t>2.488</t>
  </si>
  <si>
    <t>28833.0</t>
  </si>
  <si>
    <t>3.232</t>
  </si>
  <si>
    <t>4446.4</t>
  </si>
  <si>
    <t>55.1</t>
  </si>
  <si>
    <t>497.381487372446</t>
  </si>
  <si>
    <t>3098318.0</t>
  </si>
  <si>
    <t>15054.0</t>
  </si>
  <si>
    <t>347.264</t>
  </si>
  <si>
    <t>28066.0</t>
  </si>
  <si>
    <t>3121510.0</t>
  </si>
  <si>
    <t>23192.0</t>
  </si>
  <si>
    <t>349.863</t>
  </si>
  <si>
    <t>2.599</t>
  </si>
  <si>
    <t>27369.0</t>
  </si>
  <si>
    <t>3149372.0</t>
  </si>
  <si>
    <t>27862.0</t>
  </si>
  <si>
    <t>352.986</t>
  </si>
  <si>
    <t>3.123</t>
  </si>
  <si>
    <t>26982.0</t>
  </si>
  <si>
    <t>3.024</t>
  </si>
  <si>
    <t>74.724</t>
  </si>
  <si>
    <t>4082.0</t>
  </si>
  <si>
    <t>3180666.0</t>
  </si>
  <si>
    <t>31294.0</t>
  </si>
  <si>
    <t>356.494</t>
  </si>
  <si>
    <t>3.507</t>
  </si>
  <si>
    <t>26693.0</t>
  </si>
  <si>
    <t>3209340.0</t>
  </si>
  <si>
    <t>28674.0</t>
  </si>
  <si>
    <t>359.708</t>
  </si>
  <si>
    <t>26925.0</t>
  </si>
  <si>
    <t>3877.0</t>
  </si>
  <si>
    <t>3229393.0</t>
  </si>
  <si>
    <t>20053.0</t>
  </si>
  <si>
    <t>361.955</t>
  </si>
  <si>
    <t>2.248</t>
  </si>
  <si>
    <t>24047.0</t>
  </si>
  <si>
    <t>70.697</t>
  </si>
  <si>
    <t>3247511.0</t>
  </si>
  <si>
    <t>18118.0</t>
  </si>
  <si>
    <t>363.986</t>
  </si>
  <si>
    <t>23464.0</t>
  </si>
  <si>
    <t>5368.2</t>
  </si>
  <si>
    <t>600.495524584554</t>
  </si>
  <si>
    <t>3262088.0</t>
  </si>
  <si>
    <t>14577.0</t>
  </si>
  <si>
    <t>365.62</t>
  </si>
  <si>
    <t>1.634</t>
  </si>
  <si>
    <t>23396.0</t>
  </si>
  <si>
    <t>2.622</t>
  </si>
  <si>
    <t>3281731.0</t>
  </si>
  <si>
    <t>19643.0</t>
  </si>
  <si>
    <t>367.821</t>
  </si>
  <si>
    <t>22889.0</t>
  </si>
  <si>
    <t>3302082.0</t>
  </si>
  <si>
    <t>20351.0</t>
  </si>
  <si>
    <t>370.102</t>
  </si>
  <si>
    <t>21816.0</t>
  </si>
  <si>
    <t>3780.0</t>
  </si>
  <si>
    <t>3329997.0</t>
  </si>
  <si>
    <t>27915.0</t>
  </si>
  <si>
    <t>373.231</t>
  </si>
  <si>
    <t>3.129</t>
  </si>
  <si>
    <t>21333.0</t>
  </si>
  <si>
    <t>2.391</t>
  </si>
  <si>
    <t>3355391.0</t>
  </si>
  <si>
    <t>25394.0</t>
  </si>
  <si>
    <t>376.077</t>
  </si>
  <si>
    <t>2.846</t>
  </si>
  <si>
    <t>20864.0</t>
  </si>
  <si>
    <t>3386308.0</t>
  </si>
  <si>
    <t>30917.0</t>
  </si>
  <si>
    <t>379.542</t>
  </si>
  <si>
    <t>3.465</t>
  </si>
  <si>
    <t>22416.0</t>
  </si>
  <si>
    <t>2.512</t>
  </si>
  <si>
    <t>3407510.0</t>
  </si>
  <si>
    <t>21202.0</t>
  </si>
  <si>
    <t>381.919</t>
  </si>
  <si>
    <t>22857.0</t>
  </si>
  <si>
    <t>2.562</t>
  </si>
  <si>
    <t>6220.2</t>
  </si>
  <si>
    <t>7.91</t>
  </si>
  <si>
    <t>695.801621031416</t>
  </si>
  <si>
    <t>3425072.0</t>
  </si>
  <si>
    <t>17562.0</t>
  </si>
  <si>
    <t>383.887</t>
  </si>
  <si>
    <t>23283.0</t>
  </si>
  <si>
    <t>394.2</t>
  </si>
  <si>
    <t>3446109.0</t>
  </si>
  <si>
    <t>21037.0</t>
  </si>
  <si>
    <t>386.245</t>
  </si>
  <si>
    <t>23483.0</t>
  </si>
  <si>
    <t>61.3</t>
  </si>
  <si>
    <t>3474856.0</t>
  </si>
  <si>
    <t>389.467</t>
  </si>
  <si>
    <t>3.222</t>
  </si>
  <si>
    <t>24682.0</t>
  </si>
  <si>
    <t>3503072.0</t>
  </si>
  <si>
    <t>28216.0</t>
  </si>
  <si>
    <t>392.629</t>
  </si>
  <si>
    <t>24725.0</t>
  </si>
  <si>
    <t>3534486.0</t>
  </si>
  <si>
    <t>396.15</t>
  </si>
  <si>
    <t>3.521</t>
  </si>
  <si>
    <t>25585.0</t>
  </si>
  <si>
    <t>54.7</t>
  </si>
  <si>
    <t>3568286.0</t>
  </si>
  <si>
    <t>33800.0</t>
  </si>
  <si>
    <t>399.939</t>
  </si>
  <si>
    <t>3.788</t>
  </si>
  <si>
    <t>25997.0</t>
  </si>
  <si>
    <t>2.914</t>
  </si>
  <si>
    <t>53.134</t>
  </si>
  <si>
    <t>3593276.0</t>
  </si>
  <si>
    <t>24990.0</t>
  </si>
  <si>
    <t>402.74</t>
  </si>
  <si>
    <t>2.801</t>
  </si>
  <si>
    <t>26538.0</t>
  </si>
  <si>
    <t>2.974</t>
  </si>
  <si>
    <t>6802.4</t>
  </si>
  <si>
    <t>760.927453603437</t>
  </si>
  <si>
    <t>3614233.0</t>
  </si>
  <si>
    <t>20957.0</t>
  </si>
  <si>
    <t>405.089</t>
  </si>
  <si>
    <t>27023.0</t>
  </si>
  <si>
    <t>3.029</t>
  </si>
  <si>
    <t>3643696.0</t>
  </si>
  <si>
    <t>29463.0</t>
  </si>
  <si>
    <t>408.391</t>
  </si>
  <si>
    <t>28227.0</t>
  </si>
  <si>
    <t>3.164</t>
  </si>
  <si>
    <t>3682136.0</t>
  </si>
  <si>
    <t>38440.0</t>
  </si>
  <si>
    <t>412.699</t>
  </si>
  <si>
    <t>4.308</t>
  </si>
  <si>
    <t>29611.0</t>
  </si>
  <si>
    <t>3.319</t>
  </si>
  <si>
    <t>3711287.0</t>
  </si>
  <si>
    <t>29151.0</t>
  </si>
  <si>
    <t>415.966</t>
  </si>
  <si>
    <t>29745.0</t>
  </si>
  <si>
    <t>3.334</t>
  </si>
  <si>
    <t>3732903.0</t>
  </si>
  <si>
    <t>21616.0</t>
  </si>
  <si>
    <t>418.389</t>
  </si>
  <si>
    <t>2.423</t>
  </si>
  <si>
    <t>28345.0</t>
  </si>
  <si>
    <t>2455.0</t>
  </si>
  <si>
    <t>3747328.0</t>
  </si>
  <si>
    <t>14425.0</t>
  </si>
  <si>
    <t>420.006</t>
  </si>
  <si>
    <t>1.617</t>
  </si>
  <si>
    <t>25577.0</t>
  </si>
  <si>
    <t>2.867</t>
  </si>
  <si>
    <t>3757237.0</t>
  </si>
  <si>
    <t>9909.0</t>
  </si>
  <si>
    <t>421.117</t>
  </si>
  <si>
    <t>23423.0</t>
  </si>
  <si>
    <t>2.625</t>
  </si>
  <si>
    <t>802.159645094415</t>
  </si>
  <si>
    <t>3778483.0</t>
  </si>
  <si>
    <t>21246.0</t>
  </si>
  <si>
    <t>423.498</t>
  </si>
  <si>
    <t>2.381</t>
  </si>
  <si>
    <t>19303.0</t>
  </si>
  <si>
    <t>2.164</t>
  </si>
  <si>
    <t>13859.0</t>
  </si>
  <si>
    <t>1.553</t>
  </si>
  <si>
    <t>5249.0</t>
  </si>
  <si>
    <t>9743.0</t>
  </si>
  <si>
    <t>5275.0</t>
  </si>
  <si>
    <t>6702.0</t>
  </si>
  <si>
    <t>5297.0</t>
  </si>
  <si>
    <t>3780489.0</t>
  </si>
  <si>
    <t>423.723</t>
  </si>
  <si>
    <t>5351.0</t>
  </si>
  <si>
    <t>7416.6</t>
  </si>
  <si>
    <t>829.632857872994</t>
  </si>
  <si>
    <t>3793090.0</t>
  </si>
  <si>
    <t>12601.0</t>
  </si>
  <si>
    <t>425.135</t>
  </si>
  <si>
    <t>2404.0</t>
  </si>
  <si>
    <t>3808540.0</t>
  </si>
  <si>
    <t>15450.0</t>
  </si>
  <si>
    <t>426.867</t>
  </si>
  <si>
    <t>7352.0</t>
  </si>
  <si>
    <t>1847.0</t>
  </si>
  <si>
    <t>3831170.0</t>
  </si>
  <si>
    <t>22630.0</t>
  </si>
  <si>
    <t>429.403</t>
  </si>
  <si>
    <t>7431.0</t>
  </si>
  <si>
    <t>8237.0</t>
  </si>
  <si>
    <t>2354.0</t>
  </si>
  <si>
    <t>3847922.0</t>
  </si>
  <si>
    <t>16752.0</t>
  </si>
  <si>
    <t>431.281</t>
  </si>
  <si>
    <t>1.878</t>
  </si>
  <si>
    <t>9777.0</t>
  </si>
  <si>
    <t>11573.0</t>
  </si>
  <si>
    <t>11570.0</t>
  </si>
  <si>
    <t>3336.0</t>
  </si>
  <si>
    <t>2371.0</t>
  </si>
  <si>
    <t>3871527.0</t>
  </si>
  <si>
    <t>23605.0</t>
  </si>
  <si>
    <t>433.926</t>
  </si>
  <si>
    <t>13101.0</t>
  </si>
  <si>
    <t>24903.0</t>
  </si>
  <si>
    <t>41.277</t>
  </si>
  <si>
    <t>260.19</t>
  </si>
  <si>
    <t>3891307.0</t>
  </si>
  <si>
    <t>19780.0</t>
  </si>
  <si>
    <t>436.143</t>
  </si>
  <si>
    <t>2.217</t>
  </si>
  <si>
    <t>15879.0</t>
  </si>
  <si>
    <t>29493.0</t>
  </si>
  <si>
    <t>29489.0</t>
  </si>
  <si>
    <t>3905482.0</t>
  </si>
  <si>
    <t>14175.0</t>
  </si>
  <si>
    <t>437.732</t>
  </si>
  <si>
    <t>17856.0</t>
  </si>
  <si>
    <t>31769.0</t>
  </si>
  <si>
    <t>31765.0</t>
  </si>
  <si>
    <t>7535.0</t>
  </si>
  <si>
    <t>842.877273153872</t>
  </si>
  <si>
    <t>42.396</t>
  </si>
  <si>
    <t>3919571.0</t>
  </si>
  <si>
    <t>14089.0</t>
  </si>
  <si>
    <t>439.311</t>
  </si>
  <si>
    <t>18069.0</t>
  </si>
  <si>
    <t>37560.0</t>
  </si>
  <si>
    <t>37556.0</t>
  </si>
  <si>
    <t>4579.0</t>
  </si>
  <si>
    <t>6865442.0</t>
  </si>
  <si>
    <t>2945871.0</t>
  </si>
  <si>
    <t>769.489</t>
  </si>
  <si>
    <t>330.178</t>
  </si>
  <si>
    <t>436700.0</t>
  </si>
  <si>
    <t>48.946</t>
  </si>
  <si>
    <t>52730.0</t>
  </si>
  <si>
    <t>52725.0</t>
  </si>
  <si>
    <t>15170.0</t>
  </si>
  <si>
    <t>6482.0</t>
  </si>
  <si>
    <t>6989709.0</t>
  </si>
  <si>
    <t>124267.0</t>
  </si>
  <si>
    <t>783.417</t>
  </si>
  <si>
    <t>13.928</t>
  </si>
  <si>
    <t>451220.0</t>
  </si>
  <si>
    <t>69002.0</t>
  </si>
  <si>
    <t>68995.0</t>
  </si>
  <si>
    <t>16272.0</t>
  </si>
  <si>
    <t>8681.0</t>
  </si>
  <si>
    <t>8680.0</t>
  </si>
  <si>
    <t>7379973.0</t>
  </si>
  <si>
    <t>390264.0</t>
  </si>
  <si>
    <t>827.158</t>
  </si>
  <si>
    <t>43.741</t>
  </si>
  <si>
    <t>504579.0</t>
  </si>
  <si>
    <t>56.554</t>
  </si>
  <si>
    <t>86155.0</t>
  </si>
  <si>
    <t>86147.0</t>
  </si>
  <si>
    <t>17153.0</t>
  </si>
  <si>
    <t>10654.0</t>
  </si>
  <si>
    <t>7459608.0</t>
  </si>
  <si>
    <t>79635.0</t>
  </si>
  <si>
    <t>836.084</t>
  </si>
  <si>
    <t>8.926</t>
  </si>
  <si>
    <t>512583.0</t>
  </si>
  <si>
    <t>57.451</t>
  </si>
  <si>
    <t>104898.0</t>
  </si>
  <si>
    <t>104885.0</t>
  </si>
  <si>
    <t>18743.0</t>
  </si>
  <si>
    <t>11427.0</t>
  </si>
  <si>
    <t>11426.0</t>
  </si>
  <si>
    <t>38.257</t>
  </si>
  <si>
    <t>7538732.0</t>
  </si>
  <si>
    <t>79124.0</t>
  </si>
  <si>
    <t>844.952</t>
  </si>
  <si>
    <t>521061.0</t>
  </si>
  <si>
    <t>58.401</t>
  </si>
  <si>
    <t>111820.0</t>
  </si>
  <si>
    <t>6946.0</t>
  </si>
  <si>
    <t>1316.0</t>
  </si>
  <si>
    <t>11762.0</t>
  </si>
  <si>
    <t>7590771.0</t>
  </si>
  <si>
    <t>52039.0</t>
  </si>
  <si>
    <t>850.785</t>
  </si>
  <si>
    <t>5.833</t>
  </si>
  <si>
    <t>526470.0</t>
  </si>
  <si>
    <t>59.008</t>
  </si>
  <si>
    <t>117612.0</t>
  </si>
  <si>
    <t>117199.0</t>
  </si>
  <si>
    <t>5768.0</t>
  </si>
  <si>
    <t>12263.0</t>
  </si>
  <si>
    <t>12205.0</t>
  </si>
  <si>
    <t>7606.4</t>
  </si>
  <si>
    <t>8.69</t>
  </si>
  <si>
    <t>850.864192503997</t>
  </si>
  <si>
    <t>7697762.0</t>
  </si>
  <si>
    <t>106991.0</t>
  </si>
  <si>
    <t>862.776</t>
  </si>
  <si>
    <t>11.992</t>
  </si>
  <si>
    <t>539742.0</t>
  </si>
  <si>
    <t>60.495</t>
  </si>
  <si>
    <t>129286.0</t>
  </si>
  <si>
    <t>127864.0</t>
  </si>
  <si>
    <t>11674.0</t>
  </si>
  <si>
    <t>13104.0</t>
  </si>
  <si>
    <t>12901.0</t>
  </si>
  <si>
    <t>37.138</t>
  </si>
  <si>
    <t>7878732.0</t>
  </si>
  <si>
    <t>180970.0</t>
  </si>
  <si>
    <t>883.06</t>
  </si>
  <si>
    <t>20.283</t>
  </si>
  <si>
    <t>144756.0</t>
  </si>
  <si>
    <t>16.224</t>
  </si>
  <si>
    <t>155760.0</t>
  </si>
  <si>
    <t>152819.0</t>
  </si>
  <si>
    <t>14719.0</t>
  </si>
  <si>
    <t>14299.0</t>
  </si>
  <si>
    <t>36.131</t>
  </si>
  <si>
    <t>224.394</t>
  </si>
  <si>
    <t>8488882.0</t>
  </si>
  <si>
    <t>610150.0</t>
  </si>
  <si>
    <t>951.446</t>
  </si>
  <si>
    <t>68.387</t>
  </si>
  <si>
    <t>214168.0</t>
  </si>
  <si>
    <t>24.004</t>
  </si>
  <si>
    <t>179705.0</t>
  </si>
  <si>
    <t>175391.0</t>
  </si>
  <si>
    <t>4314.0</t>
  </si>
  <si>
    <t>23945.0</t>
  </si>
  <si>
    <t>15815.0</t>
  </si>
  <si>
    <t>15199.0</t>
  </si>
  <si>
    <t>8535235.0</t>
  </si>
  <si>
    <t>46353.0</t>
  </si>
  <si>
    <t>956.642</t>
  </si>
  <si>
    <t>165037.0</t>
  </si>
  <si>
    <t>18.498</t>
  </si>
  <si>
    <t>199826.0</t>
  </si>
  <si>
    <t>195330.0</t>
  </si>
  <si>
    <t>20121.0</t>
  </si>
  <si>
    <t>16239.0</t>
  </si>
  <si>
    <t>8593891.0</t>
  </si>
  <si>
    <t>58656.0</t>
  </si>
  <si>
    <t>963.216</t>
  </si>
  <si>
    <t>6.574</t>
  </si>
  <si>
    <t>162040.0</t>
  </si>
  <si>
    <t>18.162</t>
  </si>
  <si>
    <t>211555.0</t>
  </si>
  <si>
    <t>206435.0</t>
  </si>
  <si>
    <t>15237.0</t>
  </si>
  <si>
    <t>206.72</t>
  </si>
  <si>
    <t>8683128.0</t>
  </si>
  <si>
    <t>89237.0</t>
  </si>
  <si>
    <t>973.218</t>
  </si>
  <si>
    <t>10.002</t>
  </si>
  <si>
    <t>163485.0</t>
  </si>
  <si>
    <t>18.324</t>
  </si>
  <si>
    <t>214773.0</t>
  </si>
  <si>
    <t>5142.0</t>
  </si>
  <si>
    <t>14704.0</t>
  </si>
  <si>
    <t>13973.0</t>
  </si>
  <si>
    <t>8735122.0</t>
  </si>
  <si>
    <t>51994.0</t>
  </si>
  <si>
    <t>979.045</t>
  </si>
  <si>
    <t>5.828</t>
  </si>
  <si>
    <t>163479.0</t>
  </si>
  <si>
    <t>18.323</t>
  </si>
  <si>
    <t>216075.0</t>
  </si>
  <si>
    <t>210914.0</t>
  </si>
  <si>
    <t>5161.0</t>
  </si>
  <si>
    <t>14066.0</t>
  </si>
  <si>
    <t>13388.0</t>
  </si>
  <si>
    <t>7797.4</t>
  </si>
  <si>
    <t>872.229761073657</t>
  </si>
  <si>
    <t>8802827.0</t>
  </si>
  <si>
    <t>67705.0</t>
  </si>
  <si>
    <t>986.634</t>
  </si>
  <si>
    <t>17.694</t>
  </si>
  <si>
    <t>217656.0</t>
  </si>
  <si>
    <t>212362.0</t>
  </si>
  <si>
    <t>12624.0</t>
  </si>
  <si>
    <t>12071.0</t>
  </si>
  <si>
    <t>212.09</t>
  </si>
  <si>
    <t>8906083.0</t>
  </si>
  <si>
    <t>103256.0</t>
  </si>
  <si>
    <t>998.207</t>
  </si>
  <si>
    <t>146764.0</t>
  </si>
  <si>
    <t>226520.0</t>
  </si>
  <si>
    <t>220281.0</t>
  </si>
  <si>
    <t>6239.0</t>
  </si>
  <si>
    <t>9637.0</t>
  </si>
  <si>
    <t>34.006</t>
  </si>
  <si>
    <t>8997144.0</t>
  </si>
  <si>
    <t>91061.0</t>
  </si>
  <si>
    <t>1008.413</t>
  </si>
  <si>
    <t>10.206</t>
  </si>
  <si>
    <t>72609.0</t>
  </si>
  <si>
    <t>8.138</t>
  </si>
  <si>
    <t>234717.0</t>
  </si>
  <si>
    <t>227920.0</t>
  </si>
  <si>
    <t>6797.0</t>
  </si>
  <si>
    <t>879.0</t>
  </si>
  <si>
    <t>7504.0</t>
  </si>
  <si>
    <t>9089588.0</t>
  </si>
  <si>
    <t>92444.0</t>
  </si>
  <si>
    <t>1018.774</t>
  </si>
  <si>
    <t>10.361</t>
  </si>
  <si>
    <t>79193.0</t>
  </si>
  <si>
    <t>8.876</t>
  </si>
  <si>
    <t>244855.0</t>
  </si>
  <si>
    <t>235331.0</t>
  </si>
  <si>
    <t>9523.0</t>
  </si>
  <si>
    <t>5714.0</t>
  </si>
  <si>
    <t>9160616.0</t>
  </si>
  <si>
    <t>71028.0</t>
  </si>
  <si>
    <t>1026.735</t>
  </si>
  <si>
    <t>7.961</t>
  </si>
  <si>
    <t>80961.0</t>
  </si>
  <si>
    <t>9.074</t>
  </si>
  <si>
    <t>260130.0</t>
  </si>
  <si>
    <t>240815.0</t>
  </si>
  <si>
    <t>15275.0</t>
  </si>
  <si>
    <t>6939.0</t>
  </si>
  <si>
    <t>4911.0</t>
  </si>
  <si>
    <t>9286075.0</t>
  </si>
  <si>
    <t>125459.0</t>
  </si>
  <si>
    <t>1040.797</t>
  </si>
  <si>
    <t>14.062</t>
  </si>
  <si>
    <t>9.654</t>
  </si>
  <si>
    <t>263925.0</t>
  </si>
  <si>
    <t>242192.0</t>
  </si>
  <si>
    <t>21731.0</t>
  </si>
  <si>
    <t>3795.0</t>
  </si>
  <si>
    <t>7022.0</t>
  </si>
  <si>
    <t>9355779.0</t>
  </si>
  <si>
    <t>69704.0</t>
  </si>
  <si>
    <t>1048.609</t>
  </si>
  <si>
    <t>7.813</t>
  </si>
  <si>
    <t>88665.0</t>
  </si>
  <si>
    <t>9.938</t>
  </si>
  <si>
    <t>265391.0</t>
  </si>
  <si>
    <t>242630.0</t>
  </si>
  <si>
    <t>22759.0</t>
  </si>
  <si>
    <t>7045.0</t>
  </si>
  <si>
    <t>7964.8</t>
  </si>
  <si>
    <t>890.955395516385</t>
  </si>
  <si>
    <t>32.887</t>
  </si>
  <si>
    <t>9481832.0</t>
  </si>
  <si>
    <t>126053.0</t>
  </si>
  <si>
    <t>1062.738</t>
  </si>
  <si>
    <t>14.128</t>
  </si>
  <si>
    <t>97001.0</t>
  </si>
  <si>
    <t>10.872</t>
  </si>
  <si>
    <t>270285.0</t>
  </si>
  <si>
    <t>244291.0</t>
  </si>
  <si>
    <t>4894.0</t>
  </si>
  <si>
    <t>7518.0</t>
  </si>
  <si>
    <t>4561.0</t>
  </si>
  <si>
    <t>9563229.0</t>
  </si>
  <si>
    <t>81397.0</t>
  </si>
  <si>
    <t>1071.861</t>
  </si>
  <si>
    <t>93878.0</t>
  </si>
  <si>
    <t>10.522</t>
  </si>
  <si>
    <t>288145.0</t>
  </si>
  <si>
    <t>247479.0</t>
  </si>
  <si>
    <t>40658.0</t>
  </si>
  <si>
    <t>8804.0</t>
  </si>
  <si>
    <t>9745126.0</t>
  </si>
  <si>
    <t>181897.0</t>
  </si>
  <si>
    <t>1092.248</t>
  </si>
  <si>
    <t>20.387</t>
  </si>
  <si>
    <t>106855.0</t>
  </si>
  <si>
    <t>11.976</t>
  </si>
  <si>
    <t>306766.0</t>
  </si>
  <si>
    <t>250731.0</t>
  </si>
  <si>
    <t>56025.0</t>
  </si>
  <si>
    <t>18621.0</t>
  </si>
  <si>
    <t>1640.0</t>
  </si>
  <si>
    <t>9853428.0</t>
  </si>
  <si>
    <t>108302.0</t>
  </si>
  <si>
    <t>1104.387</t>
  </si>
  <si>
    <t>12.139</t>
  </si>
  <si>
    <t>109120.0</t>
  </si>
  <si>
    <t>12.23</t>
  </si>
  <si>
    <t>0.0124</t>
  </si>
  <si>
    <t>327943.0</t>
  </si>
  <si>
    <t>253672.0</t>
  </si>
  <si>
    <t>74259.0</t>
  </si>
  <si>
    <t>21177.0</t>
  </si>
  <si>
    <t>11870.0</t>
  </si>
  <si>
    <t>9940634.0</t>
  </si>
  <si>
    <t>87206.0</t>
  </si>
  <si>
    <t>1114.161</t>
  </si>
  <si>
    <t>9.774</t>
  </si>
  <si>
    <t>111431.0</t>
  </si>
  <si>
    <t>12.489</t>
  </si>
  <si>
    <t>349615.0</t>
  </si>
  <si>
    <t>257904.0</t>
  </si>
  <si>
    <t>91693.0</t>
  </si>
  <si>
    <t>21672.0</t>
  </si>
  <si>
    <t>12784.0</t>
  </si>
  <si>
    <t>10100523.0</t>
  </si>
  <si>
    <t>159889.0</t>
  </si>
  <si>
    <t>1132.081</t>
  </si>
  <si>
    <t>17.921</t>
  </si>
  <si>
    <t>116350.0</t>
  </si>
  <si>
    <t>13.041</t>
  </si>
  <si>
    <t>358908.0</t>
  </si>
  <si>
    <t>260702.0</t>
  </si>
  <si>
    <t>98188.0</t>
  </si>
  <si>
    <t>9293.0</t>
  </si>
  <si>
    <t>13569.0</t>
  </si>
  <si>
    <t>10313170.0</t>
  </si>
  <si>
    <t>212647.0</t>
  </si>
  <si>
    <t>1155.915</t>
  </si>
  <si>
    <t>23.834</t>
  </si>
  <si>
    <t>136770.0</t>
  </si>
  <si>
    <t>15.329</t>
  </si>
  <si>
    <t>364006.0</t>
  </si>
  <si>
    <t>261345.0</t>
  </si>
  <si>
    <t>102643.0</t>
  </si>
  <si>
    <t>14088.0</t>
  </si>
  <si>
    <t>2674.0</t>
  </si>
  <si>
    <t>7980.6</t>
  </si>
  <si>
    <t>892.722809042043</t>
  </si>
  <si>
    <t>10442158.0</t>
  </si>
  <si>
    <t>128988.0</t>
  </si>
  <si>
    <t>1170.372</t>
  </si>
  <si>
    <t>14.457</t>
  </si>
  <si>
    <t>137189.0</t>
  </si>
  <si>
    <t>15.376</t>
  </si>
  <si>
    <t>103.3</t>
  </si>
  <si>
    <t>373985.0</t>
  </si>
  <si>
    <t>263453.0</t>
  </si>
  <si>
    <t>110511.0</t>
  </si>
  <si>
    <t>14814.0</t>
  </si>
  <si>
    <t>1597.0</t>
  </si>
  <si>
    <t>10752769.0</t>
  </si>
  <si>
    <t>310611.0</t>
  </si>
  <si>
    <t>1205.186</t>
  </si>
  <si>
    <t>34.814</t>
  </si>
  <si>
    <t>169934.0</t>
  </si>
  <si>
    <t>19.046</t>
  </si>
  <si>
    <t>129.8</t>
  </si>
  <si>
    <t>393986.0</t>
  </si>
  <si>
    <t>266409.0</t>
  </si>
  <si>
    <t>127552.0</t>
  </si>
  <si>
    <t>20001.0</t>
  </si>
  <si>
    <t>15120.0</t>
  </si>
  <si>
    <t>10973970.0</t>
  </si>
  <si>
    <t>221201.0</t>
  </si>
  <si>
    <t>1229.979</t>
  </si>
  <si>
    <t>24.793</t>
  </si>
  <si>
    <t>175549.0</t>
  </si>
  <si>
    <t>19.676</t>
  </si>
  <si>
    <t>133.9</t>
  </si>
  <si>
    <t>416417.0</t>
  </si>
  <si>
    <t>270113.0</t>
  </si>
  <si>
    <t>146273.0</t>
  </si>
  <si>
    <t>22431.0</t>
  </si>
  <si>
    <t>15664.0</t>
  </si>
  <si>
    <t>4.66</t>
  </si>
  <si>
    <t>1477.0</t>
  </si>
  <si>
    <t>165.22</t>
  </si>
  <si>
    <t>11205451.0</t>
  </si>
  <si>
    <t>231481.0</t>
  </si>
  <si>
    <t>1255.923</t>
  </si>
  <si>
    <t>25.945</t>
  </si>
  <si>
    <t>193146.0</t>
  </si>
  <si>
    <t>21.648</t>
  </si>
  <si>
    <t>150.2</t>
  </si>
  <si>
    <t>441668.0</t>
  </si>
  <si>
    <t>275630.0</t>
  </si>
  <si>
    <t>166005.0</t>
  </si>
  <si>
    <t>25251.0</t>
  </si>
  <si>
    <t>16246.0</t>
  </si>
  <si>
    <t>11409166.0</t>
  </si>
  <si>
    <t>203715.0</t>
  </si>
  <si>
    <t>1278.756</t>
  </si>
  <si>
    <t>22.833</t>
  </si>
  <si>
    <t>209790.0</t>
  </si>
  <si>
    <t>23.514</t>
  </si>
  <si>
    <t>160.5</t>
  </si>
  <si>
    <t>468979.0</t>
  </si>
  <si>
    <t>284346.0</t>
  </si>
  <si>
    <t>184599.0</t>
  </si>
  <si>
    <t>27311.0</t>
  </si>
  <si>
    <t>17052.0</t>
  </si>
  <si>
    <t>11623487.0</t>
  </si>
  <si>
    <t>214321.0</t>
  </si>
  <si>
    <t>1302.777</t>
  </si>
  <si>
    <t>24.021</t>
  </si>
  <si>
    <t>217566.0</t>
  </si>
  <si>
    <t>24.385</t>
  </si>
  <si>
    <t>161.3</t>
  </si>
  <si>
    <t>479597.0</t>
  </si>
  <si>
    <t>289760.0</t>
  </si>
  <si>
    <t>189803.0</t>
  </si>
  <si>
    <t>10618.0</t>
  </si>
  <si>
    <t>17241.0</t>
  </si>
  <si>
    <t>11763032.0</t>
  </si>
  <si>
    <t>139545.0</t>
  </si>
  <si>
    <t>1318.418</t>
  </si>
  <si>
    <t>207123.0</t>
  </si>
  <si>
    <t>23.215</t>
  </si>
  <si>
    <t>155.1</t>
  </si>
  <si>
    <t>481726.0</t>
  </si>
  <si>
    <t>290267.0</t>
  </si>
  <si>
    <t>191420.0</t>
  </si>
  <si>
    <t>16817.0</t>
  </si>
  <si>
    <t>7861.2</t>
  </si>
  <si>
    <t>-6.41</t>
  </si>
  <si>
    <t>879.366532145617</t>
  </si>
  <si>
    <t>11920050.0</t>
  </si>
  <si>
    <t>157018.0</t>
  </si>
  <si>
    <t>1336.017</t>
  </si>
  <si>
    <t>17.599</t>
  </si>
  <si>
    <t>211127.0</t>
  </si>
  <si>
    <t>23.663</t>
  </si>
  <si>
    <t>157.7</t>
  </si>
  <si>
    <t>489009.0</t>
  </si>
  <si>
    <t>294254.0</t>
  </si>
  <si>
    <t>194715.0</t>
  </si>
  <si>
    <t>7283.0</t>
  </si>
  <si>
    <t>16432.0</t>
  </si>
  <si>
    <t>4400.0</t>
  </si>
  <si>
    <t>12211250.0</t>
  </si>
  <si>
    <t>291200.0</t>
  </si>
  <si>
    <t>1368.655</t>
  </si>
  <si>
    <t>32.638</t>
  </si>
  <si>
    <t>208354.0</t>
  </si>
  <si>
    <t>23.353</t>
  </si>
  <si>
    <t>152.9</t>
  </si>
  <si>
    <t>503960.0</t>
  </si>
  <si>
    <t>301410.0</t>
  </si>
  <si>
    <t>202510.0</t>
  </si>
  <si>
    <t>14951.0</t>
  </si>
  <si>
    <t>15711.0</t>
  </si>
  <si>
    <t>12417609.0</t>
  </si>
  <si>
    <t>206359.0</t>
  </si>
  <si>
    <t>1391.784</t>
  </si>
  <si>
    <t>23.129</t>
  </si>
  <si>
    <t>206234.0</t>
  </si>
  <si>
    <t>23.115</t>
  </si>
  <si>
    <t>0.0068</t>
  </si>
  <si>
    <t>147.2</t>
  </si>
  <si>
    <t>523982.0</t>
  </si>
  <si>
    <t>311654.0</t>
  </si>
  <si>
    <t>20022.0</t>
  </si>
  <si>
    <t>15366.0</t>
  </si>
  <si>
    <t>5934.0</t>
  </si>
  <si>
    <t>12691956.0</t>
  </si>
  <si>
    <t>274347.0</t>
  </si>
  <si>
    <t>1422.533</t>
  </si>
  <si>
    <t>30.749</t>
  </si>
  <si>
    <t>212358.0</t>
  </si>
  <si>
    <t>23.801</t>
  </si>
  <si>
    <t>148.7</t>
  </si>
  <si>
    <t>544264.0</t>
  </si>
  <si>
    <t>323702.0</t>
  </si>
  <si>
    <t>220519.0</t>
  </si>
  <si>
    <t>6.09</t>
  </si>
  <si>
    <t>6867.0</t>
  </si>
  <si>
    <t>12892721.0</t>
  </si>
  <si>
    <t>200765.0</t>
  </si>
  <si>
    <t>1445.035</t>
  </si>
  <si>
    <t>22.502</t>
  </si>
  <si>
    <t>211936.0</t>
  </si>
  <si>
    <t>23.754</t>
  </si>
  <si>
    <t>145.1</t>
  </si>
  <si>
    <t>566041.0</t>
  </si>
  <si>
    <t>336844.0</t>
  </si>
  <si>
    <t>229154.0</t>
  </si>
  <si>
    <t>21777.0</t>
  </si>
  <si>
    <t>13866.0</t>
  </si>
  <si>
    <t>7500.0</t>
  </si>
  <si>
    <t>140.946</t>
  </si>
  <si>
    <t>13128809.0</t>
  </si>
  <si>
    <t>236088.0</t>
  </si>
  <si>
    <t>1471.496</t>
  </si>
  <si>
    <t>26.461</t>
  </si>
  <si>
    <t>215046.0</t>
  </si>
  <si>
    <t>24.103</t>
  </si>
  <si>
    <t>579247.0</t>
  </si>
  <si>
    <t>348320.0</t>
  </si>
  <si>
    <t>230882.0</t>
  </si>
  <si>
    <t>13206.0</t>
  </si>
  <si>
    <t>14236.0</t>
  </si>
  <si>
    <t>2.58</t>
  </si>
  <si>
    <t>8366.0</t>
  </si>
  <si>
    <t>28.413</t>
  </si>
  <si>
    <t>1272.0</t>
  </si>
  <si>
    <t>13327784.0</t>
  </si>
  <si>
    <t>198975.0</t>
  </si>
  <si>
    <t>1493.798</t>
  </si>
  <si>
    <t>22.301</t>
  </si>
  <si>
    <t>223536.0</t>
  </si>
  <si>
    <t>25.054</t>
  </si>
  <si>
    <t>139.7</t>
  </si>
  <si>
    <t>585363.0</t>
  </si>
  <si>
    <t>354031.0</t>
  </si>
  <si>
    <t>231287.0</t>
  </si>
  <si>
    <t>6116.0</t>
  </si>
  <si>
    <t>14805.0</t>
  </si>
  <si>
    <t>7737.8</t>
  </si>
  <si>
    <t>-6.71</t>
  </si>
  <si>
    <t>865.562808786999</t>
  </si>
  <si>
    <t>13420960.0</t>
  </si>
  <si>
    <t>93176.0</t>
  </si>
  <si>
    <t>1504.241</t>
  </si>
  <si>
    <t>214416.0</t>
  </si>
  <si>
    <t>24.032</t>
  </si>
  <si>
    <t>128.5</t>
  </si>
  <si>
    <t>592521.0</t>
  </si>
  <si>
    <t>359262.0</t>
  </si>
  <si>
    <t>233212.0</t>
  </si>
  <si>
    <t>7158.0</t>
  </si>
  <si>
    <t>14787.0</t>
  </si>
  <si>
    <t>9287.0</t>
  </si>
  <si>
    <t>13679356.0</t>
  </si>
  <si>
    <t>258396.0</t>
  </si>
  <si>
    <t>1533.202</t>
  </si>
  <si>
    <t>28.961</t>
  </si>
  <si>
    <t>209729.0</t>
  </si>
  <si>
    <t>23.507</t>
  </si>
  <si>
    <t>607775.0</t>
  </si>
  <si>
    <t>369947.0</t>
  </si>
  <si>
    <t>237780.0</t>
  </si>
  <si>
    <t>14831.0</t>
  </si>
  <si>
    <t>9791.0</t>
  </si>
  <si>
    <t>13940675.0</t>
  </si>
  <si>
    <t>261319.0</t>
  </si>
  <si>
    <t>1562.491</t>
  </si>
  <si>
    <t>29.289</t>
  </si>
  <si>
    <t>217581.0</t>
  </si>
  <si>
    <t>24.387</t>
  </si>
  <si>
    <t>125.6</t>
  </si>
  <si>
    <t>628035.0</t>
  </si>
  <si>
    <t>386633.0</t>
  </si>
  <si>
    <t>241353.0</t>
  </si>
  <si>
    <t>20260.0</t>
  </si>
  <si>
    <t>14865.0</t>
  </si>
  <si>
    <t>144.19</t>
  </si>
  <si>
    <t>14209576.0</t>
  </si>
  <si>
    <t>268901.0</t>
  </si>
  <si>
    <t>1592.63</t>
  </si>
  <si>
    <t>30.139</t>
  </si>
  <si>
    <t>216803.0</t>
  </si>
  <si>
    <t>648447.0</t>
  </si>
  <si>
    <t>403259.0</t>
  </si>
  <si>
    <t>245136.0</t>
  </si>
  <si>
    <t>20412.0</t>
  </si>
  <si>
    <t>14883.0</t>
  </si>
  <si>
    <t>11365.0</t>
  </si>
  <si>
    <t>29.084</t>
  </si>
  <si>
    <t>14432826.0</t>
  </si>
  <si>
    <t>223250.0</t>
  </si>
  <si>
    <t>1617.652</t>
  </si>
  <si>
    <t>25.022</t>
  </si>
  <si>
    <t>220015.0</t>
  </si>
  <si>
    <t>118.6</t>
  </si>
  <si>
    <t>678322.0</t>
  </si>
  <si>
    <t>428041.0</t>
  </si>
  <si>
    <t>250228.0</t>
  </si>
  <si>
    <t>29875.0</t>
  </si>
  <si>
    <t>16040.0</t>
  </si>
  <si>
    <t>7.59</t>
  </si>
  <si>
    <t>13028.0</t>
  </si>
  <si>
    <t>14751767.0</t>
  </si>
  <si>
    <t>318941.0</t>
  </si>
  <si>
    <t>1653.4</t>
  </si>
  <si>
    <t>35.747</t>
  </si>
  <si>
    <t>231851.0</t>
  </si>
  <si>
    <t>25.986</t>
  </si>
  <si>
    <t>123.3</t>
  </si>
  <si>
    <t>703740.0</t>
  </si>
  <si>
    <t>451457.0</t>
  </si>
  <si>
    <t>25418.0</t>
  </si>
  <si>
    <t>17785.0</t>
  </si>
  <si>
    <t>5.05</t>
  </si>
  <si>
    <t>2.82</t>
  </si>
  <si>
    <t>14907781.0</t>
  </si>
  <si>
    <t>156014.0</t>
  </si>
  <si>
    <t>1670.886</t>
  </si>
  <si>
    <t>17.486</t>
  </si>
  <si>
    <t>225714.0</t>
  </si>
  <si>
    <t>25.298</t>
  </si>
  <si>
    <t>116.5</t>
  </si>
  <si>
    <t>714059.0</t>
  </si>
  <si>
    <t>461246.0</t>
  </si>
  <si>
    <t>252759.0</t>
  </si>
  <si>
    <t>18385.0</t>
  </si>
  <si>
    <t>2057.0</t>
  </si>
  <si>
    <t>15316.0</t>
  </si>
  <si>
    <t>7551.2</t>
  </si>
  <si>
    <t>7.67</t>
  </si>
  <si>
    <t>-10.1</t>
  </si>
  <si>
    <t>844.689431325749</t>
  </si>
  <si>
    <t>153.139</t>
  </si>
  <si>
    <t>15003345.0</t>
  </si>
  <si>
    <t>95564.0</t>
  </si>
  <si>
    <t>1681.597</t>
  </si>
  <si>
    <t>10.711</t>
  </si>
  <si>
    <t>226055.0</t>
  </si>
  <si>
    <t>25.337</t>
  </si>
  <si>
    <t>111.9</t>
  </si>
  <si>
    <t>723205.0</t>
  </si>
  <si>
    <t>469472.0</t>
  </si>
  <si>
    <t>253677.0</t>
  </si>
  <si>
    <t>18669.0</t>
  </si>
  <si>
    <t>15744.0</t>
  </si>
  <si>
    <t>15358139.0</t>
  </si>
  <si>
    <t>354794.0</t>
  </si>
  <si>
    <t>1721.363</t>
  </si>
  <si>
    <t>39.766</t>
  </si>
  <si>
    <t>239826.0</t>
  </si>
  <si>
    <t>26.88</t>
  </si>
  <si>
    <t>117.3</t>
  </si>
  <si>
    <t>749269.0</t>
  </si>
  <si>
    <t>493047.0</t>
  </si>
  <si>
    <t>256164.0</t>
  </si>
  <si>
    <t>26064.0</t>
  </si>
  <si>
    <t>20213.0</t>
  </si>
  <si>
    <t>17586.0</t>
  </si>
  <si>
    <t>15602870.0</t>
  </si>
  <si>
    <t>244731.0</t>
  </si>
  <si>
    <t>1748.792</t>
  </si>
  <si>
    <t>237456.0</t>
  </si>
  <si>
    <t>26.614</t>
  </si>
  <si>
    <t>113.7</t>
  </si>
  <si>
    <t>777868.0</t>
  </si>
  <si>
    <t>519182.0</t>
  </si>
  <si>
    <t>258626.0</t>
  </si>
  <si>
    <t>28599.0</t>
  </si>
  <si>
    <t>21405.0</t>
  </si>
  <si>
    <t>18936.0</t>
  </si>
  <si>
    <t>161.528</t>
  </si>
  <si>
    <t>15864120.0</t>
  </si>
  <si>
    <t>261250.0</t>
  </si>
  <si>
    <t>1778.074</t>
  </si>
  <si>
    <t>29.281</t>
  </si>
  <si>
    <t>236363.0</t>
  </si>
  <si>
    <t>26.492</t>
  </si>
  <si>
    <t>109.6</t>
  </si>
  <si>
    <t>805912.0</t>
  </si>
  <si>
    <t>544350.0</t>
  </si>
  <si>
    <t>261502.0</t>
  </si>
  <si>
    <t>28044.0</t>
  </si>
  <si>
    <t>22495.0</t>
  </si>
  <si>
    <t>20156.0</t>
  </si>
  <si>
    <t>16123615.0</t>
  </si>
  <si>
    <t>259495.0</t>
  </si>
  <si>
    <t>1807.158</t>
  </si>
  <si>
    <t>29.085</t>
  </si>
  <si>
    <t>241541.0</t>
  </si>
  <si>
    <t>27.072</t>
  </si>
  <si>
    <t>843745.0</t>
  </si>
  <si>
    <t>578967.0</t>
  </si>
  <si>
    <t>264717.0</t>
  </si>
  <si>
    <t>37833.0</t>
  </si>
  <si>
    <t>23632.0</t>
  </si>
  <si>
    <t>35.348</t>
  </si>
  <si>
    <t>16374288.0</t>
  </si>
  <si>
    <t>250673.0</t>
  </si>
  <si>
    <t>1835.254</t>
  </si>
  <si>
    <t>28.096</t>
  </si>
  <si>
    <t>231789.0</t>
  </si>
  <si>
    <t>25.979</t>
  </si>
  <si>
    <t>104.6</t>
  </si>
  <si>
    <t>872214.0</t>
  </si>
  <si>
    <t>604852.0</t>
  </si>
  <si>
    <t>267301.0</t>
  </si>
  <si>
    <t>28469.0</t>
  </si>
  <si>
    <t>24068.0</t>
  </si>
  <si>
    <t>6.77</t>
  </si>
  <si>
    <t>21914.0</t>
  </si>
  <si>
    <t>164.66</t>
  </si>
  <si>
    <t>16533132.0</t>
  </si>
  <si>
    <t>158844.0</t>
  </si>
  <si>
    <t>1853.058</t>
  </si>
  <si>
    <t>17.803</t>
  </si>
  <si>
    <t>232193.0</t>
  </si>
  <si>
    <t>26.025</t>
  </si>
  <si>
    <t>884340.0</t>
  </si>
  <si>
    <t>616299.0</t>
  </si>
  <si>
    <t>267980.0</t>
  </si>
  <si>
    <t>12126.0</t>
  </si>
  <si>
    <t>2721.0</t>
  </si>
  <si>
    <t>22150.0</t>
  </si>
  <si>
    <t>7289.0</t>
  </si>
  <si>
    <t>-14.24</t>
  </si>
  <si>
    <t>815.359315729074</t>
  </si>
  <si>
    <t>37.25</t>
  </si>
  <si>
    <t>16655212.0</t>
  </si>
  <si>
    <t>122080.0</t>
  </si>
  <si>
    <t>1866.741</t>
  </si>
  <si>
    <t>13.683</t>
  </si>
  <si>
    <t>235981.0</t>
  </si>
  <si>
    <t>26.449</t>
  </si>
  <si>
    <t>104.5</t>
  </si>
  <si>
    <t>896261.0</t>
  </si>
  <si>
    <t>626787.0</t>
  </si>
  <si>
    <t>269413.0</t>
  </si>
  <si>
    <t>11921.0</t>
  </si>
  <si>
    <t>24722.0</t>
  </si>
  <si>
    <t>22474.0</t>
  </si>
  <si>
    <t>17051119.0</t>
  </si>
  <si>
    <t>395907.0</t>
  </si>
  <si>
    <t>1911.114</t>
  </si>
  <si>
    <t>44.374</t>
  </si>
  <si>
    <t>241854.0</t>
  </si>
  <si>
    <t>27.107</t>
  </si>
  <si>
    <t>103.6</t>
  </si>
  <si>
    <t>925205.0</t>
  </si>
  <si>
    <t>652085.0</t>
  </si>
  <si>
    <t>273058.0</t>
  </si>
  <si>
    <t>28944.0</t>
  </si>
  <si>
    <t>25134.0</t>
  </si>
  <si>
    <t>22720.0</t>
  </si>
  <si>
    <t>17329303.0</t>
  </si>
  <si>
    <t>278184.0</t>
  </si>
  <si>
    <t>1942.294</t>
  </si>
  <si>
    <t>31.179</t>
  </si>
  <si>
    <t>246633.0</t>
  </si>
  <si>
    <t>27.643</t>
  </si>
  <si>
    <t>954697.0</t>
  </si>
  <si>
    <t>676965.0</t>
  </si>
  <si>
    <t>277668.0</t>
  </si>
  <si>
    <t>29492.0</t>
  </si>
  <si>
    <t>25261.0</t>
  </si>
  <si>
    <t>7.57</t>
  </si>
  <si>
    <t>2826.0</t>
  </si>
  <si>
    <t>22540.0</t>
  </si>
  <si>
    <t>177.189</t>
  </si>
  <si>
    <t>17548957.0</t>
  </si>
  <si>
    <t>219654.0</t>
  </si>
  <si>
    <t>1966.913</t>
  </si>
  <si>
    <t>24.619</t>
  </si>
  <si>
    <t>240691.0</t>
  </si>
  <si>
    <t>26.977</t>
  </si>
  <si>
    <t>101.3</t>
  </si>
  <si>
    <t>1000229.0</t>
  </si>
  <si>
    <t>716894.0</t>
  </si>
  <si>
    <t>283268.0</t>
  </si>
  <si>
    <t>45532.0</t>
  </si>
  <si>
    <t>27760.0</t>
  </si>
  <si>
    <t>24649.0</t>
  </si>
  <si>
    <t>17906847.0</t>
  </si>
  <si>
    <t>357890.0</t>
  </si>
  <si>
    <t>2007.026</t>
  </si>
  <si>
    <t>40.113</t>
  </si>
  <si>
    <t>254747.0</t>
  </si>
  <si>
    <t>28.552</t>
  </si>
  <si>
    <t>104.2</t>
  </si>
  <si>
    <t>1059792.0</t>
  </si>
  <si>
    <t>770920.0</t>
  </si>
  <si>
    <t>288804.0</t>
  </si>
  <si>
    <t>59563.0</t>
  </si>
  <si>
    <t>30864.0</t>
  </si>
  <si>
    <t>11.86</t>
  </si>
  <si>
    <t>27422.0</t>
  </si>
  <si>
    <t>39.823</t>
  </si>
  <si>
    <t>18178608.0</t>
  </si>
  <si>
    <t>271761.0</t>
  </si>
  <si>
    <t>2037.485</t>
  </si>
  <si>
    <t>30.459</t>
  </si>
  <si>
    <t>257760.0</t>
  </si>
  <si>
    <t>1112772.0</t>
  </si>
  <si>
    <t>817992.0</t>
  </si>
  <si>
    <t>294710.0</t>
  </si>
  <si>
    <t>52980.0</t>
  </si>
  <si>
    <t>34365.0</t>
  </si>
  <si>
    <t>30449.0</t>
  </si>
  <si>
    <t>18346043.0</t>
  </si>
  <si>
    <t>167435.0</t>
  </si>
  <si>
    <t>2056.251</t>
  </si>
  <si>
    <t>18.766</t>
  </si>
  <si>
    <t>258987.0</t>
  </si>
  <si>
    <t>29.028</t>
  </si>
  <si>
    <t>100.2</t>
  </si>
  <si>
    <t>1144293.0</t>
  </si>
  <si>
    <t>845210.0</t>
  </si>
  <si>
    <t>299013.0</t>
  </si>
  <si>
    <t>31521.0</t>
  </si>
  <si>
    <t>37136.0</t>
  </si>
  <si>
    <t>32702.0</t>
  </si>
  <si>
    <t>7256.8</t>
  </si>
  <si>
    <t>-1.81</t>
  </si>
  <si>
    <t>811.75737170843</t>
  </si>
  <si>
    <t>18485146.0</t>
  </si>
  <si>
    <t>139103.0</t>
  </si>
  <si>
    <t>2071.842</t>
  </si>
  <si>
    <t>15.591</t>
  </si>
  <si>
    <t>261419.0</t>
  </si>
  <si>
    <t>99.6</t>
  </si>
  <si>
    <t>1165802.0</t>
  </si>
  <si>
    <t>864335.0</t>
  </si>
  <si>
    <t>301400.0</t>
  </si>
  <si>
    <t>21509.0</t>
  </si>
  <si>
    <t>38506.0</t>
  </si>
  <si>
    <t>13.04</t>
  </si>
  <si>
    <t>33935.0</t>
  </si>
  <si>
    <t>18840867.0</t>
  </si>
  <si>
    <t>355721.0</t>
  </si>
  <si>
    <t>2111.712</t>
  </si>
  <si>
    <t>255678.0</t>
  </si>
  <si>
    <t>28.657</t>
  </si>
  <si>
    <t>1194847.0</t>
  </si>
  <si>
    <t>886838.0</t>
  </si>
  <si>
    <t>307955.0</t>
  </si>
  <si>
    <t>29045.0</t>
  </si>
  <si>
    <t>38520.0</t>
  </si>
  <si>
    <t>4309.0</t>
  </si>
  <si>
    <t>33536.0</t>
  </si>
  <si>
    <t>19277527.0</t>
  </si>
  <si>
    <t>436660.0</t>
  </si>
  <si>
    <t>2160.653</t>
  </si>
  <si>
    <t>48.941</t>
  </si>
  <si>
    <t>278318.0</t>
  </si>
  <si>
    <t>31.194</t>
  </si>
  <si>
    <t>1230073.0</t>
  </si>
  <si>
    <t>913701.0</t>
  </si>
  <si>
    <t>316324.0</t>
  </si>
  <si>
    <t>35226.0</t>
  </si>
  <si>
    <t>39339.0</t>
  </si>
  <si>
    <t>13.76</t>
  </si>
  <si>
    <t>4401.0</t>
  </si>
  <si>
    <t>33819.0</t>
  </si>
  <si>
    <t>19576110.0</t>
  </si>
  <si>
    <t>298583.0</t>
  </si>
  <si>
    <t>2194.119</t>
  </si>
  <si>
    <t>33.466</t>
  </si>
  <si>
    <t>289593.0</t>
  </si>
  <si>
    <t>32.458</t>
  </si>
  <si>
    <t>1265548.0</t>
  </si>
  <si>
    <t>940837.0</t>
  </si>
  <si>
    <t>324662.0</t>
  </si>
  <si>
    <t>35475.0</t>
  </si>
  <si>
    <t>37903.0</t>
  </si>
  <si>
    <t>14.16</t>
  </si>
  <si>
    <t>19845558.0</t>
  </si>
  <si>
    <t>269448.0</t>
  </si>
  <si>
    <t>2224.319</t>
  </si>
  <si>
    <t>276959.0</t>
  </si>
  <si>
    <t>31.042</t>
  </si>
  <si>
    <t>98.5</t>
  </si>
  <si>
    <t>1320395.0</t>
  </si>
  <si>
    <t>986904.0</t>
  </si>
  <si>
    <t>333443.0</t>
  </si>
  <si>
    <t>54847.0</t>
  </si>
  <si>
    <t>37229.0</t>
  </si>
  <si>
    <t>30855.0</t>
  </si>
  <si>
    <t>43.962</t>
  </si>
  <si>
    <t>20123592.0</t>
  </si>
  <si>
    <t>278034.0</t>
  </si>
  <si>
    <t>2255.482</t>
  </si>
  <si>
    <t>31.162</t>
  </si>
  <si>
    <t>277855.0</t>
  </si>
  <si>
    <t>31.142</t>
  </si>
  <si>
    <t>1368392.0</t>
  </si>
  <si>
    <t>1025105.0</t>
  </si>
  <si>
    <t>343235.0</t>
  </si>
  <si>
    <t>47997.0</t>
  </si>
  <si>
    <t>36517.0</t>
  </si>
  <si>
    <t>11.47</t>
  </si>
  <si>
    <t>4085.0</t>
  </si>
  <si>
    <t>29588.0</t>
  </si>
  <si>
    <t>20316556.0</t>
  </si>
  <si>
    <t>192964.0</t>
  </si>
  <si>
    <t>2277.109</t>
  </si>
  <si>
    <t>21.628</t>
  </si>
  <si>
    <t>281502.0</t>
  </si>
  <si>
    <t>31.551</t>
  </si>
  <si>
    <t>96.3</t>
  </si>
  <si>
    <t>1384206.0</t>
  </si>
  <si>
    <t>1036968.0</t>
  </si>
  <si>
    <t>347186.0</t>
  </si>
  <si>
    <t>15814.0</t>
  </si>
  <si>
    <t>15.48</t>
  </si>
  <si>
    <t>3834.0</t>
  </si>
  <si>
    <t>27394.0</t>
  </si>
  <si>
    <t>7210.8</t>
  </si>
  <si>
    <t>806.611737393224</t>
  </si>
  <si>
    <t>20476485.0</t>
  </si>
  <si>
    <t>159929.0</t>
  </si>
  <si>
    <t>2295.034</t>
  </si>
  <si>
    <t>17.925</t>
  </si>
  <si>
    <t>284477.0</t>
  </si>
  <si>
    <t>31.885</t>
  </si>
  <si>
    <t>1400656.0</t>
  </si>
  <si>
    <t>1050762.0</t>
  </si>
  <si>
    <t>349846.0</t>
  </si>
  <si>
    <t>16450.0</t>
  </si>
  <si>
    <t>33551.0</t>
  </si>
  <si>
    <t>11.75</t>
  </si>
  <si>
    <t>26632.0</t>
  </si>
  <si>
    <t>2052.0</t>
  </si>
  <si>
    <t>229.54</t>
  </si>
  <si>
    <t>20846292.0</t>
  </si>
  <si>
    <t>369807.0</t>
  </si>
  <si>
    <t>2336.483</t>
  </si>
  <si>
    <t>41.449</t>
  </si>
  <si>
    <t>286489.0</t>
  </si>
  <si>
    <t>94.8</t>
  </si>
  <si>
    <t>1437447.0</t>
  </si>
  <si>
    <t>1070466.0</t>
  </si>
  <si>
    <t>366932.0</t>
  </si>
  <si>
    <t>36791.0</t>
  </si>
  <si>
    <t>34657.0</t>
  </si>
  <si>
    <t>26233.0</t>
  </si>
  <si>
    <t>21147134.0</t>
  </si>
  <si>
    <t>300842.0</t>
  </si>
  <si>
    <t>2370.202</t>
  </si>
  <si>
    <t>33.719</t>
  </si>
  <si>
    <t>267087.0</t>
  </si>
  <si>
    <t>29.936</t>
  </si>
  <si>
    <t>87.3</t>
  </si>
  <si>
    <t>1478123.0</t>
  </si>
  <si>
    <t>1092705.0</t>
  </si>
  <si>
    <t>385369.0</t>
  </si>
  <si>
    <t>40676.0</t>
  </si>
  <si>
    <t>35436.0</t>
  </si>
  <si>
    <t>16.53</t>
  </si>
  <si>
    <t>25572.0</t>
  </si>
  <si>
    <t>21565462.0</t>
  </si>
  <si>
    <t>418328.0</t>
  </si>
  <si>
    <t>2417.089</t>
  </si>
  <si>
    <t>46.887</t>
  </si>
  <si>
    <t>284193.0</t>
  </si>
  <si>
    <t>31.853</t>
  </si>
  <si>
    <t>1525252.0</t>
  </si>
  <si>
    <t>1122979.0</t>
  </si>
  <si>
    <t>402232.0</t>
  </si>
  <si>
    <t>47129.0</t>
  </si>
  <si>
    <t>37101.0</t>
  </si>
  <si>
    <t>26020.0</t>
  </si>
  <si>
    <t>2164.0</t>
  </si>
  <si>
    <t>22051094.0</t>
  </si>
  <si>
    <t>485632.0</t>
  </si>
  <si>
    <t>2471.519</t>
  </si>
  <si>
    <t>315077.0</t>
  </si>
  <si>
    <t>35.314</t>
  </si>
  <si>
    <t>1577416.0</t>
  </si>
  <si>
    <t>1155996.0</t>
  </si>
  <si>
    <t>421384.0</t>
  </si>
  <si>
    <t>52164.0</t>
  </si>
  <si>
    <t>36717.0</t>
  </si>
  <si>
    <t>24156.0</t>
  </si>
  <si>
    <t>22194436.0</t>
  </si>
  <si>
    <t>143342.0</t>
  </si>
  <si>
    <t>2487.585</t>
  </si>
  <si>
    <t>16.066</t>
  </si>
  <si>
    <t>295835.0</t>
  </si>
  <si>
    <t>33.158</t>
  </si>
  <si>
    <t>1619589.0</t>
  </si>
  <si>
    <t>1183262.0</t>
  </si>
  <si>
    <t>436295.0</t>
  </si>
  <si>
    <t>35885.0</t>
  </si>
  <si>
    <t>18.12</t>
  </si>
  <si>
    <t>13.24</t>
  </si>
  <si>
    <t>4014.0</t>
  </si>
  <si>
    <t>22594.0</t>
  </si>
  <si>
    <t>240.95</t>
  </si>
  <si>
    <t>22455472.0</t>
  </si>
  <si>
    <t>261036.0</t>
  </si>
  <si>
    <t>2516.842</t>
  </si>
  <si>
    <t>29.257</t>
  </si>
  <si>
    <t>305559.0</t>
  </si>
  <si>
    <t>34.247</t>
  </si>
  <si>
    <t>98.8</t>
  </si>
  <si>
    <t>1634533.0</t>
  </si>
  <si>
    <t>1193431.0</t>
  </si>
  <si>
    <t>441070.0</t>
  </si>
  <si>
    <t>35761.0</t>
  </si>
  <si>
    <t>22352.0</t>
  </si>
  <si>
    <t>7236.2</t>
  </si>
  <si>
    <t>809.453022428142</t>
  </si>
  <si>
    <t>22610260.0</t>
  </si>
  <si>
    <t>154788.0</t>
  </si>
  <si>
    <t>2534.191</t>
  </si>
  <si>
    <t>17.349</t>
  </si>
  <si>
    <t>304825.0</t>
  </si>
  <si>
    <t>34.165</t>
  </si>
  <si>
    <t>98.7</t>
  </si>
  <si>
    <t>1661802.0</t>
  </si>
  <si>
    <t>1214934.0</t>
  </si>
  <si>
    <t>446837.0</t>
  </si>
  <si>
    <t>27269.0</t>
  </si>
  <si>
    <t>37307.0</t>
  </si>
  <si>
    <t>13.59</t>
  </si>
  <si>
    <t>4173.0</t>
  </si>
  <si>
    <t>23453.0</t>
  </si>
  <si>
    <t>23093306.0</t>
  </si>
  <si>
    <t>483046.0</t>
  </si>
  <si>
    <t>2588.332</t>
  </si>
  <si>
    <t>54.141</t>
  </si>
  <si>
    <t>321002.0</t>
  </si>
  <si>
    <t>35.978</t>
  </si>
  <si>
    <t>100.3</t>
  </si>
  <si>
    <t>1704033.0</t>
  </si>
  <si>
    <t>1245085.0</t>
  </si>
  <si>
    <t>458920.0</t>
  </si>
  <si>
    <t>42231.0</t>
  </si>
  <si>
    <t>38084.0</t>
  </si>
  <si>
    <t>4260.0</t>
  </si>
  <si>
    <t>24946.0</t>
  </si>
  <si>
    <t>59.399</t>
  </si>
  <si>
    <t>23451521.0</t>
  </si>
  <si>
    <t>358215.0</t>
  </si>
  <si>
    <t>2628.481</t>
  </si>
  <si>
    <t>40.149</t>
  </si>
  <si>
    <t>329198.0</t>
  </si>
  <si>
    <t>36.897</t>
  </si>
  <si>
    <t>1740055.0</t>
  </si>
  <si>
    <t>1267678.0</t>
  </si>
  <si>
    <t>472362.0</t>
  </si>
  <si>
    <t>36022.0</t>
  </si>
  <si>
    <t>37419.0</t>
  </si>
  <si>
    <t>4186.0</t>
  </si>
  <si>
    <t>24996.0</t>
  </si>
  <si>
    <t>23805240.0</t>
  </si>
  <si>
    <t>353719.0</t>
  </si>
  <si>
    <t>2668.126</t>
  </si>
  <si>
    <t>39.645</t>
  </si>
  <si>
    <t>319968.0</t>
  </si>
  <si>
    <t>35.862</t>
  </si>
  <si>
    <t>102.8</t>
  </si>
  <si>
    <t>1782987.0</t>
  </si>
  <si>
    <t>1291051.0</t>
  </si>
  <si>
    <t>491932.0</t>
  </si>
  <si>
    <t>42932.0</t>
  </si>
  <si>
    <t>36819.0</t>
  </si>
  <si>
    <t>19.94</t>
  </si>
  <si>
    <t>24010.0</t>
  </si>
  <si>
    <t>2290.0</t>
  </si>
  <si>
    <t>24086423.0</t>
  </si>
  <si>
    <t>281183.0</t>
  </si>
  <si>
    <t>2699.642</t>
  </si>
  <si>
    <t>31.515</t>
  </si>
  <si>
    <t>290761.0</t>
  </si>
  <si>
    <t>32.589</t>
  </si>
  <si>
    <t>1827953.0</t>
  </si>
  <si>
    <t>1316292.0</t>
  </si>
  <si>
    <t>511669.0</t>
  </si>
  <si>
    <t>44966.0</t>
  </si>
  <si>
    <t>14.72</t>
  </si>
  <si>
    <t>22899.0</t>
  </si>
  <si>
    <t>59.622</t>
  </si>
  <si>
    <t>24402915.0</t>
  </si>
  <si>
    <t>316492.0</t>
  </si>
  <si>
    <t>2735.114</t>
  </si>
  <si>
    <t>35.473</t>
  </si>
  <si>
    <t>315497.0</t>
  </si>
  <si>
    <t>35.361</t>
  </si>
  <si>
    <t>1850220.0</t>
  </si>
  <si>
    <t>1329328.0</t>
  </si>
  <si>
    <t>520906.0</t>
  </si>
  <si>
    <t>22267.0</t>
  </si>
  <si>
    <t>32947.0</t>
  </si>
  <si>
    <t>20.7</t>
  </si>
  <si>
    <t>3686.0</t>
  </si>
  <si>
    <t>20867.0</t>
  </si>
  <si>
    <t>24647471.0</t>
  </si>
  <si>
    <t>244556.0</t>
  </si>
  <si>
    <t>2762.525</t>
  </si>
  <si>
    <t>27.41</t>
  </si>
  <si>
    <t>313143.0</t>
  </si>
  <si>
    <t>35.098</t>
  </si>
  <si>
    <t>1860511.0</t>
  </si>
  <si>
    <t>1337789.0</t>
  </si>
  <si>
    <t>522739.0</t>
  </si>
  <si>
    <t>32283.0</t>
  </si>
  <si>
    <t>20623.0</t>
  </si>
  <si>
    <t>7333.8</t>
  </si>
  <si>
    <t>820.370716105623</t>
  </si>
  <si>
    <t>24779805.0</t>
  </si>
  <si>
    <t>132334.0</t>
  </si>
  <si>
    <t>2777.357</t>
  </si>
  <si>
    <t>14.832</t>
  </si>
  <si>
    <t>309935.0</t>
  </si>
  <si>
    <t>34.738</t>
  </si>
  <si>
    <t>1873411.0</t>
  </si>
  <si>
    <t>1345808.0</t>
  </si>
  <si>
    <t>527627.0</t>
  </si>
  <si>
    <t>12900.0</t>
  </si>
  <si>
    <t>30230.0</t>
  </si>
  <si>
    <t>24999349.0</t>
  </si>
  <si>
    <t>219544.0</t>
  </si>
  <si>
    <t>2801.964</t>
  </si>
  <si>
    <t>24.607</t>
  </si>
  <si>
    <t>272292.0</t>
  </si>
  <si>
    <t>30.519</t>
  </si>
  <si>
    <t>91.3</t>
  </si>
  <si>
    <t>1912407.0</t>
  </si>
  <si>
    <t>1372517.0</t>
  </si>
  <si>
    <t>539919.0</t>
  </si>
  <si>
    <t>38996.0</t>
  </si>
  <si>
    <t>29768.0</t>
  </si>
  <si>
    <t>21.39</t>
  </si>
  <si>
    <t>6.04</t>
  </si>
  <si>
    <t>25515997.0</t>
  </si>
  <si>
    <t>516648.0</t>
  </si>
  <si>
    <t>2859.87</t>
  </si>
  <si>
    <t>57.907</t>
  </si>
  <si>
    <t>294925.0</t>
  </si>
  <si>
    <t>33.056</t>
  </si>
  <si>
    <t>102.7</t>
  </si>
  <si>
    <t>1969299.0</t>
  </si>
  <si>
    <t>1412859.0</t>
  </si>
  <si>
    <t>556477.0</t>
  </si>
  <si>
    <t>56892.0</t>
  </si>
  <si>
    <t>32749.0</t>
  </si>
  <si>
    <t>20740.0</t>
  </si>
  <si>
    <t>25868498.0</t>
  </si>
  <si>
    <t>352501.0</t>
  </si>
  <si>
    <t>2899.379</t>
  </si>
  <si>
    <t>39.509</t>
  </si>
  <si>
    <t>294751.0</t>
  </si>
  <si>
    <t>33.036</t>
  </si>
  <si>
    <t>2043687.0</t>
  </si>
  <si>
    <t>1460996.0</t>
  </si>
  <si>
    <t>582740.0</t>
  </si>
  <si>
    <t>74388.0</t>
  </si>
  <si>
    <t>37243.0</t>
  </si>
  <si>
    <t>22.86</t>
  </si>
  <si>
    <t>16.34</t>
  </si>
  <si>
    <t>24278.0</t>
  </si>
  <si>
    <t>26161838.0</t>
  </si>
  <si>
    <t>293340.0</t>
  </si>
  <si>
    <t>2932.257</t>
  </si>
  <si>
    <t>32.878</t>
  </si>
  <si>
    <t>296488.0</t>
  </si>
  <si>
    <t>33.231</t>
  </si>
  <si>
    <t>107.6</t>
  </si>
  <si>
    <t>2123750.0</t>
  </si>
  <si>
    <t>1507113.0</t>
  </si>
  <si>
    <t>616691.0</t>
  </si>
  <si>
    <t>80063.0</t>
  </si>
  <si>
    <t>42257.0</t>
  </si>
  <si>
    <t>16.86</t>
  </si>
  <si>
    <t>4727.0</t>
  </si>
  <si>
    <t>27260.0</t>
  </si>
  <si>
    <t>26478234.0</t>
  </si>
  <si>
    <t>316396.0</t>
  </si>
  <si>
    <t>2967.719</t>
  </si>
  <si>
    <t>35.462</t>
  </si>
  <si>
    <t>296474.0</t>
  </si>
  <si>
    <t>33.229</t>
  </si>
  <si>
    <t>2190210.0</t>
  </si>
  <si>
    <t>1544360.0</t>
  </si>
  <si>
    <t>645917.0</t>
  </si>
  <si>
    <t>66460.0</t>
  </si>
  <si>
    <t>48570.0</t>
  </si>
  <si>
    <t>17.28</t>
  </si>
  <si>
    <t>5433.0</t>
  </si>
  <si>
    <t>30719.0</t>
  </si>
  <si>
    <t>2304.0</t>
  </si>
  <si>
    <t>26679075.0</t>
  </si>
  <si>
    <t>200841.0</t>
  </si>
  <si>
    <t>2990.23</t>
  </si>
  <si>
    <t>22.511</t>
  </si>
  <si>
    <t>290229.0</t>
  </si>
  <si>
    <t>32.529</t>
  </si>
  <si>
    <t>107.8</t>
  </si>
  <si>
    <t>2216673.0</t>
  </si>
  <si>
    <t>1554963.0</t>
  </si>
  <si>
    <t>661781.0</t>
  </si>
  <si>
    <t>26463.0</t>
  </si>
  <si>
    <t>50880.0</t>
  </si>
  <si>
    <t>17.39</t>
  </si>
  <si>
    <t>31025.0</t>
  </si>
  <si>
    <t>7384.8</t>
  </si>
  <si>
    <t>826.075658498569</t>
  </si>
  <si>
    <t>26848583.0</t>
  </si>
  <si>
    <t>169508.0</t>
  </si>
  <si>
    <t>3009.228</t>
  </si>
  <si>
    <t>18.999</t>
  </si>
  <si>
    <t>295540.0</t>
  </si>
  <si>
    <t>33.125</t>
  </si>
  <si>
    <t>114.9</t>
  </si>
  <si>
    <t>2252537.0</t>
  </si>
  <si>
    <t>1583578.0</t>
  </si>
  <si>
    <t>669036.0</t>
  </si>
  <si>
    <t>35864.0</t>
  </si>
  <si>
    <t>54161.0</t>
  </si>
  <si>
    <t>6059.0</t>
  </si>
  <si>
    <t>33967.0</t>
  </si>
  <si>
    <t>2348.0</t>
  </si>
  <si>
    <t>27197861.0</t>
  </si>
  <si>
    <t>349278.0</t>
  </si>
  <si>
    <t>3048.376</t>
  </si>
  <si>
    <t>39.148</t>
  </si>
  <si>
    <t>314073.0</t>
  </si>
  <si>
    <t>35.202</t>
  </si>
  <si>
    <t>2298620.0</t>
  </si>
  <si>
    <t>1617804.0</t>
  </si>
  <si>
    <t>680895.0</t>
  </si>
  <si>
    <t>46083.0</t>
  </si>
  <si>
    <t>55173.0</t>
  </si>
  <si>
    <t>35041.0</t>
  </si>
  <si>
    <t>27703138.0</t>
  </si>
  <si>
    <t>505277.0</t>
  </si>
  <si>
    <t>3105.008</t>
  </si>
  <si>
    <t>56.632</t>
  </si>
  <si>
    <t>312449.0</t>
  </si>
  <si>
    <t>2367805.0</t>
  </si>
  <si>
    <t>1672739.0</t>
  </si>
  <si>
    <t>695142.0</t>
  </si>
  <si>
    <t>69185.0</t>
  </si>
  <si>
    <t>56929.0</t>
  </si>
  <si>
    <t>6368.0</t>
  </si>
  <si>
    <t>37126.0</t>
  </si>
  <si>
    <t>63.873</t>
  </si>
  <si>
    <t>2157.0</t>
  </si>
  <si>
    <t>28012081.0</t>
  </si>
  <si>
    <t>308943.0</t>
  </si>
  <si>
    <t>3139.635</t>
  </si>
  <si>
    <t>34.627</t>
  </si>
  <si>
    <t>306226.0</t>
  </si>
  <si>
    <t>34.322</t>
  </si>
  <si>
    <t>117.2</t>
  </si>
  <si>
    <t>2443613.0</t>
  </si>
  <si>
    <t>1729030.0</t>
  </si>
  <si>
    <t>714658.0</t>
  </si>
  <si>
    <t>57132.0</t>
  </si>
  <si>
    <t>19.34</t>
  </si>
  <si>
    <t>38291.0</t>
  </si>
  <si>
    <t>28298620.0</t>
  </si>
  <si>
    <t>286539.0</t>
  </si>
  <si>
    <t>3171.751</t>
  </si>
  <si>
    <t>32.116</t>
  </si>
  <si>
    <t>305255.0</t>
  </si>
  <si>
    <t>34.213</t>
  </si>
  <si>
    <t>117.7</t>
  </si>
  <si>
    <t>2515322.0</t>
  </si>
  <si>
    <t>1781741.0</t>
  </si>
  <si>
    <t>733656.0</t>
  </si>
  <si>
    <t>71709.0</t>
  </si>
  <si>
    <t>55939.0</t>
  </si>
  <si>
    <t>28.14</t>
  </si>
  <si>
    <t>28615969.0</t>
  </si>
  <si>
    <t>317349.0</t>
  </si>
  <si>
    <t>3207.32</t>
  </si>
  <si>
    <t>35.569</t>
  </si>
  <si>
    <t>305391.0</t>
  </si>
  <si>
    <t>34.229</t>
  </si>
  <si>
    <t>118.8</t>
  </si>
  <si>
    <t>2574343.0</t>
  </si>
  <si>
    <t>1818391.0</t>
  </si>
  <si>
    <t>756028.0</t>
  </si>
  <si>
    <t>59021.0</t>
  </si>
  <si>
    <t>54876.0</t>
  </si>
  <si>
    <t>6139.0</t>
  </si>
  <si>
    <t>39147.0</t>
  </si>
  <si>
    <t>28823897.0</t>
  </si>
  <si>
    <t>207928.0</t>
  </si>
  <si>
    <t>3230.625</t>
  </si>
  <si>
    <t>23.305</t>
  </si>
  <si>
    <t>306403.0</t>
  </si>
  <si>
    <t>34.342</t>
  </si>
  <si>
    <t>2593950.0</t>
  </si>
  <si>
    <t>1833580.0</t>
  </si>
  <si>
    <t>760446.0</t>
  </si>
  <si>
    <t>19607.0</t>
  </si>
  <si>
    <t>53897.0</t>
  </si>
  <si>
    <t>29.02</t>
  </si>
  <si>
    <t>39802.0</t>
  </si>
  <si>
    <t>7.77</t>
  </si>
  <si>
    <t>839.74514791853</t>
  </si>
  <si>
    <t>237.37</t>
  </si>
  <si>
    <t>29014550.0</t>
  </si>
  <si>
    <t>190653.0</t>
  </si>
  <si>
    <t>3251.993</t>
  </si>
  <si>
    <t>21.369</t>
  </si>
  <si>
    <t>309424.0</t>
  </si>
  <si>
    <t>34.681</t>
  </si>
  <si>
    <t>127.6</t>
  </si>
  <si>
    <t>2626465.0</t>
  </si>
  <si>
    <t>1860132.0</t>
  </si>
  <si>
    <t>766407.0</t>
  </si>
  <si>
    <t>32515.0</t>
  </si>
  <si>
    <t>29.38</t>
  </si>
  <si>
    <t>5975.0</t>
  </si>
  <si>
    <t>39508.0</t>
  </si>
  <si>
    <t>29335166.0</t>
  </si>
  <si>
    <t>320616.0</t>
  </si>
  <si>
    <t>3287.928</t>
  </si>
  <si>
    <t>35.935</t>
  </si>
  <si>
    <t>305329.0</t>
  </si>
  <si>
    <t>34.222</t>
  </si>
  <si>
    <t>2672872.0</t>
  </si>
  <si>
    <t>1893526.0</t>
  </si>
  <si>
    <t>779419.0</t>
  </si>
  <si>
    <t>46407.0</t>
  </si>
  <si>
    <t>53465.0</t>
  </si>
  <si>
    <t>21.18</t>
  </si>
  <si>
    <t>39389.0</t>
  </si>
  <si>
    <t>29597609.0</t>
  </si>
  <si>
    <t>262443.0</t>
  </si>
  <si>
    <t>3317.343</t>
  </si>
  <si>
    <t>29.415</t>
  </si>
  <si>
    <t>270639.0</t>
  </si>
  <si>
    <t>30.334</t>
  </si>
  <si>
    <t>2737415.0</t>
  </si>
  <si>
    <t>1947004.0</t>
  </si>
  <si>
    <t>790480.0</t>
  </si>
  <si>
    <t>64543.0</t>
  </si>
  <si>
    <t>52801.0</t>
  </si>
  <si>
    <t>8.84</t>
  </si>
  <si>
    <t>39181.0</t>
  </si>
  <si>
    <t>1924.0</t>
  </si>
  <si>
    <t>29905570.0</t>
  </si>
  <si>
    <t>307961.0</t>
  </si>
  <si>
    <t>3351.86</t>
  </si>
  <si>
    <t>34.517</t>
  </si>
  <si>
    <t>270498.0</t>
  </si>
  <si>
    <t>30.318</t>
  </si>
  <si>
    <t>117.4</t>
  </si>
  <si>
    <t>2809611.0</t>
  </si>
  <si>
    <t>2008282.0</t>
  </si>
  <si>
    <t>801394.0</t>
  </si>
  <si>
    <t>72196.0</t>
  </si>
  <si>
    <t>52285.0</t>
  </si>
  <si>
    <t>31.43</t>
  </si>
  <si>
    <t>5849.0</t>
  </si>
  <si>
    <t>39893.0</t>
  </si>
  <si>
    <t>0.446</t>
  </si>
  <si>
    <t>30186461.0</t>
  </si>
  <si>
    <t>280891.0</t>
  </si>
  <si>
    <t>3383.343</t>
  </si>
  <si>
    <t>31.483</t>
  </si>
  <si>
    <t>269692.0</t>
  </si>
  <si>
    <t>30.227</t>
  </si>
  <si>
    <t>117.9</t>
  </si>
  <si>
    <t>2879259.0</t>
  </si>
  <si>
    <t>2066205.0</t>
  </si>
  <si>
    <t>813117.0</t>
  </si>
  <si>
    <t>69648.0</t>
  </si>
  <si>
    <t>51991.0</t>
  </si>
  <si>
    <t>32.21</t>
  </si>
  <si>
    <t>40638.0</t>
  </si>
  <si>
    <t>30489054.0</t>
  </si>
  <si>
    <t>302593.0</t>
  </si>
  <si>
    <t>3417.258</t>
  </si>
  <si>
    <t>33.915</t>
  </si>
  <si>
    <t>267584.0</t>
  </si>
  <si>
    <t>29.991</t>
  </si>
  <si>
    <t>2920367.0</t>
  </si>
  <si>
    <t>2101312.0</t>
  </si>
  <si>
    <t>819115.0</t>
  </si>
  <si>
    <t>41108.0</t>
  </si>
  <si>
    <t>49432.0</t>
  </si>
  <si>
    <t>32.67</t>
  </si>
  <si>
    <t>23.51</t>
  </si>
  <si>
    <t>9.16</t>
  </si>
  <si>
    <t>5530.0</t>
  </si>
  <si>
    <t>40417.0</t>
  </si>
  <si>
    <t>30688612.0</t>
  </si>
  <si>
    <t>199558.0</t>
  </si>
  <si>
    <t>3439.625</t>
  </si>
  <si>
    <t>22.367</t>
  </si>
  <si>
    <t>266388.0</t>
  </si>
  <si>
    <t>29.857</t>
  </si>
  <si>
    <t>2948749.0</t>
  </si>
  <si>
    <t>2127786.0</t>
  </si>
  <si>
    <t>821024.0</t>
  </si>
  <si>
    <t>28382.0</t>
  </si>
  <si>
    <t>50686.0</t>
  </si>
  <si>
    <t>42029.0</t>
  </si>
  <si>
    <t>7647.0</t>
  </si>
  <si>
    <t>855.405774095244</t>
  </si>
  <si>
    <t>207.28</t>
  </si>
  <si>
    <t>30836351.0</t>
  </si>
  <si>
    <t>147739.0</t>
  </si>
  <si>
    <t>3456.183</t>
  </si>
  <si>
    <t>16.559</t>
  </si>
  <si>
    <t>260257.0</t>
  </si>
  <si>
    <t>29.17</t>
  </si>
  <si>
    <t>116.7</t>
  </si>
  <si>
    <t>2980401.0</t>
  </si>
  <si>
    <t>2155758.0</t>
  </si>
  <si>
    <t>824706.0</t>
  </si>
  <si>
    <t>31652.0</t>
  </si>
  <si>
    <t>50562.0</t>
  </si>
  <si>
    <t>42232.0</t>
  </si>
  <si>
    <t>31263052.0</t>
  </si>
  <si>
    <t>426701.0</t>
  </si>
  <si>
    <t>3504.009</t>
  </si>
  <si>
    <t>47.825</t>
  </si>
  <si>
    <t>275412.0</t>
  </si>
  <si>
    <t>30.869</t>
  </si>
  <si>
    <t>3029607.0</t>
  </si>
  <si>
    <t>2193352.0</t>
  </si>
  <si>
    <t>836321.0</t>
  </si>
  <si>
    <t>49206.0</t>
  </si>
  <si>
    <t>50962.0</t>
  </si>
  <si>
    <t>24.54</t>
  </si>
  <si>
    <t>5701.0</t>
  </si>
  <si>
    <t>42832.0</t>
  </si>
  <si>
    <t>200.12</t>
  </si>
  <si>
    <t>31317709.0</t>
  </si>
  <si>
    <t>54657.0</t>
  </si>
  <si>
    <t>3510.135</t>
  </si>
  <si>
    <t>6.126</t>
  </si>
  <si>
    <t>245729.0</t>
  </si>
  <si>
    <t>27.542</t>
  </si>
  <si>
    <t>114.6</t>
  </si>
  <si>
    <t>3089225.0</t>
  </si>
  <si>
    <t>2238245.0</t>
  </si>
  <si>
    <t>851047.0</t>
  </si>
  <si>
    <t>59618.0</t>
  </si>
  <si>
    <t>50259.0</t>
  </si>
  <si>
    <t>34.56</t>
  </si>
  <si>
    <t>41606.0</t>
  </si>
  <si>
    <t>31589724.0</t>
  </si>
  <si>
    <t>272015.0</t>
  </si>
  <si>
    <t>3540.622</t>
  </si>
  <si>
    <t>30.488</t>
  </si>
  <si>
    <t>240593.0</t>
  </si>
  <si>
    <t>26.966</t>
  </si>
  <si>
    <t>3166905.0</t>
  </si>
  <si>
    <t>2300200.0</t>
  </si>
  <si>
    <t>866806.0</t>
  </si>
  <si>
    <t>77680.0</t>
  </si>
  <si>
    <t>51042.0</t>
  </si>
  <si>
    <t>41703.0</t>
  </si>
  <si>
    <t>185.69</t>
  </si>
  <si>
    <t>31892904.0</t>
  </si>
  <si>
    <t>303180.0</t>
  </si>
  <si>
    <t>3574.603</t>
  </si>
  <si>
    <t>33.981</t>
  </si>
  <si>
    <t>243778.0</t>
  </si>
  <si>
    <t>27.323</t>
  </si>
  <si>
    <t>3249386.0</t>
  </si>
  <si>
    <t>2368607.0</t>
  </si>
  <si>
    <t>880904.0</t>
  </si>
  <si>
    <t>82481.0</t>
  </si>
  <si>
    <t>52875.0</t>
  </si>
  <si>
    <t>5915.0</t>
  </si>
  <si>
    <t>43200.0</t>
  </si>
  <si>
    <t>32228406.0</t>
  </si>
  <si>
    <t>335502.0</t>
  </si>
  <si>
    <t>3612.207</t>
  </si>
  <si>
    <t>37.604</t>
  </si>
  <si>
    <t>248479.0</t>
  </si>
  <si>
    <t>124.9</t>
  </si>
  <si>
    <t>3292241.0</t>
  </si>
  <si>
    <t>2403296.0</t>
  </si>
  <si>
    <t>889279.0</t>
  </si>
  <si>
    <t>42855.0</t>
  </si>
  <si>
    <t>53125.0</t>
  </si>
  <si>
    <t>36.83</t>
  </si>
  <si>
    <t>5943.0</t>
  </si>
  <si>
    <t>43141.0</t>
  </si>
  <si>
    <t>32383974.0</t>
  </si>
  <si>
    <t>155568.0</t>
  </si>
  <si>
    <t>3629.643</t>
  </si>
  <si>
    <t>17.436</t>
  </si>
  <si>
    <t>242195.0</t>
  </si>
  <si>
    <t>27.146</t>
  </si>
  <si>
    <t>124.5</t>
  </si>
  <si>
    <t>3309295.0</t>
  </si>
  <si>
    <t>2418876.0</t>
  </si>
  <si>
    <t>890769.0</t>
  </si>
  <si>
    <t>17054.0</t>
  </si>
  <si>
    <t>51507.0</t>
  </si>
  <si>
    <t>5762.0</t>
  </si>
  <si>
    <t>41584.0</t>
  </si>
  <si>
    <t>7842.2</t>
  </si>
  <si>
    <t>877.241161450205</t>
  </si>
  <si>
    <t>54.253</t>
  </si>
  <si>
    <t>32495877.0</t>
  </si>
  <si>
    <t>111903.0</t>
  </si>
  <si>
    <t>3642.185</t>
  </si>
  <si>
    <t>12.542</t>
  </si>
  <si>
    <t>237075.0</t>
  </si>
  <si>
    <t>26.572</t>
  </si>
  <si>
    <t>3339494.0</t>
  </si>
  <si>
    <t>2437420.0</t>
  </si>
  <si>
    <t>903315.0</t>
  </si>
  <si>
    <t>30199.0</t>
  </si>
  <si>
    <t>51299.0</t>
  </si>
  <si>
    <t>40237.0</t>
  </si>
  <si>
    <t>32895293.0</t>
  </si>
  <si>
    <t>399416.0</t>
  </si>
  <si>
    <t>3686.953</t>
  </si>
  <si>
    <t>44.767</t>
  </si>
  <si>
    <t>233177.0</t>
  </si>
  <si>
    <t>26.135</t>
  </si>
  <si>
    <t>3402109.0</t>
  </si>
  <si>
    <t>2479398.0</t>
  </si>
  <si>
    <t>925631.0</t>
  </si>
  <si>
    <t>62615.0</t>
  </si>
  <si>
    <t>38.06</t>
  </si>
  <si>
    <t>27.73</t>
  </si>
  <si>
    <t>5953.0</t>
  </si>
  <si>
    <t>40864.0</t>
  </si>
  <si>
    <t>173.05</t>
  </si>
  <si>
    <t>33242932.0</t>
  </si>
  <si>
    <t>347639.0</t>
  </si>
  <si>
    <t>3725.916</t>
  </si>
  <si>
    <t>38.964</t>
  </si>
  <si>
    <t>275032.0</t>
  </si>
  <si>
    <t>30.826</t>
  </si>
  <si>
    <t>156.4</t>
  </si>
  <si>
    <t>3481780.0</t>
  </si>
  <si>
    <t>2540963.0</t>
  </si>
  <si>
    <t>944401.0</t>
  </si>
  <si>
    <t>79671.0</t>
  </si>
  <si>
    <t>56079.0</t>
  </si>
  <si>
    <t>28.42</t>
  </si>
  <si>
    <t>43245.0</t>
  </si>
  <si>
    <t>33702259.0</t>
  </si>
  <si>
    <t>459327.0</t>
  </si>
  <si>
    <t>3777.398</t>
  </si>
  <si>
    <t>51.482</t>
  </si>
  <si>
    <t>301791.0</t>
  </si>
  <si>
    <t>33.825</t>
  </si>
  <si>
    <t>3580950.0</t>
  </si>
  <si>
    <t>2619929.0</t>
  </si>
  <si>
    <t>965679.0</t>
  </si>
  <si>
    <t>99170.0</t>
  </si>
  <si>
    <t>59149.0</t>
  </si>
  <si>
    <t>6617.0</t>
  </si>
  <si>
    <t>45676.0</t>
  </si>
  <si>
    <t>33990188.0</t>
  </si>
  <si>
    <t>287929.0</t>
  </si>
  <si>
    <t>3809.67</t>
  </si>
  <si>
    <t>32.272</t>
  </si>
  <si>
    <t>299612.0</t>
  </si>
  <si>
    <t>33.581</t>
  </si>
  <si>
    <t>190.6</t>
  </si>
  <si>
    <t>3692062.0</t>
  </si>
  <si>
    <t>2708142.0</t>
  </si>
  <si>
    <t>989505.0</t>
  </si>
  <si>
    <t>111112.0</t>
  </si>
  <si>
    <t>63239.0</t>
  </si>
  <si>
    <t>7074.0</t>
  </si>
  <si>
    <t>48505.0</t>
  </si>
  <si>
    <t>0.543</t>
  </si>
  <si>
    <t>34299962.0</t>
  </si>
  <si>
    <t>309774.0</t>
  </si>
  <si>
    <t>3844.39</t>
  </si>
  <si>
    <t>295937.0</t>
  </si>
  <si>
    <t>33.169</t>
  </si>
  <si>
    <t>201.7</t>
  </si>
  <si>
    <t>3745663.0</t>
  </si>
  <si>
    <t>2742726.0</t>
  </si>
  <si>
    <t>1009492.0</t>
  </si>
  <si>
    <t>53601.0</t>
  </si>
  <si>
    <t>64775.0</t>
  </si>
  <si>
    <t>7246.0</t>
  </si>
  <si>
    <t>48490.0</t>
  </si>
  <si>
    <t>34504177.0</t>
  </si>
  <si>
    <t>204215.0</t>
  </si>
  <si>
    <t>3867.279</t>
  </si>
  <si>
    <t>22.889</t>
  </si>
  <si>
    <t>302886.0</t>
  </si>
  <si>
    <t>33.948</t>
  </si>
  <si>
    <t>217.3</t>
  </si>
  <si>
    <t>3765023.0</t>
  </si>
  <si>
    <t>2755818.0</t>
  </si>
  <si>
    <t>1015782.0</t>
  </si>
  <si>
    <t>65104.0</t>
  </si>
  <si>
    <t>30.83</t>
  </si>
  <si>
    <t>48135.0</t>
  </si>
  <si>
    <t>8009.0</t>
  </si>
  <si>
    <t>895.899678923605</t>
  </si>
  <si>
    <t>34639633.0</t>
  </si>
  <si>
    <t>135456.0</t>
  </si>
  <si>
    <t>3882.461</t>
  </si>
  <si>
    <t>15.182</t>
  </si>
  <si>
    <t>306251.0</t>
  </si>
  <si>
    <t>34.325</t>
  </si>
  <si>
    <t>3809419.0</t>
  </si>
  <si>
    <t>2789682.0</t>
  </si>
  <si>
    <t>1027328.0</t>
  </si>
  <si>
    <t>44396.0</t>
  </si>
  <si>
    <t>67132.0</t>
  </si>
  <si>
    <t>7509.0</t>
  </si>
  <si>
    <t>50323.0</t>
  </si>
  <si>
    <t>135.912</t>
  </si>
  <si>
    <t>35003230.0</t>
  </si>
  <si>
    <t>363597.0</t>
  </si>
  <si>
    <t>3923.213</t>
  </si>
  <si>
    <t>40.752</t>
  </si>
  <si>
    <t>301134.0</t>
  </si>
  <si>
    <t>33.752</t>
  </si>
  <si>
    <t>3877027.0</t>
  </si>
  <si>
    <t>2839945.0</t>
  </si>
  <si>
    <t>1045669.0</t>
  </si>
  <si>
    <t>67608.0</t>
  </si>
  <si>
    <t>67845.0</t>
  </si>
  <si>
    <t>31.77</t>
  </si>
  <si>
    <t>7589.0</t>
  </si>
  <si>
    <t>0.576</t>
  </si>
  <si>
    <t>35383018.0</t>
  </si>
  <si>
    <t>379788.0</t>
  </si>
  <si>
    <t>3965.78</t>
  </si>
  <si>
    <t>42.567</t>
  </si>
  <si>
    <t>305727.0</t>
  </si>
  <si>
    <t>34.266</t>
  </si>
  <si>
    <t>254.9</t>
  </si>
  <si>
    <t>3979719.0</t>
  </si>
  <si>
    <t>2919306.0</t>
  </si>
  <si>
    <t>1070498.0</t>
  </si>
  <si>
    <t>71134.0</t>
  </si>
  <si>
    <t>7957.0</t>
  </si>
  <si>
    <t>54049.0</t>
  </si>
  <si>
    <t>35798712.0</t>
  </si>
  <si>
    <t>415694.0</t>
  </si>
  <si>
    <t>4012.372</t>
  </si>
  <si>
    <t>46.592</t>
  </si>
  <si>
    <t>299493.0</t>
  </si>
  <si>
    <t>33.568</t>
  </si>
  <si>
    <t>267.8</t>
  </si>
  <si>
    <t>4014999.0</t>
  </si>
  <si>
    <t>2946523.0</t>
  </si>
  <si>
    <t>1079390.0</t>
  </si>
  <si>
    <t>35280.0</t>
  </si>
  <si>
    <t>62007.0</t>
  </si>
  <si>
    <t>44.91</t>
  </si>
  <si>
    <t>32.96</t>
  </si>
  <si>
    <t>46656.0</t>
  </si>
  <si>
    <t>35939913.0</t>
  </si>
  <si>
    <t>141201.0</t>
  </si>
  <si>
    <t>4028.198</t>
  </si>
  <si>
    <t>15.826</t>
  </si>
  <si>
    <t>278532.0</t>
  </si>
  <si>
    <t>31.218</t>
  </si>
  <si>
    <t>262.4</t>
  </si>
  <si>
    <t>4107283.0</t>
  </si>
  <si>
    <t>3014936.0</t>
  </si>
  <si>
    <t>1104331.0</t>
  </si>
  <si>
    <t>92284.0</t>
  </si>
  <si>
    <t>59317.0</t>
  </si>
  <si>
    <t>45.94</t>
  </si>
  <si>
    <t>6635.0</t>
  </si>
  <si>
    <t>43828.0</t>
  </si>
  <si>
    <t>35.236</t>
  </si>
  <si>
    <t>36217595.0</t>
  </si>
  <si>
    <t>277682.0</t>
  </si>
  <si>
    <t>4059.321</t>
  </si>
  <si>
    <t>31.123</t>
  </si>
  <si>
    <t>273948.0</t>
  </si>
  <si>
    <t>30.704</t>
  </si>
  <si>
    <t>278.1</t>
  </si>
  <si>
    <t>4168828.0</t>
  </si>
  <si>
    <t>3060160.0</t>
  </si>
  <si>
    <t>1121739.0</t>
  </si>
  <si>
    <t>61545.0</t>
  </si>
  <si>
    <t>60452.0</t>
  </si>
  <si>
    <t>45348.0</t>
  </si>
  <si>
    <t>100.34</t>
  </si>
  <si>
    <t>36393075.0</t>
  </si>
  <si>
    <t>175480.0</t>
  </si>
  <si>
    <t>4078.989</t>
  </si>
  <si>
    <t>19.668</t>
  </si>
  <si>
    <t>269843.0</t>
  </si>
  <si>
    <t>30.244</t>
  </si>
  <si>
    <t>4193609.0</t>
  </si>
  <si>
    <t>3078258.0</t>
  </si>
  <si>
    <t>1129155.0</t>
  </si>
  <si>
    <t>24781.0</t>
  </si>
  <si>
    <t>61227.0</t>
  </si>
  <si>
    <t>12.63</t>
  </si>
  <si>
    <t>6849.0</t>
  </si>
  <si>
    <t>46063.0</t>
  </si>
  <si>
    <t>8145.0</t>
  </si>
  <si>
    <t>911.112858638127</t>
  </si>
  <si>
    <t>36531447.0</t>
  </si>
  <si>
    <t>138372.0</t>
  </si>
  <si>
    <t>4094.498</t>
  </si>
  <si>
    <t>15.509</t>
  </si>
  <si>
    <t>270259.0</t>
  </si>
  <si>
    <t>30.291</t>
  </si>
  <si>
    <t>315.3</t>
  </si>
  <si>
    <t>4242173.0</t>
  </si>
  <si>
    <t>3109519.0</t>
  </si>
  <si>
    <t>1148242.0</t>
  </si>
  <si>
    <t>48564.0</t>
  </si>
  <si>
    <t>61822.0</t>
  </si>
  <si>
    <t>47.45</t>
  </si>
  <si>
    <t>6916.0</t>
  </si>
  <si>
    <t>45691.0</t>
  </si>
  <si>
    <t>36840818.0</t>
  </si>
  <si>
    <t>309371.0</t>
  </si>
  <si>
    <t>4129.173</t>
  </si>
  <si>
    <t>34.675</t>
  </si>
  <si>
    <t>262513.0</t>
  </si>
  <si>
    <t>29.423</t>
  </si>
  <si>
    <t>318.1</t>
  </si>
  <si>
    <t>4313710.0</t>
  </si>
  <si>
    <t>3154818.0</t>
  </si>
  <si>
    <t>1176579.0</t>
  </si>
  <si>
    <t>71537.0</t>
  </si>
  <si>
    <t>62383.0</t>
  </si>
  <si>
    <t>48.25</t>
  </si>
  <si>
    <t>6978.0</t>
  </si>
  <si>
    <t>44982.0</t>
  </si>
  <si>
    <t>37237382.0</t>
  </si>
  <si>
    <t>396564.0</t>
  </si>
  <si>
    <t>4173.62</t>
  </si>
  <si>
    <t>44.447</t>
  </si>
  <si>
    <t>264909.0</t>
  </si>
  <si>
    <t>29.691</t>
  </si>
  <si>
    <t>4421544.0</t>
  </si>
  <si>
    <t>3230371.0</t>
  </si>
  <si>
    <t>1210884.0</t>
  </si>
  <si>
    <t>107834.0</t>
  </si>
  <si>
    <t>63118.0</t>
  </si>
  <si>
    <t>7060.0</t>
  </si>
  <si>
    <t>44438.0</t>
  </si>
  <si>
    <t>37626034.0</t>
  </si>
  <si>
    <t>388652.0</t>
  </si>
  <si>
    <t>4217.181</t>
  </si>
  <si>
    <t>43.561</t>
  </si>
  <si>
    <t>261046.0</t>
  </si>
  <si>
    <t>29.258</t>
  </si>
  <si>
    <t>353.2</t>
  </si>
  <si>
    <t>4534996.0</t>
  </si>
  <si>
    <t>3308319.0</t>
  </si>
  <si>
    <t>1248238.0</t>
  </si>
  <si>
    <t>113452.0</t>
  </si>
  <si>
    <t>74285.0</t>
  </si>
  <si>
    <t>50.73</t>
  </si>
  <si>
    <t>37.01</t>
  </si>
  <si>
    <t>8310.0</t>
  </si>
  <si>
    <t>51685.0</t>
  </si>
  <si>
    <t>38050186.0</t>
  </si>
  <si>
    <t>424152.0</t>
  </si>
  <si>
    <t>4264.72</t>
  </si>
  <si>
    <t>47.54</t>
  </si>
  <si>
    <t>301468.0</t>
  </si>
  <si>
    <t>33.789</t>
  </si>
  <si>
    <t>440.8</t>
  </si>
  <si>
    <t>4649138.0</t>
  </si>
  <si>
    <t>3382858.0</t>
  </si>
  <si>
    <t>1290801.0</t>
  </si>
  <si>
    <t>114142.0</t>
  </si>
  <si>
    <t>77408.0</t>
  </si>
  <si>
    <t>52560.0</t>
  </si>
  <si>
    <t>38529537.0</t>
  </si>
  <si>
    <t>479351.0</t>
  </si>
  <si>
    <t>4318.447</t>
  </si>
  <si>
    <t>53.726</t>
  </si>
  <si>
    <t>330277.0</t>
  </si>
  <si>
    <t>37.018</t>
  </si>
  <si>
    <t>4709824.0</t>
  </si>
  <si>
    <t>3423165.0</t>
  </si>
  <si>
    <t>1311503.0</t>
  </si>
  <si>
    <t>60686.0</t>
  </si>
  <si>
    <t>77285.0</t>
  </si>
  <si>
    <t>52.68</t>
  </si>
  <si>
    <t>38.29</t>
  </si>
  <si>
    <t>51858.0</t>
  </si>
  <si>
    <t>69.69</t>
  </si>
  <si>
    <t>38877709.0</t>
  </si>
  <si>
    <t>348172.0</t>
  </si>
  <si>
    <t>4357.47</t>
  </si>
  <si>
    <t>39.024</t>
  </si>
  <si>
    <t>354948.0</t>
  </si>
  <si>
    <t>39.783</t>
  </si>
  <si>
    <t>548.7</t>
  </si>
  <si>
    <t>4740022.0</t>
  </si>
  <si>
    <t>3443037.0</t>
  </si>
  <si>
    <t>1323334.0</t>
  </si>
  <si>
    <t>30198.0</t>
  </si>
  <si>
    <t>78059.0</t>
  </si>
  <si>
    <t>53.02</t>
  </si>
  <si>
    <t>8732.0</t>
  </si>
  <si>
    <t>52111.0</t>
  </si>
  <si>
    <t>8176.4</t>
  </si>
  <si>
    <t>914.625313366333</t>
  </si>
  <si>
    <t>39089224.0</t>
  </si>
  <si>
    <t>211515.0</t>
  </si>
  <si>
    <t>4381.177</t>
  </si>
  <si>
    <t>23.707</t>
  </si>
  <si>
    <t>365397.0</t>
  </si>
  <si>
    <t>40.954</t>
  </si>
  <si>
    <t>587.5</t>
  </si>
  <si>
    <t>4765860.0</t>
  </si>
  <si>
    <t>3455658.0</t>
  </si>
  <si>
    <t>1336714.0</t>
  </si>
  <si>
    <t>74812.0</t>
  </si>
  <si>
    <t>53.31</t>
  </si>
  <si>
    <t>38.66</t>
  </si>
  <si>
    <t>14.95</t>
  </si>
  <si>
    <t>8369.0</t>
  </si>
  <si>
    <t>49448.0</t>
  </si>
  <si>
    <t>24.61</t>
  </si>
  <si>
    <t>67.453</t>
  </si>
  <si>
    <t>39471518.0</t>
  </si>
  <si>
    <t>382294.0</t>
  </si>
  <si>
    <t>4424.025</t>
  </si>
  <si>
    <t>42.848</t>
  </si>
  <si>
    <t>375814.0</t>
  </si>
  <si>
    <t>42.122</t>
  </si>
  <si>
    <t>629.1</t>
  </si>
  <si>
    <t>4822367.0</t>
  </si>
  <si>
    <t>3494391.0</t>
  </si>
  <si>
    <t>1356084.0</t>
  </si>
  <si>
    <t>56507.0</t>
  </si>
  <si>
    <t>72665.0</t>
  </si>
  <si>
    <t>53.94</t>
  </si>
  <si>
    <t>39.09</t>
  </si>
  <si>
    <t>48510.0</t>
  </si>
  <si>
    <t>22.149</t>
  </si>
  <si>
    <t>39914510.0</t>
  </si>
  <si>
    <t>442992.0</t>
  </si>
  <si>
    <t>4473.677</t>
  </si>
  <si>
    <t>49.651</t>
  </si>
  <si>
    <t>382447.0</t>
  </si>
  <si>
    <t>42.865</t>
  </si>
  <si>
    <t>677.8</t>
  </si>
  <si>
    <t>4917223.0</t>
  </si>
  <si>
    <t>3544279.0</t>
  </si>
  <si>
    <t>1402730.0</t>
  </si>
  <si>
    <t>94856.0</t>
  </si>
  <si>
    <t>70811.0</t>
  </si>
  <si>
    <t>39.65</t>
  </si>
  <si>
    <t>15.69</t>
  </si>
  <si>
    <t>7921.0</t>
  </si>
  <si>
    <t>44844.0</t>
  </si>
  <si>
    <t>40456838.0</t>
  </si>
  <si>
    <t>542328.0</t>
  </si>
  <si>
    <t>4534.462</t>
  </si>
  <si>
    <t>60.785</t>
  </si>
  <si>
    <t>404401.0</t>
  </si>
  <si>
    <t>45.326</t>
  </si>
  <si>
    <t>788.5</t>
  </si>
  <si>
    <t>5018530.0</t>
  </si>
  <si>
    <t>3600026.0</t>
  </si>
  <si>
    <t>1451070.0</t>
  </si>
  <si>
    <t>101307.0</t>
  </si>
  <si>
    <t>69076.0</t>
  </si>
  <si>
    <t>56.14</t>
  </si>
  <si>
    <t>16.23</t>
  </si>
  <si>
    <t>7727.0</t>
  </si>
  <si>
    <t>41672.0</t>
  </si>
  <si>
    <t>19.128</t>
  </si>
  <si>
    <t>40789126.0</t>
  </si>
  <si>
    <t>332288.0</t>
  </si>
  <si>
    <t>4571.705</t>
  </si>
  <si>
    <t>37.243</t>
  </si>
  <si>
    <t>391277.0</t>
  </si>
  <si>
    <t>43.855</t>
  </si>
  <si>
    <t>763.6</t>
  </si>
  <si>
    <t>5131146.0</t>
  </si>
  <si>
    <t>3660506.0</t>
  </si>
  <si>
    <t>1509041.0</t>
  </si>
  <si>
    <t>112616.0</t>
  </si>
  <si>
    <t>68858.0</t>
  </si>
  <si>
    <t>7703.0</t>
  </si>
  <si>
    <t>39664.0</t>
  </si>
  <si>
    <t>41224239.0</t>
  </si>
  <si>
    <t>435113.0</t>
  </si>
  <si>
    <t>4620.473</t>
  </si>
  <si>
    <t>48.768</t>
  </si>
  <si>
    <t>384957.0</t>
  </si>
  <si>
    <t>43.147</t>
  </si>
  <si>
    <t>778.1</t>
  </si>
  <si>
    <t>5195021.0</t>
  </si>
  <si>
    <t>3686437.0</t>
  </si>
  <si>
    <t>1547410.0</t>
  </si>
  <si>
    <t>63875.0</t>
  </si>
  <si>
    <t>69314.0</t>
  </si>
  <si>
    <t>41.24</t>
  </si>
  <si>
    <t>37610.0</t>
  </si>
  <si>
    <t>0.421</t>
  </si>
  <si>
    <t>41563724.0</t>
  </si>
  <si>
    <t>339485.0</t>
  </si>
  <si>
    <t>4658.523</t>
  </si>
  <si>
    <t>38.05</t>
  </si>
  <si>
    <t>383716.0</t>
  </si>
  <si>
    <t>43.007</t>
  </si>
  <si>
    <t>809.5</t>
  </si>
  <si>
    <t>5233886.0</t>
  </si>
  <si>
    <t>3700769.0</t>
  </si>
  <si>
    <t>1572002.0</t>
  </si>
  <si>
    <t>38865.0</t>
  </si>
  <si>
    <t>70552.0</t>
  </si>
  <si>
    <t>58.55</t>
  </si>
  <si>
    <t>7892.0</t>
  </si>
  <si>
    <t>8215.2</t>
  </si>
  <si>
    <t>918.965544049594</t>
  </si>
  <si>
    <t>45.863</t>
  </si>
  <si>
    <t>41776209.0</t>
  </si>
  <si>
    <t>212485.0</t>
  </si>
  <si>
    <t>4682.339</t>
  </si>
  <si>
    <t>23.816</t>
  </si>
  <si>
    <t>383855.0</t>
  </si>
  <si>
    <t>43.023</t>
  </si>
  <si>
    <t>841.3</t>
  </si>
  <si>
    <t>5279023.0</t>
  </si>
  <si>
    <t>3723136.0</t>
  </si>
  <si>
    <t>1597783.0</t>
  </si>
  <si>
    <t>45137.0</t>
  </si>
  <si>
    <t>73309.0</t>
  </si>
  <si>
    <t>59.05</t>
  </si>
  <si>
    <t>41.65</t>
  </si>
  <si>
    <t>38211.0</t>
  </si>
  <si>
    <t>42122549.0</t>
  </si>
  <si>
    <t>346340.0</t>
  </si>
  <si>
    <t>4721.157</t>
  </si>
  <si>
    <t>38.818</t>
  </si>
  <si>
    <t>378719.0</t>
  </si>
  <si>
    <t>42.447</t>
  </si>
  <si>
    <t>835.5</t>
  </si>
  <si>
    <t>5371930.0</t>
  </si>
  <si>
    <t>3780161.0</t>
  </si>
  <si>
    <t>1639646.0</t>
  </si>
  <si>
    <t>92907.0</t>
  </si>
  <si>
    <t>78509.0</t>
  </si>
  <si>
    <t>60.09</t>
  </si>
  <si>
    <t>42.29</t>
  </si>
  <si>
    <t>8782.0</t>
  </si>
  <si>
    <t>40824.0</t>
  </si>
  <si>
    <t>44.968</t>
  </si>
  <si>
    <t>43048076.0</t>
  </si>
  <si>
    <t>925527.0</t>
  </si>
  <si>
    <t>4824.891</t>
  </si>
  <si>
    <t>103.734</t>
  </si>
  <si>
    <t>447652.0</t>
  </si>
  <si>
    <t>50.173</t>
  </si>
  <si>
    <t>1002.4</t>
  </si>
  <si>
    <t>5517638.0</t>
  </si>
  <si>
    <t>3859051.0</t>
  </si>
  <si>
    <t>1713484.0</t>
  </si>
  <si>
    <t>145708.0</t>
  </si>
  <si>
    <t>85774.0</t>
  </si>
  <si>
    <t>61.72</t>
  </si>
  <si>
    <t>43.17</t>
  </si>
  <si>
    <t>44967.0</t>
  </si>
  <si>
    <t>43729103.0</t>
  </si>
  <si>
    <t>681027.0</t>
  </si>
  <si>
    <t>4901.222</t>
  </si>
  <si>
    <t>76.331</t>
  </si>
  <si>
    <t>467466.0</t>
  </si>
  <si>
    <t>52.394</t>
  </si>
  <si>
    <t>1045.5</t>
  </si>
  <si>
    <t>5587972.0</t>
  </si>
  <si>
    <t>3890906.0</t>
  </si>
  <si>
    <t>1753020.0</t>
  </si>
  <si>
    <t>70334.0</t>
  </si>
  <si>
    <t>81349.0</t>
  </si>
  <si>
    <t>43.52</t>
  </si>
  <si>
    <t>19.61</t>
  </si>
  <si>
    <t>9100.0</t>
  </si>
  <si>
    <t>41554.0</t>
  </si>
  <si>
    <t>44110345.0</t>
  </si>
  <si>
    <t>381242.0</t>
  </si>
  <si>
    <t>4943.952</t>
  </si>
  <si>
    <t>42.73</t>
  </si>
  <si>
    <t>474460.0</t>
  </si>
  <si>
    <t>53.178</t>
  </si>
  <si>
    <t>1174.4</t>
  </si>
  <si>
    <t>5700046.0</t>
  </si>
  <si>
    <t>3954760.0</t>
  </si>
  <si>
    <t>1804409.0</t>
  </si>
  <si>
    <t>112074.0</t>
  </si>
  <si>
    <t>81271.0</t>
  </si>
  <si>
    <t>63.76</t>
  </si>
  <si>
    <t>44.24</t>
  </si>
  <si>
    <t>20.18</t>
  </si>
  <si>
    <t>9091.0</t>
  </si>
  <si>
    <t>42036.0</t>
  </si>
  <si>
    <t>44858994.0</t>
  </si>
  <si>
    <t>748649.0</t>
  </si>
  <si>
    <t>5027.862</t>
  </si>
  <si>
    <t>519251.0</t>
  </si>
  <si>
    <t>58.198</t>
  </si>
  <si>
    <t>1375.8</t>
  </si>
  <si>
    <t>5764496.0</t>
  </si>
  <si>
    <t>3988982.0</t>
  </si>
  <si>
    <t>1835171.0</t>
  </si>
  <si>
    <t>64450.0</t>
  </si>
  <si>
    <t>45278379.0</t>
  </si>
  <si>
    <t>419385.0</t>
  </si>
  <si>
    <t>5074.867</t>
  </si>
  <si>
    <t>47.005</t>
  </si>
  <si>
    <t>530665.0</t>
  </si>
  <si>
    <t>59.478</t>
  </si>
  <si>
    <t>1484.7</t>
  </si>
  <si>
    <t>5818759.0</t>
  </si>
  <si>
    <t>4013371.0</t>
  </si>
  <si>
    <t>1865500.0</t>
  </si>
  <si>
    <t>54263.0</t>
  </si>
  <si>
    <t>83553.0</t>
  </si>
  <si>
    <t>65.09</t>
  </si>
  <si>
    <t>9346.0</t>
  </si>
  <si>
    <t>44657.0</t>
  </si>
  <si>
    <t>8377.2</t>
  </si>
  <si>
    <t>11.25</t>
  </si>
  <si>
    <t>937.087125768364</t>
  </si>
  <si>
    <t>45570994.0</t>
  </si>
  <si>
    <t>292615.0</t>
  </si>
  <si>
    <t>5107.664</t>
  </si>
  <si>
    <t>32.797</t>
  </si>
  <si>
    <t>542112.0</t>
  </si>
  <si>
    <t>60.761</t>
  </si>
  <si>
    <t>1553.3</t>
  </si>
  <si>
    <t>5877862.0</t>
  </si>
  <si>
    <t>4039978.0</t>
  </si>
  <si>
    <t>1900835.0</t>
  </si>
  <si>
    <t>59103.0</t>
  </si>
  <si>
    <t>85548.0</t>
  </si>
  <si>
    <t>9570.0</t>
  </si>
  <si>
    <t>45983005.0</t>
  </si>
  <si>
    <t>412011.0</t>
  </si>
  <si>
    <t>5153.842</t>
  </si>
  <si>
    <t>46.179</t>
  </si>
  <si>
    <t>551494.0</t>
  </si>
  <si>
    <t>61.812</t>
  </si>
  <si>
    <t>1591.3</t>
  </si>
  <si>
    <t>5971332.0</t>
  </si>
  <si>
    <t>4091254.0</t>
  </si>
  <si>
    <t>1947952.0</t>
  </si>
  <si>
    <t>93470.0</t>
  </si>
  <si>
    <t>85629.0</t>
  </si>
  <si>
    <t>21.79</t>
  </si>
  <si>
    <t>44442.0</t>
  </si>
  <si>
    <t>46426166.0</t>
  </si>
  <si>
    <t>443161.0</t>
  </si>
  <si>
    <t>5203.513</t>
  </si>
  <si>
    <t>482584.0</t>
  </si>
  <si>
    <t>54.089</t>
  </si>
  <si>
    <t>1423.6</t>
  </si>
  <si>
    <t>6090622.0</t>
  </si>
  <si>
    <t>4154882.0</t>
  </si>
  <si>
    <t>2008256.0</t>
  </si>
  <si>
    <t>119290.0</t>
  </si>
  <si>
    <t>81855.0</t>
  </si>
  <si>
    <t>42262.0</t>
  </si>
  <si>
    <t>39.935</t>
  </si>
  <si>
    <t>46942669.0</t>
  </si>
  <si>
    <t>516503.0</t>
  </si>
  <si>
    <t>5261.403</t>
  </si>
  <si>
    <t>57.89</t>
  </si>
  <si>
    <t>459081.0</t>
  </si>
  <si>
    <t>51.454</t>
  </si>
  <si>
    <t>1434.6</t>
  </si>
  <si>
    <t>6214285.0</t>
  </si>
  <si>
    <t>4208500.0</t>
  </si>
  <si>
    <t>2083184.0</t>
  </si>
  <si>
    <t>123663.0</t>
  </si>
  <si>
    <t>89473.0</t>
  </si>
  <si>
    <t>10009.0</t>
  </si>
  <si>
    <t>45371.0</t>
  </si>
  <si>
    <t>47268180.0</t>
  </si>
  <si>
    <t>325511.0</t>
  </si>
  <si>
    <t>5297.887</t>
  </si>
  <si>
    <t>36.484</t>
  </si>
  <si>
    <t>451119.0</t>
  </si>
  <si>
    <t>50.562</t>
  </si>
  <si>
    <t>1421.2</t>
  </si>
  <si>
    <t>6347763.0</t>
  </si>
  <si>
    <t>4265127.0</t>
  </si>
  <si>
    <t>2164332.0</t>
  </si>
  <si>
    <t>133478.0</t>
  </si>
  <si>
    <t>92531.0</t>
  </si>
  <si>
    <t>24.21</t>
  </si>
  <si>
    <t>10351.0</t>
  </si>
  <si>
    <t>44338.0</t>
  </si>
  <si>
    <t>47725434.0</t>
  </si>
  <si>
    <t>457254.0</t>
  </si>
  <si>
    <t>5349.136</t>
  </si>
  <si>
    <t>51.25</t>
  </si>
  <si>
    <t>409491.0</t>
  </si>
  <si>
    <t>45.896</t>
  </si>
  <si>
    <t>1366.3</t>
  </si>
  <si>
    <t>6418734.0</t>
  </si>
  <si>
    <t>4293715.0</t>
  </si>
  <si>
    <t>2207492.0</t>
  </si>
  <si>
    <t>70971.0</t>
  </si>
  <si>
    <t>93463.0</t>
  </si>
  <si>
    <t>24.69</t>
  </si>
  <si>
    <t>35.572</t>
  </si>
  <si>
    <t>48145979.0</t>
  </si>
  <si>
    <t>420545.0</t>
  </si>
  <si>
    <t>5396.272</t>
  </si>
  <si>
    <t>47.135</t>
  </si>
  <si>
    <t>409657.0</t>
  </si>
  <si>
    <t>45.915</t>
  </si>
  <si>
    <t>1425.2</t>
  </si>
  <si>
    <t>6457089.0</t>
  </si>
  <si>
    <t>4311241.0</t>
  </si>
  <si>
    <t>2228489.0</t>
  </si>
  <si>
    <t>38355.0</t>
  </si>
  <si>
    <t>91190.0</t>
  </si>
  <si>
    <t>48.23</t>
  </si>
  <si>
    <t>24.93</t>
  </si>
  <si>
    <t>10201.0</t>
  </si>
  <si>
    <t>42553.0</t>
  </si>
  <si>
    <t>8496.2</t>
  </si>
  <si>
    <t>8.28</t>
  </si>
  <si>
    <t>950.398658018571</t>
  </si>
  <si>
    <t>48458730.0</t>
  </si>
  <si>
    <t>312751.0</t>
  </si>
  <si>
    <t>5431.325</t>
  </si>
  <si>
    <t>35.054</t>
  </si>
  <si>
    <t>412534.0</t>
  </si>
  <si>
    <t>46.237</t>
  </si>
  <si>
    <t>1525.5</t>
  </si>
  <si>
    <t>6507329.0</t>
  </si>
  <si>
    <t>4331519.0</t>
  </si>
  <si>
    <t>2260579.0</t>
  </si>
  <si>
    <t>769.0</t>
  </si>
  <si>
    <t>50240.0</t>
  </si>
  <si>
    <t>48.45</t>
  </si>
  <si>
    <t>25.29</t>
  </si>
  <si>
    <t>10059.0</t>
  </si>
  <si>
    <t>41649.0</t>
  </si>
  <si>
    <t>48813163.0</t>
  </si>
  <si>
    <t>354433.0</t>
  </si>
  <si>
    <t>5471.051</t>
  </si>
  <si>
    <t>39.725</t>
  </si>
  <si>
    <t>404308.0</t>
  </si>
  <si>
    <t>45.315</t>
  </si>
  <si>
    <t>1679.6</t>
  </si>
  <si>
    <t>6595420.0</t>
  </si>
  <si>
    <t>4379604.0</t>
  </si>
  <si>
    <t>2303420.0</t>
  </si>
  <si>
    <t>88091.0</t>
  </si>
  <si>
    <t>89155.0</t>
  </si>
  <si>
    <t>41193.0</t>
  </si>
  <si>
    <t>31.321</t>
  </si>
  <si>
    <t>49167859.0</t>
  </si>
  <si>
    <t>354696.0</t>
  </si>
  <si>
    <t>5510.806</t>
  </si>
  <si>
    <t>39.755</t>
  </si>
  <si>
    <t>391670.0</t>
  </si>
  <si>
    <t>43.899</t>
  </si>
  <si>
    <t>1797.8</t>
  </si>
  <si>
    <t>6717820.0</t>
  </si>
  <si>
    <t>4430269.0</t>
  </si>
  <si>
    <t>2377928.0</t>
  </si>
  <si>
    <t>122400.0</t>
  </si>
  <si>
    <t>49.56</t>
  </si>
  <si>
    <t>10023.0</t>
  </si>
  <si>
    <t>39341.0</t>
  </si>
  <si>
    <t>30.314</t>
  </si>
  <si>
    <t>49693906.0</t>
  </si>
  <si>
    <t>526047.0</t>
  </si>
  <si>
    <t>5569.766</t>
  </si>
  <si>
    <t>58.96</t>
  </si>
  <si>
    <t>393034.0</t>
  </si>
  <si>
    <t>44.052</t>
  </si>
  <si>
    <t>2039.5</t>
  </si>
  <si>
    <t>6834998.0</t>
  </si>
  <si>
    <t>4473144.0</t>
  </si>
  <si>
    <t>2454886.0</t>
  </si>
  <si>
    <t>866.0</t>
  </si>
  <si>
    <t>117178.0</t>
  </si>
  <si>
    <t>88673.0</t>
  </si>
  <si>
    <t>50.04</t>
  </si>
  <si>
    <t>9919.0</t>
  </si>
  <si>
    <t>37806.0</t>
  </si>
  <si>
    <t>50183597.0</t>
  </si>
  <si>
    <t>489691.0</t>
  </si>
  <si>
    <t>5624.651</t>
  </si>
  <si>
    <t>54.885</t>
  </si>
  <si>
    <t>416488.0</t>
  </si>
  <si>
    <t>46.681</t>
  </si>
  <si>
    <t>2364.5</t>
  </si>
  <si>
    <t>6950231.0</t>
  </si>
  <si>
    <t>4516650.0</t>
  </si>
  <si>
    <t>2531149.0</t>
  </si>
  <si>
    <t>115233.0</t>
  </si>
  <si>
    <t>86067.0</t>
  </si>
  <si>
    <t>28.31</t>
  </si>
  <si>
    <t>9628.0</t>
  </si>
  <si>
    <t>35932.0</t>
  </si>
  <si>
    <t>27.63</t>
  </si>
  <si>
    <t>50663929.0</t>
  </si>
  <si>
    <t>480332.0</t>
  </si>
  <si>
    <t>5678.487</t>
  </si>
  <si>
    <t>53.836</t>
  </si>
  <si>
    <t>419785.0</t>
  </si>
  <si>
    <t>47.05</t>
  </si>
  <si>
    <t>2584.4</t>
  </si>
  <si>
    <t>7018505.0</t>
  </si>
  <si>
    <t>4547842.0</t>
  </si>
  <si>
    <t>2568530.0</t>
  </si>
  <si>
    <t>68274.0</t>
  </si>
  <si>
    <t>85682.0</t>
  </si>
  <si>
    <t>36304.0</t>
  </si>
  <si>
    <t>51082866.0</t>
  </si>
  <si>
    <t>418937.0</t>
  </si>
  <si>
    <t>5725.442</t>
  </si>
  <si>
    <t>46.955</t>
  </si>
  <si>
    <t>419555.0</t>
  </si>
  <si>
    <t>47.024</t>
  </si>
  <si>
    <t>2699.3</t>
  </si>
  <si>
    <t>7056286.0</t>
  </si>
  <si>
    <t>4567439.0</t>
  </si>
  <si>
    <t>2586858.0</t>
  </si>
  <si>
    <t>37781.0</t>
  </si>
  <si>
    <t>85600.0</t>
  </si>
  <si>
    <t>51.09</t>
  </si>
  <si>
    <t>9575.0</t>
  </si>
  <si>
    <t>8625.2</t>
  </si>
  <si>
    <t>8.78</t>
  </si>
  <si>
    <t>964.828806424257</t>
  </si>
  <si>
    <t>51457883.0</t>
  </si>
  <si>
    <t>375017.0</t>
  </si>
  <si>
    <t>5767.475</t>
  </si>
  <si>
    <t>42.032</t>
  </si>
  <si>
    <t>428450.0</t>
  </si>
  <si>
    <t>48.021</t>
  </si>
  <si>
    <t>3032.5</t>
  </si>
  <si>
    <t>7110119.0</t>
  </si>
  <si>
    <t>4588900.0</t>
  </si>
  <si>
    <t>2620788.0</t>
  </si>
  <si>
    <t>53833.0</t>
  </si>
  <si>
    <t>86113.0</t>
  </si>
  <si>
    <t>51.33</t>
  </si>
  <si>
    <t>29.32</t>
  </si>
  <si>
    <t>9633.0</t>
  </si>
  <si>
    <t>36769.0</t>
  </si>
  <si>
    <t>8.166</t>
  </si>
  <si>
    <t>27.071</t>
  </si>
  <si>
    <t>52163509.0</t>
  </si>
  <si>
    <t>705626.0</t>
  </si>
  <si>
    <t>5846.562</t>
  </si>
  <si>
    <t>79.088</t>
  </si>
  <si>
    <t>478621.0</t>
  </si>
  <si>
    <t>53.645</t>
  </si>
  <si>
    <t>3347.0</t>
  </si>
  <si>
    <t>7203685.0</t>
  </si>
  <si>
    <t>4625370.0</t>
  </si>
  <si>
    <t>2679852.0</t>
  </si>
  <si>
    <t>93566.0</t>
  </si>
  <si>
    <t>86895.0</t>
  </si>
  <si>
    <t>80.58</t>
  </si>
  <si>
    <t>51.74</t>
  </si>
  <si>
    <t>9720.0</t>
  </si>
  <si>
    <t>35109.0</t>
  </si>
  <si>
    <t>52553372.0</t>
  </si>
  <si>
    <t>389863.0</t>
  </si>
  <si>
    <t>5890.259</t>
  </si>
  <si>
    <t>43.696</t>
  </si>
  <si>
    <t>483645.0</t>
  </si>
  <si>
    <t>54.208</t>
  </si>
  <si>
    <t>3541.3</t>
  </si>
  <si>
    <t>7317655.0</t>
  </si>
  <si>
    <t>4661441.0</t>
  </si>
  <si>
    <t>2759049.0</t>
  </si>
  <si>
    <t>113970.0</t>
  </si>
  <si>
    <t>85691.0</t>
  </si>
  <si>
    <t>9586.0</t>
  </si>
  <si>
    <t>33025.0</t>
  </si>
  <si>
    <t>52844278.0</t>
  </si>
  <si>
    <t>290906.0</t>
  </si>
  <si>
    <t>5922.864</t>
  </si>
  <si>
    <t>32.605</t>
  </si>
  <si>
    <t>450053.0</t>
  </si>
  <si>
    <t>50.443</t>
  </si>
  <si>
    <t>3531.8</t>
  </si>
  <si>
    <t>7429133.0</t>
  </si>
  <si>
    <t>4695077.0</t>
  </si>
  <si>
    <t>2838697.0</t>
  </si>
  <si>
    <t>111478.0</t>
  </si>
  <si>
    <t>84876.0</t>
  </si>
  <si>
    <t>52.52</t>
  </si>
  <si>
    <t>31705.0</t>
  </si>
  <si>
    <t>21.813</t>
  </si>
  <si>
    <t>53295938.0</t>
  </si>
  <si>
    <t>451660.0</t>
  </si>
  <si>
    <t>5973.487</t>
  </si>
  <si>
    <t>50.623</t>
  </si>
  <si>
    <t>444620.0</t>
  </si>
  <si>
    <t>49.834</t>
  </si>
  <si>
    <t>3795.5</t>
  </si>
  <si>
    <t>7553704.0</t>
  </si>
  <si>
    <t>4730933.0</t>
  </si>
  <si>
    <t>2929141.0</t>
  </si>
  <si>
    <t>124571.0</t>
  </si>
  <si>
    <t>86210.0</t>
  </si>
  <si>
    <t>52.92</t>
  </si>
  <si>
    <t>9644.0</t>
  </si>
  <si>
    <t>30612.0</t>
  </si>
  <si>
    <t>53713546.0</t>
  </si>
  <si>
    <t>417608.0</t>
  </si>
  <si>
    <t>6020.293</t>
  </si>
  <si>
    <t>46.806</t>
  </si>
  <si>
    <t>435660.0</t>
  </si>
  <si>
    <t>48.829</t>
  </si>
  <si>
    <t>3826.4</t>
  </si>
  <si>
    <t>7632302.0</t>
  </si>
  <si>
    <t>4758029.0</t>
  </si>
  <si>
    <t>2980908.0</t>
  </si>
  <si>
    <t>78598.0</t>
  </si>
  <si>
    <t>87685.0</t>
  </si>
  <si>
    <t>85.38</t>
  </si>
  <si>
    <t>53.22</t>
  </si>
  <si>
    <t>9809.0</t>
  </si>
  <si>
    <t>30027.0</t>
  </si>
  <si>
    <t>54026448.0</t>
  </si>
  <si>
    <t>312902.0</t>
  </si>
  <si>
    <t>6055.363</t>
  </si>
  <si>
    <t>35.071</t>
  </si>
  <si>
    <t>420512.0</t>
  </si>
  <si>
    <t>47.132</t>
  </si>
  <si>
    <t>3847.8</t>
  </si>
  <si>
    <t>7674426.0</t>
  </si>
  <si>
    <t>4780362.0</t>
  </si>
  <si>
    <t>3000850.0</t>
  </si>
  <si>
    <t>42124.0</t>
  </si>
  <si>
    <t>88306.0</t>
  </si>
  <si>
    <t>85.85</t>
  </si>
  <si>
    <t>33.57</t>
  </si>
  <si>
    <t>9878.0</t>
  </si>
  <si>
    <t>30418.0</t>
  </si>
  <si>
    <t>8844.0</t>
  </si>
  <si>
    <t>7.07</t>
  </si>
  <si>
    <t>989.304127906151</t>
  </si>
  <si>
    <t>54454062.0</t>
  </si>
  <si>
    <t>427614.0</t>
  </si>
  <si>
    <t>6103.291</t>
  </si>
  <si>
    <t>47.928</t>
  </si>
  <si>
    <t>428026.0</t>
  </si>
  <si>
    <t>47.974</t>
  </si>
  <si>
    <t>4144.1</t>
  </si>
  <si>
    <t>7726860.0</t>
  </si>
  <si>
    <t>4797041.0</t>
  </si>
  <si>
    <t>3039689.0</t>
  </si>
  <si>
    <t>52434.0</t>
  </si>
  <si>
    <t>88106.0</t>
  </si>
  <si>
    <t>86.43</t>
  </si>
  <si>
    <t>29734.0</t>
  </si>
  <si>
    <t>6.264</t>
  </si>
  <si>
    <t>54805030.0</t>
  </si>
  <si>
    <t>350968.0</t>
  </si>
  <si>
    <t>6142.628</t>
  </si>
  <si>
    <t>39.337</t>
  </si>
  <si>
    <t>377360.0</t>
  </si>
  <si>
    <t>42.295</t>
  </si>
  <si>
    <t>3878.9</t>
  </si>
  <si>
    <t>7820848.0</t>
  </si>
  <si>
    <t>4829420.0</t>
  </si>
  <si>
    <t>3104535.0</t>
  </si>
  <si>
    <t>93988.0</t>
  </si>
  <si>
    <t>88166.0</t>
  </si>
  <si>
    <t>87.49</t>
  </si>
  <si>
    <t>54.02</t>
  </si>
  <si>
    <t>9862.0</t>
  </si>
  <si>
    <t>29150.0</t>
  </si>
  <si>
    <t>6.712</t>
  </si>
  <si>
    <t>19.24</t>
  </si>
  <si>
    <t>55096277.0</t>
  </si>
  <si>
    <t>291247.0</t>
  </si>
  <si>
    <t>6175.271</t>
  </si>
  <si>
    <t>32.643</t>
  </si>
  <si>
    <t>363272.0</t>
  </si>
  <si>
    <t>3784.1</t>
  </si>
  <si>
    <t>7937275.0</t>
  </si>
  <si>
    <t>4863603.0</t>
  </si>
  <si>
    <t>3190471.0</t>
  </si>
  <si>
    <t>116427.0</t>
  </si>
  <si>
    <t>88517.0</t>
  </si>
  <si>
    <t>9902.0</t>
  </si>
  <si>
    <t>28880.0</t>
  </si>
  <si>
    <t>5.929</t>
  </si>
  <si>
    <t>55451224.0</t>
  </si>
  <si>
    <t>354947.0</t>
  </si>
  <si>
    <t>6215.054</t>
  </si>
  <si>
    <t>372421.0</t>
  </si>
  <si>
    <t>41.741</t>
  </si>
  <si>
    <t>8056730.0</t>
  </si>
  <si>
    <t>4895550.0</t>
  </si>
  <si>
    <t>3281803.0</t>
  </si>
  <si>
    <t>119455.0</t>
  </si>
  <si>
    <t>89657.0</t>
  </si>
  <si>
    <t>10029.0</t>
  </si>
  <si>
    <t>55710614.0</t>
  </si>
  <si>
    <t>259390.0</t>
  </si>
  <si>
    <t>6244.127</t>
  </si>
  <si>
    <t>29.073</t>
  </si>
  <si>
    <t>344954.0</t>
  </si>
  <si>
    <t>38.663</t>
  </si>
  <si>
    <t>3755.3</t>
  </si>
  <si>
    <t>8172987.0</t>
  </si>
  <si>
    <t>4924380.0</t>
  </si>
  <si>
    <t>3372452.0</t>
  </si>
  <si>
    <t>116257.0</t>
  </si>
  <si>
    <t>88469.0</t>
  </si>
  <si>
    <t>91.42</t>
  </si>
  <si>
    <t>55.08</t>
  </si>
  <si>
    <t>37.72</t>
  </si>
  <si>
    <t>9896.0</t>
  </si>
  <si>
    <t>27635.0</t>
  </si>
  <si>
    <t>5.146</t>
  </si>
  <si>
    <t>56054549.0</t>
  </si>
  <si>
    <t>343935.0</t>
  </si>
  <si>
    <t>6282.676</t>
  </si>
  <si>
    <t>38.549</t>
  </si>
  <si>
    <t>334429.0</t>
  </si>
  <si>
    <t>37.483</t>
  </si>
  <si>
    <t>3640.8</t>
  </si>
  <si>
    <t>8244973.0</t>
  </si>
  <si>
    <t>4947184.0</t>
  </si>
  <si>
    <t>3424241.0</t>
  </si>
  <si>
    <t>71986.0</t>
  </si>
  <si>
    <t>87524.0</t>
  </si>
  <si>
    <t>92.23</t>
  </si>
  <si>
    <t>55.34</t>
  </si>
  <si>
    <t>27022.0</t>
  </si>
  <si>
    <t>56615814.0</t>
  </si>
  <si>
    <t>561265.0</t>
  </si>
  <si>
    <t>6345.583</t>
  </si>
  <si>
    <t>62.907</t>
  </si>
  <si>
    <t>369909.0</t>
  </si>
  <si>
    <t>41.46</t>
  </si>
  <si>
    <t>4110.1</t>
  </si>
  <si>
    <t>8300415.0</t>
  </si>
  <si>
    <t>4981876.0</t>
  </si>
  <si>
    <t>3451291.0</t>
  </si>
  <si>
    <t>55442.0</t>
  </si>
  <si>
    <t>89427.0</t>
  </si>
  <si>
    <t>92.85</t>
  </si>
  <si>
    <t>28788.0</t>
  </si>
  <si>
    <t>8922.6</t>
  </si>
  <si>
    <t>5.51</t>
  </si>
  <si>
    <t>998.09645088822</t>
  </si>
  <si>
    <t>56937916.0</t>
  </si>
  <si>
    <t>322102.0</t>
  </si>
  <si>
    <t>6381.685</t>
  </si>
  <si>
    <t>36.102</t>
  </si>
  <si>
    <t>354836.0</t>
  </si>
  <si>
    <t>39.771</t>
  </si>
  <si>
    <t>3930.1</t>
  </si>
  <si>
    <t>8347852.0</t>
  </si>
  <si>
    <t>5001092.0</t>
  </si>
  <si>
    <t>3484130.0</t>
  </si>
  <si>
    <t>1457.0</t>
  </si>
  <si>
    <t>88713.0</t>
  </si>
  <si>
    <t>93.38</t>
  </si>
  <si>
    <t>38.97</t>
  </si>
  <si>
    <t>57285297.0</t>
  </si>
  <si>
    <t>347381.0</t>
  </si>
  <si>
    <t>6420.62</t>
  </si>
  <si>
    <t>38.935</t>
  </si>
  <si>
    <t>354324.0</t>
  </si>
  <si>
    <t>39.713</t>
  </si>
  <si>
    <t>3924.5</t>
  </si>
  <si>
    <t>8431731.0</t>
  </si>
  <si>
    <t>5030360.0</t>
  </si>
  <si>
    <t>3542922.0</t>
  </si>
  <si>
    <t>87269.0</t>
  </si>
  <si>
    <t>94.32</t>
  </si>
  <si>
    <t>39.63</t>
  </si>
  <si>
    <t>9762.0</t>
  </si>
  <si>
    <t>28706.0</t>
  </si>
  <si>
    <t>57621285.0</t>
  </si>
  <si>
    <t>335988.0</t>
  </si>
  <si>
    <t>6458.278</t>
  </si>
  <si>
    <t>37.658</t>
  </si>
  <si>
    <t>360715.0</t>
  </si>
  <si>
    <t>40.429</t>
  </si>
  <si>
    <t>8527849.0</t>
  </si>
  <si>
    <t>5056696.0</t>
  </si>
  <si>
    <t>3615163.0</t>
  </si>
  <si>
    <t>96118.0</t>
  </si>
  <si>
    <t>84368.0</t>
  </si>
  <si>
    <t>95.39</t>
  </si>
  <si>
    <t>27585.0</t>
  </si>
  <si>
    <t>58003807.0</t>
  </si>
  <si>
    <t>382522.0</t>
  </si>
  <si>
    <t>6501.152</t>
  </si>
  <si>
    <t>42.874</t>
  </si>
  <si>
    <t>364655.0</t>
  </si>
  <si>
    <t>40.871</t>
  </si>
  <si>
    <t>3850.1</t>
  </si>
  <si>
    <t>8626670.0</t>
  </si>
  <si>
    <t>5083210.0</t>
  </si>
  <si>
    <t>3690303.0</t>
  </si>
  <si>
    <t>98821.0</t>
  </si>
  <si>
    <t>81420.0</t>
  </si>
  <si>
    <t>96.5</t>
  </si>
  <si>
    <t>56.86</t>
  </si>
  <si>
    <t>9108.0</t>
  </si>
  <si>
    <t>26809.0</t>
  </si>
  <si>
    <t>12.193</t>
  </si>
  <si>
    <t>58318037.0</t>
  </si>
  <si>
    <t>314230.0</t>
  </si>
  <si>
    <t>6536.371</t>
  </si>
  <si>
    <t>35.219</t>
  </si>
  <si>
    <t>372489.0</t>
  </si>
  <si>
    <t>41.749</t>
  </si>
  <si>
    <t>3566.9</t>
  </si>
  <si>
    <t>8718211.0</t>
  </si>
  <si>
    <t>5108597.0</t>
  </si>
  <si>
    <t>3761319.0</t>
  </si>
  <si>
    <t>91541.0</t>
  </si>
  <si>
    <t>77889.0</t>
  </si>
  <si>
    <t>97.52</t>
  </si>
  <si>
    <t>57.15</t>
  </si>
  <si>
    <t>42.07</t>
  </si>
  <si>
    <t>26317.0</t>
  </si>
  <si>
    <t>58731933.0</t>
  </si>
  <si>
    <t>413896.0</t>
  </si>
  <si>
    <t>6582.761</t>
  </si>
  <si>
    <t>46.39</t>
  </si>
  <si>
    <t>382483.0</t>
  </si>
  <si>
    <t>42.869</t>
  </si>
  <si>
    <t>3257.1</t>
  </si>
  <si>
    <t>8770592.0</t>
  </si>
  <si>
    <t>5121778.0</t>
  </si>
  <si>
    <t>3803193.0</t>
  </si>
  <si>
    <t>52381.0</t>
  </si>
  <si>
    <t>75088.0</t>
  </si>
  <si>
    <t>98.11</t>
  </si>
  <si>
    <t>57.29</t>
  </si>
  <si>
    <t>42.54</t>
  </si>
  <si>
    <t>59103861.0</t>
  </si>
  <si>
    <t>371928.0</t>
  </si>
  <si>
    <t>6624.447</t>
  </si>
  <si>
    <t>41.686</t>
  </si>
  <si>
    <t>355435.0</t>
  </si>
  <si>
    <t>39.838</t>
  </si>
  <si>
    <t>2776.8</t>
  </si>
  <si>
    <t>8802155.0</t>
  </si>
  <si>
    <t>5134247.0</t>
  </si>
  <si>
    <t>3825054.0</t>
  </si>
  <si>
    <t>31563.0</t>
  </si>
  <si>
    <t>71677.0</t>
  </si>
  <si>
    <t>98.46</t>
  </si>
  <si>
    <t>57.43</t>
  </si>
  <si>
    <t>21767.0</t>
  </si>
  <si>
    <t>8930.8</t>
  </si>
  <si>
    <t>999.013716135714</t>
  </si>
  <si>
    <t>3.915</t>
  </si>
  <si>
    <t>59420021.0</t>
  </si>
  <si>
    <t>316160.0</t>
  </si>
  <si>
    <t>6659.883</t>
  </si>
  <si>
    <t>35.436</t>
  </si>
  <si>
    <t>354586.0</t>
  </si>
  <si>
    <t>39.743</t>
  </si>
  <si>
    <t>2527.6</t>
  </si>
  <si>
    <t>8839496.0</t>
  </si>
  <si>
    <t>5143506.0</t>
  </si>
  <si>
    <t>3854995.0</t>
  </si>
  <si>
    <t>37341.0</t>
  </si>
  <si>
    <t>70235.0</t>
  </si>
  <si>
    <t>98.88</t>
  </si>
  <si>
    <t>43.12</t>
  </si>
  <si>
    <t>20345.0</t>
  </si>
  <si>
    <t>59766496.0</t>
  </si>
  <si>
    <t>346475.0</t>
  </si>
  <si>
    <t>6698.716</t>
  </si>
  <si>
    <t>38.833</t>
  </si>
  <si>
    <t>354457.0</t>
  </si>
  <si>
    <t>39.728</t>
  </si>
  <si>
    <t>2270.1</t>
  </si>
  <si>
    <t>8915718.0</t>
  </si>
  <si>
    <t>5165044.0</t>
  </si>
  <si>
    <t>3911471.0</t>
  </si>
  <si>
    <t>2033.0</t>
  </si>
  <si>
    <t>76222.0</t>
  </si>
  <si>
    <t>69141.0</t>
  </si>
  <si>
    <t>99.73</t>
  </si>
  <si>
    <t>43.75</t>
  </si>
  <si>
    <t>7734.0</t>
  </si>
  <si>
    <t>19241.0</t>
  </si>
  <si>
    <t>60048276.0</t>
  </si>
  <si>
    <t>281780.0</t>
  </si>
  <si>
    <t>6730.299</t>
  </si>
  <si>
    <t>31.582</t>
  </si>
  <si>
    <t>346713.0</t>
  </si>
  <si>
    <t>1965.2</t>
  </si>
  <si>
    <t>8998701.0</t>
  </si>
  <si>
    <t>5182147.0</t>
  </si>
  <si>
    <t>3979433.0</t>
  </si>
  <si>
    <t>82983.0</t>
  </si>
  <si>
    <t>67265.0</t>
  </si>
  <si>
    <t>100.66</t>
  </si>
  <si>
    <t>57.97</t>
  </si>
  <si>
    <t>44.51</t>
  </si>
  <si>
    <t>7524.0</t>
  </si>
  <si>
    <t>17922.0</t>
  </si>
  <si>
    <t>60777719.0</t>
  </si>
  <si>
    <t>729443.0</t>
  </si>
  <si>
    <t>6812.056</t>
  </si>
  <si>
    <t>81.757</t>
  </si>
  <si>
    <t>396273.0</t>
  </si>
  <si>
    <t>44.415</t>
  </si>
  <si>
    <t>2008.6</t>
  </si>
  <si>
    <t>9064302.0</t>
  </si>
  <si>
    <t>5200880.0</t>
  </si>
  <si>
    <t>4028944.0</t>
  </si>
  <si>
    <t>65601.0</t>
  </si>
  <si>
    <t>62519.0</t>
  </si>
  <si>
    <t>101.39</t>
  </si>
  <si>
    <t>58.18</t>
  </si>
  <si>
    <t>45.07</t>
  </si>
  <si>
    <t>61120263.0</t>
  </si>
  <si>
    <t>342544.0</t>
  </si>
  <si>
    <t>6850.448</t>
  </si>
  <si>
    <t>38.393</t>
  </si>
  <si>
    <t>400318.0</t>
  </si>
  <si>
    <t>44.868</t>
  </si>
  <si>
    <t>1825.6</t>
  </si>
  <si>
    <t>9147162.0</t>
  </si>
  <si>
    <t>5220223.0</t>
  </si>
  <si>
    <t>4095485.0</t>
  </si>
  <si>
    <t>61279.0</t>
  </si>
  <si>
    <t>102.32</t>
  </si>
  <si>
    <t>15947.0</t>
  </si>
  <si>
    <t>61529534.0</t>
  </si>
  <si>
    <t>409271.0</t>
  </si>
  <si>
    <t>6896.32</t>
  </si>
  <si>
    <t>45.872</t>
  </si>
  <si>
    <t>399657.0</t>
  </si>
  <si>
    <t>44.794</t>
  </si>
  <si>
    <t>1657.3</t>
  </si>
  <si>
    <t>9199283.0</t>
  </si>
  <si>
    <t>5237957.0</t>
  </si>
  <si>
    <t>4136203.0</t>
  </si>
  <si>
    <t>52121.0</t>
  </si>
  <si>
    <t>58.59</t>
  </si>
  <si>
    <t>46.27</t>
  </si>
  <si>
    <t>61897934.0</t>
  </si>
  <si>
    <t>368400.0</t>
  </si>
  <si>
    <t>6937.611</t>
  </si>
  <si>
    <t>41.291</t>
  </si>
  <si>
    <t>399153.0</t>
  </si>
  <si>
    <t>44.738</t>
  </si>
  <si>
    <t>1439.5</t>
  </si>
  <si>
    <t>9228016.0</t>
  </si>
  <si>
    <t>5245398.0</t>
  </si>
  <si>
    <t>4159007.0</t>
  </si>
  <si>
    <t>28733.0</t>
  </si>
  <si>
    <t>60837.0</t>
  </si>
  <si>
    <t>58.68</t>
  </si>
  <si>
    <t>46.52</t>
  </si>
  <si>
    <t>8981.8</t>
  </si>
  <si>
    <t>1004.71865852866</t>
  </si>
  <si>
    <t>3.691</t>
  </si>
  <si>
    <t>62160444.0</t>
  </si>
  <si>
    <t>262510.0</t>
  </si>
  <si>
    <t>6967.033</t>
  </si>
  <si>
    <t>391489.0</t>
  </si>
  <si>
    <t>43.879</t>
  </si>
  <si>
    <t>1290.8</t>
  </si>
  <si>
    <t>9260667.0</t>
  </si>
  <si>
    <t>5257250.0</t>
  </si>
  <si>
    <t>4181220.0</t>
  </si>
  <si>
    <t>32651.0</t>
  </si>
  <si>
    <t>60167.0</t>
  </si>
  <si>
    <t>103.59</t>
  </si>
  <si>
    <t>58.81</t>
  </si>
  <si>
    <t>46.77</t>
  </si>
  <si>
    <t>16249.0</t>
  </si>
  <si>
    <t>4.474</t>
  </si>
  <si>
    <t>62606905.0</t>
  </si>
  <si>
    <t>446461.0</t>
  </si>
  <si>
    <t>7017.073</t>
  </si>
  <si>
    <t>405773.0</t>
  </si>
  <si>
    <t>45.48</t>
  </si>
  <si>
    <t>1288.8</t>
  </si>
  <si>
    <t>9309138.0</t>
  </si>
  <si>
    <t>5270290.0</t>
  </si>
  <si>
    <t>4218236.0</t>
  </si>
  <si>
    <t>48471.0</t>
  </si>
  <si>
    <t>56203.0</t>
  </si>
  <si>
    <t>104.13</t>
  </si>
  <si>
    <t>58.95</t>
  </si>
  <si>
    <t>62918128.0</t>
  </si>
  <si>
    <t>311223.0</t>
  </si>
  <si>
    <t>7051.956</t>
  </si>
  <si>
    <t>34.882</t>
  </si>
  <si>
    <t>409979.0</t>
  </si>
  <si>
    <t>45.951</t>
  </si>
  <si>
    <t>1250.5</t>
  </si>
  <si>
    <t>9377745.0</t>
  </si>
  <si>
    <t>5282662.0</t>
  </si>
  <si>
    <t>4276608.0</t>
  </si>
  <si>
    <t>68607.0</t>
  </si>
  <si>
    <t>54149.0</t>
  </si>
  <si>
    <t>59.09</t>
  </si>
  <si>
    <t>47.84</t>
  </si>
  <si>
    <t>6057.0</t>
  </si>
  <si>
    <t>14359.0</t>
  </si>
  <si>
    <t>63257889.0</t>
  </si>
  <si>
    <t>339761.0</t>
  </si>
  <si>
    <t>7090.037</t>
  </si>
  <si>
    <t>38.081</t>
  </si>
  <si>
    <t>354310.0</t>
  </si>
  <si>
    <t>39.712</t>
  </si>
  <si>
    <t>1039.9</t>
  </si>
  <si>
    <t>9448433.0</t>
  </si>
  <si>
    <t>5301346.0</t>
  </si>
  <si>
    <t>4331910.0</t>
  </si>
  <si>
    <t>70688.0</t>
  </si>
  <si>
    <t>105.69</t>
  </si>
  <si>
    <t>48.46</t>
  </si>
  <si>
    <t>14352.0</t>
  </si>
  <si>
    <t>63571450.0</t>
  </si>
  <si>
    <t>313561.0</t>
  </si>
  <si>
    <t>7125.181</t>
  </si>
  <si>
    <t>35.144</t>
  </si>
  <si>
    <t>350170.0</t>
  </si>
  <si>
    <t>39.248</t>
  </si>
  <si>
    <t>979.7</t>
  </si>
  <si>
    <t>9521098.0</t>
  </si>
  <si>
    <t>5318719.0</t>
  </si>
  <si>
    <t>4389935.0</t>
  </si>
  <si>
    <t>53419.0</t>
  </si>
  <si>
    <t>106.5</t>
  </si>
  <si>
    <t>14071.0</t>
  </si>
  <si>
    <t>63971146.0</t>
  </si>
  <si>
    <t>399696.0</t>
  </si>
  <si>
    <t>7169.98</t>
  </si>
  <si>
    <t>44.799</t>
  </si>
  <si>
    <t>348802.0</t>
  </si>
  <si>
    <t>39.094</t>
  </si>
  <si>
    <t>949.7</t>
  </si>
  <si>
    <t>9572996.0</t>
  </si>
  <si>
    <t>5330557.0</t>
  </si>
  <si>
    <t>4433562.0</t>
  </si>
  <si>
    <t>2876.0</t>
  </si>
  <si>
    <t>51898.0</t>
  </si>
  <si>
    <t>53388.0</t>
  </si>
  <si>
    <t>107.09</t>
  </si>
  <si>
    <t>49.59</t>
  </si>
  <si>
    <t>5972.0</t>
  </si>
  <si>
    <t>13229.0</t>
  </si>
  <si>
    <t>64337233.0</t>
  </si>
  <si>
    <t>366087.0</t>
  </si>
  <si>
    <t>7211.011</t>
  </si>
  <si>
    <t>41.032</t>
  </si>
  <si>
    <t>348471.0</t>
  </si>
  <si>
    <t>39.057</t>
  </si>
  <si>
    <t>982.8</t>
  </si>
  <si>
    <t>9601837.0</t>
  </si>
  <si>
    <t>5337370.0</t>
  </si>
  <si>
    <t>4457438.0</t>
  </si>
  <si>
    <t>28841.0</t>
  </si>
  <si>
    <t>53403.0</t>
  </si>
  <si>
    <t>107.41</t>
  </si>
  <si>
    <t>49.86</t>
  </si>
  <si>
    <t>5974.0</t>
  </si>
  <si>
    <t>13139.0</t>
  </si>
  <si>
    <t>9060.4</t>
  </si>
  <si>
    <t>6.93</t>
  </si>
  <si>
    <t>1013.51098151073</t>
  </si>
  <si>
    <t>64601940.0</t>
  </si>
  <si>
    <t>264707.0</t>
  </si>
  <si>
    <t>7240.68</t>
  </si>
  <si>
    <t>29.669</t>
  </si>
  <si>
    <t>348785.0</t>
  </si>
  <si>
    <t>39.092</t>
  </si>
  <si>
    <t>988.1</t>
  </si>
  <si>
    <t>9633399.0</t>
  </si>
  <si>
    <t>5346690.0</t>
  </si>
  <si>
    <t>4481092.0</t>
  </si>
  <si>
    <t>31562.0</t>
  </si>
  <si>
    <t>53247.0</t>
  </si>
  <si>
    <t>59.81</t>
  </si>
  <si>
    <t>50.13</t>
  </si>
  <si>
    <t>5956.0</t>
  </si>
  <si>
    <t>12777.0</t>
  </si>
  <si>
    <t>64955816.0</t>
  </si>
  <si>
    <t>353876.0</t>
  </si>
  <si>
    <t>7280.343</t>
  </si>
  <si>
    <t>39.663</t>
  </si>
  <si>
    <t>335559.0</t>
  </si>
  <si>
    <t>37.61</t>
  </si>
  <si>
    <t>931.4</t>
  </si>
  <si>
    <t>9688425.0</t>
  </si>
  <si>
    <t>5354854.0</t>
  </si>
  <si>
    <t>4529377.0</t>
  </si>
  <si>
    <t>55026.0</t>
  </si>
  <si>
    <t>54184.0</t>
  </si>
  <si>
    <t>108.38</t>
  </si>
  <si>
    <t>59.9</t>
  </si>
  <si>
    <t>50.67</t>
  </si>
  <si>
    <t>65381760.0</t>
  </si>
  <si>
    <t>425944.0</t>
  </si>
  <si>
    <t>7328.083</t>
  </si>
  <si>
    <t>351947.0</t>
  </si>
  <si>
    <t>39.447</t>
  </si>
  <si>
    <t>965.7</t>
  </si>
  <si>
    <t>9745831.0</t>
  </si>
  <si>
    <t>5363803.0</t>
  </si>
  <si>
    <t>4579447.0</t>
  </si>
  <si>
    <t>57406.0</t>
  </si>
  <si>
    <t>52584.0</t>
  </si>
  <si>
    <t>109.02</t>
  </si>
  <si>
    <t>51.23</t>
  </si>
  <si>
    <t>5882.0</t>
  </si>
  <si>
    <t>65725061.0</t>
  </si>
  <si>
    <t>343301.0</t>
  </si>
  <si>
    <t>7366.561</t>
  </si>
  <si>
    <t>38.478</t>
  </si>
  <si>
    <t>352453.0</t>
  </si>
  <si>
    <t>39.503</t>
  </si>
  <si>
    <t>902.1</t>
  </si>
  <si>
    <t>9791703.0</t>
  </si>
  <si>
    <t>5373493.0</t>
  </si>
  <si>
    <t>4617500.0</t>
  </si>
  <si>
    <t>45872.0</t>
  </si>
  <si>
    <t>49039.0</t>
  </si>
  <si>
    <t>109.53</t>
  </si>
  <si>
    <t>60.11</t>
  </si>
  <si>
    <t>10307.0</t>
  </si>
  <si>
    <t>66199742.0</t>
  </si>
  <si>
    <t>474681.0</t>
  </si>
  <si>
    <t>7419.764</t>
  </si>
  <si>
    <t>53.203</t>
  </si>
  <si>
    <t>375470.0</t>
  </si>
  <si>
    <t>42.083</t>
  </si>
  <si>
    <t>9848744.0</t>
  </si>
  <si>
    <t>5385739.0</t>
  </si>
  <si>
    <t>4665736.0</t>
  </si>
  <si>
    <t>57041.0</t>
  </si>
  <si>
    <t>46807.0</t>
  </si>
  <si>
    <t>110.17</t>
  </si>
  <si>
    <t>60.25</t>
  </si>
  <si>
    <t>9574.0</t>
  </si>
  <si>
    <t>66567305.0</t>
  </si>
  <si>
    <t>367563.0</t>
  </si>
  <si>
    <t>7460.961</t>
  </si>
  <si>
    <t>41.197</t>
  </si>
  <si>
    <t>370880.0</t>
  </si>
  <si>
    <t>41.569</t>
  </si>
  <si>
    <t>885.5</t>
  </si>
  <si>
    <t>9885041.0</t>
  </si>
  <si>
    <t>5392056.0</t>
  </si>
  <si>
    <t>4697308.0</t>
  </si>
  <si>
    <t>36297.0</t>
  </si>
  <si>
    <t>44578.0</t>
  </si>
  <si>
    <t>110.58</t>
  </si>
  <si>
    <t>60.32</t>
  </si>
  <si>
    <t>4987.0</t>
  </si>
  <si>
    <t>8786.0</t>
  </si>
  <si>
    <t>14.095</t>
  </si>
  <si>
    <t>66916743.0</t>
  </si>
  <si>
    <t>349438.0</t>
  </si>
  <si>
    <t>7500.126</t>
  </si>
  <si>
    <t>39.166</t>
  </si>
  <si>
    <t>368501.0</t>
  </si>
  <si>
    <t>41.302</t>
  </si>
  <si>
    <t>823.1</t>
  </si>
  <si>
    <t>9912678.0</t>
  </si>
  <si>
    <t>5394665.0</t>
  </si>
  <si>
    <t>4723007.0</t>
  </si>
  <si>
    <t>27637.0</t>
  </si>
  <si>
    <t>110.88</t>
  </si>
  <si>
    <t>60.35</t>
  </si>
  <si>
    <t>4967.0</t>
  </si>
  <si>
    <t>8185.0</t>
  </si>
  <si>
    <t>9076.0</t>
  </si>
  <si>
    <t>1015.25602271328</t>
  </si>
  <si>
    <t>67201912.0</t>
  </si>
  <si>
    <t>285169.0</t>
  </si>
  <si>
    <t>7532.089</t>
  </si>
  <si>
    <t>31.962</t>
  </si>
  <si>
    <t>371425.0</t>
  </si>
  <si>
    <t>805.2</t>
  </si>
  <si>
    <t>9941492.0</t>
  </si>
  <si>
    <t>5400418.0</t>
  </si>
  <si>
    <t>4747441.0</t>
  </si>
  <si>
    <t>3455.0</t>
  </si>
  <si>
    <t>28814.0</t>
  </si>
  <si>
    <t>44013.0</t>
  </si>
  <si>
    <t>111.21</t>
  </si>
  <si>
    <t>53.11</t>
  </si>
  <si>
    <t>7675.0</t>
  </si>
  <si>
    <t>67488430.0</t>
  </si>
  <si>
    <t>286518.0</t>
  </si>
  <si>
    <t>7564.202</t>
  </si>
  <si>
    <t>32.113</t>
  </si>
  <si>
    <t>361802.0</t>
  </si>
  <si>
    <t>40.551</t>
  </si>
  <si>
    <t>777.1</t>
  </si>
  <si>
    <t>9989000.0</t>
  </si>
  <si>
    <t>5409272.0</t>
  </si>
  <si>
    <t>4787946.0</t>
  </si>
  <si>
    <t>3536.0</t>
  </si>
  <si>
    <t>47508.0</t>
  </si>
  <si>
    <t>42939.0</t>
  </si>
  <si>
    <t>111.74</t>
  </si>
  <si>
    <t>60.51</t>
  </si>
  <si>
    <t>53.56</t>
  </si>
  <si>
    <t>7774.0</t>
  </si>
  <si>
    <t>67771558.0</t>
  </si>
  <si>
    <t>283128.0</t>
  </si>
  <si>
    <t>7595.935</t>
  </si>
  <si>
    <t>31.733</t>
  </si>
  <si>
    <t>341400.0</t>
  </si>
  <si>
    <t>38.265</t>
  </si>
  <si>
    <t>725.1</t>
  </si>
  <si>
    <t>10036174.0</t>
  </si>
  <si>
    <t>5419689.0</t>
  </si>
  <si>
    <t>4826577.0</t>
  </si>
  <si>
    <t>3669.0</t>
  </si>
  <si>
    <t>47174.0</t>
  </si>
  <si>
    <t>41478.0</t>
  </si>
  <si>
    <t>112.27</t>
  </si>
  <si>
    <t>14.878</t>
  </si>
  <si>
    <t>68236738.0</t>
  </si>
  <si>
    <t>465180.0</t>
  </si>
  <si>
    <t>7648.073</t>
  </si>
  <si>
    <t>52.138</t>
  </si>
  <si>
    <t>358811.0</t>
  </si>
  <si>
    <t>40.216</t>
  </si>
  <si>
    <t>751.1</t>
  </si>
  <si>
    <t>10077432.0</t>
  </si>
  <si>
    <t>5429610.0</t>
  </si>
  <si>
    <t>4860590.0</t>
  </si>
  <si>
    <t>41258.0</t>
  </si>
  <si>
    <t>40818.0</t>
  </si>
  <si>
    <t>112.73</t>
  </si>
  <si>
    <t>60.74</t>
  </si>
  <si>
    <t>4566.0</t>
  </si>
  <si>
    <t>8017.0</t>
  </si>
  <si>
    <t>3.803</t>
  </si>
  <si>
    <t>68525533.0</t>
  </si>
  <si>
    <t>288795.0</t>
  </si>
  <si>
    <t>7680.442</t>
  </si>
  <si>
    <t>32.369</t>
  </si>
  <si>
    <t>332256.0</t>
  </si>
  <si>
    <t>697.4</t>
  </si>
  <si>
    <t>10124761.0</t>
  </si>
  <si>
    <t>5439786.0</t>
  </si>
  <si>
    <t>4900697.0</t>
  </si>
  <si>
    <t>47329.0</t>
  </si>
  <si>
    <t>39431.0</t>
  </si>
  <si>
    <t>113.26</t>
  </si>
  <si>
    <t>54.82</t>
  </si>
  <si>
    <t>4411.0</t>
  </si>
  <si>
    <t>68936690.0</t>
  </si>
  <si>
    <t>411157.0</t>
  </si>
  <si>
    <t>7726.525</t>
  </si>
  <si>
    <t>46.083</t>
  </si>
  <si>
    <t>338484.0</t>
  </si>
  <si>
    <t>37.938</t>
  </si>
  <si>
    <t>695.9</t>
  </si>
  <si>
    <t>10155062.0</t>
  </si>
  <si>
    <t>5447457.0</t>
  </si>
  <si>
    <t>4926828.0</t>
  </si>
  <si>
    <t>3941.0</t>
  </si>
  <si>
    <t>30301.0</t>
  </si>
  <si>
    <t>38574.0</t>
  </si>
  <si>
    <t>55.11</t>
  </si>
  <si>
    <t>4315.0</t>
  </si>
  <si>
    <t>7914.0</t>
  </si>
  <si>
    <t>69283203.0</t>
  </si>
  <si>
    <t>346513.0</t>
  </si>
  <si>
    <t>7765.363</t>
  </si>
  <si>
    <t>38.838</t>
  </si>
  <si>
    <t>338066.0</t>
  </si>
  <si>
    <t>37.891</t>
  </si>
  <si>
    <t>689.5</t>
  </si>
  <si>
    <t>10180600.0</t>
  </si>
  <si>
    <t>5451500.0</t>
  </si>
  <si>
    <t>4949195.0</t>
  </si>
  <si>
    <t>25538.0</t>
  </si>
  <si>
    <t>113.88</t>
  </si>
  <si>
    <t>60.98</t>
  </si>
  <si>
    <t>8119.0</t>
  </si>
  <si>
    <t>9000.6</t>
  </si>
  <si>
    <t>-4.93</t>
  </si>
  <si>
    <t>1006.82165690096</t>
  </si>
  <si>
    <t>69537945.0</t>
  </si>
  <si>
    <t>254742.0</t>
  </si>
  <si>
    <t>7793.915</t>
  </si>
  <si>
    <t>333719.0</t>
  </si>
  <si>
    <t>37.404</t>
  </si>
  <si>
    <t>653.4</t>
  </si>
  <si>
    <t>10196595.0</t>
  </si>
  <si>
    <t>5455915.0</t>
  </si>
  <si>
    <t>4961974.0</t>
  </si>
  <si>
    <t>15995.0</t>
  </si>
  <si>
    <t>36443.0</t>
  </si>
  <si>
    <t>114.06</t>
  </si>
  <si>
    <t>55.51</t>
  </si>
  <si>
    <t>4077.0</t>
  </si>
  <si>
    <t>7928.0</t>
  </si>
  <si>
    <t>69844185.0</t>
  </si>
  <si>
    <t>306240.0</t>
  </si>
  <si>
    <t>7828.238</t>
  </si>
  <si>
    <t>34.324</t>
  </si>
  <si>
    <t>336536.0</t>
  </si>
  <si>
    <t>37.719</t>
  </si>
  <si>
    <t>642.8</t>
  </si>
  <si>
    <t>10237364.0</t>
  </si>
  <si>
    <t>5461718.0</t>
  </si>
  <si>
    <t>4998362.0</t>
  </si>
  <si>
    <t>40769.0</t>
  </si>
  <si>
    <t>35481.0</t>
  </si>
  <si>
    <t>114.52</t>
  </si>
  <si>
    <t>61.1</t>
  </si>
  <si>
    <t>70108599.0</t>
  </si>
  <si>
    <t>264414.0</t>
  </si>
  <si>
    <t>7857.874</t>
  </si>
  <si>
    <t>29.636</t>
  </si>
  <si>
    <t>333863.0</t>
  </si>
  <si>
    <t>602.2</t>
  </si>
  <si>
    <t>10277790.0</t>
  </si>
  <si>
    <t>5469044.0</t>
  </si>
  <si>
    <t>5032931.0</t>
  </si>
  <si>
    <t>40426.0</t>
  </si>
  <si>
    <t>34517.0</t>
  </si>
  <si>
    <t>114.97</t>
  </si>
  <si>
    <t>61.18</t>
  </si>
  <si>
    <t>70556406.0</t>
  </si>
  <si>
    <t>447807.0</t>
  </si>
  <si>
    <t>7908.065</t>
  </si>
  <si>
    <t>50.191</t>
  </si>
  <si>
    <t>331381.0</t>
  </si>
  <si>
    <t>37.142</t>
  </si>
  <si>
    <t>557.6</t>
  </si>
  <si>
    <t>10309199.0</t>
  </si>
  <si>
    <t>5476005.0</t>
  </si>
  <si>
    <t>5058848.0</t>
  </si>
  <si>
    <t>4513.0</t>
  </si>
  <si>
    <t>33110.0</t>
  </si>
  <si>
    <t>115.32</t>
  </si>
  <si>
    <t>56.59</t>
  </si>
  <si>
    <t>3704.0</t>
  </si>
  <si>
    <t>6628.0</t>
  </si>
  <si>
    <t>70836953.0</t>
  </si>
  <si>
    <t>280547.0</t>
  </si>
  <si>
    <t>7939.509</t>
  </si>
  <si>
    <t>31.444</t>
  </si>
  <si>
    <t>330203.0</t>
  </si>
  <si>
    <t>511.2</t>
  </si>
  <si>
    <t>10336206.0</t>
  </si>
  <si>
    <t>5482789.0</t>
  </si>
  <si>
    <t>5081230.0</t>
  </si>
  <si>
    <t>27007.0</t>
  </si>
  <si>
    <t>30206.0</t>
  </si>
  <si>
    <t>115.62</t>
  </si>
  <si>
    <t>61.33</t>
  </si>
  <si>
    <t>56.84</t>
  </si>
  <si>
    <t>71181744.0</t>
  </si>
  <si>
    <t>344791.0</t>
  </si>
  <si>
    <t>7978.154</t>
  </si>
  <si>
    <t>38.645</t>
  </si>
  <si>
    <t>320722.0</t>
  </si>
  <si>
    <t>35.947</t>
  </si>
  <si>
    <t>459.2</t>
  </si>
  <si>
    <t>10354931.0</t>
  </si>
  <si>
    <t>5488448.0</t>
  </si>
  <si>
    <t>5095849.0</t>
  </si>
  <si>
    <t>18725.0</t>
  </si>
  <si>
    <t>28553.0</t>
  </si>
  <si>
    <t>115.83</t>
  </si>
  <si>
    <t>61.39</t>
  </si>
  <si>
    <t>5856.0</t>
  </si>
  <si>
    <t>6.488</t>
  </si>
  <si>
    <t>71577449.0</t>
  </si>
  <si>
    <t>395705.0</t>
  </si>
  <si>
    <t>8022.505</t>
  </si>
  <si>
    <t>44.351</t>
  </si>
  <si>
    <t>327749.0</t>
  </si>
  <si>
    <t>36.735</t>
  </si>
  <si>
    <t>435.4</t>
  </si>
  <si>
    <t>10364311.0</t>
  </si>
  <si>
    <t>5490514.0</t>
  </si>
  <si>
    <t>5103873.0</t>
  </si>
  <si>
    <t>26244.0</t>
  </si>
  <si>
    <t>57.09</t>
  </si>
  <si>
    <t>9169.8</t>
  </si>
  <si>
    <t>6.78</t>
  </si>
  <si>
    <t>1025.74864225168</t>
  </si>
  <si>
    <t>28.748</t>
  </si>
  <si>
    <t>71867850.0</t>
  </si>
  <si>
    <t>290401.0</t>
  </si>
  <si>
    <t>8055.054</t>
  </si>
  <si>
    <t>32.549</t>
  </si>
  <si>
    <t>332844.0</t>
  </si>
  <si>
    <t>37.306</t>
  </si>
  <si>
    <t>420.6</t>
  </si>
  <si>
    <t>10388191.0</t>
  </si>
  <si>
    <t>5495005.0</t>
  </si>
  <si>
    <t>5124402.0</t>
  </si>
  <si>
    <t>4800.0</t>
  </si>
  <si>
    <t>23880.0</t>
  </si>
  <si>
    <t>27371.0</t>
  </si>
  <si>
    <t>116.2</t>
  </si>
  <si>
    <t>61.47</t>
  </si>
  <si>
    <t>57.32</t>
  </si>
  <si>
    <t>30.65</t>
  </si>
  <si>
    <t>72155255.0</t>
  </si>
  <si>
    <t>287405.0</t>
  </si>
  <si>
    <t>8087.267</t>
  </si>
  <si>
    <t>32.213</t>
  </si>
  <si>
    <t>330153.0</t>
  </si>
  <si>
    <t>37.004</t>
  </si>
  <si>
    <t>391.7</t>
  </si>
  <si>
    <t>10413798.0</t>
  </si>
  <si>
    <t>5501659.0</t>
  </si>
  <si>
    <t>5145026.0</t>
  </si>
  <si>
    <t>25205.0</t>
  </si>
  <si>
    <t>116.49</t>
  </si>
  <si>
    <t>32.216</t>
  </si>
  <si>
    <t>72424887.0</t>
  </si>
  <si>
    <t>269632.0</t>
  </si>
  <si>
    <t>8117.487</t>
  </si>
  <si>
    <t>30.221</t>
  </si>
  <si>
    <t>330898.0</t>
  </si>
  <si>
    <t>37.088</t>
  </si>
  <si>
    <t>376.2</t>
  </si>
  <si>
    <t>10439992.0</t>
  </si>
  <si>
    <t>5509034.0</t>
  </si>
  <si>
    <t>5165412.0</t>
  </si>
  <si>
    <t>26194.0</t>
  </si>
  <si>
    <t>23172.0</t>
  </si>
  <si>
    <t>116.78</t>
  </si>
  <si>
    <t>32.104</t>
  </si>
  <si>
    <t>72867745.0</t>
  </si>
  <si>
    <t>442858.0</t>
  </si>
  <si>
    <t>8167.123</t>
  </si>
  <si>
    <t>49.636</t>
  </si>
  <si>
    <t>330191.0</t>
  </si>
  <si>
    <t>37.008</t>
  </si>
  <si>
    <t>355.8</t>
  </si>
  <si>
    <t>10465774.0</t>
  </si>
  <si>
    <t>5516702.0</t>
  </si>
  <si>
    <t>5185459.0</t>
  </si>
  <si>
    <t>25782.0</t>
  </si>
  <si>
    <t>22368.0</t>
  </si>
  <si>
    <t>117.07</t>
  </si>
  <si>
    <t>61.71</t>
  </si>
  <si>
    <t>73136356.0</t>
  </si>
  <si>
    <t>268611.0</t>
  </si>
  <si>
    <t>8197.23</t>
  </si>
  <si>
    <t>30.106</t>
  </si>
  <si>
    <t>328486.0</t>
  </si>
  <si>
    <t>36.817</t>
  </si>
  <si>
    <t>331.9</t>
  </si>
  <si>
    <t>10492341.0</t>
  </si>
  <si>
    <t>5526047.0</t>
  </si>
  <si>
    <t>5205670.0</t>
  </si>
  <si>
    <t>22305.0</t>
  </si>
  <si>
    <t>117.37</t>
  </si>
  <si>
    <t>61.82</t>
  </si>
  <si>
    <t>73502548.0</t>
  </si>
  <si>
    <t>366192.0</t>
  </si>
  <si>
    <t>8238.273</t>
  </si>
  <si>
    <t>41.043</t>
  </si>
  <si>
    <t>331543.0</t>
  </si>
  <si>
    <t>319.1</t>
  </si>
  <si>
    <t>10509395.0</t>
  </si>
  <si>
    <t>5532992.0</t>
  </si>
  <si>
    <t>5218591.0</t>
  </si>
  <si>
    <t>22066.0</t>
  </si>
  <si>
    <t>61.89</t>
  </si>
  <si>
    <t>73832634.0</t>
  </si>
  <si>
    <t>330086.0</t>
  </si>
  <si>
    <t>8275.27</t>
  </si>
  <si>
    <t>36.997</t>
  </si>
  <si>
    <t>322169.0</t>
  </si>
  <si>
    <t>36.109</t>
  </si>
  <si>
    <t>296.4</t>
  </si>
  <si>
    <t>10517322.0</t>
  </si>
  <si>
    <t>5536533.0</t>
  </si>
  <si>
    <t>5223703.0</t>
  </si>
  <si>
    <t>5631.0</t>
  </si>
  <si>
    <t>7927.0</t>
  </si>
  <si>
    <t>21859.0</t>
  </si>
  <si>
    <t>117.65</t>
  </si>
  <si>
    <t>58.43</t>
  </si>
  <si>
    <t>2445.0</t>
  </si>
  <si>
    <t>9304.6</t>
  </si>
  <si>
    <t>1040.82758802754</t>
  </si>
  <si>
    <t>74116688.0</t>
  </si>
  <si>
    <t>284054.0</t>
  </si>
  <si>
    <t>8307.107</t>
  </si>
  <si>
    <t>31.837</t>
  </si>
  <si>
    <t>321263.0</t>
  </si>
  <si>
    <t>36.008</t>
  </si>
  <si>
    <t>285.3</t>
  </si>
  <si>
    <t>10526586.0</t>
  </si>
  <si>
    <t>5540202.0</t>
  </si>
  <si>
    <t>5230215.0</t>
  </si>
  <si>
    <t>5769.0</t>
  </si>
  <si>
    <t>19771.0</t>
  </si>
  <si>
    <t>117.75</t>
  </si>
  <si>
    <t>6457.0</t>
  </si>
  <si>
    <t>74394675.0</t>
  </si>
  <si>
    <t>277987.0</t>
  </si>
  <si>
    <t>8338.264</t>
  </si>
  <si>
    <t>31.157</t>
  </si>
  <si>
    <t>319917.0</t>
  </si>
  <si>
    <t>35.857</t>
  </si>
  <si>
    <t>277.6</t>
  </si>
  <si>
    <t>10546605.0</t>
  </si>
  <si>
    <t>5551545.0</t>
  </si>
  <si>
    <t>5242121.0</t>
  </si>
  <si>
    <t>20019.0</t>
  </si>
  <si>
    <t>74676120.0</t>
  </si>
  <si>
    <t>281445.0</t>
  </si>
  <si>
    <t>8369.809</t>
  </si>
  <si>
    <t>31.545</t>
  </si>
  <si>
    <t>321605.0</t>
  </si>
  <si>
    <t>269.7</t>
  </si>
  <si>
    <t>10562407.0</t>
  </si>
  <si>
    <t>5558892.0</t>
  </si>
  <si>
    <t>5252243.0</t>
  </si>
  <si>
    <t>15802.0</t>
  </si>
  <si>
    <t>17488.0</t>
  </si>
  <si>
    <t>118.15</t>
  </si>
  <si>
    <t>7123.0</t>
  </si>
  <si>
    <t>75098854.0</t>
  </si>
  <si>
    <t>422734.0</t>
  </si>
  <si>
    <t>8417.189</t>
  </si>
  <si>
    <t>47.381</t>
  </si>
  <si>
    <t>318730.0</t>
  </si>
  <si>
    <t>35.724</t>
  </si>
  <si>
    <t>10584373.0</t>
  </si>
  <si>
    <t>5567687.0</t>
  </si>
  <si>
    <t>5267802.0</t>
  </si>
  <si>
    <t>6489.0</t>
  </si>
  <si>
    <t>21966.0</t>
  </si>
  <si>
    <t>16943.0</t>
  </si>
  <si>
    <t>7284.0</t>
  </si>
  <si>
    <t>75354301.0</t>
  </si>
  <si>
    <t>255447.0</t>
  </si>
  <si>
    <t>8445.82</t>
  </si>
  <si>
    <t>28.631</t>
  </si>
  <si>
    <t>316849.0</t>
  </si>
  <si>
    <t>35.513</t>
  </si>
  <si>
    <t>248.8</t>
  </si>
  <si>
    <t>10603805.0</t>
  </si>
  <si>
    <t>5577146.0</t>
  </si>
  <si>
    <t>5280261.0</t>
  </si>
  <si>
    <t>19432.0</t>
  </si>
  <si>
    <t>118.62</t>
  </si>
  <si>
    <t>59.07</t>
  </si>
  <si>
    <t>7300.0</t>
  </si>
  <si>
    <t>75680725.0</t>
  </si>
  <si>
    <t>326424.0</t>
  </si>
  <si>
    <t>8482.406</t>
  </si>
  <si>
    <t>36.586</t>
  </si>
  <si>
    <t>311168.0</t>
  </si>
  <si>
    <t>34.876</t>
  </si>
  <si>
    <t>241.9</t>
  </si>
  <si>
    <t>10613345.0</t>
  </si>
  <si>
    <t>5582949.0</t>
  </si>
  <si>
    <t>5285665.0</t>
  </si>
  <si>
    <t>6833.0</t>
  </si>
  <si>
    <t>9540.0</t>
  </si>
  <si>
    <t>14850.0</t>
  </si>
  <si>
    <t>59.13</t>
  </si>
  <si>
    <t>7137.0</t>
  </si>
  <si>
    <t>76013008.0</t>
  </si>
  <si>
    <t>332283.0</t>
  </si>
  <si>
    <t>8519.649</t>
  </si>
  <si>
    <t>311482.0</t>
  </si>
  <si>
    <t>34.911</t>
  </si>
  <si>
    <t>239.8</t>
  </si>
  <si>
    <t>10616895.0</t>
  </si>
  <si>
    <t>5584676.0</t>
  </si>
  <si>
    <t>5288038.0</t>
  </si>
  <si>
    <t>14225.0</t>
  </si>
  <si>
    <t>118.76</t>
  </si>
  <si>
    <t>6878.0</t>
  </si>
  <si>
    <t>9412.2</t>
  </si>
  <si>
    <t>7.37</t>
  </si>
  <si>
    <t>1052.8638978605</t>
  </si>
  <si>
    <t>76243642.0</t>
  </si>
  <si>
    <t>230634.0</t>
  </si>
  <si>
    <t>8545.499</t>
  </si>
  <si>
    <t>303851.0</t>
  </si>
  <si>
    <t>34.056</t>
  </si>
  <si>
    <t>227.9</t>
  </si>
  <si>
    <t>10626567.0</t>
  </si>
  <si>
    <t>5589397.0</t>
  </si>
  <si>
    <t>5294139.0</t>
  </si>
  <si>
    <t>7014.0</t>
  </si>
  <si>
    <t>14283.0</t>
  </si>
  <si>
    <t>118.87</t>
  </si>
  <si>
    <t>62.52</t>
  </si>
  <si>
    <t>7028.0</t>
  </si>
  <si>
    <t>76518104.0</t>
  </si>
  <si>
    <t>274462.0</t>
  </si>
  <si>
    <t>8576.261</t>
  </si>
  <si>
    <t>30.762</t>
  </si>
  <si>
    <t>303347.0</t>
  </si>
  <si>
    <t>225.1</t>
  </si>
  <si>
    <t>10644615.0</t>
  </si>
  <si>
    <t>5600130.0</t>
  </si>
  <si>
    <t>5303998.0</t>
  </si>
  <si>
    <t>7308.0</t>
  </si>
  <si>
    <t>18048.0</t>
  </si>
  <si>
    <t>14001.0</t>
  </si>
  <si>
    <t>62.64</t>
  </si>
  <si>
    <t>59.33</t>
  </si>
  <si>
    <t>1566.0</t>
  </si>
  <si>
    <t>6941.0</t>
  </si>
  <si>
    <t>76800531.0</t>
  </si>
  <si>
    <t>282427.0</t>
  </si>
  <si>
    <t>8607.916</t>
  </si>
  <si>
    <t>31.655</t>
  </si>
  <si>
    <t>303487.0</t>
  </si>
  <si>
    <t>34.015</t>
  </si>
  <si>
    <t>10659453.0</t>
  </si>
  <si>
    <t>5608129.0</t>
  </si>
  <si>
    <t>5312347.0</t>
  </si>
  <si>
    <t>14838.0</t>
  </si>
  <si>
    <t>119.24</t>
  </si>
  <si>
    <t>62.73</t>
  </si>
  <si>
    <t>59.42</t>
  </si>
  <si>
    <t>7034.0</t>
  </si>
  <si>
    <t>60.293</t>
  </si>
  <si>
    <t>77211762.0</t>
  </si>
  <si>
    <t>411231.0</t>
  </si>
  <si>
    <t>8654.007</t>
  </si>
  <si>
    <t>46.091</t>
  </si>
  <si>
    <t>301844.0</t>
  </si>
  <si>
    <t>33.831</t>
  </si>
  <si>
    <t>10675622.0</t>
  </si>
  <si>
    <t>5615708.0</t>
  </si>
  <si>
    <t>5321769.0</t>
  </si>
  <si>
    <t>16169.0</t>
  </si>
  <si>
    <t>13036.0</t>
  </si>
  <si>
    <t>119.42</t>
  </si>
  <si>
    <t>62.82</t>
  </si>
  <si>
    <t>77475962.0</t>
  </si>
  <si>
    <t>264200.0</t>
  </si>
  <si>
    <t>8683.619</t>
  </si>
  <si>
    <t>29.612</t>
  </si>
  <si>
    <t>303094.0</t>
  </si>
  <si>
    <t>33.971</t>
  </si>
  <si>
    <t>214.4</t>
  </si>
  <si>
    <t>10692482.0</t>
  </si>
  <si>
    <t>5625127.0</t>
  </si>
  <si>
    <t>5330917.0</t>
  </si>
  <si>
    <t>9731.0</t>
  </si>
  <si>
    <t>16860.0</t>
  </si>
  <si>
    <t>12668.0</t>
  </si>
  <si>
    <t>119.61</t>
  </si>
  <si>
    <t>77818341.0</t>
  </si>
  <si>
    <t>342379.0</t>
  </si>
  <si>
    <t>8721.993</t>
  </si>
  <si>
    <t>38.374</t>
  </si>
  <si>
    <t>305374.0</t>
  </si>
  <si>
    <t>34.227</t>
  </si>
  <si>
    <t>209.9</t>
  </si>
  <si>
    <t>10707062.0</t>
  </si>
  <si>
    <t>5632726.0</t>
  </si>
  <si>
    <t>5339320.0</t>
  </si>
  <si>
    <t>10638.0</t>
  </si>
  <si>
    <t>14580.0</t>
  </si>
  <si>
    <t>119.77</t>
  </si>
  <si>
    <t>63.01</t>
  </si>
  <si>
    <t>59.73</t>
  </si>
  <si>
    <t>7111.0</t>
  </si>
  <si>
    <t>78193740.0</t>
  </si>
  <si>
    <t>375399.0</t>
  </si>
  <si>
    <t>8764.069</t>
  </si>
  <si>
    <t>42.075</t>
  </si>
  <si>
    <t>311533.0</t>
  </si>
  <si>
    <t>34.917</t>
  </si>
  <si>
    <t>10709419.0</t>
  </si>
  <si>
    <t>5634012.0</t>
  </si>
  <si>
    <t>5340784.0</t>
  </si>
  <si>
    <t>10698.0</t>
  </si>
  <si>
    <t>13218.0</t>
  </si>
  <si>
    <t>119.8</t>
  </si>
  <si>
    <t>7048.0</t>
  </si>
  <si>
    <t>9501.8</t>
  </si>
  <si>
    <t>6.17</t>
  </si>
  <si>
    <t>1062.8866986136</t>
  </si>
  <si>
    <t>78531851.0</t>
  </si>
  <si>
    <t>338111.0</t>
  </si>
  <si>
    <t>8801.965</t>
  </si>
  <si>
    <t>37.896</t>
  </si>
  <si>
    <t>326887.0</t>
  </si>
  <si>
    <t>36.638</t>
  </si>
  <si>
    <t>10717161.0</t>
  </si>
  <si>
    <t>5637841.0</t>
  </si>
  <si>
    <t>5344934.0</t>
  </si>
  <si>
    <t>11337.0</t>
  </si>
  <si>
    <t>12942.0</t>
  </si>
  <si>
    <t>119.88</t>
  </si>
  <si>
    <t>63.07</t>
  </si>
  <si>
    <t>6921.0</t>
  </si>
  <si>
    <t>78870408.0</t>
  </si>
  <si>
    <t>338557.0</t>
  </si>
  <si>
    <t>8839.911</t>
  </si>
  <si>
    <t>37.946</t>
  </si>
  <si>
    <t>336043.0</t>
  </si>
  <si>
    <t>37.664</t>
  </si>
  <si>
    <t>10733367.0</t>
  </si>
  <si>
    <t>5647467.0</t>
  </si>
  <si>
    <t>5352297.0</t>
  </si>
  <si>
    <t>12513.0</t>
  </si>
  <si>
    <t>16206.0</t>
  </si>
  <si>
    <t>120.07</t>
  </si>
  <si>
    <t>79310183.0</t>
  </si>
  <si>
    <t>439775.0</t>
  </si>
  <si>
    <t>8889.201</t>
  </si>
  <si>
    <t>49.291</t>
  </si>
  <si>
    <t>358522.0</t>
  </si>
  <si>
    <t>40.184</t>
  </si>
  <si>
    <t>212.7</t>
  </si>
  <si>
    <t>10748631.0</t>
  </si>
  <si>
    <t>5655993.0</t>
  </si>
  <si>
    <t>5359968.0</t>
  </si>
  <si>
    <t>13546.0</t>
  </si>
  <si>
    <t>12740.0</t>
  </si>
  <si>
    <t>120.24</t>
  </si>
  <si>
    <t>63.27</t>
  </si>
  <si>
    <t>20.806</t>
  </si>
  <si>
    <t>79658152.0</t>
  </si>
  <si>
    <t>347969.0</t>
  </si>
  <si>
    <t>8928.202</t>
  </si>
  <si>
    <t>39.001</t>
  </si>
  <si>
    <t>349484.0</t>
  </si>
  <si>
    <t>39.171</t>
  </si>
  <si>
    <t>199.7</t>
  </si>
  <si>
    <t>10765440.0</t>
  </si>
  <si>
    <t>5665151.0</t>
  </si>
  <si>
    <t>5368449.0</t>
  </si>
  <si>
    <t>14859.0</t>
  </si>
  <si>
    <t>16809.0</t>
  </si>
  <si>
    <t>12831.0</t>
  </si>
  <si>
    <t>120.42</t>
  </si>
  <si>
    <t>63.37</t>
  </si>
  <si>
    <t>60.05</t>
  </si>
  <si>
    <t>79979782.0</t>
  </si>
  <si>
    <t>321630.0</t>
  </si>
  <si>
    <t>8964.251</t>
  </si>
  <si>
    <t>36.049</t>
  </si>
  <si>
    <t>357689.0</t>
  </si>
  <si>
    <t>40.09</t>
  </si>
  <si>
    <t>10785207.0</t>
  </si>
  <si>
    <t>5676738.0</t>
  </si>
  <si>
    <t>5378105.0</t>
  </si>
  <si>
    <t>19767.0</t>
  </si>
  <si>
    <t>13246.0</t>
  </si>
  <si>
    <t>120.65</t>
  </si>
  <si>
    <t>63.5</t>
  </si>
  <si>
    <t>60.16</t>
  </si>
  <si>
    <t>80337893.0</t>
  </si>
  <si>
    <t>358111.0</t>
  </si>
  <si>
    <t>9004.389</t>
  </si>
  <si>
    <t>40.138</t>
  </si>
  <si>
    <t>359936.0</t>
  </si>
  <si>
    <t>40.342</t>
  </si>
  <si>
    <t>186.5</t>
  </si>
  <si>
    <t>10799256.0</t>
  </si>
  <si>
    <t>5686392.0</t>
  </si>
  <si>
    <t>5385972.0</t>
  </si>
  <si>
    <t>14049.0</t>
  </si>
  <si>
    <t>13171.0</t>
  </si>
  <si>
    <t>120.8</t>
  </si>
  <si>
    <t>63.61</t>
  </si>
  <si>
    <t>7667.0</t>
  </si>
  <si>
    <t>80702842.0</t>
  </si>
  <si>
    <t>364949.0</t>
  </si>
  <si>
    <t>9045.293</t>
  </si>
  <si>
    <t>40.904</t>
  </si>
  <si>
    <t>358443.0</t>
  </si>
  <si>
    <t>40.175</t>
  </si>
  <si>
    <t>181.5</t>
  </si>
  <si>
    <t>10802494.0</t>
  </si>
  <si>
    <t>5688205.0</t>
  </si>
  <si>
    <t>5387921.0</t>
  </si>
  <si>
    <t>16786.0</t>
  </si>
  <si>
    <t>13296.0</t>
  </si>
  <si>
    <t>120.84</t>
  </si>
  <si>
    <t>63.63</t>
  </si>
  <si>
    <t>60.27</t>
  </si>
  <si>
    <t>9726.0</t>
  </si>
  <si>
    <t>1087.96607281945</t>
  </si>
  <si>
    <t>81012773.0</t>
  </si>
  <si>
    <t>309931.0</t>
  </si>
  <si>
    <t>9080.03</t>
  </si>
  <si>
    <t>354417.0</t>
  </si>
  <si>
    <t>39.724</t>
  </si>
  <si>
    <t>176.2</t>
  </si>
  <si>
    <t>10811936.0</t>
  </si>
  <si>
    <t>5692880.0</t>
  </si>
  <si>
    <t>5392597.0</t>
  </si>
  <si>
    <t>9442.0</t>
  </si>
  <si>
    <t>13539.0</t>
  </si>
  <si>
    <t>120.94</t>
  </si>
  <si>
    <t>63.68</t>
  </si>
  <si>
    <t>81383866.0</t>
  </si>
  <si>
    <t>371093.0</t>
  </si>
  <si>
    <t>9121.623</t>
  </si>
  <si>
    <t>41.593</t>
  </si>
  <si>
    <t>359065.0</t>
  </si>
  <si>
    <t>40.245</t>
  </si>
  <si>
    <t>178.5</t>
  </si>
  <si>
    <t>10832064.0</t>
  </si>
  <si>
    <t>5703407.0</t>
  </si>
  <si>
    <t>5401444.0</t>
  </si>
  <si>
    <t>20098.0</t>
  </si>
  <si>
    <t>20128.0</t>
  </si>
  <si>
    <t>14100.0</t>
  </si>
  <si>
    <t>121.17</t>
  </si>
  <si>
    <t>60.42</t>
  </si>
  <si>
    <t>7991.0</t>
  </si>
  <si>
    <t>81737713.0</t>
  </si>
  <si>
    <t>353847.0</t>
  </si>
  <si>
    <t>9161.282</t>
  </si>
  <si>
    <t>346790.0</t>
  </si>
  <si>
    <t>38.869</t>
  </si>
  <si>
    <t>171.8</t>
  </si>
  <si>
    <t>10849830.0</t>
  </si>
  <si>
    <t>5712682.0</t>
  </si>
  <si>
    <t>5409021.0</t>
  </si>
  <si>
    <t>22877.0</t>
  </si>
  <si>
    <t>17766.0</t>
  </si>
  <si>
    <t>14457.0</t>
  </si>
  <si>
    <t>121.37</t>
  </si>
  <si>
    <t>63.9</t>
  </si>
  <si>
    <t>8098.0</t>
  </si>
  <si>
    <t>92.062</t>
  </si>
  <si>
    <t>82216463.0</t>
  </si>
  <si>
    <t>478750.0</t>
  </si>
  <si>
    <t>9214.941</t>
  </si>
  <si>
    <t>53.659</t>
  </si>
  <si>
    <t>365473.0</t>
  </si>
  <si>
    <t>10869279.0</t>
  </si>
  <si>
    <t>5722864.0</t>
  </si>
  <si>
    <t>5417320.0</t>
  </si>
  <si>
    <t>19449.0</t>
  </si>
  <si>
    <t>14834.0</t>
  </si>
  <si>
    <t>121.59</t>
  </si>
  <si>
    <t>8245.0</t>
  </si>
  <si>
    <t>95.194</t>
  </si>
  <si>
    <t>82500720.0</t>
  </si>
  <si>
    <t>284257.0</t>
  </si>
  <si>
    <t>9246.801</t>
  </si>
  <si>
    <t>360134.0</t>
  </si>
  <si>
    <t>40.364</t>
  </si>
  <si>
    <t>10894339.0</t>
  </si>
  <si>
    <t>5737468.0</t>
  </si>
  <si>
    <t>5427370.0</t>
  </si>
  <si>
    <t>29006.0</t>
  </si>
  <si>
    <t>25060.0</t>
  </si>
  <si>
    <t>15590.0</t>
  </si>
  <si>
    <t>8676.0</t>
  </si>
  <si>
    <t>96.76</t>
  </si>
  <si>
    <t>82868432.0</t>
  </si>
  <si>
    <t>367712.0</t>
  </si>
  <si>
    <t>9288.015</t>
  </si>
  <si>
    <t>41.214</t>
  </si>
  <si>
    <t>361506.0</t>
  </si>
  <si>
    <t>40.518</t>
  </si>
  <si>
    <t>175.1</t>
  </si>
  <si>
    <t>10907464.0</t>
  </si>
  <si>
    <t>5745404.0</t>
  </si>
  <si>
    <t>5433859.0</t>
  </si>
  <si>
    <t>29816.0</t>
  </si>
  <si>
    <t>15458.0</t>
  </si>
  <si>
    <t>122.01</t>
  </si>
  <si>
    <t>64.27</t>
  </si>
  <si>
    <t>8430.0</t>
  </si>
  <si>
    <t>83242754.0</t>
  </si>
  <si>
    <t>374322.0</t>
  </si>
  <si>
    <t>9329.97</t>
  </si>
  <si>
    <t>41.955</t>
  </si>
  <si>
    <t>362845.0</t>
  </si>
  <si>
    <t>40.668</t>
  </si>
  <si>
    <t>10911336.0</t>
  </si>
  <si>
    <t>5747029.0</t>
  </si>
  <si>
    <t>5436393.0</t>
  </si>
  <si>
    <t>30036.0</t>
  </si>
  <si>
    <t>15549.0</t>
  </si>
  <si>
    <t>122.06</t>
  </si>
  <si>
    <t>64.29</t>
  </si>
  <si>
    <t>60.81</t>
  </si>
  <si>
    <t>9855.6</t>
  </si>
  <si>
    <t>1102.46333819447</t>
  </si>
  <si>
    <t>83522155.0</t>
  </si>
  <si>
    <t>279401.0</t>
  </si>
  <si>
    <t>9361.285</t>
  </si>
  <si>
    <t>31.316</t>
  </si>
  <si>
    <t>358483.0</t>
  </si>
  <si>
    <t>40.179</t>
  </si>
  <si>
    <t>10921994.0</t>
  </si>
  <si>
    <t>5751945.0</t>
  </si>
  <si>
    <t>5441119.0</t>
  </si>
  <si>
    <t>32319.0</t>
  </si>
  <si>
    <t>10658.0</t>
  </si>
  <si>
    <t>15723.0</t>
  </si>
  <si>
    <t>122.18</t>
  </si>
  <si>
    <t>60.87</t>
  </si>
  <si>
    <t>98.438</t>
  </si>
  <si>
    <t>83784581.0</t>
  </si>
  <si>
    <t>262426.0</t>
  </si>
  <si>
    <t>9390.698</t>
  </si>
  <si>
    <t>29.413</t>
  </si>
  <si>
    <t>342959.0</t>
  </si>
  <si>
    <t>38.439</t>
  </si>
  <si>
    <t>174.3</t>
  </si>
  <si>
    <t>10943621.0</t>
  </si>
  <si>
    <t>5761894.0</t>
  </si>
  <si>
    <t>5450711.0</t>
  </si>
  <si>
    <t>36917.0</t>
  </si>
  <si>
    <t>21627.0</t>
  </si>
  <si>
    <t>15937.0</t>
  </si>
  <si>
    <t>122.42</t>
  </si>
  <si>
    <t>64.45</t>
  </si>
  <si>
    <t>60.97</t>
  </si>
  <si>
    <t>24.386</t>
  </si>
  <si>
    <t>84232566.0</t>
  </si>
  <si>
    <t>447985.0</t>
  </si>
  <si>
    <t>9440.909</t>
  </si>
  <si>
    <t>50.211</t>
  </si>
  <si>
    <t>356408.0</t>
  </si>
  <si>
    <t>39.947</t>
  </si>
  <si>
    <t>187.5</t>
  </si>
  <si>
    <t>10965675.0</t>
  </si>
  <si>
    <t>5771670.0</t>
  </si>
  <si>
    <t>5458664.0</t>
  </si>
  <si>
    <t>43035.0</t>
  </si>
  <si>
    <t>22054.0</t>
  </si>
  <si>
    <t>16549.0</t>
  </si>
  <si>
    <t>64.56</t>
  </si>
  <si>
    <t>61.06</t>
  </si>
  <si>
    <t>8427.0</t>
  </si>
  <si>
    <t>84729922.0</t>
  </si>
  <si>
    <t>497356.0</t>
  </si>
  <si>
    <t>9496.654</t>
  </si>
  <si>
    <t>55.744</t>
  </si>
  <si>
    <t>359066.0</t>
  </si>
  <si>
    <t>196.2</t>
  </si>
  <si>
    <t>10984800.0</t>
  </si>
  <si>
    <t>5780995.0</t>
  </si>
  <si>
    <t>5466316.0</t>
  </si>
  <si>
    <t>16503.0</t>
  </si>
  <si>
    <t>122.88</t>
  </si>
  <si>
    <t>64.67</t>
  </si>
  <si>
    <t>25.169</t>
  </si>
  <si>
    <t>85034047.0</t>
  </si>
  <si>
    <t>304125.0</t>
  </si>
  <si>
    <t>9530.74</t>
  </si>
  <si>
    <t>34.087</t>
  </si>
  <si>
    <t>361904.0</t>
  </si>
  <si>
    <t>40.563</t>
  </si>
  <si>
    <t>205.4</t>
  </si>
  <si>
    <t>11010096.0</t>
  </si>
  <si>
    <t>5795806.0</t>
  </si>
  <si>
    <t>5477313.0</t>
  </si>
  <si>
    <t>50956.0</t>
  </si>
  <si>
    <t>25296.0</t>
  </si>
  <si>
    <t>16537.0</t>
  </si>
  <si>
    <t>85386960.0</t>
  </si>
  <si>
    <t>352913.0</t>
  </si>
  <si>
    <t>9570.295</t>
  </si>
  <si>
    <t>359790.0</t>
  </si>
  <si>
    <t>40.326</t>
  </si>
  <si>
    <t>210.9</t>
  </si>
  <si>
    <t>11022014.0</t>
  </si>
  <si>
    <t>5801706.0</t>
  </si>
  <si>
    <t>5483182.0</t>
  </si>
  <si>
    <t>52899.0</t>
  </si>
  <si>
    <t>16364.0</t>
  </si>
  <si>
    <t>123.29</t>
  </si>
  <si>
    <t>85737129.0</t>
  </si>
  <si>
    <t>350169.0</t>
  </si>
  <si>
    <t>9609.543</t>
  </si>
  <si>
    <t>39.247</t>
  </si>
  <si>
    <t>356339.0</t>
  </si>
  <si>
    <t>39.939</t>
  </si>
  <si>
    <t>11024697.0</t>
  </si>
  <si>
    <t>5803053.0</t>
  </si>
  <si>
    <t>5484526.0</t>
  </si>
  <si>
    <t>123.32</t>
  </si>
  <si>
    <t>61.35</t>
  </si>
  <si>
    <t>1811.0</t>
  </si>
  <si>
    <t>8003.0</t>
  </si>
  <si>
    <t>9984.0</t>
  </si>
  <si>
    <t>8.86</t>
  </si>
  <si>
    <t>1116.82636963082</t>
  </si>
  <si>
    <t>86033575.0</t>
  </si>
  <si>
    <t>296446.0</t>
  </si>
  <si>
    <t>9642.769</t>
  </si>
  <si>
    <t>33.226</t>
  </si>
  <si>
    <t>358774.0</t>
  </si>
  <si>
    <t>40.212</t>
  </si>
  <si>
    <t>11035940.0</t>
  </si>
  <si>
    <t>5808048.0</t>
  </si>
  <si>
    <t>5488929.0</t>
  </si>
  <si>
    <t>56193.0</t>
  </si>
  <si>
    <t>11243.0</t>
  </si>
  <si>
    <t>16278.0</t>
  </si>
  <si>
    <t>123.45</t>
  </si>
  <si>
    <t>64.97</t>
  </si>
  <si>
    <t>8015.0</t>
  </si>
  <si>
    <t>86391854.0</t>
  </si>
  <si>
    <t>358279.0</t>
  </si>
  <si>
    <t>9682.925</t>
  </si>
  <si>
    <t>40.156</t>
  </si>
  <si>
    <t>372468.0</t>
  </si>
  <si>
    <t>41.747</t>
  </si>
  <si>
    <t>11055414.0</t>
  </si>
  <si>
    <t>5815882.0</t>
  </si>
  <si>
    <t>5497476.0</t>
  </si>
  <si>
    <t>61134.0</t>
  </si>
  <si>
    <t>19474.0</t>
  </si>
  <si>
    <t>123.67</t>
  </si>
  <si>
    <t>61.5</t>
  </si>
  <si>
    <t>97.32</t>
  </si>
  <si>
    <t>86750951.0</t>
  </si>
  <si>
    <t>359097.0</t>
  </si>
  <si>
    <t>9723.173</t>
  </si>
  <si>
    <t>40.248</t>
  </si>
  <si>
    <t>359769.0</t>
  </si>
  <si>
    <t>40.323</t>
  </si>
  <si>
    <t>11077247.0</t>
  </si>
  <si>
    <t>5823751.0</t>
  </si>
  <si>
    <t>5504772.0</t>
  </si>
  <si>
    <t>69082.0</t>
  </si>
  <si>
    <t>21833.0</t>
  </si>
  <si>
    <t>15939.0</t>
  </si>
  <si>
    <t>123.91</t>
  </si>
  <si>
    <t>61.58</t>
  </si>
  <si>
    <t>87184819.0</t>
  </si>
  <si>
    <t>433868.0</t>
  </si>
  <si>
    <t>9771.802</t>
  </si>
  <si>
    <t>48.629</t>
  </si>
  <si>
    <t>350700.0</t>
  </si>
  <si>
    <t>39.307</t>
  </si>
  <si>
    <t>11099255.0</t>
  </si>
  <si>
    <t>5831138.0</t>
  </si>
  <si>
    <t>5512270.0</t>
  </si>
  <si>
    <t>77292.0</t>
  </si>
  <si>
    <t>22008.0</t>
  </si>
  <si>
    <t>16351.0</t>
  </si>
  <si>
    <t>124.16</t>
  </si>
  <si>
    <t>65.23</t>
  </si>
  <si>
    <t>87475074.0</t>
  </si>
  <si>
    <t>290255.0</t>
  </si>
  <si>
    <t>9804.334</t>
  </si>
  <si>
    <t>32.532</t>
  </si>
  <si>
    <t>348718.0</t>
  </si>
  <si>
    <t>39.085</t>
  </si>
  <si>
    <t>194.6</t>
  </si>
  <si>
    <t>11124207.0</t>
  </si>
  <si>
    <t>5841106.0</t>
  </si>
  <si>
    <t>5522813.0</t>
  </si>
  <si>
    <t>83239.0</t>
  </si>
  <si>
    <t>24952.0</t>
  </si>
  <si>
    <t>16302.0</t>
  </si>
  <si>
    <t>124.44</t>
  </si>
  <si>
    <t>87701064.0</t>
  </si>
  <si>
    <t>225990.0</t>
  </si>
  <si>
    <t>9829.664</t>
  </si>
  <si>
    <t>25.329</t>
  </si>
  <si>
    <t>330586.0</t>
  </si>
  <si>
    <t>37.053</t>
  </si>
  <si>
    <t>11136545.0</t>
  </si>
  <si>
    <t>5846192.0</t>
  </si>
  <si>
    <t>5528325.0</t>
  </si>
  <si>
    <t>85799.0</t>
  </si>
  <si>
    <t>12338.0</t>
  </si>
  <si>
    <t>16362.0</t>
  </si>
  <si>
    <t>124.58</t>
  </si>
  <si>
    <t>88109788.0</t>
  </si>
  <si>
    <t>408724.0</t>
  </si>
  <si>
    <t>9875.474</t>
  </si>
  <si>
    <t>338951.0</t>
  </si>
  <si>
    <t>11138907.0</t>
  </si>
  <si>
    <t>5847195.0</t>
  </si>
  <si>
    <t>5529536.0</t>
  </si>
  <si>
    <t>86115.0</t>
  </si>
  <si>
    <t>2362.0</t>
  </si>
  <si>
    <t>16316.0</t>
  </si>
  <si>
    <t>124.6</t>
  </si>
  <si>
    <t>10161.8</t>
  </si>
  <si>
    <t>1136.71536487525</t>
  </si>
  <si>
    <t>94.076</t>
  </si>
  <si>
    <t>88396908.0</t>
  </si>
  <si>
    <t>287120.0</t>
  </si>
  <si>
    <t>9907.655</t>
  </si>
  <si>
    <t>32.181</t>
  </si>
  <si>
    <t>337619.0</t>
  </si>
  <si>
    <t>37.841</t>
  </si>
  <si>
    <t>187.3</t>
  </si>
  <si>
    <t>11152547.0</t>
  </si>
  <si>
    <t>5851089.0</t>
  </si>
  <si>
    <t>5534668.0</t>
  </si>
  <si>
    <t>91414.0</t>
  </si>
  <si>
    <t>13640.0</t>
  </si>
  <si>
    <t>16658.0</t>
  </si>
  <si>
    <t>124.75</t>
  </si>
  <si>
    <t>61.91</t>
  </si>
  <si>
    <t>6149.0</t>
  </si>
  <si>
    <t>88762304.0</t>
  </si>
  <si>
    <t>365396.0</t>
  </si>
  <si>
    <t>9948.609</t>
  </si>
  <si>
    <t>338636.0</t>
  </si>
  <si>
    <t>37.955</t>
  </si>
  <si>
    <t>188.1</t>
  </si>
  <si>
    <t>11176769.0</t>
  </si>
  <si>
    <t>5857665.0</t>
  </si>
  <si>
    <t>5543548.0</t>
  </si>
  <si>
    <t>101183.0</t>
  </si>
  <si>
    <t>24222.0</t>
  </si>
  <si>
    <t>17336.0</t>
  </si>
  <si>
    <t>125.03</t>
  </si>
  <si>
    <t>5969.0</t>
  </si>
  <si>
    <t>89088903.0</t>
  </si>
  <si>
    <t>326599.0</t>
  </si>
  <si>
    <t>9985.215</t>
  </si>
  <si>
    <t>36.606</t>
  </si>
  <si>
    <t>37.434</t>
  </si>
  <si>
    <t>187.4</t>
  </si>
  <si>
    <t>11205437.0</t>
  </si>
  <si>
    <t>5864133.0</t>
  </si>
  <si>
    <t>5551917.0</t>
  </si>
  <si>
    <t>115802.0</t>
  </si>
  <si>
    <t>28668.0</t>
  </si>
  <si>
    <t>18313.0</t>
  </si>
  <si>
    <t>125.35</t>
  </si>
  <si>
    <t>89521958.0</t>
  </si>
  <si>
    <t>433055.0</t>
  </si>
  <si>
    <t>10033.752</t>
  </si>
  <si>
    <t>48.537</t>
  </si>
  <si>
    <t>333877.0</t>
  </si>
  <si>
    <t>37.421</t>
  </si>
  <si>
    <t>11230244.0</t>
  </si>
  <si>
    <t>5869799.0</t>
  </si>
  <si>
    <t>5559548.0</t>
  </si>
  <si>
    <t>127802.0</t>
  </si>
  <si>
    <t>24807.0</t>
  </si>
  <si>
    <t>18713.0</t>
  </si>
  <si>
    <t>125.62</t>
  </si>
  <si>
    <t>65.66</t>
  </si>
  <si>
    <t>5523.0</t>
  </si>
  <si>
    <t>89792069.0</t>
  </si>
  <si>
    <t>270111.0</t>
  </si>
  <si>
    <t>10064.026</t>
  </si>
  <si>
    <t>30.274</t>
  </si>
  <si>
    <t>330999.0</t>
  </si>
  <si>
    <t>37.099</t>
  </si>
  <si>
    <t>183.1</t>
  </si>
  <si>
    <t>11263521.0</t>
  </si>
  <si>
    <t>5877883.0</t>
  </si>
  <si>
    <t>5572388.0</t>
  </si>
  <si>
    <t>140873.0</t>
  </si>
  <si>
    <t>33277.0</t>
  </si>
  <si>
    <t>19902.0</t>
  </si>
  <si>
    <t>5254.0</t>
  </si>
  <si>
    <t>90079511.0</t>
  </si>
  <si>
    <t>287442.0</t>
  </si>
  <si>
    <t>10096.243</t>
  </si>
  <si>
    <t>32.217</t>
  </si>
  <si>
    <t>339778.0</t>
  </si>
  <si>
    <t>38.083</t>
  </si>
  <si>
    <t>186.3</t>
  </si>
  <si>
    <t>11277368.0</t>
  </si>
  <si>
    <t>5881982.0</t>
  </si>
  <si>
    <t>5577378.0</t>
  </si>
  <si>
    <t>146063.0</t>
  </si>
  <si>
    <t>13847.0</t>
  </si>
  <si>
    <t>20118.0</t>
  </si>
  <si>
    <t>126.15</t>
  </si>
  <si>
    <t>90377770.0</t>
  </si>
  <si>
    <t>298259.0</t>
  </si>
  <si>
    <t>10129.673</t>
  </si>
  <si>
    <t>33.429</t>
  </si>
  <si>
    <t>323997.0</t>
  </si>
  <si>
    <t>36.314</t>
  </si>
  <si>
    <t>176.7</t>
  </si>
  <si>
    <t>11279744.0</t>
  </si>
  <si>
    <t>5882737.0</t>
  </si>
  <si>
    <t>5578525.0</t>
  </si>
  <si>
    <t>146661.0</t>
  </si>
  <si>
    <t>126.18</t>
  </si>
  <si>
    <t>65.81</t>
  </si>
  <si>
    <t>2251.0</t>
  </si>
  <si>
    <t>10225.8</t>
  </si>
  <si>
    <t>1143.87450827032</t>
  </si>
  <si>
    <t>90613959.0</t>
  </si>
  <si>
    <t>236189.0</t>
  </si>
  <si>
    <t>10156.145</t>
  </si>
  <si>
    <t>26.472</t>
  </si>
  <si>
    <t>316722.0</t>
  </si>
  <si>
    <t>35.499</t>
  </si>
  <si>
    <t>172.4</t>
  </si>
  <si>
    <t>11294127.0</t>
  </si>
  <si>
    <t>5885881.0</t>
  </si>
  <si>
    <t>5583690.0</t>
  </si>
  <si>
    <t>153134.0</t>
  </si>
  <si>
    <t>14383.0</t>
  </si>
  <si>
    <t>20226.0</t>
  </si>
  <si>
    <t>126.34</t>
  </si>
  <si>
    <t>65.84</t>
  </si>
  <si>
    <t>2263.0</t>
  </si>
  <si>
    <t>4970.0</t>
  </si>
  <si>
    <t>90965763.0</t>
  </si>
  <si>
    <t>351804.0</t>
  </si>
  <si>
    <t>10195.576</t>
  </si>
  <si>
    <t>39.431</t>
  </si>
  <si>
    <t>314780.0</t>
  </si>
  <si>
    <t>35.281</t>
  </si>
  <si>
    <t>172.3</t>
  </si>
  <si>
    <t>11316786.0</t>
  </si>
  <si>
    <t>5890920.0</t>
  </si>
  <si>
    <t>5591500.0</t>
  </si>
  <si>
    <t>163455.0</t>
  </si>
  <si>
    <t>22659.0</t>
  </si>
  <si>
    <t>126.59</t>
  </si>
  <si>
    <t>65.9</t>
  </si>
  <si>
    <t>62.55</t>
  </si>
  <si>
    <t>4751.0</t>
  </si>
  <si>
    <t>91294829.0</t>
  </si>
  <si>
    <t>329066.0</t>
  </si>
  <si>
    <t>10232.458</t>
  </si>
  <si>
    <t>36.882</t>
  </si>
  <si>
    <t>315132.0</t>
  </si>
  <si>
    <t>170.6</t>
  </si>
  <si>
    <t>11344492.0</t>
  </si>
  <si>
    <t>5896345.0</t>
  </si>
  <si>
    <t>5600001.0</t>
  </si>
  <si>
    <t>177613.0</t>
  </si>
  <si>
    <t>27706.0</t>
  </si>
  <si>
    <t>19865.0</t>
  </si>
  <si>
    <t>91722270.0</t>
  </si>
  <si>
    <t>427441.0</t>
  </si>
  <si>
    <t>10280.366</t>
  </si>
  <si>
    <t>47.908</t>
  </si>
  <si>
    <t>314330.0</t>
  </si>
  <si>
    <t>35.231</t>
  </si>
  <si>
    <t>169.7</t>
  </si>
  <si>
    <t>11371242.0</t>
  </si>
  <si>
    <t>5901792.0</t>
  </si>
  <si>
    <t>5608337.0</t>
  </si>
  <si>
    <t>191050.0</t>
  </si>
  <si>
    <t>26750.0</t>
  </si>
  <si>
    <t>20143.0</t>
  </si>
  <si>
    <t>62.74</t>
  </si>
  <si>
    <t>2253.0</t>
  </si>
  <si>
    <t>92003120.0</t>
  </si>
  <si>
    <t>280850.0</t>
  </si>
  <si>
    <t>10311.844</t>
  </si>
  <si>
    <t>31.478</t>
  </si>
  <si>
    <t>315864.0</t>
  </si>
  <si>
    <t>35.402</t>
  </si>
  <si>
    <t>169.5</t>
  </si>
  <si>
    <t>11400968.0</t>
  </si>
  <si>
    <t>5908416.0</t>
  </si>
  <si>
    <t>5619931.0</t>
  </si>
  <si>
    <t>203210.0</t>
  </si>
  <si>
    <t>29726.0</t>
  </si>
  <si>
    <t>19635.0</t>
  </si>
  <si>
    <t>127.53</t>
  </si>
  <si>
    <t>62.87</t>
  </si>
  <si>
    <t>4362.0</t>
  </si>
  <si>
    <t>92324938.0</t>
  </si>
  <si>
    <t>321818.0</t>
  </si>
  <si>
    <t>10347.914</t>
  </si>
  <si>
    <t>320775.0</t>
  </si>
  <si>
    <t>35.953</t>
  </si>
  <si>
    <t>165.3</t>
  </si>
  <si>
    <t>11412624.0</t>
  </si>
  <si>
    <t>5911856.0</t>
  </si>
  <si>
    <t>5625016.0</t>
  </si>
  <si>
    <t>206684.0</t>
  </si>
  <si>
    <t>11656.0</t>
  </si>
  <si>
    <t>19322.0</t>
  </si>
  <si>
    <t>127.66</t>
  </si>
  <si>
    <t>92623066.0</t>
  </si>
  <si>
    <t>298128.0</t>
  </si>
  <si>
    <t>10381.329</t>
  </si>
  <si>
    <t>33.415</t>
  </si>
  <si>
    <t>320757.0</t>
  </si>
  <si>
    <t>35.951</t>
  </si>
  <si>
    <t>11414674.0</t>
  </si>
  <si>
    <t>5912490.0</t>
  </si>
  <si>
    <t>5625981.0</t>
  </si>
  <si>
    <t>207222.0</t>
  </si>
  <si>
    <t>19276.0</t>
  </si>
  <si>
    <t>127.69</t>
  </si>
  <si>
    <t>4250.0</t>
  </si>
  <si>
    <t>10313.2</t>
  </si>
  <si>
    <t>1153.65121346921</t>
  </si>
  <si>
    <t>102.577</t>
  </si>
  <si>
    <t>92871473.0</t>
  </si>
  <si>
    <t>248407.0</t>
  </si>
  <si>
    <t>10409.171</t>
  </si>
  <si>
    <t>27.842</t>
  </si>
  <si>
    <t>322502.0</t>
  </si>
  <si>
    <t>11431586.0</t>
  </si>
  <si>
    <t>5915191.0</t>
  </si>
  <si>
    <t>5631234.0</t>
  </si>
  <si>
    <t>216425.0</t>
  </si>
  <si>
    <t>16912.0</t>
  </si>
  <si>
    <t>19637.0</t>
  </si>
  <si>
    <t>127.88</t>
  </si>
  <si>
    <t>66.17</t>
  </si>
  <si>
    <t>62.99</t>
  </si>
  <si>
    <t>105.933</t>
  </si>
  <si>
    <t>93236363.0</t>
  </si>
  <si>
    <t>364890.0</t>
  </si>
  <si>
    <t>10450.068</t>
  </si>
  <si>
    <t>40.897</t>
  </si>
  <si>
    <t>324371.0</t>
  </si>
  <si>
    <t>36.356</t>
  </si>
  <si>
    <t>11456142.0</t>
  </si>
  <si>
    <t>5919891.0</t>
  </si>
  <si>
    <t>5638708.0</t>
  </si>
  <si>
    <t>229198.0</t>
  </si>
  <si>
    <t>24556.0</t>
  </si>
  <si>
    <t>19908.0</t>
  </si>
  <si>
    <t>128.15</t>
  </si>
  <si>
    <t>93571738.0</t>
  </si>
  <si>
    <t>335375.0</t>
  </si>
  <si>
    <t>10487.657</t>
  </si>
  <si>
    <t>37.589</t>
  </si>
  <si>
    <t>325273.0</t>
  </si>
  <si>
    <t>36.457</t>
  </si>
  <si>
    <t>138.1</t>
  </si>
  <si>
    <t>11486918.0</t>
  </si>
  <si>
    <t>5924943.0</t>
  </si>
  <si>
    <t>5647573.0</t>
  </si>
  <si>
    <t>246455.0</t>
  </si>
  <si>
    <t>30776.0</t>
  </si>
  <si>
    <t>20347.0</t>
  </si>
  <si>
    <t>128.49</t>
  </si>
  <si>
    <t>94026903.0</t>
  </si>
  <si>
    <t>455165.0</t>
  </si>
  <si>
    <t>10538.673</t>
  </si>
  <si>
    <t>51.016</t>
  </si>
  <si>
    <t>329233.0</t>
  </si>
  <si>
    <t>36.901</t>
  </si>
  <si>
    <t>129.9</t>
  </si>
  <si>
    <t>11517161.0</t>
  </si>
  <si>
    <t>5930930.0</t>
  </si>
  <si>
    <t>5656441.0</t>
  </si>
  <si>
    <t>262234.0</t>
  </si>
  <si>
    <t>30243.0</t>
  </si>
  <si>
    <t>20846.0</t>
  </si>
  <si>
    <t>128.83</t>
  </si>
  <si>
    <t>113.54</t>
  </si>
  <si>
    <t>94311747.0</t>
  </si>
  <si>
    <t>284844.0</t>
  </si>
  <si>
    <t>10570.599</t>
  </si>
  <si>
    <t>31.926</t>
  </si>
  <si>
    <t>329804.0</t>
  </si>
  <si>
    <t>36.965</t>
  </si>
  <si>
    <t>119.9</t>
  </si>
  <si>
    <t>11552657.0</t>
  </si>
  <si>
    <t>5941151.0</t>
  </si>
  <si>
    <t>5667684.0</t>
  </si>
  <si>
    <t>277298.0</t>
  </si>
  <si>
    <t>35496.0</t>
  </si>
  <si>
    <t>21670.0</t>
  </si>
  <si>
    <t>129.23</t>
  </si>
  <si>
    <t>2424.0</t>
  </si>
  <si>
    <t>4676.0</t>
  </si>
  <si>
    <t>94627736.0</t>
  </si>
  <si>
    <t>315989.0</t>
  </si>
  <si>
    <t>10606.015</t>
  </si>
  <si>
    <t>35.417</t>
  </si>
  <si>
    <t>328971.0</t>
  </si>
  <si>
    <t>36.872</t>
  </si>
  <si>
    <t>113.2</t>
  </si>
  <si>
    <t>11569123.0</t>
  </si>
  <si>
    <t>5947959.0</t>
  </si>
  <si>
    <t>5673194.0</t>
  </si>
  <si>
    <t>282138.0</t>
  </si>
  <si>
    <t>16466.0</t>
  </si>
  <si>
    <t>22357.0</t>
  </si>
  <si>
    <t>129.41</t>
  </si>
  <si>
    <t>5158.0</t>
  </si>
  <si>
    <t>94941975.0</t>
  </si>
  <si>
    <t>314239.0</t>
  </si>
  <si>
    <t>10641.235</t>
  </si>
  <si>
    <t>331273.0</t>
  </si>
  <si>
    <t>37.13</t>
  </si>
  <si>
    <t>11572392.0</t>
  </si>
  <si>
    <t>5949441.0</t>
  </si>
  <si>
    <t>5674415.0</t>
  </si>
  <si>
    <t>282886.0</t>
  </si>
  <si>
    <t>22531.0</t>
  </si>
  <si>
    <t>129.45</t>
  </si>
  <si>
    <t>66.55</t>
  </si>
  <si>
    <t>63.47</t>
  </si>
  <si>
    <t>10503.4</t>
  </si>
  <si>
    <t>12.42</t>
  </si>
  <si>
    <t>1174.92729274643</t>
  </si>
  <si>
    <t>95187771.0</t>
  </si>
  <si>
    <t>245796.0</t>
  </si>
  <si>
    <t>10668.785</t>
  </si>
  <si>
    <t>27.549</t>
  </si>
  <si>
    <t>330900.0</t>
  </si>
  <si>
    <t>100.5</t>
  </si>
  <si>
    <t>11588884.0</t>
  </si>
  <si>
    <t>5954648.0</t>
  </si>
  <si>
    <t>5680168.0</t>
  </si>
  <si>
    <t>289076.0</t>
  </si>
  <si>
    <t>16492.0</t>
  </si>
  <si>
    <t>22471.0</t>
  </si>
  <si>
    <t>129.64</t>
  </si>
  <si>
    <t>1194.0</t>
  </si>
  <si>
    <t>95541800.0</t>
  </si>
  <si>
    <t>354029.0</t>
  </si>
  <si>
    <t>10708.465</t>
  </si>
  <si>
    <t>39.68</t>
  </si>
  <si>
    <t>329348.0</t>
  </si>
  <si>
    <t>36.914</t>
  </si>
  <si>
    <t>96.7</t>
  </si>
  <si>
    <t>11596912.0</t>
  </si>
  <si>
    <t>5959144.0</t>
  </si>
  <si>
    <t>5682614.0</t>
  </si>
  <si>
    <t>290752.0</t>
  </si>
  <si>
    <t>20110.0</t>
  </si>
  <si>
    <t>129.72</t>
  </si>
  <si>
    <t>95810399.0</t>
  </si>
  <si>
    <t>268599.0</t>
  </si>
  <si>
    <t>10738.57</t>
  </si>
  <si>
    <t>30.105</t>
  </si>
  <si>
    <t>319809.0</t>
  </si>
  <si>
    <t>35.845</t>
  </si>
  <si>
    <t>11629566.0</t>
  </si>
  <si>
    <t>5968421.0</t>
  </si>
  <si>
    <t>5692272.0</t>
  </si>
  <si>
    <t>305196.0</t>
  </si>
  <si>
    <t>32654.0</t>
  </si>
  <si>
    <t>20378.0</t>
  </si>
  <si>
    <t>130.09</t>
  </si>
  <si>
    <t>6211.0</t>
  </si>
  <si>
    <t>96262394.0</t>
  </si>
  <si>
    <t>451995.0</t>
  </si>
  <si>
    <t>10789.23</t>
  </si>
  <si>
    <t>50.66</t>
  </si>
  <si>
    <t>319356.0</t>
  </si>
  <si>
    <t>35.794</t>
  </si>
  <si>
    <t>11659440.0</t>
  </si>
  <si>
    <t>5977067.0</t>
  </si>
  <si>
    <t>5700607.0</t>
  </si>
  <si>
    <t>318723.0</t>
  </si>
  <si>
    <t>29874.0</t>
  </si>
  <si>
    <t>20326.0</t>
  </si>
  <si>
    <t>130.42</t>
  </si>
  <si>
    <t>6591.0</t>
  </si>
  <si>
    <t>96575321.0</t>
  </si>
  <si>
    <t>312927.0</t>
  </si>
  <si>
    <t>10824.303</t>
  </si>
  <si>
    <t>35.073</t>
  </si>
  <si>
    <t>323368.0</t>
  </si>
  <si>
    <t>36.244</t>
  </si>
  <si>
    <t>87.8</t>
  </si>
  <si>
    <t>11696301.0</t>
  </si>
  <si>
    <t>5991920.0</t>
  </si>
  <si>
    <t>5711046.0</t>
  </si>
  <si>
    <t>332019.0</t>
  </si>
  <si>
    <t>36861.0</t>
  </si>
  <si>
    <t>20521.0</t>
  </si>
  <si>
    <t>130.84</t>
  </si>
  <si>
    <t>67.03</t>
  </si>
  <si>
    <t>2296.0</t>
  </si>
  <si>
    <t>96913741.0</t>
  </si>
  <si>
    <t>338420.0</t>
  </si>
  <si>
    <t>10862.234</t>
  </si>
  <si>
    <t>37.931</t>
  </si>
  <si>
    <t>326572.0</t>
  </si>
  <si>
    <t>36.603</t>
  </si>
  <si>
    <t>11714914.0</t>
  </si>
  <si>
    <t>6001013.0</t>
  </si>
  <si>
    <t>5716035.0</t>
  </si>
  <si>
    <t>337486.0</t>
  </si>
  <si>
    <t>18613.0</t>
  </si>
  <si>
    <t>20827.0</t>
  </si>
  <si>
    <t>131.04</t>
  </si>
  <si>
    <t>67.13</t>
  </si>
  <si>
    <t>7579.0</t>
  </si>
  <si>
    <t>97254602.0</t>
  </si>
  <si>
    <t>340861.0</t>
  </si>
  <si>
    <t>10900.438</t>
  </si>
  <si>
    <t>38.204</t>
  </si>
  <si>
    <t>330375.0</t>
  </si>
  <si>
    <t>37.029</t>
  </si>
  <si>
    <t>11719076.0</t>
  </si>
  <si>
    <t>6003008.0</t>
  </si>
  <si>
    <t>5717226.0</t>
  </si>
  <si>
    <t>338650.0</t>
  </si>
  <si>
    <t>20955.0</t>
  </si>
  <si>
    <t>131.09</t>
  </si>
  <si>
    <t>63.95</t>
  </si>
  <si>
    <t>7652.0</t>
  </si>
  <si>
    <t>10855.8</t>
  </si>
  <si>
    <t>1214.34732606554</t>
  </si>
  <si>
    <t>97531102.0</t>
  </si>
  <si>
    <t>276500.0</t>
  </si>
  <si>
    <t>10931.429</t>
  </si>
  <si>
    <t>30.991</t>
  </si>
  <si>
    <t>334762.0</t>
  </si>
  <si>
    <t>37.521</t>
  </si>
  <si>
    <t>11723057.0</t>
  </si>
  <si>
    <t>6004731.0</t>
  </si>
  <si>
    <t>5718337.0</t>
  </si>
  <si>
    <t>340004.0</t>
  </si>
  <si>
    <t>3981.0</t>
  </si>
  <si>
    <t>19168.0</t>
  </si>
  <si>
    <t>131.14</t>
  </si>
  <si>
    <t>7155.0</t>
  </si>
  <si>
    <t>97837484.0</t>
  </si>
  <si>
    <t>306382.0</t>
  </si>
  <si>
    <t>10965.768</t>
  </si>
  <si>
    <t>327955.0</t>
  </si>
  <si>
    <t>36.758</t>
  </si>
  <si>
    <t>66.4</t>
  </si>
  <si>
    <t>11755665.0</t>
  </si>
  <si>
    <t>6016691.0</t>
  </si>
  <si>
    <t>5726090.0</t>
  </si>
  <si>
    <t>353930.0</t>
  </si>
  <si>
    <t>32608.0</t>
  </si>
  <si>
    <t>22679.0</t>
  </si>
  <si>
    <t>131.5</t>
  </si>
  <si>
    <t>64.05</t>
  </si>
  <si>
    <t>8221.0</t>
  </si>
  <si>
    <t>38.48</t>
  </si>
  <si>
    <t>98418811.0</t>
  </si>
  <si>
    <t>581327.0</t>
  </si>
  <si>
    <t>11030.924</t>
  </si>
  <si>
    <t>65.156</t>
  </si>
  <si>
    <t>372630.0</t>
  </si>
  <si>
    <t>41.765</t>
  </si>
  <si>
    <t>71.6</t>
  </si>
  <si>
    <t>11802270.0</t>
  </si>
  <si>
    <t>6028572.0</t>
  </si>
  <si>
    <t>5736037.0</t>
  </si>
  <si>
    <t>379403.0</t>
  </si>
  <si>
    <t>46605.0</t>
  </si>
  <si>
    <t>24672.0</t>
  </si>
  <si>
    <t>132.02</t>
  </si>
  <si>
    <t>8593.0</t>
  </si>
  <si>
    <t>98968990.0</t>
  </si>
  <si>
    <t>550179.0</t>
  </si>
  <si>
    <t>11092.589</t>
  </si>
  <si>
    <t>61.665</t>
  </si>
  <si>
    <t>386657.0</t>
  </si>
  <si>
    <t>43.337</t>
  </si>
  <si>
    <t>0.0142</t>
  </si>
  <si>
    <t>11852871.0</t>
  </si>
  <si>
    <t>6041135.0</t>
  </si>
  <si>
    <t>5745716.0</t>
  </si>
  <si>
    <t>408344.0</t>
  </si>
  <si>
    <t>50601.0</t>
  </si>
  <si>
    <t>132.59</t>
  </si>
  <si>
    <t>9153.0</t>
  </si>
  <si>
    <t>206.832</t>
  </si>
  <si>
    <t>99442292.0</t>
  </si>
  <si>
    <t>473302.0</t>
  </si>
  <si>
    <t>11145.638</t>
  </si>
  <si>
    <t>53.048</t>
  </si>
  <si>
    <t>409567.0</t>
  </si>
  <si>
    <t>45.905</t>
  </si>
  <si>
    <t>11920417.0</t>
  </si>
  <si>
    <t>6060976.0</t>
  </si>
  <si>
    <t>5757919.0</t>
  </si>
  <si>
    <t>445289.0</t>
  </si>
  <si>
    <t>67546.0</t>
  </si>
  <si>
    <t>32017.0</t>
  </si>
  <si>
    <t>64.41</t>
  </si>
  <si>
    <t>99857207.0</t>
  </si>
  <si>
    <t>414915.0</t>
  </si>
  <si>
    <t>11192.142</t>
  </si>
  <si>
    <t>46.504</t>
  </si>
  <si>
    <t>420495.0</t>
  </si>
  <si>
    <t>11962531.0</t>
  </si>
  <si>
    <t>6075751.0</t>
  </si>
  <si>
    <t>5764191.0</t>
  </si>
  <si>
    <t>466948.0</t>
  </si>
  <si>
    <t>42114.0</t>
  </si>
  <si>
    <t>35374.0</t>
  </si>
  <si>
    <t>133.81</t>
  </si>
  <si>
    <t>67.96</t>
  </si>
  <si>
    <t>100254475.0</t>
  </si>
  <si>
    <t>397268.0</t>
  </si>
  <si>
    <t>11236.668</t>
  </si>
  <si>
    <t>44.526</t>
  </si>
  <si>
    <t>428553.0</t>
  </si>
  <si>
    <t>48.033</t>
  </si>
  <si>
    <t>11983496.0</t>
  </si>
  <si>
    <t>6083151.0</t>
  </si>
  <si>
    <t>5766723.0</t>
  </si>
  <si>
    <t>478198.0</t>
  </si>
  <si>
    <t>20965.0</t>
  </si>
  <si>
    <t>37774.0</t>
  </si>
  <si>
    <t>134.05</t>
  </si>
  <si>
    <t>68.05</t>
  </si>
  <si>
    <t>4225.0</t>
  </si>
  <si>
    <t>11260.2</t>
  </si>
  <si>
    <t>26.28</t>
  </si>
  <si>
    <t>1259.58416339313</t>
  </si>
  <si>
    <t>100635445.0</t>
  </si>
  <si>
    <t>380970.0</t>
  </si>
  <si>
    <t>11279.368</t>
  </si>
  <si>
    <t>42.7</t>
  </si>
  <si>
    <t>443478.0</t>
  </si>
  <si>
    <t>49.706</t>
  </si>
  <si>
    <t>0.0172</t>
  </si>
  <si>
    <t>58.3</t>
  </si>
  <si>
    <t>12032865.0</t>
  </si>
  <si>
    <t>6096734.0</t>
  </si>
  <si>
    <t>5773829.0</t>
  </si>
  <si>
    <t>507403.0</t>
  </si>
  <si>
    <t>49369.0</t>
  </si>
  <si>
    <t>134.6</t>
  </si>
  <si>
    <t>68.2</t>
  </si>
  <si>
    <t>4951.0</t>
  </si>
  <si>
    <t>45.64</t>
  </si>
  <si>
    <t>101090403.0</t>
  </si>
  <si>
    <t>454958.0</t>
  </si>
  <si>
    <t>11330.36</t>
  </si>
  <si>
    <t>50.992</t>
  </si>
  <si>
    <t>464703.0</t>
  </si>
  <si>
    <t>52.085</t>
  </si>
  <si>
    <t>57.6</t>
  </si>
  <si>
    <t>12104749.0</t>
  </si>
  <si>
    <t>6120616.0</t>
  </si>
  <si>
    <t>5783765.0</t>
  </si>
  <si>
    <t>546294.0</t>
  </si>
  <si>
    <t>71884.0</t>
  </si>
  <si>
    <t>49869.0</t>
  </si>
  <si>
    <t>135.41</t>
  </si>
  <si>
    <t>101437402.0</t>
  </si>
  <si>
    <t>346999.0</t>
  </si>
  <si>
    <t>11369.252</t>
  </si>
  <si>
    <t>38.892</t>
  </si>
  <si>
    <t>431227.0</t>
  </si>
  <si>
    <t>48.333</t>
  </si>
  <si>
    <t>0.0195</t>
  </si>
  <si>
    <t>12181240.0</t>
  </si>
  <si>
    <t>6139717.0</t>
  </si>
  <si>
    <t>5794254.0</t>
  </si>
  <si>
    <t>593763.0</t>
  </si>
  <si>
    <t>76491.0</t>
  </si>
  <si>
    <t>54139.0</t>
  </si>
  <si>
    <t>136.26</t>
  </si>
  <si>
    <t>15878.0</t>
  </si>
  <si>
    <t>48.884</t>
  </si>
  <si>
    <t>102163356.0</t>
  </si>
  <si>
    <t>725954.0</t>
  </si>
  <si>
    <t>11450.618</t>
  </si>
  <si>
    <t>81.366</t>
  </si>
  <si>
    <t>456338.0</t>
  </si>
  <si>
    <t>51.147</t>
  </si>
  <si>
    <t>49.6</t>
  </si>
  <si>
    <t>12269956.0</t>
  </si>
  <si>
    <t>6162767.0</t>
  </si>
  <si>
    <t>5807042.0</t>
  </si>
  <si>
    <t>647268.0</t>
  </si>
  <si>
    <t>88716.0</t>
  </si>
  <si>
    <t>59584.0</t>
  </si>
  <si>
    <t>137.25</t>
  </si>
  <si>
    <t>6665.0</t>
  </si>
  <si>
    <t>17376.0</t>
  </si>
  <si>
    <t>2324.0</t>
  </si>
  <si>
    <t>102608572.0</t>
  </si>
  <si>
    <t>445216.0</t>
  </si>
  <si>
    <t>11500.519</t>
  </si>
  <si>
    <t>452326.0</t>
  </si>
  <si>
    <t>50.697</t>
  </si>
  <si>
    <t>12375767.0</t>
  </si>
  <si>
    <t>6190637.0</t>
  </si>
  <si>
    <t>5822677.0</t>
  </si>
  <si>
    <t>710223.0</t>
  </si>
  <si>
    <t>105811.0</t>
  </si>
  <si>
    <t>65050.0</t>
  </si>
  <si>
    <t>138.44</t>
  </si>
  <si>
    <t>7.94</t>
  </si>
  <si>
    <t>18523.0</t>
  </si>
  <si>
    <t>102990106.0</t>
  </si>
  <si>
    <t>381534.0</t>
  </si>
  <si>
    <t>11543.282</t>
  </si>
  <si>
    <t>42.763</t>
  </si>
  <si>
    <t>447557.0</t>
  </si>
  <si>
    <t>50.163</t>
  </si>
  <si>
    <t>0.0222</t>
  </si>
  <si>
    <t>12442882.0</t>
  </si>
  <si>
    <t>6210092.0</t>
  </si>
  <si>
    <t>5832689.0</t>
  </si>
  <si>
    <t>748194.0</t>
  </si>
  <si>
    <t>67115.0</t>
  </si>
  <si>
    <t>139.19</t>
  </si>
  <si>
    <t>69.47</t>
  </si>
  <si>
    <t>8.37</t>
  </si>
  <si>
    <t>19192.0</t>
  </si>
  <si>
    <t>2352.0</t>
  </si>
  <si>
    <t>103313519.0</t>
  </si>
  <si>
    <t>323413.0</t>
  </si>
  <si>
    <t>11579.53</t>
  </si>
  <si>
    <t>36.249</t>
  </si>
  <si>
    <t>437006.0</t>
  </si>
  <si>
    <t>42.3</t>
  </si>
  <si>
    <t>12485066.0</t>
  </si>
  <si>
    <t>6222083.0</t>
  </si>
  <si>
    <t>5837749.0</t>
  </si>
  <si>
    <t>773525.0</t>
  </si>
  <si>
    <t>42184.0</t>
  </si>
  <si>
    <t>71653.0</t>
  </si>
  <si>
    <t>139.66</t>
  </si>
  <si>
    <t>65.3</t>
  </si>
  <si>
    <t>19847.0</t>
  </si>
  <si>
    <t>11777.2</t>
  </si>
  <si>
    <t>1317.41661863142</t>
  </si>
  <si>
    <t>282.451</t>
  </si>
  <si>
    <t>103713317.0</t>
  </si>
  <si>
    <t>399798.0</t>
  </si>
  <si>
    <t>11624.34</t>
  </si>
  <si>
    <t>439696.0</t>
  </si>
  <si>
    <t>49.282</t>
  </si>
  <si>
    <t>12557530.0</t>
  </si>
  <si>
    <t>6238118.0</t>
  </si>
  <si>
    <t>5847748.0</t>
  </si>
  <si>
    <t>820294.0</t>
  </si>
  <si>
    <t>72464.0</t>
  </si>
  <si>
    <t>74952.0</t>
  </si>
  <si>
    <t>8384.0</t>
  </si>
  <si>
    <t>20198.0</t>
  </si>
  <si>
    <t>104177857.0</t>
  </si>
  <si>
    <t>464540.0</t>
  </si>
  <si>
    <t>11676.407</t>
  </si>
  <si>
    <t>52.066</t>
  </si>
  <si>
    <t>441065.0</t>
  </si>
  <si>
    <t>49.435</t>
  </si>
  <si>
    <t>12652127.0</t>
  </si>
  <si>
    <t>6257314.0</t>
  </si>
  <si>
    <t>5859856.0</t>
  </si>
  <si>
    <t>883959.0</t>
  </si>
  <si>
    <t>94597.0</t>
  </si>
  <si>
    <t>78197.0</t>
  </si>
  <si>
    <t>141.53</t>
  </si>
  <si>
    <t>19528.0</t>
  </si>
  <si>
    <t>104771291.0</t>
  </si>
  <si>
    <t>593434.0</t>
  </si>
  <si>
    <t>11742.92</t>
  </si>
  <si>
    <t>66.513</t>
  </si>
  <si>
    <t>476270.0</t>
  </si>
  <si>
    <t>12762901.0</t>
  </si>
  <si>
    <t>6275944.0</t>
  </si>
  <si>
    <t>5873693.0</t>
  </si>
  <si>
    <t>962606.0</t>
  </si>
  <si>
    <t>110774.0</t>
  </si>
  <si>
    <t>83094.0</t>
  </si>
  <si>
    <t>142.77</t>
  </si>
  <si>
    <t>9295.0</t>
  </si>
  <si>
    <t>19461.0</t>
  </si>
  <si>
    <t>105325185.0</t>
  </si>
  <si>
    <t>553894.0</t>
  </si>
  <si>
    <t>11805.001</t>
  </si>
  <si>
    <t>62.081</t>
  </si>
  <si>
    <t>451690.0</t>
  </si>
  <si>
    <t>50.626</t>
  </si>
  <si>
    <t>12885970.0</t>
  </si>
  <si>
    <t>6293716.0</t>
  </si>
  <si>
    <t>5889546.0</t>
  </si>
  <si>
    <t>1052286.0</t>
  </si>
  <si>
    <t>123069.0</t>
  </si>
  <si>
    <t>88002.0</t>
  </si>
  <si>
    <t>144.14</t>
  </si>
  <si>
    <t>70.4</t>
  </si>
  <si>
    <t>9844.0</t>
  </si>
  <si>
    <t>18707.0</t>
  </si>
  <si>
    <t>105877454.0</t>
  </si>
  <si>
    <t>552269.0</t>
  </si>
  <si>
    <t>11866.9</t>
  </si>
  <si>
    <t>61.899</t>
  </si>
  <si>
    <t>466983.0</t>
  </si>
  <si>
    <t>52.34</t>
  </si>
  <si>
    <t>13031096.0</t>
  </si>
  <si>
    <t>6315240.0</t>
  </si>
  <si>
    <t>5909942.0</t>
  </si>
  <si>
    <t>1155781.0</t>
  </si>
  <si>
    <t>145126.0</t>
  </si>
  <si>
    <t>93618.0</t>
  </si>
  <si>
    <t>145.77</t>
  </si>
  <si>
    <t>17800.0</t>
  </si>
  <si>
    <t>106308001.0</t>
  </si>
  <si>
    <t>430547.0</t>
  </si>
  <si>
    <t>11915.156</t>
  </si>
  <si>
    <t>48.256</t>
  </si>
  <si>
    <t>473985.0</t>
  </si>
  <si>
    <t>53.125</t>
  </si>
  <si>
    <t>13122278.0</t>
  </si>
  <si>
    <t>6330390.0</t>
  </si>
  <si>
    <t>5922735.0</t>
  </si>
  <si>
    <t>1219170.0</t>
  </si>
  <si>
    <t>91182.0</t>
  </si>
  <si>
    <t>97057.0</t>
  </si>
  <si>
    <t>146.79</t>
  </si>
  <si>
    <t>10857.0</t>
  </si>
  <si>
    <t>17185.0</t>
  </si>
  <si>
    <t>2958.0</t>
  </si>
  <si>
    <t>106832204.0</t>
  </si>
  <si>
    <t>524203.0</t>
  </si>
  <si>
    <t>11973.91</t>
  </si>
  <si>
    <t>502669.0</t>
  </si>
  <si>
    <t>56.34</t>
  </si>
  <si>
    <t>37.4</t>
  </si>
  <si>
    <t>13180184.0</t>
  </si>
  <si>
    <t>6337995.0</t>
  </si>
  <si>
    <t>5928501.0</t>
  </si>
  <si>
    <t>1263792.0</t>
  </si>
  <si>
    <t>57906.0</t>
  </si>
  <si>
    <t>99303.0</t>
  </si>
  <si>
    <t>147.44</t>
  </si>
  <si>
    <t>66.32</t>
  </si>
  <si>
    <t>14.14</t>
  </si>
  <si>
    <t>11108.0</t>
  </si>
  <si>
    <t>16559.0</t>
  </si>
  <si>
    <t>12310.2</t>
  </si>
  <si>
    <t>1377.03885971849</t>
  </si>
  <si>
    <t>107187151.0</t>
  </si>
  <si>
    <t>12013.693</t>
  </si>
  <si>
    <t>496262.0</t>
  </si>
  <si>
    <t>55.622</t>
  </si>
  <si>
    <t>13270971.0</t>
  </si>
  <si>
    <t>6348723.0</t>
  </si>
  <si>
    <t>5938083.0</t>
  </si>
  <si>
    <t>1334412.0</t>
  </si>
  <si>
    <t>90787.0</t>
  </si>
  <si>
    <t>101920.0</t>
  </si>
  <si>
    <t>148.45</t>
  </si>
  <si>
    <t>71.02</t>
  </si>
  <si>
    <t>11401.0</t>
  </si>
  <si>
    <t>107616106.0</t>
  </si>
  <si>
    <t>428955.0</t>
  </si>
  <si>
    <t>12061.771</t>
  </si>
  <si>
    <t>48.078</t>
  </si>
  <si>
    <t>491178.0</t>
  </si>
  <si>
    <t>55.052</t>
  </si>
  <si>
    <t>13386595.0</t>
  </si>
  <si>
    <t>6361693.0</t>
  </si>
  <si>
    <t>5952413.0</t>
  </si>
  <si>
    <t>1422898.0</t>
  </si>
  <si>
    <t>115624.0</t>
  </si>
  <si>
    <t>104924.0</t>
  </si>
  <si>
    <t>149.74</t>
  </si>
  <si>
    <t>15.92</t>
  </si>
  <si>
    <t>11737.0</t>
  </si>
  <si>
    <t>14911.0</t>
  </si>
  <si>
    <t>3235.0</t>
  </si>
  <si>
    <t>107984174.0</t>
  </si>
  <si>
    <t>368068.0</t>
  </si>
  <si>
    <t>12103.024</t>
  </si>
  <si>
    <t>41.254</t>
  </si>
  <si>
    <t>458983.0</t>
  </si>
  <si>
    <t>51.443</t>
  </si>
  <si>
    <t>0.0306</t>
  </si>
  <si>
    <t>32.7</t>
  </si>
  <si>
    <t>13520505.0</t>
  </si>
  <si>
    <t>6375594.0</t>
  </si>
  <si>
    <t>5967757.0</t>
  </si>
  <si>
    <t>1527699.0</t>
  </si>
  <si>
    <t>133910.0</t>
  </si>
  <si>
    <t>108229.0</t>
  </si>
  <si>
    <t>151.24</t>
  </si>
  <si>
    <t>17.09</t>
  </si>
  <si>
    <t>108603828.0</t>
  </si>
  <si>
    <t>619654.0</t>
  </si>
  <si>
    <t>12172.476</t>
  </si>
  <si>
    <t>69.452</t>
  </si>
  <si>
    <t>468378.0</t>
  </si>
  <si>
    <t>52.496</t>
  </si>
  <si>
    <t>13655267.0</t>
  </si>
  <si>
    <t>6388910.0</t>
  </si>
  <si>
    <t>5984625.0</t>
  </si>
  <si>
    <t>1632392.0</t>
  </si>
  <si>
    <t>134762.0</t>
  </si>
  <si>
    <t>109900.0</t>
  </si>
  <si>
    <t>152.75</t>
  </si>
  <si>
    <t>71.47</t>
  </si>
  <si>
    <t>12294.0</t>
  </si>
  <si>
    <t>13599.0</t>
  </si>
  <si>
    <t>109210004.0</t>
  </si>
  <si>
    <t>606176.0</t>
  </si>
  <si>
    <t>12240.417</t>
  </si>
  <si>
    <t>67.941</t>
  </si>
  <si>
    <t>476079.0</t>
  </si>
  <si>
    <t>53.36</t>
  </si>
  <si>
    <t>13817259.0</t>
  </si>
  <si>
    <t>6408210.0</t>
  </si>
  <si>
    <t>6006886.0</t>
  </si>
  <si>
    <t>1752933.0</t>
  </si>
  <si>
    <t>161992.0</t>
  </si>
  <si>
    <t>112309.0</t>
  </si>
  <si>
    <t>12563.0</t>
  </si>
  <si>
    <t>13281.0</t>
  </si>
  <si>
    <t>109556932.0</t>
  </si>
  <si>
    <t>346928.0</t>
  </si>
  <si>
    <t>12279.301</t>
  </si>
  <si>
    <t>38.884</t>
  </si>
  <si>
    <t>464133.0</t>
  </si>
  <si>
    <t>52.021</t>
  </si>
  <si>
    <t>0.0286</t>
  </si>
  <si>
    <t>13921017.0</t>
  </si>
  <si>
    <t>6421575.0</t>
  </si>
  <si>
    <t>6020239.0</t>
  </si>
  <si>
    <t>1830032.0</t>
  </si>
  <si>
    <t>103758.0</t>
  </si>
  <si>
    <t>114106.0</t>
  </si>
  <si>
    <t>155.72</t>
  </si>
  <si>
    <t>67.34</t>
  </si>
  <si>
    <t>12764.0</t>
  </si>
  <si>
    <t>13026.0</t>
  </si>
  <si>
    <t>3247.0</t>
  </si>
  <si>
    <t>109825145.0</t>
  </si>
  <si>
    <t>268213.0</t>
  </si>
  <si>
    <t>12309.363</t>
  </si>
  <si>
    <t>30.062</t>
  </si>
  <si>
    <t>427563.0</t>
  </si>
  <si>
    <t>47.922</t>
  </si>
  <si>
    <t>13975726.0</t>
  </si>
  <si>
    <t>6428605.0</t>
  </si>
  <si>
    <t>6027055.0</t>
  </si>
  <si>
    <t>1870934.0</t>
  </si>
  <si>
    <t>54709.0</t>
  </si>
  <si>
    <t>113649.0</t>
  </si>
  <si>
    <t>156.33</t>
  </si>
  <si>
    <t>12713.0</t>
  </si>
  <si>
    <t>12898.6</t>
  </si>
  <si>
    <t>37.63</t>
  </si>
  <si>
    <t>1442.85823430691</t>
  </si>
  <si>
    <t>110110679.0</t>
  </si>
  <si>
    <t>285534.0</t>
  </si>
  <si>
    <t>12341.366</t>
  </si>
  <si>
    <t>32.003</t>
  </si>
  <si>
    <t>417647.0</t>
  </si>
  <si>
    <t>14066810.0</t>
  </si>
  <si>
    <t>6438511.0</t>
  </si>
  <si>
    <t>6039054.0</t>
  </si>
  <si>
    <t>1940170.0</t>
  </si>
  <si>
    <t>91084.0</t>
  </si>
  <si>
    <t>113691.0</t>
  </si>
  <si>
    <t>157.35</t>
  </si>
  <si>
    <t>12718.0</t>
  </si>
  <si>
    <t>12827.0</t>
  </si>
  <si>
    <t>110579782.0</t>
  </si>
  <si>
    <t>469103.0</t>
  </si>
  <si>
    <t>12393.944</t>
  </si>
  <si>
    <t>52.578</t>
  </si>
  <si>
    <t>423382.0</t>
  </si>
  <si>
    <t>47.453</t>
  </si>
  <si>
    <t>14178450.0</t>
  </si>
  <si>
    <t>6451049.0</t>
  </si>
  <si>
    <t>6056731.0</t>
  </si>
  <si>
    <t>2021664.0</t>
  </si>
  <si>
    <t>111640.0</t>
  </si>
  <si>
    <t>113122.0</t>
  </si>
  <si>
    <t>158.6</t>
  </si>
  <si>
    <t>67.75</t>
  </si>
  <si>
    <t>12654.0</t>
  </si>
  <si>
    <t>12765.0</t>
  </si>
  <si>
    <t>111071336.0</t>
  </si>
  <si>
    <t>491554.0</t>
  </si>
  <si>
    <t>12449.038</t>
  </si>
  <si>
    <t>55.094</t>
  </si>
  <si>
    <t>441023.0</t>
  </si>
  <si>
    <t>49.431</t>
  </si>
  <si>
    <t>14309216.0</t>
  </si>
  <si>
    <t>6464449.0</t>
  </si>
  <si>
    <t>6075518.0</t>
  </si>
  <si>
    <t>2120299.0</t>
  </si>
  <si>
    <t>130766.0</t>
  </si>
  <si>
    <t>112673.0</t>
  </si>
  <si>
    <t>160.07</t>
  </si>
  <si>
    <t>72.31</t>
  </si>
  <si>
    <t>23.72</t>
  </si>
  <si>
    <t>12604.0</t>
  </si>
  <si>
    <t>12694.0</t>
  </si>
  <si>
    <t>71.591</t>
  </si>
  <si>
    <t>111537645.0</t>
  </si>
  <si>
    <t>466309.0</t>
  </si>
  <si>
    <t>12501.302</t>
  </si>
  <si>
    <t>52.265</t>
  </si>
  <si>
    <t>419117.0</t>
  </si>
  <si>
    <t>46.975</t>
  </si>
  <si>
    <t>14443687.0</t>
  </si>
  <si>
    <t>6476097.0</t>
  </si>
  <si>
    <t>6096699.0</t>
  </si>
  <si>
    <t>2221998.0</t>
  </si>
  <si>
    <t>134471.0</t>
  </si>
  <si>
    <t>112631.0</t>
  </si>
  <si>
    <t>161.57</t>
  </si>
  <si>
    <t>12455.0</t>
  </si>
  <si>
    <t>3172.0</t>
  </si>
  <si>
    <t>111937966.0</t>
  </si>
  <si>
    <t>400321.0</t>
  </si>
  <si>
    <t>12546.171</t>
  </si>
  <si>
    <t>44.869</t>
  </si>
  <si>
    <t>389709.0</t>
  </si>
  <si>
    <t>43.679</t>
  </si>
  <si>
    <t>14602884.0</t>
  </si>
  <si>
    <t>6491040.0</t>
  </si>
  <si>
    <t>6124259.0</t>
  </si>
  <si>
    <t>2338775.0</t>
  </si>
  <si>
    <t>159197.0</t>
  </si>
  <si>
    <t>112232.0</t>
  </si>
  <si>
    <t>12554.0</t>
  </si>
  <si>
    <t>11833.0</t>
  </si>
  <si>
    <t>112234412.0</t>
  </si>
  <si>
    <t>12579.397</t>
  </si>
  <si>
    <t>382497.0</t>
  </si>
  <si>
    <t>42.871</t>
  </si>
  <si>
    <t>14699683.0</t>
  </si>
  <si>
    <t>6502667.0</t>
  </si>
  <si>
    <t>6142419.0</t>
  </si>
  <si>
    <t>2405831.0</t>
  </si>
  <si>
    <t>96799.0</t>
  </si>
  <si>
    <t>111238.0</t>
  </si>
  <si>
    <t>164.43</t>
  </si>
  <si>
    <t>72.74</t>
  </si>
  <si>
    <t>12443.0</t>
  </si>
  <si>
    <t>112526834.0</t>
  </si>
  <si>
    <t>292422.0</t>
  </si>
  <si>
    <t>12612.172</t>
  </si>
  <si>
    <t>385956.0</t>
  </si>
  <si>
    <t>43.259</t>
  </si>
  <si>
    <t>14744163.0</t>
  </si>
  <si>
    <t>6507639.0</t>
  </si>
  <si>
    <t>6151407.0</t>
  </si>
  <si>
    <t>2436377.0</t>
  </si>
  <si>
    <t>109777.0</t>
  </si>
  <si>
    <t>164.93</t>
  </si>
  <si>
    <t>12280.0</t>
  </si>
  <si>
    <t>11291.0</t>
  </si>
  <si>
    <t>13527.8</t>
  </si>
  <si>
    <t>1513.24156280968</t>
  </si>
  <si>
    <t>112837480.0</t>
  </si>
  <si>
    <t>310646.0</t>
  </si>
  <si>
    <t>12646.99</t>
  </si>
  <si>
    <t>34.818</t>
  </si>
  <si>
    <t>389543.0</t>
  </si>
  <si>
    <t>43.661</t>
  </si>
  <si>
    <t>14834997.0</t>
  </si>
  <si>
    <t>6515806.0</t>
  </si>
  <si>
    <t>6168562.0</t>
  </si>
  <si>
    <t>2501950.0</t>
  </si>
  <si>
    <t>90834.0</t>
  </si>
  <si>
    <t>109741.0</t>
  </si>
  <si>
    <t>165.95</t>
  </si>
  <si>
    <t>12276.0</t>
  </si>
  <si>
    <t>11042.0</t>
  </si>
  <si>
    <t>339.5</t>
  </si>
  <si>
    <t>113295295.0</t>
  </si>
  <si>
    <t>457815.0</t>
  </si>
  <si>
    <t>12698.302</t>
  </si>
  <si>
    <t>51.313</t>
  </si>
  <si>
    <t>387930.0</t>
  </si>
  <si>
    <t>0.0188</t>
  </si>
  <si>
    <t>14959539.0</t>
  </si>
  <si>
    <t>6527431.0</t>
  </si>
  <si>
    <t>6191261.0</t>
  </si>
  <si>
    <t>2592239.0</t>
  </si>
  <si>
    <t>124542.0</t>
  </si>
  <si>
    <t>111584.0</t>
  </si>
  <si>
    <t>167.34</t>
  </si>
  <si>
    <t>12482.0</t>
  </si>
  <si>
    <t>10912.0</t>
  </si>
  <si>
    <t>113690976.0</t>
  </si>
  <si>
    <t>395681.0</t>
  </si>
  <si>
    <t>12742.651</t>
  </si>
  <si>
    <t>44.349</t>
  </si>
  <si>
    <t>374234.0</t>
  </si>
  <si>
    <t>41.945</t>
  </si>
  <si>
    <t>55.4</t>
  </si>
  <si>
    <t>15017726.0</t>
  </si>
  <si>
    <t>6533786.0</t>
  </si>
  <si>
    <t>6201248.0</t>
  </si>
  <si>
    <t>2634120.0</t>
  </si>
  <si>
    <t>58187.0</t>
  </si>
  <si>
    <t>101216.0</t>
  </si>
  <si>
    <t>167.99</t>
  </si>
  <si>
    <t>11322.0</t>
  </si>
  <si>
    <t>9905.0</t>
  </si>
  <si>
    <t>113992857.0</t>
  </si>
  <si>
    <t>301881.0</t>
  </si>
  <si>
    <t>12776.486</t>
  </si>
  <si>
    <t>33.835</t>
  </si>
  <si>
    <t>350745.0</t>
  </si>
  <si>
    <t>39.312</t>
  </si>
  <si>
    <t>15138639.0</t>
  </si>
  <si>
    <t>6543496.0</t>
  </si>
  <si>
    <t>6223340.0</t>
  </si>
  <si>
    <t>2723276.0</t>
  </si>
  <si>
    <t>120913.0</t>
  </si>
  <si>
    <t>99279.0</t>
  </si>
  <si>
    <t>169.34</t>
  </si>
  <si>
    <t>69.62</t>
  </si>
  <si>
    <t>11106.0</t>
  </si>
  <si>
    <t>114403886.0</t>
  </si>
  <si>
    <t>411029.0</t>
  </si>
  <si>
    <t>12822.555</t>
  </si>
  <si>
    <t>46.069</t>
  </si>
  <si>
    <t>352274.0</t>
  </si>
  <si>
    <t>39.483</t>
  </si>
  <si>
    <t>65.1</t>
  </si>
  <si>
    <t>15294113.0</t>
  </si>
  <si>
    <t>6558140.0</t>
  </si>
  <si>
    <t>6254650.0</t>
  </si>
  <si>
    <t>2832874.0</t>
  </si>
  <si>
    <t>155474.0</t>
  </si>
  <si>
    <t>98747.0</t>
  </si>
  <si>
    <t>11046.0</t>
  </si>
  <si>
    <t>114668040.0</t>
  </si>
  <si>
    <t>264154.0</t>
  </si>
  <si>
    <t>12852.162</t>
  </si>
  <si>
    <t>29.607</t>
  </si>
  <si>
    <t>347661.0</t>
  </si>
  <si>
    <t>38.966</t>
  </si>
  <si>
    <t>15382436.0</t>
  </si>
  <si>
    <t>6570068.0</t>
  </si>
  <si>
    <t>6272967.0</t>
  </si>
  <si>
    <t>2891002.0</t>
  </si>
  <si>
    <t>88323.0</t>
  </si>
  <si>
    <t>97536.0</t>
  </si>
  <si>
    <t>172.07</t>
  </si>
  <si>
    <t>70.17</t>
  </si>
  <si>
    <t>32.34</t>
  </si>
  <si>
    <t>10911.0</t>
  </si>
  <si>
    <t>9629.0</t>
  </si>
  <si>
    <t>114956500.0</t>
  </si>
  <si>
    <t>288460.0</t>
  </si>
  <si>
    <t>12884.493</t>
  </si>
  <si>
    <t>32.331</t>
  </si>
  <si>
    <t>347095.0</t>
  </si>
  <si>
    <t>38.903</t>
  </si>
  <si>
    <t>15421807.0</t>
  </si>
  <si>
    <t>6574452.0</t>
  </si>
  <si>
    <t>6282017.0</t>
  </si>
  <si>
    <t>2916973.0</t>
  </si>
  <si>
    <t>39371.0</t>
  </si>
  <si>
    <t>96806.0</t>
  </si>
  <si>
    <t>172.51</t>
  </si>
  <si>
    <t>10829.0</t>
  </si>
  <si>
    <t>9545.0</t>
  </si>
  <si>
    <t>14019.2</t>
  </si>
  <si>
    <t>30.17</t>
  </si>
  <si>
    <t>1568.21036068995</t>
  </si>
  <si>
    <t>115218023.0</t>
  </si>
  <si>
    <t>261523.0</t>
  </si>
  <si>
    <t>12913.805</t>
  </si>
  <si>
    <t>29.312</t>
  </si>
  <si>
    <t>340078.0</t>
  </si>
  <si>
    <t>38.116</t>
  </si>
  <si>
    <t>15504360.0</t>
  </si>
  <si>
    <t>6582746.0</t>
  </si>
  <si>
    <t>6299085.0</t>
  </si>
  <si>
    <t>2974244.0</t>
  </si>
  <si>
    <t>82553.0</t>
  </si>
  <si>
    <t>95623.0</t>
  </si>
  <si>
    <t>173.43</t>
  </si>
  <si>
    <t>70.46</t>
  </si>
  <si>
    <t>10697.0</t>
  </si>
  <si>
    <t>9563.0</t>
  </si>
  <si>
    <t>2333.0</t>
  </si>
  <si>
    <t>115678700.0</t>
  </si>
  <si>
    <t>460677.0</t>
  </si>
  <si>
    <t>12965.438</t>
  </si>
  <si>
    <t>51.633</t>
  </si>
  <si>
    <t>340486.0</t>
  </si>
  <si>
    <t>38.162</t>
  </si>
  <si>
    <t>15608164.0</t>
  </si>
  <si>
    <t>6593922.0</t>
  </si>
  <si>
    <t>6318972.0</t>
  </si>
  <si>
    <t>3047055.0</t>
  </si>
  <si>
    <t>103804.0</t>
  </si>
  <si>
    <t>92661.0</t>
  </si>
  <si>
    <t>174.6</t>
  </si>
  <si>
    <t>10365.0</t>
  </si>
  <si>
    <t>9499.0</t>
  </si>
  <si>
    <t>62.195</t>
  </si>
  <si>
    <t>247.326</t>
  </si>
  <si>
    <t>116145233.0</t>
  </si>
  <si>
    <t>466533.0</t>
  </si>
  <si>
    <t>13017.728</t>
  </si>
  <si>
    <t>52.29</t>
  </si>
  <si>
    <t>350608.0</t>
  </si>
  <si>
    <t>39.297</t>
  </si>
  <si>
    <t>88.4</t>
  </si>
  <si>
    <t>15728372.0</t>
  </si>
  <si>
    <t>6605667.0</t>
  </si>
  <si>
    <t>6341148.0</t>
  </si>
  <si>
    <t>3133406.0</t>
  </si>
  <si>
    <t>120208.0</t>
  </si>
  <si>
    <t>101521.0</t>
  </si>
  <si>
    <t>175.94</t>
  </si>
  <si>
    <t>35.05</t>
  </si>
  <si>
    <t>11356.0</t>
  </si>
  <si>
    <t>10269.0</t>
  </si>
  <si>
    <t>116555934.0</t>
  </si>
  <si>
    <t>410701.0</t>
  </si>
  <si>
    <t>13063.76</t>
  </si>
  <si>
    <t>46.032</t>
  </si>
  <si>
    <t>366154.0</t>
  </si>
  <si>
    <t>41.039</t>
  </si>
  <si>
    <t>99.2</t>
  </si>
  <si>
    <t>15849905.0</t>
  </si>
  <si>
    <t>6617405.0</t>
  </si>
  <si>
    <t>6362621.0</t>
  </si>
  <si>
    <t>3221827.0</t>
  </si>
  <si>
    <t>121533.0</t>
  </si>
  <si>
    <t>101609.0</t>
  </si>
  <si>
    <t>71.17</t>
  </si>
  <si>
    <t>11366.0</t>
  </si>
  <si>
    <t>10558.0</t>
  </si>
  <si>
    <t>56.49</t>
  </si>
  <si>
    <t>116984758.0</t>
  </si>
  <si>
    <t>428824.0</t>
  </si>
  <si>
    <t>13111.823</t>
  </si>
  <si>
    <t>48.063</t>
  </si>
  <si>
    <t>368696.0</t>
  </si>
  <si>
    <t>41.324</t>
  </si>
  <si>
    <t>15983012.0</t>
  </si>
  <si>
    <t>6630996.0</t>
  </si>
  <si>
    <t>6390852.0</t>
  </si>
  <si>
    <t>3313216.0</t>
  </si>
  <si>
    <t>133107.0</t>
  </si>
  <si>
    <t>98414.0</t>
  </si>
  <si>
    <t>178.79</t>
  </si>
  <si>
    <t>11009.0</t>
  </si>
  <si>
    <t>10408.0</t>
  </si>
  <si>
    <t>1774.0</t>
  </si>
  <si>
    <t>198.443</t>
  </si>
  <si>
    <t>117317627.0</t>
  </si>
  <si>
    <t>332869.0</t>
  </si>
  <si>
    <t>13149.131</t>
  </si>
  <si>
    <t>37.308</t>
  </si>
  <si>
    <t>378512.0</t>
  </si>
  <si>
    <t>42.424</t>
  </si>
  <si>
    <t>110.2</t>
  </si>
  <si>
    <t>16062198.0</t>
  </si>
  <si>
    <t>6641242.0</t>
  </si>
  <si>
    <t>6408882.0</t>
  </si>
  <si>
    <t>3364162.0</t>
  </si>
  <si>
    <t>79186.0</t>
  </si>
  <si>
    <t>97109.0</t>
  </si>
  <si>
    <t>179.67</t>
  </si>
  <si>
    <t>74.29</t>
  </si>
  <si>
    <t>10863.0</t>
  </si>
  <si>
    <t>10168.0</t>
  </si>
  <si>
    <t>117580481.0</t>
  </si>
  <si>
    <t>262854.0</t>
  </si>
  <si>
    <t>13178.592</t>
  </si>
  <si>
    <t>29.461</t>
  </si>
  <si>
    <t>374854.0</t>
  </si>
  <si>
    <t>42.014</t>
  </si>
  <si>
    <t>121.7</t>
  </si>
  <si>
    <t>16106558.0</t>
  </si>
  <si>
    <t>6646580.0</t>
  </si>
  <si>
    <t>6419173.0</t>
  </si>
  <si>
    <t>3392923.0</t>
  </si>
  <si>
    <t>44360.0</t>
  </si>
  <si>
    <t>97822.0</t>
  </si>
  <si>
    <t>180.17</t>
  </si>
  <si>
    <t>74.35</t>
  </si>
  <si>
    <t>37.95</t>
  </si>
  <si>
    <t>10304.0</t>
  </si>
  <si>
    <t>14316.8</t>
  </si>
  <si>
    <t>18.23</t>
  </si>
  <si>
    <t>1601.50037747702</t>
  </si>
  <si>
    <t>117832609.0</t>
  </si>
  <si>
    <t>252128.0</t>
  </si>
  <si>
    <t>13206.851</t>
  </si>
  <si>
    <t>28.259</t>
  </si>
  <si>
    <t>373512.0</t>
  </si>
  <si>
    <t>41.864</t>
  </si>
  <si>
    <t>128.9</t>
  </si>
  <si>
    <t>16190056.0</t>
  </si>
  <si>
    <t>6655186.0</t>
  </si>
  <si>
    <t>6437137.0</t>
  </si>
  <si>
    <t>3449896.0</t>
  </si>
  <si>
    <t>83498.0</t>
  </si>
  <si>
    <t>97957.0</t>
  </si>
  <si>
    <t>181.1</t>
  </si>
  <si>
    <t>10958.0</t>
  </si>
  <si>
    <t>10349.0</t>
  </si>
  <si>
    <t>118149583.0</t>
  </si>
  <si>
    <t>316974.0</t>
  </si>
  <si>
    <t>13242.378</t>
  </si>
  <si>
    <t>35.527</t>
  </si>
  <si>
    <t>352983.0</t>
  </si>
  <si>
    <t>39.563</t>
  </si>
  <si>
    <t>130.7</t>
  </si>
  <si>
    <t>16276923.0</t>
  </si>
  <si>
    <t>6665051.0</t>
  </si>
  <si>
    <t>6458199.0</t>
  </si>
  <si>
    <t>3505885.0</t>
  </si>
  <si>
    <t>86867.0</t>
  </si>
  <si>
    <t>95537.0</t>
  </si>
  <si>
    <t>182.08</t>
  </si>
  <si>
    <t>39.22</t>
  </si>
  <si>
    <t>10687.0</t>
  </si>
  <si>
    <t>10161.0</t>
  </si>
  <si>
    <t>50.45</t>
  </si>
  <si>
    <t>118688041.0</t>
  </si>
  <si>
    <t>538458.0</t>
  </si>
  <si>
    <t>13302.729</t>
  </si>
  <si>
    <t>60.351</t>
  </si>
  <si>
    <t>363258.0</t>
  </si>
  <si>
    <t>40.714</t>
  </si>
  <si>
    <t>141.9</t>
  </si>
  <si>
    <t>16357749.0</t>
  </si>
  <si>
    <t>6673502.0</t>
  </si>
  <si>
    <t>6478021.0</t>
  </si>
  <si>
    <t>3558485.0</t>
  </si>
  <si>
    <t>80826.0</t>
  </si>
  <si>
    <t>89911.0</t>
  </si>
  <si>
    <t>182.98</t>
  </si>
  <si>
    <t>72.46</t>
  </si>
  <si>
    <t>10058.0</t>
  </si>
  <si>
    <t>119026243.0</t>
  </si>
  <si>
    <t>338202.0</t>
  </si>
  <si>
    <t>13340.635</t>
  </si>
  <si>
    <t>37.906</t>
  </si>
  <si>
    <t>352901.0</t>
  </si>
  <si>
    <t>39.554</t>
  </si>
  <si>
    <t>16405046.0</t>
  </si>
  <si>
    <t>6678692.0</t>
  </si>
  <si>
    <t>6491047.0</t>
  </si>
  <si>
    <t>3587598.0</t>
  </si>
  <si>
    <t>47297.0</t>
  </si>
  <si>
    <t>79306.0</t>
  </si>
  <si>
    <t>74.71</t>
  </si>
  <si>
    <t>40.13</t>
  </si>
  <si>
    <t>8871.0</t>
  </si>
  <si>
    <t>143.742</t>
  </si>
  <si>
    <t>119534266.0</t>
  </si>
  <si>
    <t>508023.0</t>
  </si>
  <si>
    <t>13397.575</t>
  </si>
  <si>
    <t>364215.0</t>
  </si>
  <si>
    <t>160.9</t>
  </si>
  <si>
    <t>16411686.0</t>
  </si>
  <si>
    <t>6679479.0</t>
  </si>
  <si>
    <t>6493145.0</t>
  </si>
  <si>
    <t>3591358.0</t>
  </si>
  <si>
    <t>61239.0</t>
  </si>
  <si>
    <t>183.58</t>
  </si>
  <si>
    <t>74.72</t>
  </si>
  <si>
    <t>40.17</t>
  </si>
  <si>
    <t>6926.0</t>
  </si>
  <si>
    <t>119923778.0</t>
  </si>
  <si>
    <t>389512.0</t>
  </si>
  <si>
    <t>13441.232</t>
  </si>
  <si>
    <t>43.657</t>
  </si>
  <si>
    <t>372307.0</t>
  </si>
  <si>
    <t>41.729</t>
  </si>
  <si>
    <t>169.1</t>
  </si>
  <si>
    <t>16415992.0</t>
  </si>
  <si>
    <t>6680026.0</t>
  </si>
  <si>
    <t>6494604.0</t>
  </si>
  <si>
    <t>3593660.0</t>
  </si>
  <si>
    <t>4306.0</t>
  </si>
  <si>
    <t>50542.0</t>
  </si>
  <si>
    <t>183.63</t>
  </si>
  <si>
    <t>134.57</t>
  </si>
  <si>
    <t>120214287.0</t>
  </si>
  <si>
    <t>290509.0</t>
  </si>
  <si>
    <t>13473.793</t>
  </si>
  <si>
    <t>32.561</t>
  </si>
  <si>
    <t>376258.0</t>
  </si>
  <si>
    <t>42.172</t>
  </si>
  <si>
    <t>16431927.0</t>
  </si>
  <si>
    <t>6681829.0</t>
  </si>
  <si>
    <t>6499626.0</t>
  </si>
  <si>
    <t>3602774.0</t>
  </si>
  <si>
    <t>183.81</t>
  </si>
  <si>
    <t>72.71</t>
  </si>
  <si>
    <t>40.3</t>
  </si>
  <si>
    <t>14493.6</t>
  </si>
  <si>
    <t>1621.2775111059</t>
  </si>
  <si>
    <t>120407619.0</t>
  </si>
  <si>
    <t>193332.0</t>
  </si>
  <si>
    <t>13495.462</t>
  </si>
  <si>
    <t>21.669</t>
  </si>
  <si>
    <t>367859.0</t>
  </si>
  <si>
    <t>173.7</t>
  </si>
  <si>
    <t>16488332.0</t>
  </si>
  <si>
    <t>6687675.0</t>
  </si>
  <si>
    <t>6516396.0</t>
  </si>
  <si>
    <t>3636585.0</t>
  </si>
  <si>
    <t>56405.0</t>
  </si>
  <si>
    <t>42611.0</t>
  </si>
  <si>
    <t>184.44</t>
  </si>
  <si>
    <t>122603900.0</t>
  </si>
  <si>
    <t>2196281.0</t>
  </si>
  <si>
    <t>13741.624</t>
  </si>
  <si>
    <t>246.162</t>
  </si>
  <si>
    <t>636331.0</t>
  </si>
  <si>
    <t>71.321</t>
  </si>
  <si>
    <t>303.6</t>
  </si>
  <si>
    <t>16543928.0</t>
  </si>
  <si>
    <t>6693910.0</t>
  </si>
  <si>
    <t>6533730.0</t>
  </si>
  <si>
    <t>3668647.0</t>
  </si>
  <si>
    <t>55596.0</t>
  </si>
  <si>
    <t>38144.0</t>
  </si>
  <si>
    <t>185.06</t>
  </si>
  <si>
    <t>4123.0</t>
  </si>
  <si>
    <t>122921131.0</t>
  </si>
  <si>
    <t>317231.0</t>
  </si>
  <si>
    <t>13777.18</t>
  </si>
  <si>
    <t>35.556</t>
  </si>
  <si>
    <t>604727.0</t>
  </si>
  <si>
    <t>67.779</t>
  </si>
  <si>
    <t>276.3</t>
  </si>
  <si>
    <t>16596758.0</t>
  </si>
  <si>
    <t>6699438.0</t>
  </si>
  <si>
    <t>6548856.0</t>
  </si>
  <si>
    <t>3700848.0</t>
  </si>
  <si>
    <t>52830.0</t>
  </si>
  <si>
    <t>34144.0</t>
  </si>
  <si>
    <t>185.65</t>
  </si>
  <si>
    <t>74.94</t>
  </si>
  <si>
    <t>123226848.0</t>
  </si>
  <si>
    <t>305717.0</t>
  </si>
  <si>
    <t>13811.445</t>
  </si>
  <si>
    <t>34.265</t>
  </si>
  <si>
    <t>600086.0</t>
  </si>
  <si>
    <t>67.259</t>
  </si>
  <si>
    <t>16634620.0</t>
  </si>
  <si>
    <t>6703512.0</t>
  </si>
  <si>
    <t>6560987.0</t>
  </si>
  <si>
    <t>3722536.0</t>
  </si>
  <si>
    <t>37862.0</t>
  </si>
  <si>
    <t>186.08</t>
  </si>
  <si>
    <t>73.39</t>
  </si>
  <si>
    <t>123579209.0</t>
  </si>
  <si>
    <t>352361.0</t>
  </si>
  <si>
    <t>13850.938</t>
  </si>
  <si>
    <t>39.493</t>
  </si>
  <si>
    <t>577849.0</t>
  </si>
  <si>
    <t>64.766</t>
  </si>
  <si>
    <t>16643799.0</t>
  </si>
  <si>
    <t>6704277.0</t>
  </si>
  <si>
    <t>6563986.0</t>
  </si>
  <si>
    <t>3727957.0</t>
  </si>
  <si>
    <t>9179.0</t>
  </si>
  <si>
    <t>33159.0</t>
  </si>
  <si>
    <t>186.18</t>
  </si>
  <si>
    <t>3709.0</t>
  </si>
  <si>
    <t>123907877.0</t>
  </si>
  <si>
    <t>328668.0</t>
  </si>
  <si>
    <t>13887.776</t>
  </si>
  <si>
    <t>36.838</t>
  </si>
  <si>
    <t>569157.0</t>
  </si>
  <si>
    <t>63.792</t>
  </si>
  <si>
    <t>216.3</t>
  </si>
  <si>
    <t>16647143.0</t>
  </si>
  <si>
    <t>6704602.0</t>
  </si>
  <si>
    <t>6565366.0</t>
  </si>
  <si>
    <t>3729596.0</t>
  </si>
  <si>
    <t>33022.0</t>
  </si>
  <si>
    <t>73.44</t>
  </si>
  <si>
    <t>41.72</t>
  </si>
  <si>
    <t>124106426.0</t>
  </si>
  <si>
    <t>198549.0</t>
  </si>
  <si>
    <t>13910.03</t>
  </si>
  <si>
    <t>22.254</t>
  </si>
  <si>
    <t>556020.0</t>
  </si>
  <si>
    <t>62.32</t>
  </si>
  <si>
    <t>16666351.0</t>
  </si>
  <si>
    <t>6706376.0</t>
  </si>
  <si>
    <t>6573529.0</t>
  </si>
  <si>
    <t>3738884.0</t>
  </si>
  <si>
    <t>19208.0</t>
  </si>
  <si>
    <t>33489.0</t>
  </si>
  <si>
    <t>186.43</t>
  </si>
  <si>
    <t>41.82</t>
  </si>
  <si>
    <t>14596.8</t>
  </si>
  <si>
    <t>1632.82162983045</t>
  </si>
  <si>
    <t>124304551.0</t>
  </si>
  <si>
    <t>198125.0</t>
  </si>
  <si>
    <t>13932.236</t>
  </si>
  <si>
    <t>22.206</t>
  </si>
  <si>
    <t>556705.0</t>
  </si>
  <si>
    <t>62.396</t>
  </si>
  <si>
    <t>182.3</t>
  </si>
  <si>
    <t>16710921.0</t>
  </si>
  <si>
    <t>6710951.0</t>
  </si>
  <si>
    <t>6590256.0</t>
  </si>
  <si>
    <t>3762168.0</t>
  </si>
  <si>
    <t>31798.0</t>
  </si>
  <si>
    <t>186.93</t>
  </si>
  <si>
    <t>73.72</t>
  </si>
  <si>
    <t>42.08</t>
  </si>
  <si>
    <t>124636283.0</t>
  </si>
  <si>
    <t>331732.0</t>
  </si>
  <si>
    <t>13969.417</t>
  </si>
  <si>
    <t>37.181</t>
  </si>
  <si>
    <t>290340.0</t>
  </si>
  <si>
    <t>32.542</t>
  </si>
  <si>
    <t>16760972.0</t>
  </si>
  <si>
    <t>6716748.0</t>
  </si>
  <si>
    <t>6606689.0</t>
  </si>
  <si>
    <t>3790023.0</t>
  </si>
  <si>
    <t>50051.0</t>
  </si>
  <si>
    <t>31006.0</t>
  </si>
  <si>
    <t>125206869.0</t>
  </si>
  <si>
    <t>570586.0</t>
  </si>
  <si>
    <t>14033.369</t>
  </si>
  <si>
    <t>63.952</t>
  </si>
  <si>
    <t>326534.0</t>
  </si>
  <si>
    <t>36.598</t>
  </si>
  <si>
    <t>86.2</t>
  </si>
  <si>
    <t>16816690.0</t>
  </si>
  <si>
    <t>6722725.0</t>
  </si>
  <si>
    <t>6622480.0</t>
  </si>
  <si>
    <t>3824015.0</t>
  </si>
  <si>
    <t>31419.0</t>
  </si>
  <si>
    <t>3327.0</t>
  </si>
  <si>
    <t>32.328</t>
  </si>
  <si>
    <t>105.597</t>
  </si>
  <si>
    <t>125526389.0</t>
  </si>
  <si>
    <t>319520.0</t>
  </si>
  <si>
    <t>14069.181</t>
  </si>
  <si>
    <t>35.812</t>
  </si>
  <si>
    <t>328506.0</t>
  </si>
  <si>
    <t>36.819</t>
  </si>
  <si>
    <t>69.1</t>
  </si>
  <si>
    <t>16836069.0</t>
  </si>
  <si>
    <t>6724682.0</t>
  </si>
  <si>
    <t>6627021.0</t>
  </si>
  <si>
    <t>3836914.0</t>
  </si>
  <si>
    <t>19379.0</t>
  </si>
  <si>
    <t>28778.0</t>
  </si>
  <si>
    <t>188.33</t>
  </si>
  <si>
    <t>74.13</t>
  </si>
  <si>
    <t>125857538.0</t>
  </si>
  <si>
    <t>331149.0</t>
  </si>
  <si>
    <t>14106.297</t>
  </si>
  <si>
    <t>37.116</t>
  </si>
  <si>
    <t>325476.0</t>
  </si>
  <si>
    <t>0.0171</t>
  </si>
  <si>
    <t>16903245.0</t>
  </si>
  <si>
    <t>6731316.0</t>
  </si>
  <si>
    <t>6644199.0</t>
  </si>
  <si>
    <t>3880300.0</t>
  </si>
  <si>
    <t>67176.0</t>
  </si>
  <si>
    <t>189.08</t>
  </si>
  <si>
    <t>43.41</t>
  </si>
  <si>
    <t>126329247.0</t>
  </si>
  <si>
    <t>471709.0</t>
  </si>
  <si>
    <t>14159.167</t>
  </si>
  <si>
    <t>345910.0</t>
  </si>
  <si>
    <t>0.0182</t>
  </si>
  <si>
    <t>16946855.0</t>
  </si>
  <si>
    <t>6735695.0</t>
  </si>
  <si>
    <t>6655238.0</t>
  </si>
  <si>
    <t>3908497.0</t>
  </si>
  <si>
    <t>43610.0</t>
  </si>
  <si>
    <t>42816.0</t>
  </si>
  <si>
    <t>189.57</t>
  </si>
  <si>
    <t>43.72</t>
  </si>
  <si>
    <t>4789.0</t>
  </si>
  <si>
    <t>126775946.0</t>
  </si>
  <si>
    <t>446699.0</t>
  </si>
  <si>
    <t>14209.233</t>
  </si>
  <si>
    <t>50.067</t>
  </si>
  <si>
    <t>381360.0</t>
  </si>
  <si>
    <t>42.743</t>
  </si>
  <si>
    <t>56.4</t>
  </si>
  <si>
    <t>16965842.0</t>
  </si>
  <si>
    <t>6737865.0</t>
  </si>
  <si>
    <t>6660978.0</t>
  </si>
  <si>
    <t>3919577.0</t>
  </si>
  <si>
    <t>18987.0</t>
  </si>
  <si>
    <t>42784.0</t>
  </si>
  <si>
    <t>189.78</t>
  </si>
  <si>
    <t>4786.0</t>
  </si>
  <si>
    <t>4498.0</t>
  </si>
  <si>
    <t>14511.8</t>
  </si>
  <si>
    <t>-4.62</t>
  </si>
  <si>
    <t>1623.31339250887</t>
  </si>
  <si>
    <t>127304318.0</t>
  </si>
  <si>
    <t>528372.0</t>
  </si>
  <si>
    <t>14268.454</t>
  </si>
  <si>
    <t>59.221</t>
  </si>
  <si>
    <t>428538.0</t>
  </si>
  <si>
    <t>48.031</t>
  </si>
  <si>
    <t>17010137.0</t>
  </si>
  <si>
    <t>6742109.0</t>
  </si>
  <si>
    <t>6671897.0</t>
  </si>
  <si>
    <t>3948733.0</t>
  </si>
  <si>
    <t>44295.0</t>
  </si>
  <si>
    <t>42745.0</t>
  </si>
  <si>
    <t>190.28</t>
  </si>
  <si>
    <t>75.42</t>
  </si>
  <si>
    <t>4782.0</t>
  </si>
  <si>
    <t>101.57</t>
  </si>
  <si>
    <t>127820079.0</t>
  </si>
  <si>
    <t>515761.0</t>
  </si>
  <si>
    <t>14326.261</t>
  </si>
  <si>
    <t>57.807</t>
  </si>
  <si>
    <t>454828.0</t>
  </si>
  <si>
    <t>50.978</t>
  </si>
  <si>
    <t>17065155.0</t>
  </si>
  <si>
    <t>6747746.0</t>
  </si>
  <si>
    <t>6685717.0</t>
  </si>
  <si>
    <t>3984325.0</t>
  </si>
  <si>
    <t>55018.0</t>
  </si>
  <si>
    <t>43455.0</t>
  </si>
  <si>
    <t>190.89</t>
  </si>
  <si>
    <t>44.57</t>
  </si>
  <si>
    <t>4861.0</t>
  </si>
  <si>
    <t>26.959</t>
  </si>
  <si>
    <t>129290067.0</t>
  </si>
  <si>
    <t>1469988.0</t>
  </si>
  <si>
    <t>14491.02</t>
  </si>
  <si>
    <t>164.758</t>
  </si>
  <si>
    <t>583314.0</t>
  </si>
  <si>
    <t>65.379</t>
  </si>
  <si>
    <t>17124004.0</t>
  </si>
  <si>
    <t>6753416.0</t>
  </si>
  <si>
    <t>6698713.0</t>
  </si>
  <si>
    <t>4024521.0</t>
  </si>
  <si>
    <t>43902.0</t>
  </si>
  <si>
    <t>191.55</t>
  </si>
  <si>
    <t>129772258.0</t>
  </si>
  <si>
    <t>482191.0</t>
  </si>
  <si>
    <t>14545.064</t>
  </si>
  <si>
    <t>54.045</t>
  </si>
  <si>
    <t>606553.0</t>
  </si>
  <si>
    <t>67.983</t>
  </si>
  <si>
    <t>17183875.0</t>
  </si>
  <si>
    <t>6760057.0</t>
  </si>
  <si>
    <t>6711652.0</t>
  </si>
  <si>
    <t>4064829.0</t>
  </si>
  <si>
    <t>59871.0</t>
  </si>
  <si>
    <t>49687.0</t>
  </si>
  <si>
    <t>192.22</t>
  </si>
  <si>
    <t>75.62</t>
  </si>
  <si>
    <t>45.47</t>
  </si>
  <si>
    <t>5558.0</t>
  </si>
  <si>
    <t>130508707.0</t>
  </si>
  <si>
    <t>736449.0</t>
  </si>
  <si>
    <t>14627.607</t>
  </si>
  <si>
    <t>82.542</t>
  </si>
  <si>
    <t>664453.0</t>
  </si>
  <si>
    <t>74.473</t>
  </si>
  <si>
    <t>17253469.0</t>
  </si>
  <si>
    <t>6767306.0</t>
  </si>
  <si>
    <t>6725521.0</t>
  </si>
  <si>
    <t>4113331.0</t>
  </si>
  <si>
    <t>69594.0</t>
  </si>
  <si>
    <t>50032.0</t>
  </si>
  <si>
    <t>75.23</t>
  </si>
  <si>
    <t>46.01</t>
  </si>
  <si>
    <t>5597.0</t>
  </si>
  <si>
    <t>131008822.0</t>
  </si>
  <si>
    <t>500115.0</t>
  </si>
  <si>
    <t>14683.66</t>
  </si>
  <si>
    <t>56.054</t>
  </si>
  <si>
    <t>668511.0</t>
  </si>
  <si>
    <t>74.928</t>
  </si>
  <si>
    <t>17288286.0</t>
  </si>
  <si>
    <t>6771321.0</t>
  </si>
  <si>
    <t>6732825.0</t>
  </si>
  <si>
    <t>4136842.0</t>
  </si>
  <si>
    <t>34817.0</t>
  </si>
  <si>
    <t>48776.0</t>
  </si>
  <si>
    <t>193.39</t>
  </si>
  <si>
    <t>5456.0</t>
  </si>
  <si>
    <t>131737166.0</t>
  </si>
  <si>
    <t>728344.0</t>
  </si>
  <si>
    <t>14765.294</t>
  </si>
  <si>
    <t>81.634</t>
  </si>
  <si>
    <t>708746.0</t>
  </si>
  <si>
    <t>79.437</t>
  </si>
  <si>
    <t>0.0205</t>
  </si>
  <si>
    <t>48.8</t>
  </si>
  <si>
    <t>17303534.0</t>
  </si>
  <si>
    <t>6773506.0</t>
  </si>
  <si>
    <t>6736068.0</t>
  </si>
  <si>
    <t>4146672.0</t>
  </si>
  <si>
    <t>15248.0</t>
  </si>
  <si>
    <t>48242.0</t>
  </si>
  <si>
    <t>193.56</t>
  </si>
  <si>
    <t>14301.8</t>
  </si>
  <si>
    <t>-11.12</t>
  </si>
  <si>
    <t>1599.8224532438</t>
  </si>
  <si>
    <t>23.603</t>
  </si>
  <si>
    <t>132190174.0</t>
  </si>
  <si>
    <t>453008.0</t>
  </si>
  <si>
    <t>14816.068</t>
  </si>
  <si>
    <t>50.774</t>
  </si>
  <si>
    <t>697979.0</t>
  </si>
  <si>
    <t>78.231</t>
  </si>
  <si>
    <t>17339998.0</t>
  </si>
  <si>
    <t>6777729.0</t>
  </si>
  <si>
    <t>6742946.0</t>
  </si>
  <si>
    <t>4172049.0</t>
  </si>
  <si>
    <t>36464.0</t>
  </si>
  <si>
    <t>47123.0</t>
  </si>
  <si>
    <t>193.97</t>
  </si>
  <si>
    <t>132722605.0</t>
  </si>
  <si>
    <t>532431.0</t>
  </si>
  <si>
    <t>14875.744</t>
  </si>
  <si>
    <t>59.676</t>
  </si>
  <si>
    <t>700361.0</t>
  </si>
  <si>
    <t>78.497</t>
  </si>
  <si>
    <t>17380125.0</t>
  </si>
  <si>
    <t>6782800.0</t>
  </si>
  <si>
    <t>6750857.0</t>
  </si>
  <si>
    <t>4199207.0</t>
  </si>
  <si>
    <t>40127.0</t>
  </si>
  <si>
    <t>44996.0</t>
  </si>
  <si>
    <t>194.42</t>
  </si>
  <si>
    <t>46.97</t>
  </si>
  <si>
    <t>21.589</t>
  </si>
  <si>
    <t>133564965.0</t>
  </si>
  <si>
    <t>842360.0</t>
  </si>
  <si>
    <t>14970.157</t>
  </si>
  <si>
    <t>94.413</t>
  </si>
  <si>
    <t>610700.0</t>
  </si>
  <si>
    <t>68.448</t>
  </si>
  <si>
    <t>17423895.0</t>
  </si>
  <si>
    <t>6787750.0</t>
  </si>
  <si>
    <t>6758670.0</t>
  </si>
  <si>
    <t>4230235.0</t>
  </si>
  <si>
    <t>43770.0</t>
  </si>
  <si>
    <t>42842.0</t>
  </si>
  <si>
    <t>194.91</t>
  </si>
  <si>
    <t>47.32</t>
  </si>
  <si>
    <t>134953242.0</t>
  </si>
  <si>
    <t>1388277.0</t>
  </si>
  <si>
    <t>15125.757</t>
  </si>
  <si>
    <t>155.6</t>
  </si>
  <si>
    <t>740141.0</t>
  </si>
  <si>
    <t>82.956</t>
  </si>
  <si>
    <t>17465729.0</t>
  </si>
  <si>
    <t>6792687.0</t>
  </si>
  <si>
    <t>6766116.0</t>
  </si>
  <si>
    <t>4259714.0</t>
  </si>
  <si>
    <t>41834.0</t>
  </si>
  <si>
    <t>40265.0</t>
  </si>
  <si>
    <t>47.65</t>
  </si>
  <si>
    <t>4504.0</t>
  </si>
  <si>
    <t>135570022.0</t>
  </si>
  <si>
    <t>616780.0</t>
  </si>
  <si>
    <t>15194.886</t>
  </si>
  <si>
    <t>723045.0</t>
  </si>
  <si>
    <t>81.04</t>
  </si>
  <si>
    <t>37.1</t>
  </si>
  <si>
    <t>17514905.0</t>
  </si>
  <si>
    <t>6798622.0</t>
  </si>
  <si>
    <t>6774660.0</t>
  </si>
  <si>
    <t>4294435.0</t>
  </si>
  <si>
    <t>195.92</t>
  </si>
  <si>
    <t>4474.0</t>
  </si>
  <si>
    <t>723344.0</t>
  </si>
  <si>
    <t>81.073</t>
  </si>
  <si>
    <t>33.9</t>
  </si>
  <si>
    <t>17539282.0</t>
  </si>
  <si>
    <t>6801432.0</t>
  </si>
  <si>
    <t>6779037.0</t>
  </si>
  <si>
    <t>4311635.0</t>
  </si>
  <si>
    <t>24377.0</t>
  </si>
  <si>
    <t>35857.0</t>
  </si>
  <si>
    <t>4302.0</t>
  </si>
  <si>
    <t>127.41</t>
  </si>
  <si>
    <t>136574442.0</t>
  </si>
  <si>
    <t>15307.463</t>
  </si>
  <si>
    <t>691039.0</t>
  </si>
  <si>
    <t>77.453</t>
  </si>
  <si>
    <t>17548964.0</t>
  </si>
  <si>
    <t>6802674.0</t>
  </si>
  <si>
    <t>6780988.0</t>
  </si>
  <si>
    <t>4318128.0</t>
  </si>
  <si>
    <t>9682.0</t>
  </si>
  <si>
    <t>35061.0</t>
  </si>
  <si>
    <t>196.31</t>
  </si>
  <si>
    <t>14299.4</t>
  </si>
  <si>
    <t>1599.55398536649</t>
  </si>
  <si>
    <t>137032063.0</t>
  </si>
  <si>
    <t>457621.0</t>
  </si>
  <si>
    <t>15358.754</t>
  </si>
  <si>
    <t>51.291</t>
  </si>
  <si>
    <t>691698.0</t>
  </si>
  <si>
    <t>77.527</t>
  </si>
  <si>
    <t>17572980.0</t>
  </si>
  <si>
    <t>6805731.0</t>
  </si>
  <si>
    <t>6785558.0</t>
  </si>
  <si>
    <t>4334523.0</t>
  </si>
  <si>
    <t>24016.0</t>
  </si>
  <si>
    <t>33283.0</t>
  </si>
  <si>
    <t>196.57</t>
  </si>
  <si>
    <t>137566059.0</t>
  </si>
  <si>
    <t>533996.0</t>
  </si>
  <si>
    <t>15418.605</t>
  </si>
  <si>
    <t>59.851</t>
  </si>
  <si>
    <t>691922.0</t>
  </si>
  <si>
    <t>77.552</t>
  </si>
  <si>
    <t>0.0364</t>
  </si>
  <si>
    <t>17601124.0</t>
  </si>
  <si>
    <t>6809332.0</t>
  </si>
  <si>
    <t>6791197.0</t>
  </si>
  <si>
    <t>4353437.0</t>
  </si>
  <si>
    <t>28144.0</t>
  </si>
  <si>
    <t>196.89</t>
  </si>
  <si>
    <t>75.97</t>
  </si>
  <si>
    <t>3532.0</t>
  </si>
  <si>
    <t>3790.0</t>
  </si>
  <si>
    <t>146.874</t>
  </si>
  <si>
    <t>138357196.0</t>
  </si>
  <si>
    <t>791137.0</t>
  </si>
  <si>
    <t>15507.277</t>
  </si>
  <si>
    <t>88.672</t>
  </si>
  <si>
    <t>684604.0</t>
  </si>
  <si>
    <t>76.731</t>
  </si>
  <si>
    <t>17632200.0</t>
  </si>
  <si>
    <t>6812827.0</t>
  </si>
  <si>
    <t>6796917.0</t>
  </si>
  <si>
    <t>4375329.0</t>
  </si>
  <si>
    <t>31076.0</t>
  </si>
  <si>
    <t>29758.0</t>
  </si>
  <si>
    <t>197.24</t>
  </si>
  <si>
    <t>140092739.0</t>
  </si>
  <si>
    <t>1735543.0</t>
  </si>
  <si>
    <t>15701.799</t>
  </si>
  <si>
    <t>194.522</t>
  </si>
  <si>
    <t>734214.0</t>
  </si>
  <si>
    <t>82.292</t>
  </si>
  <si>
    <t>0.0379</t>
  </si>
  <si>
    <t>17665196.0</t>
  </si>
  <si>
    <t>6816357.0</t>
  </si>
  <si>
    <t>6802280.0</t>
  </si>
  <si>
    <t>4399441.0</t>
  </si>
  <si>
    <t>32996.0</t>
  </si>
  <si>
    <t>28495.0</t>
  </si>
  <si>
    <t>197.61</t>
  </si>
  <si>
    <t>49.21</t>
  </si>
  <si>
    <t>3381.0</t>
  </si>
  <si>
    <t>140794358.0</t>
  </si>
  <si>
    <t>701619.0</t>
  </si>
  <si>
    <t>15780.438</t>
  </si>
  <si>
    <t>78.638</t>
  </si>
  <si>
    <t>746334.0</t>
  </si>
  <si>
    <t>17707094.0</t>
  </si>
  <si>
    <t>6820273.0</t>
  </si>
  <si>
    <t>6810278.0</t>
  </si>
  <si>
    <t>4429449.0</t>
  </si>
  <si>
    <t>41898.0</t>
  </si>
  <si>
    <t>27456.0</t>
  </si>
  <si>
    <t>198.07</t>
  </si>
  <si>
    <t>155.711</t>
  </si>
  <si>
    <t>141362492.0</t>
  </si>
  <si>
    <t>568134.0</t>
  </si>
  <si>
    <t>15844.115</t>
  </si>
  <si>
    <t>63.677</t>
  </si>
  <si>
    <t>755751.0</t>
  </si>
  <si>
    <t>84.706</t>
  </si>
  <si>
    <t>0.0404</t>
  </si>
  <si>
    <t>17734401.0</t>
  </si>
  <si>
    <t>6822333.0</t>
  </si>
  <si>
    <t>6815377.0</t>
  </si>
  <si>
    <t>4449608.0</t>
  </si>
  <si>
    <t>27307.0</t>
  </si>
  <si>
    <t>27874.0</t>
  </si>
  <si>
    <t>198.38</t>
  </si>
  <si>
    <t>76.24</t>
  </si>
  <si>
    <t>141788278.0</t>
  </si>
  <si>
    <t>425786.0</t>
  </si>
  <si>
    <t>15891.838</t>
  </si>
  <si>
    <t>47.723</t>
  </si>
  <si>
    <t>744834.0</t>
  </si>
  <si>
    <t>83.482</t>
  </si>
  <si>
    <t>17749347.0</t>
  </si>
  <si>
    <t>6823100.0</t>
  </si>
  <si>
    <t>6817761.0</t>
  </si>
  <si>
    <t>4461404.0</t>
  </si>
  <si>
    <t>14946.0</t>
  </si>
  <si>
    <t>28626.0</t>
  </si>
  <si>
    <t>198.55</t>
  </si>
  <si>
    <t>49.91</t>
  </si>
  <si>
    <t>3202.0</t>
  </si>
  <si>
    <t>14286.4</t>
  </si>
  <si>
    <t>-0.73</t>
  </si>
  <si>
    <t>1598.09978436436</t>
  </si>
  <si>
    <t>142080341.0</t>
  </si>
  <si>
    <t>292063.0</t>
  </si>
  <si>
    <t>15924.572</t>
  </si>
  <si>
    <t>32.735</t>
  </si>
  <si>
    <t>721183.0</t>
  </si>
  <si>
    <t>80.831</t>
  </si>
  <si>
    <t>0.0448</t>
  </si>
  <si>
    <t>17781132.0</t>
  </si>
  <si>
    <t>6825159.0</t>
  </si>
  <si>
    <t>6822860.0</t>
  </si>
  <si>
    <t>4486038.0</t>
  </si>
  <si>
    <t>31785.0</t>
  </si>
  <si>
    <t>29736.0</t>
  </si>
  <si>
    <t>198.9</t>
  </si>
  <si>
    <t>50.18</t>
  </si>
  <si>
    <t>142789153.0</t>
  </si>
  <si>
    <t>708812.0</t>
  </si>
  <si>
    <t>16004.017</t>
  </si>
  <si>
    <t>79.445</t>
  </si>
  <si>
    <t>746156.0</t>
  </si>
  <si>
    <t>0.0435</t>
  </si>
  <si>
    <t>17818839.0</t>
  </si>
  <si>
    <t>6827349.0</t>
  </si>
  <si>
    <t>4515912.0</t>
  </si>
  <si>
    <t>37707.0</t>
  </si>
  <si>
    <t>31102.0</t>
  </si>
  <si>
    <t>199.32</t>
  </si>
  <si>
    <t>144013076.0</t>
  </si>
  <si>
    <t>1223923.0</t>
  </si>
  <si>
    <t>16141.196</t>
  </si>
  <si>
    <t>137.179</t>
  </si>
  <si>
    <t>807983.0</t>
  </si>
  <si>
    <t>0.0403</t>
  </si>
  <si>
    <t>17854566.0</t>
  </si>
  <si>
    <t>6829439.0</t>
  </si>
  <si>
    <t>4543841.0</t>
  </si>
  <si>
    <t>35727.0</t>
  </si>
  <si>
    <t>31767.0</t>
  </si>
  <si>
    <t>199.72</t>
  </si>
  <si>
    <t>1771.0</t>
  </si>
  <si>
    <t>145174272.0</t>
  </si>
  <si>
    <t>1161196.0</t>
  </si>
  <si>
    <t>16271.345</t>
  </si>
  <si>
    <t>130.149</t>
  </si>
  <si>
    <t>725933.0</t>
  </si>
  <si>
    <t>81.364</t>
  </si>
  <si>
    <t>17886018.0</t>
  </si>
  <si>
    <t>6831746.0</t>
  </si>
  <si>
    <t>4566900.0</t>
  </si>
  <si>
    <t>31452.0</t>
  </si>
  <si>
    <t>31546.0</t>
  </si>
  <si>
    <t>200.08</t>
  </si>
  <si>
    <t>145771011.0</t>
  </si>
  <si>
    <t>596739.0</t>
  </si>
  <si>
    <t>16338.228</t>
  </si>
  <si>
    <t>66.883</t>
  </si>
  <si>
    <t>710950.0</t>
  </si>
  <si>
    <t>79.684</t>
  </si>
  <si>
    <t>17921689.0</t>
  </si>
  <si>
    <t>6834192.0</t>
  </si>
  <si>
    <t>4593423.0</t>
  </si>
  <si>
    <t>35671.0</t>
  </si>
  <si>
    <t>30656.0</t>
  </si>
  <si>
    <t>200.47</t>
  </si>
  <si>
    <t>146316923.0</t>
  </si>
  <si>
    <t>545912.0</t>
  </si>
  <si>
    <t>16399.415</t>
  </si>
  <si>
    <t>61.187</t>
  </si>
  <si>
    <t>707776.0</t>
  </si>
  <si>
    <t>79.329</t>
  </si>
  <si>
    <t>17942445.0</t>
  </si>
  <si>
    <t>6835672.0</t>
  </si>
  <si>
    <t>4608751.0</t>
  </si>
  <si>
    <t>20756.0</t>
  </si>
  <si>
    <t>29721.0</t>
  </si>
  <si>
    <t>200.71</t>
  </si>
  <si>
    <t>51.55</t>
  </si>
  <si>
    <t>146809309.0</t>
  </si>
  <si>
    <t>492386.0</t>
  </si>
  <si>
    <t>16454.602</t>
  </si>
  <si>
    <t>55.187</t>
  </si>
  <si>
    <t>717290.0</t>
  </si>
  <si>
    <t>80.395</t>
  </si>
  <si>
    <t>17951803.0</t>
  </si>
  <si>
    <t>6836361.0</t>
  </si>
  <si>
    <t>4615162.0</t>
  </si>
  <si>
    <t>9358.0</t>
  </si>
  <si>
    <t>28922.0</t>
  </si>
  <si>
    <t>200.81</t>
  </si>
  <si>
    <t>51.63</t>
  </si>
  <si>
    <t>14227.8</t>
  </si>
  <si>
    <t>-3.17</t>
  </si>
  <si>
    <t>1591.54469369325</t>
  </si>
  <si>
    <t>147226437.0</t>
  </si>
  <si>
    <t>417128.0</t>
  </si>
  <si>
    <t>16501.354</t>
  </si>
  <si>
    <t>46.752</t>
  </si>
  <si>
    <t>735157.0</t>
  </si>
  <si>
    <t>82.397</t>
  </si>
  <si>
    <t>17970547.0</t>
  </si>
  <si>
    <t>6838103.0</t>
  </si>
  <si>
    <t>4628165.0</t>
  </si>
  <si>
    <t>18744.0</t>
  </si>
  <si>
    <t>27059.0</t>
  </si>
  <si>
    <t>201.02</t>
  </si>
  <si>
    <t>76.49</t>
  </si>
  <si>
    <t>147852372.0</t>
  </si>
  <si>
    <t>625935.0</t>
  </si>
  <si>
    <t>16571.51</t>
  </si>
  <si>
    <t>70.156</t>
  </si>
  <si>
    <t>723317.0</t>
  </si>
  <si>
    <t>81.07</t>
  </si>
  <si>
    <t>0.0457</t>
  </si>
  <si>
    <t>17989469.0</t>
  </si>
  <si>
    <t>6839820.0</t>
  </si>
  <si>
    <t>4640715.0</t>
  </si>
  <si>
    <t>24376.0</t>
  </si>
  <si>
    <t>51.91</t>
  </si>
  <si>
    <t>148610573.0</t>
  </si>
  <si>
    <t>758201.0</t>
  </si>
  <si>
    <t>16656.49</t>
  </si>
  <si>
    <t>656785.0</t>
  </si>
  <si>
    <t>73.613</t>
  </si>
  <si>
    <t>0.0506</t>
  </si>
  <si>
    <t>18007932.0</t>
  </si>
  <si>
    <t>6841560.0</t>
  </si>
  <si>
    <t>4652948.0</t>
  </si>
  <si>
    <t>18463.0</t>
  </si>
  <si>
    <t>21909.0</t>
  </si>
  <si>
    <t>201.44</t>
  </si>
  <si>
    <t>76.53</t>
  </si>
  <si>
    <t>149439274.0</t>
  </si>
  <si>
    <t>828701.0</t>
  </si>
  <si>
    <t>16749.372</t>
  </si>
  <si>
    <t>92.882</t>
  </si>
  <si>
    <t>609286.0</t>
  </si>
  <si>
    <t>0.0537</t>
  </si>
  <si>
    <t>18024918.0</t>
  </si>
  <si>
    <t>6843072.0</t>
  </si>
  <si>
    <t>4664020.0</t>
  </si>
  <si>
    <t>16986.0</t>
  </si>
  <si>
    <t>19843.0</t>
  </si>
  <si>
    <t>201.63</t>
  </si>
  <si>
    <t>2220.0</t>
  </si>
  <si>
    <t>149868651.0</t>
  </si>
  <si>
    <t>429377.0</t>
  </si>
  <si>
    <t>16797.498</t>
  </si>
  <si>
    <t>48.125</t>
  </si>
  <si>
    <t>585377.0</t>
  </si>
  <si>
    <t>65.61</t>
  </si>
  <si>
    <t>0.0563</t>
  </si>
  <si>
    <t>17.8</t>
  </si>
  <si>
    <t>18044271.0</t>
  </si>
  <si>
    <t>6844765.0</t>
  </si>
  <si>
    <t>4676619.0</t>
  </si>
  <si>
    <t>19353.0</t>
  </si>
  <si>
    <t>17512.0</t>
  </si>
  <si>
    <t>201.85</t>
  </si>
  <si>
    <t>150550452.0</t>
  </si>
  <si>
    <t>681801.0</t>
  </si>
  <si>
    <t>16873.915</t>
  </si>
  <si>
    <t>76.417</t>
  </si>
  <si>
    <t>604790.0</t>
  </si>
  <si>
    <t>67.786</t>
  </si>
  <si>
    <t>18054062.0</t>
  </si>
  <si>
    <t>6845418.0</t>
  </si>
  <si>
    <t>4683191.0</t>
  </si>
  <si>
    <t>15945.0</t>
  </si>
  <si>
    <t>201.96</t>
  </si>
  <si>
    <t>150919644.0</t>
  </si>
  <si>
    <t>369192.0</t>
  </si>
  <si>
    <t>16915.294</t>
  </si>
  <si>
    <t>41.38</t>
  </si>
  <si>
    <t>587191.0</t>
  </si>
  <si>
    <t>65.813</t>
  </si>
  <si>
    <t>18058012.0</t>
  </si>
  <si>
    <t>6845751.0</t>
  </si>
  <si>
    <t>4685660.0</t>
  </si>
  <si>
    <t>15173.0</t>
  </si>
  <si>
    <t>14217.0</t>
  </si>
  <si>
    <t>-0.58</t>
  </si>
  <si>
    <t>1590.33658824534</t>
  </si>
  <si>
    <t>151171207.0</t>
  </si>
  <si>
    <t>251563.0</t>
  </si>
  <si>
    <t>16943.49</t>
  </si>
  <si>
    <t>28.196</t>
  </si>
  <si>
    <t>563539.0</t>
  </si>
  <si>
    <t>63.162</t>
  </si>
  <si>
    <t>0.0555</t>
  </si>
  <si>
    <t>18067488.0</t>
  </si>
  <si>
    <t>6846697.0</t>
  </si>
  <si>
    <t>4691609.0</t>
  </si>
  <si>
    <t>9476.0</t>
  </si>
  <si>
    <t>13849.0</t>
  </si>
  <si>
    <t>202.11</t>
  </si>
  <si>
    <t>52.48</t>
  </si>
  <si>
    <t>151881056.0</t>
  </si>
  <si>
    <t>709849.0</t>
  </si>
  <si>
    <t>17023.051</t>
  </si>
  <si>
    <t>79.561</t>
  </si>
  <si>
    <t>575526.0</t>
  </si>
  <si>
    <t>64.506</t>
  </si>
  <si>
    <t>0.0539</t>
  </si>
  <si>
    <t>18078904.0</t>
  </si>
  <si>
    <t>6848033.0</t>
  </si>
  <si>
    <t>4698451.0</t>
  </si>
  <si>
    <t>11416.0</t>
  </si>
  <si>
    <t>202.23</t>
  </si>
  <si>
    <t>52.56</t>
  </si>
  <si>
    <t>1173.0</t>
  </si>
  <si>
    <t>152823159.0</t>
  </si>
  <si>
    <t>942103.0</t>
  </si>
  <si>
    <t>17128.643</t>
  </si>
  <si>
    <t>105.592</t>
  </si>
  <si>
    <t>601798.0</t>
  </si>
  <si>
    <t>67.45</t>
  </si>
  <si>
    <t>18089918.0</t>
  </si>
  <si>
    <t>6849127.0</t>
  </si>
  <si>
    <t>4705205.0</t>
  </si>
  <si>
    <t>11014.0</t>
  </si>
  <si>
    <t>11712.0</t>
  </si>
  <si>
    <t>202.36</t>
  </si>
  <si>
    <t>153570024.0</t>
  </si>
  <si>
    <t>746865.0</t>
  </si>
  <si>
    <t>17212.353</t>
  </si>
  <si>
    <t>590107.0</t>
  </si>
  <si>
    <t>18099361.0</t>
  </si>
  <si>
    <t>6850026.0</t>
  </si>
  <si>
    <t>4710779.0</t>
  </si>
  <si>
    <t>9443.0</t>
  </si>
  <si>
    <t>202.46</t>
  </si>
  <si>
    <t>52.7</t>
  </si>
  <si>
    <t>154061824.0</t>
  </si>
  <si>
    <t>491800.0</t>
  </si>
  <si>
    <t>17267.475</t>
  </si>
  <si>
    <t>55.122</t>
  </si>
  <si>
    <t>599025.0</t>
  </si>
  <si>
    <t>0.0498</t>
  </si>
  <si>
    <t>18110337.0</t>
  </si>
  <si>
    <t>6851021.0</t>
  </si>
  <si>
    <t>4717359.0</t>
  </si>
  <si>
    <t>202.59</t>
  </si>
  <si>
    <t>76.64</t>
  </si>
  <si>
    <t>154773140.0</t>
  </si>
  <si>
    <t>711316.0</t>
  </si>
  <si>
    <t>17347.2</t>
  </si>
  <si>
    <t>79.725</t>
  </si>
  <si>
    <t>603241.0</t>
  </si>
  <si>
    <t>67.612</t>
  </si>
  <si>
    <t>0.0488</t>
  </si>
  <si>
    <t>18116167.0</t>
  </si>
  <si>
    <t>6851461.0</t>
  </si>
  <si>
    <t>4720998.0</t>
  </si>
  <si>
    <t>8872.0</t>
  </si>
  <si>
    <t>202.65</t>
  </si>
  <si>
    <t>52.81</t>
  </si>
  <si>
    <t>155141203.0</t>
  </si>
  <si>
    <t>368063.0</t>
  </si>
  <si>
    <t>17388.453</t>
  </si>
  <si>
    <t>603080.0</t>
  </si>
  <si>
    <t>67.594</t>
  </si>
  <si>
    <t>0.0478</t>
  </si>
  <si>
    <t>18118735.0</t>
  </si>
  <si>
    <t>6851677.0</t>
  </si>
  <si>
    <t>4722580.0</t>
  </si>
  <si>
    <t>8675.0</t>
  </si>
  <si>
    <t>202.68</t>
  </si>
  <si>
    <t>14288.2</t>
  </si>
  <si>
    <t>1598.30113527235</t>
  </si>
  <si>
    <t>264.105</t>
  </si>
  <si>
    <t>155364161.0</t>
  </si>
  <si>
    <t>222958.0</t>
  </si>
  <si>
    <t>17413.442</t>
  </si>
  <si>
    <t>24.989</t>
  </si>
  <si>
    <t>598993.0</t>
  </si>
  <si>
    <t>67.136</t>
  </si>
  <si>
    <t>0.0474</t>
  </si>
  <si>
    <t>18124991.0</t>
  </si>
  <si>
    <t>6852335.0</t>
  </si>
  <si>
    <t>4726314.0</t>
  </si>
  <si>
    <t>6256.0</t>
  </si>
  <si>
    <t>202.75</t>
  </si>
  <si>
    <t>76.65</t>
  </si>
  <si>
    <t>2378.0</t>
  </si>
  <si>
    <t>155903850.0</t>
  </si>
  <si>
    <t>539689.0</t>
  </si>
  <si>
    <t>17473.932</t>
  </si>
  <si>
    <t>60.489</t>
  </si>
  <si>
    <t>574685.0</t>
  </si>
  <si>
    <t>64.412</t>
  </si>
  <si>
    <t>0.0487</t>
  </si>
  <si>
    <t>18132171.0</t>
  </si>
  <si>
    <t>6853116.0</t>
  </si>
  <si>
    <t>4730554.0</t>
  </si>
  <si>
    <t>7180.0</t>
  </si>
  <si>
    <t>156468799.0</t>
  </si>
  <si>
    <t>564949.0</t>
  </si>
  <si>
    <t>17537.252</t>
  </si>
  <si>
    <t>520806.0</t>
  </si>
  <si>
    <t>58.373</t>
  </si>
  <si>
    <t>18138970.0</t>
  </si>
  <si>
    <t>6853858.0</t>
  </si>
  <si>
    <t>4734662.0</t>
  </si>
  <si>
    <t>6799.0</t>
  </si>
  <si>
    <t>7007.0</t>
  </si>
  <si>
    <t>202.91</t>
  </si>
  <si>
    <t>52.96</t>
  </si>
  <si>
    <t>22.372</t>
  </si>
  <si>
    <t>157354898.0</t>
  </si>
  <si>
    <t>886099.0</t>
  </si>
  <si>
    <t>17636.567</t>
  </si>
  <si>
    <t>99.315</t>
  </si>
  <si>
    <t>540696.0</t>
  </si>
  <si>
    <t>60.602</t>
  </si>
  <si>
    <t>0.0501</t>
  </si>
  <si>
    <t>18146273.0</t>
  </si>
  <si>
    <t>6854604.0</t>
  </si>
  <si>
    <t>4739046.0</t>
  </si>
  <si>
    <t>7303.0</t>
  </si>
  <si>
    <t>202.99</t>
  </si>
  <si>
    <t>76.68</t>
  </si>
  <si>
    <t>53.01</t>
  </si>
  <si>
    <t>157858605.0</t>
  </si>
  <si>
    <t>503707.0</t>
  </si>
  <si>
    <t>17693.023</t>
  </si>
  <si>
    <t>56.456</t>
  </si>
  <si>
    <t>542397.0</t>
  </si>
  <si>
    <t>60.793</t>
  </si>
  <si>
    <t>18154189.0</t>
  </si>
  <si>
    <t>6855304.0</t>
  </si>
  <si>
    <t>4743927.0</t>
  </si>
  <si>
    <t>7916.0</t>
  </si>
  <si>
    <t>6265.0</t>
  </si>
  <si>
    <t>203.08</t>
  </si>
  <si>
    <t>158598810.0</t>
  </si>
  <si>
    <t>740205.0</t>
  </si>
  <si>
    <t>17775.987</t>
  </si>
  <si>
    <t>82.963</t>
  </si>
  <si>
    <t>546524.0</t>
  </si>
  <si>
    <t>61.255</t>
  </si>
  <si>
    <t>18159112.0</t>
  </si>
  <si>
    <t>6855607.0</t>
  </si>
  <si>
    <t>4747203.0</t>
  </si>
  <si>
    <t>203.13</t>
  </si>
  <si>
    <t>267.685</t>
  </si>
  <si>
    <t>158941658.0</t>
  </si>
  <si>
    <t>342848.0</t>
  </si>
  <si>
    <t>17814.413</t>
  </si>
  <si>
    <t>38.427</t>
  </si>
  <si>
    <t>542922.0</t>
  </si>
  <si>
    <t>60.851</t>
  </si>
  <si>
    <t>18161398.0</t>
  </si>
  <si>
    <t>6855778.0</t>
  </si>
  <si>
    <t>4748638.0</t>
  </si>
  <si>
    <t>6095.0</t>
  </si>
  <si>
    <t>203.16</t>
  </si>
  <si>
    <t>53.12</t>
  </si>
  <si>
    <t>14281.2</t>
  </si>
  <si>
    <t>1597.51810396351</t>
  </si>
  <si>
    <t>159102779.0</t>
  </si>
  <si>
    <t>161121.0</t>
  </si>
  <si>
    <t>17832.472</t>
  </si>
  <si>
    <t>18.059</t>
  </si>
  <si>
    <t>534088.0</t>
  </si>
  <si>
    <t>59.861</t>
  </si>
  <si>
    <t>18167428.0</t>
  </si>
  <si>
    <t>6856363.0</t>
  </si>
  <si>
    <t>4752469.0</t>
  </si>
  <si>
    <t>203.22</t>
  </si>
  <si>
    <t>159656629.0</t>
  </si>
  <si>
    <t>553850.0</t>
  </si>
  <si>
    <t>17894.548</t>
  </si>
  <si>
    <t>62.076</t>
  </si>
  <si>
    <t>536111.0</t>
  </si>
  <si>
    <t>60.088</t>
  </si>
  <si>
    <t>0.0497</t>
  </si>
  <si>
    <t>18172456.0</t>
  </si>
  <si>
    <t>6857026.0</t>
  </si>
  <si>
    <t>4755467.0</t>
  </si>
  <si>
    <t>203.28</t>
  </si>
  <si>
    <t>53.2</t>
  </si>
  <si>
    <t>160503829.0</t>
  </si>
  <si>
    <t>847200.0</t>
  </si>
  <si>
    <t>17989.504</t>
  </si>
  <si>
    <t>94.955</t>
  </si>
  <si>
    <t>576433.0</t>
  </si>
  <si>
    <t>64.607</t>
  </si>
  <si>
    <t>0.0471</t>
  </si>
  <si>
    <t>18178571.0</t>
  </si>
  <si>
    <t>6857837.0</t>
  </si>
  <si>
    <t>4759156.0</t>
  </si>
  <si>
    <t>203.35</t>
  </si>
  <si>
    <t>53.24</t>
  </si>
  <si>
    <t>161305125.0</t>
  </si>
  <si>
    <t>801296.0</t>
  </si>
  <si>
    <t>18079.314</t>
  </si>
  <si>
    <t>564318.0</t>
  </si>
  <si>
    <t>63.25</t>
  </si>
  <si>
    <t>0.0496</t>
  </si>
  <si>
    <t>18185004.0</t>
  </si>
  <si>
    <t>6858554.0</t>
  </si>
  <si>
    <t>4763208.0</t>
  </si>
  <si>
    <t>5533.0</t>
  </si>
  <si>
    <t>203.42</t>
  </si>
  <si>
    <t>53.28</t>
  </si>
  <si>
    <t>161522349.0</t>
  </si>
  <si>
    <t>217224.0</t>
  </si>
  <si>
    <t>18103.661</t>
  </si>
  <si>
    <t>24.347</t>
  </si>
  <si>
    <t>523392.0</t>
  </si>
  <si>
    <t>58.663</t>
  </si>
  <si>
    <t>0.0543</t>
  </si>
  <si>
    <t>18192376.0</t>
  </si>
  <si>
    <t>6859479.0</t>
  </si>
  <si>
    <t>4767841.0</t>
  </si>
  <si>
    <t>5455.0</t>
  </si>
  <si>
    <t>203.5</t>
  </si>
  <si>
    <t>162347984.0</t>
  </si>
  <si>
    <t>825635.0</t>
  </si>
  <si>
    <t>18196.199</t>
  </si>
  <si>
    <t>92.538</t>
  </si>
  <si>
    <t>535596.0</t>
  </si>
  <si>
    <t>18196336.0</t>
  </si>
  <si>
    <t>6860079.0</t>
  </si>
  <si>
    <t>4770386.0</t>
  </si>
  <si>
    <t>5318.0</t>
  </si>
  <si>
    <t>203.55</t>
  </si>
  <si>
    <t>162656029.0</t>
  </si>
  <si>
    <t>308045.0</t>
  </si>
  <si>
    <t>18230.726</t>
  </si>
  <si>
    <t>34.526</t>
  </si>
  <si>
    <t>530624.0</t>
  </si>
  <si>
    <t>59.473</t>
  </si>
  <si>
    <t>0.0559</t>
  </si>
  <si>
    <t>18197595.0</t>
  </si>
  <si>
    <t>6860282.0</t>
  </si>
  <si>
    <t>4771140.0</t>
  </si>
  <si>
    <t>203.56</t>
  </si>
  <si>
    <t>53.37</t>
  </si>
  <si>
    <t>14390.6</t>
  </si>
  <si>
    <t>1609.75576470446</t>
  </si>
  <si>
    <t>162837175.0</t>
  </si>
  <si>
    <t>181146.0</t>
  </si>
  <si>
    <t>18251.029</t>
  </si>
  <si>
    <t>20.303</t>
  </si>
  <si>
    <t>533485.0</t>
  </si>
  <si>
    <t>59.794</t>
  </si>
  <si>
    <t>18201693.0</t>
  </si>
  <si>
    <t>6860761.0</t>
  </si>
  <si>
    <t>4773757.0</t>
  </si>
  <si>
    <t>203.61</t>
  </si>
  <si>
    <t>76.75</t>
  </si>
  <si>
    <t>163464616.0</t>
  </si>
  <si>
    <t>627441.0</t>
  </si>
  <si>
    <t>18321.353</t>
  </si>
  <si>
    <t>70.325</t>
  </si>
  <si>
    <t>543998.0</t>
  </si>
  <si>
    <t>60.972</t>
  </si>
  <si>
    <t>18206323.0</t>
  </si>
  <si>
    <t>6861260.0</t>
  </si>
  <si>
    <t>4776658.0</t>
  </si>
  <si>
    <t>203.66</t>
  </si>
  <si>
    <t>164073801.0</t>
  </si>
  <si>
    <t>609185.0</t>
  </si>
  <si>
    <t>18389.632</t>
  </si>
  <si>
    <t>68.278</t>
  </si>
  <si>
    <t>509996.0</t>
  </si>
  <si>
    <t>57.161</t>
  </si>
  <si>
    <t>18211429.0</t>
  </si>
  <si>
    <t>6861731.0</t>
  </si>
  <si>
    <t>4779957.0</t>
  </si>
  <si>
    <t>203.72</t>
  </si>
  <si>
    <t>164876915.0</t>
  </si>
  <si>
    <t>803114.0</t>
  </si>
  <si>
    <t>18479.646</t>
  </si>
  <si>
    <t>90.014</t>
  </si>
  <si>
    <t>510256.0</t>
  </si>
  <si>
    <t>18216062.0</t>
  </si>
  <si>
    <t>6862168.0</t>
  </si>
  <si>
    <t>4782948.0</t>
  </si>
  <si>
    <t>203.77</t>
  </si>
  <si>
    <t>53.5</t>
  </si>
  <si>
    <t>165347447.0</t>
  </si>
  <si>
    <t>470532.0</t>
  </si>
  <si>
    <t>18532.384</t>
  </si>
  <si>
    <t>52.738</t>
  </si>
  <si>
    <t>546443.0</t>
  </si>
  <si>
    <t>61.246</t>
  </si>
  <si>
    <t>18221981.0</t>
  </si>
  <si>
    <t>6862730.0</t>
  </si>
  <si>
    <t>4786935.0</t>
  </si>
  <si>
    <t>203.83</t>
  </si>
  <si>
    <t>166011635.0</t>
  </si>
  <si>
    <t>664188.0</t>
  </si>
  <si>
    <t>18606.827</t>
  </si>
  <si>
    <t>74.443</t>
  </si>
  <si>
    <t>523379.0</t>
  </si>
  <si>
    <t>58.661</t>
  </si>
  <si>
    <t>18225049.0</t>
  </si>
  <si>
    <t>6863041.0</t>
  </si>
  <si>
    <t>4789124.0</t>
  </si>
  <si>
    <t>4102.0</t>
  </si>
  <si>
    <t>203.87</t>
  </si>
  <si>
    <t>166378307.0</t>
  </si>
  <si>
    <t>366672.0</t>
  </si>
  <si>
    <t>18647.924</t>
  </si>
  <si>
    <t>41.097</t>
  </si>
  <si>
    <t>531754.0</t>
  </si>
  <si>
    <t>59.6</t>
  </si>
  <si>
    <t>18226104.0</t>
  </si>
  <si>
    <t>6863132.0</t>
  </si>
  <si>
    <t>4789862.0</t>
  </si>
  <si>
    <t>4073.0</t>
  </si>
  <si>
    <t>203.88</t>
  </si>
  <si>
    <t>14453.0</t>
  </si>
  <si>
    <t>1616.73592951465</t>
  </si>
  <si>
    <t>2875.0</t>
  </si>
  <si>
    <t>166723590.0</t>
  </si>
  <si>
    <t>345283.0</t>
  </si>
  <si>
    <t>18686.624</t>
  </si>
  <si>
    <t>38.7</t>
  </si>
  <si>
    <t>555202.0</t>
  </si>
  <si>
    <t>62.228</t>
  </si>
  <si>
    <t>0.0755</t>
  </si>
  <si>
    <t>18229416.0</t>
  </si>
  <si>
    <t>6863420.0</t>
  </si>
  <si>
    <t>4792202.0</t>
  </si>
  <si>
    <t>203.92</t>
  </si>
  <si>
    <t>53.61</t>
  </si>
  <si>
    <t>167268269.0</t>
  </si>
  <si>
    <t>544679.0</t>
  </si>
  <si>
    <t>18747.672</t>
  </si>
  <si>
    <t>61.048</t>
  </si>
  <si>
    <t>543379.0</t>
  </si>
  <si>
    <t>60.903</t>
  </si>
  <si>
    <t>18233135.0</t>
  </si>
  <si>
    <t>6863746.0</t>
  </si>
  <si>
    <t>4794715.0</t>
  </si>
  <si>
    <t>3830.0</t>
  </si>
  <si>
    <t>203.96</t>
  </si>
  <si>
    <t>53.63</t>
  </si>
  <si>
    <t>168325419.0</t>
  </si>
  <si>
    <t>1057150.0</t>
  </si>
  <si>
    <t>18866.159</t>
  </si>
  <si>
    <t>118.487</t>
  </si>
  <si>
    <t>607374.0</t>
  </si>
  <si>
    <t>68.075</t>
  </si>
  <si>
    <t>18237319.0</t>
  </si>
  <si>
    <t>6864103.0</t>
  </si>
  <si>
    <t>4797752.0</t>
  </si>
  <si>
    <t>3699.0</t>
  </si>
  <si>
    <t>204.01</t>
  </si>
  <si>
    <t>169094014.0</t>
  </si>
  <si>
    <t>768595.0</t>
  </si>
  <si>
    <t>18952.304</t>
  </si>
  <si>
    <t>86.145</t>
  </si>
  <si>
    <t>602443.0</t>
  </si>
  <si>
    <t>67.523</t>
  </si>
  <si>
    <t>18241447.0</t>
  </si>
  <si>
    <t>6864455.0</t>
  </si>
  <si>
    <t>4800631.0</t>
  </si>
  <si>
    <t>4128.0</t>
  </si>
  <si>
    <t>204.05</t>
  </si>
  <si>
    <t>76.79</t>
  </si>
  <si>
    <t>169566273.0</t>
  </si>
  <si>
    <t>472259.0</t>
  </si>
  <si>
    <t>19005.236</t>
  </si>
  <si>
    <t>52.931</t>
  </si>
  <si>
    <t>602689.0</t>
  </si>
  <si>
    <t>0.0763</t>
  </si>
  <si>
    <t>18246544.0</t>
  </si>
  <si>
    <t>6864900.0</t>
  </si>
  <si>
    <t>4804359.0</t>
  </si>
  <si>
    <t>204.11</t>
  </si>
  <si>
    <t>53.74</t>
  </si>
  <si>
    <t>170281200.0</t>
  </si>
  <si>
    <t>714927.0</t>
  </si>
  <si>
    <t>19085.366</t>
  </si>
  <si>
    <t>609938.0</t>
  </si>
  <si>
    <t>68.363</t>
  </si>
  <si>
    <t>0.0757</t>
  </si>
  <si>
    <t>18249403.0</t>
  </si>
  <si>
    <t>6865126.0</t>
  </si>
  <si>
    <t>4806488.0</t>
  </si>
  <si>
    <t>204.14</t>
  </si>
  <si>
    <t>170633229.0</t>
  </si>
  <si>
    <t>352029.0</t>
  </si>
  <si>
    <t>19124.822</t>
  </si>
  <si>
    <t>39.456</t>
  </si>
  <si>
    <t>607846.0</t>
  </si>
  <si>
    <t>68.128</t>
  </si>
  <si>
    <t>0.0756</t>
  </si>
  <si>
    <t>18250171.0</t>
  </si>
  <si>
    <t>6865209.0</t>
  </si>
  <si>
    <t>4807001.0</t>
  </si>
  <si>
    <t>204.15</t>
  </si>
  <si>
    <t>14627.6</t>
  </si>
  <si>
    <t>1636.26696758933</t>
  </si>
  <si>
    <t>170965802.0</t>
  </si>
  <si>
    <t>332573.0</t>
  </si>
  <si>
    <t>19162.097</t>
  </si>
  <si>
    <t>37.275</t>
  </si>
  <si>
    <t>606030.0</t>
  </si>
  <si>
    <t>67.925</t>
  </si>
  <si>
    <t>18253445.0</t>
  </si>
  <si>
    <t>6865549.0</t>
  </si>
  <si>
    <t>4809369.0</t>
  </si>
  <si>
    <t>204.19</t>
  </si>
  <si>
    <t>171415925.0</t>
  </si>
  <si>
    <t>450123.0</t>
  </si>
  <si>
    <t>19212.548</t>
  </si>
  <si>
    <t>592522.0</t>
  </si>
  <si>
    <t>66.411</t>
  </si>
  <si>
    <t>18257025.0</t>
  </si>
  <si>
    <t>6865863.0</t>
  </si>
  <si>
    <t>4811893.0</t>
  </si>
  <si>
    <t>204.23</t>
  </si>
  <si>
    <t>171894244.0</t>
  </si>
  <si>
    <t>478319.0</t>
  </si>
  <si>
    <t>19266.158</t>
  </si>
  <si>
    <t>53.611</t>
  </si>
  <si>
    <t>509832.0</t>
  </si>
  <si>
    <t>57.143</t>
  </si>
  <si>
    <t>0.0884</t>
  </si>
  <si>
    <t>18261545.0</t>
  </si>
  <si>
    <t>6866264.0</t>
  </si>
  <si>
    <t>4815088.0</t>
  </si>
  <si>
    <t>4520.0</t>
  </si>
  <si>
    <t>204.28</t>
  </si>
  <si>
    <t>53.86</t>
  </si>
  <si>
    <t>172558127.0</t>
  </si>
  <si>
    <t>663883.0</t>
  </si>
  <si>
    <t>19340.567</t>
  </si>
  <si>
    <t>74.409</t>
  </si>
  <si>
    <t>494873.0</t>
  </si>
  <si>
    <t>55.466</t>
  </si>
  <si>
    <t>18265853.0</t>
  </si>
  <si>
    <t>6866579.0</t>
  </si>
  <si>
    <t>4818311.0</t>
  </si>
  <si>
    <t>204.32</t>
  </si>
  <si>
    <t>3182.0</t>
  </si>
  <si>
    <t>172904852.0</t>
  </si>
  <si>
    <t>346725.0</t>
  </si>
  <si>
    <t>19379.429</t>
  </si>
  <si>
    <t>38.861</t>
  </si>
  <si>
    <t>476940.0</t>
  </si>
  <si>
    <t>53.456</t>
  </si>
  <si>
    <t>18271424.0</t>
  </si>
  <si>
    <t>6867048.0</t>
  </si>
  <si>
    <t>4822273.0</t>
  </si>
  <si>
    <t>204.39</t>
  </si>
  <si>
    <t>173506959.0</t>
  </si>
  <si>
    <t>602107.0</t>
  </si>
  <si>
    <t>19446.914</t>
  </si>
  <si>
    <t>67.485</t>
  </si>
  <si>
    <t>460823.0</t>
  </si>
  <si>
    <t>0.0874</t>
  </si>
  <si>
    <t>18274537.0</t>
  </si>
  <si>
    <t>6867281.0</t>
  </si>
  <si>
    <t>4824581.0</t>
  </si>
  <si>
    <t>204.42</t>
  </si>
  <si>
    <t>53.97</t>
  </si>
  <si>
    <t>173693038.0</t>
  </si>
  <si>
    <t>186079.0</t>
  </si>
  <si>
    <t>19467.77</t>
  </si>
  <si>
    <t>20.856</t>
  </si>
  <si>
    <t>437116.0</t>
  </si>
  <si>
    <t>48.993</t>
  </si>
  <si>
    <t>18275312.0</t>
  </si>
  <si>
    <t>6867346.0</t>
  </si>
  <si>
    <t>4825111.0</t>
  </si>
  <si>
    <t>775.0</t>
  </si>
  <si>
    <t>3592.0</t>
  </si>
  <si>
    <t>204.43</t>
  </si>
  <si>
    <t>14997.6</t>
  </si>
  <si>
    <t>1677.65576534207</t>
  </si>
  <si>
    <t>173915134.0</t>
  </si>
  <si>
    <t>222096.0</t>
  </si>
  <si>
    <t>19492.663</t>
  </si>
  <si>
    <t>24.893</t>
  </si>
  <si>
    <t>421333.0</t>
  </si>
  <si>
    <t>47.224</t>
  </si>
  <si>
    <t>18278567.0</t>
  </si>
  <si>
    <t>6867685.0</t>
  </si>
  <si>
    <t>4827482.0</t>
  </si>
  <si>
    <t>204.47</t>
  </si>
  <si>
    <t>174441569.0</t>
  </si>
  <si>
    <t>526435.0</t>
  </si>
  <si>
    <t>19551.666</t>
  </si>
  <si>
    <t>59.004</t>
  </si>
  <si>
    <t>432235.0</t>
  </si>
  <si>
    <t>48.446</t>
  </si>
  <si>
    <t>18282031.0</t>
  </si>
  <si>
    <t>6867924.0</t>
  </si>
  <si>
    <t>4830059.0</t>
  </si>
  <si>
    <t>204.51</t>
  </si>
  <si>
    <t>54.03</t>
  </si>
  <si>
    <t>175247380.0</t>
  </si>
  <si>
    <t>805811.0</t>
  </si>
  <si>
    <t>19641.983</t>
  </si>
  <si>
    <t>90.316</t>
  </si>
  <si>
    <t>479019.0</t>
  </si>
  <si>
    <t>53.689</t>
  </si>
  <si>
    <t>0.0715</t>
  </si>
  <si>
    <t>18286569.0</t>
  </si>
  <si>
    <t>6868210.0</t>
  </si>
  <si>
    <t>4833585.0</t>
  </si>
  <si>
    <t>204.56</t>
  </si>
  <si>
    <t>175617287.0</t>
  </si>
  <si>
    <t>369907.0</t>
  </si>
  <si>
    <t>19683.442</t>
  </si>
  <si>
    <t>437023.0</t>
  </si>
  <si>
    <t>48.982</t>
  </si>
  <si>
    <t>18291230.0</t>
  </si>
  <si>
    <t>6868494.0</t>
  </si>
  <si>
    <t>4837215.0</t>
  </si>
  <si>
    <t>204.61</t>
  </si>
  <si>
    <t>54.11</t>
  </si>
  <si>
    <t>176169662.0</t>
  </si>
  <si>
    <t>552375.0</t>
  </si>
  <si>
    <t>19745.353</t>
  </si>
  <si>
    <t>61.911</t>
  </si>
  <si>
    <t>466401.0</t>
  </si>
  <si>
    <t>52.275</t>
  </si>
  <si>
    <t>0.0624</t>
  </si>
  <si>
    <t>18296063.0</t>
  </si>
  <si>
    <t>6868784.0</t>
  </si>
  <si>
    <t>4840947.0</t>
  </si>
  <si>
    <t>4833.0</t>
  </si>
  <si>
    <t>3520.0</t>
  </si>
  <si>
    <t>204.66</t>
  </si>
  <si>
    <t>176630000.0</t>
  </si>
  <si>
    <t>460338.0</t>
  </si>
  <si>
    <t>19796.949</t>
  </si>
  <si>
    <t>51.595</t>
  </si>
  <si>
    <t>446149.0</t>
  </si>
  <si>
    <t>18298190.0</t>
  </si>
  <si>
    <t>6868953.0</t>
  </si>
  <si>
    <t>4842527.0</t>
  </si>
  <si>
    <t>2127.0</t>
  </si>
  <si>
    <t>204.69</t>
  </si>
  <si>
    <t>176843630.0</t>
  </si>
  <si>
    <t>213630.0</t>
  </si>
  <si>
    <t>19820.893</t>
  </si>
  <si>
    <t>23.944</t>
  </si>
  <si>
    <t>450085.0</t>
  </si>
  <si>
    <t>50.446</t>
  </si>
  <si>
    <t>0.0554</t>
  </si>
  <si>
    <t>18298756.0</t>
  </si>
  <si>
    <t>6868998.0</t>
  </si>
  <si>
    <t>4842967.0</t>
  </si>
  <si>
    <t>3349.0</t>
  </si>
  <si>
    <t>15272.8</t>
  </si>
  <si>
    <t>1708.44008194087</t>
  </si>
  <si>
    <t>177031676.0</t>
  </si>
  <si>
    <t>188046.0</t>
  </si>
  <si>
    <t>19841.969</t>
  </si>
  <si>
    <t>21.076</t>
  </si>
  <si>
    <t>49.901</t>
  </si>
  <si>
    <t>18301321.0</t>
  </si>
  <si>
    <t>6869221.0</t>
  </si>
  <si>
    <t>4844951.0</t>
  </si>
  <si>
    <t>2565.0</t>
  </si>
  <si>
    <t>204.72</t>
  </si>
  <si>
    <t>54.2</t>
  </si>
  <si>
    <t>177405999.0</t>
  </si>
  <si>
    <t>374323.0</t>
  </si>
  <si>
    <t>19883.924</t>
  </si>
  <si>
    <t>423490.0</t>
  </si>
  <si>
    <t>47.465</t>
  </si>
  <si>
    <t>0.0517</t>
  </si>
  <si>
    <t>19.3</t>
  </si>
  <si>
    <t>18304947.0</t>
  </si>
  <si>
    <t>6869483.0</t>
  </si>
  <si>
    <t>4847829.0</t>
  </si>
  <si>
    <t>204.76</t>
  </si>
  <si>
    <t>2850.0</t>
  </si>
  <si>
    <t>177765409.0</t>
  </si>
  <si>
    <t>359410.0</t>
  </si>
  <si>
    <t>19924.207</t>
  </si>
  <si>
    <t>40.283</t>
  </si>
  <si>
    <t>359718.0</t>
  </si>
  <si>
    <t>40.318</t>
  </si>
  <si>
    <t>0.0566</t>
  </si>
  <si>
    <t>18308925.0</t>
  </si>
  <si>
    <t>6869740.0</t>
  </si>
  <si>
    <t>4850993.0</t>
  </si>
  <si>
    <t>204.81</t>
  </si>
  <si>
    <t>54.26</t>
  </si>
  <si>
    <t>178486429.0</t>
  </si>
  <si>
    <t>721020.0</t>
  </si>
  <si>
    <t>20005.02</t>
  </si>
  <si>
    <t>80.813</t>
  </si>
  <si>
    <t>409877.0</t>
  </si>
  <si>
    <t>0.0451</t>
  </si>
  <si>
    <t>18313077.0</t>
  </si>
  <si>
    <t>6870009.0</t>
  </si>
  <si>
    <t>4854338.0</t>
  </si>
  <si>
    <t>4152.0</t>
  </si>
  <si>
    <t>3121.0</t>
  </si>
  <si>
    <t>286.813</t>
  </si>
  <si>
    <t>178678948.0</t>
  </si>
  <si>
    <t>192519.0</t>
  </si>
  <si>
    <t>20026.598</t>
  </si>
  <si>
    <t>21.578</t>
  </si>
  <si>
    <t>358469.0</t>
  </si>
  <si>
    <t>40.178</t>
  </si>
  <si>
    <t>0.0477</t>
  </si>
  <si>
    <t>18318385.0</t>
  </si>
  <si>
    <t>6870332.0</t>
  </si>
  <si>
    <t>4858640.0</t>
  </si>
  <si>
    <t>54.35</t>
  </si>
  <si>
    <t>179195293.0</t>
  </si>
  <si>
    <t>516345.0</t>
  </si>
  <si>
    <t>20084.471</t>
  </si>
  <si>
    <t>57.873</t>
  </si>
  <si>
    <t>366470.0</t>
  </si>
  <si>
    <t>41.074</t>
  </si>
  <si>
    <t>18320508.0</t>
  </si>
  <si>
    <t>6870468.0</t>
  </si>
  <si>
    <t>4860341.0</t>
  </si>
  <si>
    <t>204.94</t>
  </si>
  <si>
    <t>179365755.0</t>
  </si>
  <si>
    <t>170462.0</t>
  </si>
  <si>
    <t>20103.576</t>
  </si>
  <si>
    <t>19.106</t>
  </si>
  <si>
    <t>360304.0</t>
  </si>
  <si>
    <t>40.383</t>
  </si>
  <si>
    <t>0.0418</t>
  </si>
  <si>
    <t>18321065.0</t>
  </si>
  <si>
    <t>6870498.0</t>
  </si>
  <si>
    <t>4860788.0</t>
  </si>
  <si>
    <t>15619.4</t>
  </si>
  <si>
    <t>21.43</t>
  </si>
  <si>
    <t>1747.21131788979</t>
  </si>
  <si>
    <t>179465832.0</t>
  </si>
  <si>
    <t>100077.0</t>
  </si>
  <si>
    <t>20114.793</t>
  </si>
  <si>
    <t>11.217</t>
  </si>
  <si>
    <t>347737.0</t>
  </si>
  <si>
    <t>38.975</t>
  </si>
  <si>
    <t>0.0419</t>
  </si>
  <si>
    <t>18323502.0</t>
  </si>
  <si>
    <t>6870660.0</t>
  </si>
  <si>
    <t>4862743.0</t>
  </si>
  <si>
    <t>204.97</t>
  </si>
  <si>
    <t>2440.0</t>
  </si>
  <si>
    <t>179667360.0</t>
  </si>
  <si>
    <t>201528.0</t>
  </si>
  <si>
    <t>20137.38</t>
  </si>
  <si>
    <t>22.588</t>
  </si>
  <si>
    <t>323052.0</t>
  </si>
  <si>
    <t>36.208</t>
  </si>
  <si>
    <t>0.0432</t>
  </si>
  <si>
    <t>18327275.0</t>
  </si>
  <si>
    <t>6870878.0</t>
  </si>
  <si>
    <t>4865900.0</t>
  </si>
  <si>
    <t>3190.0</t>
  </si>
  <si>
    <t>205.01</t>
  </si>
  <si>
    <t>179853312.0</t>
  </si>
  <si>
    <t>185952.0</t>
  </si>
  <si>
    <t>20158.222</t>
  </si>
  <si>
    <t>20.842</t>
  </si>
  <si>
    <t>298272.0</t>
  </si>
  <si>
    <t>33.431</t>
  </si>
  <si>
    <t>18331475.0</t>
  </si>
  <si>
    <t>6871159.0</t>
  </si>
  <si>
    <t>4869289.0</t>
  </si>
  <si>
    <t>205.06</t>
  </si>
  <si>
    <t>54.47</t>
  </si>
  <si>
    <t>20.135</t>
  </si>
  <si>
    <t>180115697.0</t>
  </si>
  <si>
    <t>262385.0</t>
  </si>
  <si>
    <t>20187.631</t>
  </si>
  <si>
    <t>29.408</t>
  </si>
  <si>
    <t>232753.0</t>
  </si>
  <si>
    <t>26.087</t>
  </si>
  <si>
    <t>18335172.0</t>
  </si>
  <si>
    <t>6871359.0</t>
  </si>
  <si>
    <t>4872397.0</t>
  </si>
  <si>
    <t>3156.0</t>
  </si>
  <si>
    <t>205.1</t>
  </si>
  <si>
    <t>180245342.0</t>
  </si>
  <si>
    <t>129645.0</t>
  </si>
  <si>
    <t>20202.162</t>
  </si>
  <si>
    <t>14.531</t>
  </si>
  <si>
    <t>223771.0</t>
  </si>
  <si>
    <t>18338751.0</t>
  </si>
  <si>
    <t>6871553.0</t>
  </si>
  <si>
    <t>4875337.0</t>
  </si>
  <si>
    <t>205.14</t>
  </si>
  <si>
    <t>54.54</t>
  </si>
  <si>
    <t>180471945.0</t>
  </si>
  <si>
    <t>226603.0</t>
  </si>
  <si>
    <t>20227.56</t>
  </si>
  <si>
    <t>25.398</t>
  </si>
  <si>
    <t>182379.0</t>
  </si>
  <si>
    <t>20.441</t>
  </si>
  <si>
    <t>18340082.0</t>
  </si>
  <si>
    <t>6871627.0</t>
  </si>
  <si>
    <t>4876422.0</t>
  </si>
  <si>
    <t>2796.0</t>
  </si>
  <si>
    <t>205.16</t>
  </si>
  <si>
    <t>1815.0</t>
  </si>
  <si>
    <t>180578162.0</t>
  </si>
  <si>
    <t>106217.0</t>
  </si>
  <si>
    <t>20239.465</t>
  </si>
  <si>
    <t>11.905</t>
  </si>
  <si>
    <t>173201.0</t>
  </si>
  <si>
    <t>19.413</t>
  </si>
  <si>
    <t>18340387.0</t>
  </si>
  <si>
    <t>6871642.0</t>
  </si>
  <si>
    <t>4876684.0</t>
  </si>
  <si>
    <t>15854.2</t>
  </si>
  <si>
    <t>8.22</t>
  </si>
  <si>
    <t>1773.47642522045</t>
  </si>
  <si>
    <t>180657934.0</t>
  </si>
  <si>
    <t>79772.0</t>
  </si>
  <si>
    <t>20248.405</t>
  </si>
  <si>
    <t>8.941</t>
  </si>
  <si>
    <t>170300.0</t>
  </si>
  <si>
    <t>19.087</t>
  </si>
  <si>
    <t>18340787.0</t>
  </si>
  <si>
    <t>6871668.0</t>
  </si>
  <si>
    <t>4877001.0</t>
  </si>
  <si>
    <t>180759844.0</t>
  </si>
  <si>
    <t>101910.0</t>
  </si>
  <si>
    <t>20259.828</t>
  </si>
  <si>
    <t>156069.0</t>
  </si>
  <si>
    <t>17.492</t>
  </si>
  <si>
    <t>18344148.0</t>
  </si>
  <si>
    <t>6871861.0</t>
  </si>
  <si>
    <t>4879725.0</t>
  </si>
  <si>
    <t>205.2</t>
  </si>
  <si>
    <t>54.59</t>
  </si>
  <si>
    <t>181007797.0</t>
  </si>
  <si>
    <t>247953.0</t>
  </si>
  <si>
    <t>20287.619</t>
  </si>
  <si>
    <t>27.791</t>
  </si>
  <si>
    <t>164926.0</t>
  </si>
  <si>
    <t>18.485</t>
  </si>
  <si>
    <t>0.0526</t>
  </si>
  <si>
    <t>18348915.0</t>
  </si>
  <si>
    <t>6872099.0</t>
  </si>
  <si>
    <t>4883736.0</t>
  </si>
  <si>
    <t>2491.0</t>
  </si>
  <si>
    <t>205.25</t>
  </si>
  <si>
    <t>54.63</t>
  </si>
  <si>
    <t>181352090.0</t>
  </si>
  <si>
    <t>344293.0</t>
  </si>
  <si>
    <t>20326.207</t>
  </si>
  <si>
    <t>38.589</t>
  </si>
  <si>
    <t>176628.0</t>
  </si>
  <si>
    <t>19.797</t>
  </si>
  <si>
    <t>18353128.0</t>
  </si>
  <si>
    <t>6872295.0</t>
  </si>
  <si>
    <t>4887248.0</t>
  </si>
  <si>
    <t>4213.0</t>
  </si>
  <si>
    <t>54.67</t>
  </si>
  <si>
    <t>181611092.0</t>
  </si>
  <si>
    <t>259002.0</t>
  </si>
  <si>
    <t>20355.237</t>
  </si>
  <si>
    <t>29.029</t>
  </si>
  <si>
    <t>195107.0</t>
  </si>
  <si>
    <t>21.868</t>
  </si>
  <si>
    <t>18359616.0</t>
  </si>
  <si>
    <t>6872595.0</t>
  </si>
  <si>
    <t>4892632.0</t>
  </si>
  <si>
    <t>6488.0</t>
  </si>
  <si>
    <t>205.37</t>
  </si>
  <si>
    <t>54.73</t>
  </si>
  <si>
    <t>181724310.0</t>
  </si>
  <si>
    <t>113218.0</t>
  </si>
  <si>
    <t>20367.926</t>
  </si>
  <si>
    <t>12.69</t>
  </si>
  <si>
    <t>178909.0</t>
  </si>
  <si>
    <t>20.052</t>
  </si>
  <si>
    <t>18361528.0</t>
  </si>
  <si>
    <t>6872702.0</t>
  </si>
  <si>
    <t>4894170.0</t>
  </si>
  <si>
    <t>54.75</t>
  </si>
  <si>
    <t>181825734.0</t>
  </si>
  <si>
    <t>101424.0</t>
  </si>
  <si>
    <t>20379.294</t>
  </si>
  <si>
    <t>11.368</t>
  </si>
  <si>
    <t>178225.0</t>
  </si>
  <si>
    <t>19.976</t>
  </si>
  <si>
    <t>18361932.0</t>
  </si>
  <si>
    <t>6872733.0</t>
  </si>
  <si>
    <t>4894487.0</t>
  </si>
  <si>
    <t>15953.8</t>
  </si>
  <si>
    <t>1784.61784212903</t>
  </si>
  <si>
    <t>1499.0</t>
  </si>
  <si>
    <t>181910461.0</t>
  </si>
  <si>
    <t>84727.0</t>
  </si>
  <si>
    <t>20388.791</t>
  </si>
  <si>
    <t>9.496</t>
  </si>
  <si>
    <t>178932.0</t>
  </si>
  <si>
    <t>20.055</t>
  </si>
  <si>
    <t>18364809.0</t>
  </si>
  <si>
    <t>6872861.0</t>
  </si>
  <si>
    <t>4896902.0</t>
  </si>
  <si>
    <t>205.43</t>
  </si>
  <si>
    <t>182179543.0</t>
  </si>
  <si>
    <t>269082.0</t>
  </si>
  <si>
    <t>20418.95</t>
  </si>
  <si>
    <t>30.159</t>
  </si>
  <si>
    <t>202814.0</t>
  </si>
  <si>
    <t>22.732</t>
  </si>
  <si>
    <t>0.0353</t>
  </si>
  <si>
    <t>18369305.0</t>
  </si>
  <si>
    <t>6873044.0</t>
  </si>
  <si>
    <t>205.48</t>
  </si>
  <si>
    <t>11.857</t>
  </si>
  <si>
    <t>159.738</t>
  </si>
  <si>
    <t>182416398.0</t>
  </si>
  <si>
    <t>236855.0</t>
  </si>
  <si>
    <t>20445.497</t>
  </si>
  <si>
    <t>26.547</t>
  </si>
  <si>
    <t>201229.0</t>
  </si>
  <si>
    <t>22.554</t>
  </si>
  <si>
    <t>18374849.0</t>
  </si>
  <si>
    <t>6873280.0</t>
  </si>
  <si>
    <t>4905355.0</t>
  </si>
  <si>
    <t>205.54</t>
  </si>
  <si>
    <t>150.006</t>
  </si>
  <si>
    <t>182596243.0</t>
  </si>
  <si>
    <t>179845.0</t>
  </si>
  <si>
    <t>20465.654</t>
  </si>
  <si>
    <t>20.157</t>
  </si>
  <si>
    <t>177736.0</t>
  </si>
  <si>
    <t>19.921</t>
  </si>
  <si>
    <t>18379507.0</t>
  </si>
  <si>
    <t>6873461.0</t>
  </si>
  <si>
    <t>4909378.0</t>
  </si>
  <si>
    <t>205.6</t>
  </si>
  <si>
    <t>54.92</t>
  </si>
  <si>
    <t>146.986</t>
  </si>
  <si>
    <t>182842386.0</t>
  </si>
  <si>
    <t>246143.0</t>
  </si>
  <si>
    <t>20493.242</t>
  </si>
  <si>
    <t>27.588</t>
  </si>
  <si>
    <t>175899.0</t>
  </si>
  <si>
    <t>19.715</t>
  </si>
  <si>
    <t>0.0373</t>
  </si>
  <si>
    <t>18385828.0</t>
  </si>
  <si>
    <t>6873717.0</t>
  </si>
  <si>
    <t>4914687.0</t>
  </si>
  <si>
    <t>3745.0</t>
  </si>
  <si>
    <t>205.67</t>
  </si>
  <si>
    <t>54.98</t>
  </si>
  <si>
    <t>183002443.0</t>
  </si>
  <si>
    <t>160057.0</t>
  </si>
  <si>
    <t>20511.181</t>
  </si>
  <si>
    <t>17.939</t>
  </si>
  <si>
    <t>182590.0</t>
  </si>
  <si>
    <t>20.465</t>
  </si>
  <si>
    <t>18387794.0</t>
  </si>
  <si>
    <t>6873800.0</t>
  </si>
  <si>
    <t>4916304.0</t>
  </si>
  <si>
    <t>3752.0</t>
  </si>
  <si>
    <t>205.69</t>
  </si>
  <si>
    <t>54.99</t>
  </si>
  <si>
    <t>183086157.0</t>
  </si>
  <si>
    <t>83714.0</t>
  </si>
  <si>
    <t>20520.564</t>
  </si>
  <si>
    <t>9.383</t>
  </si>
  <si>
    <t>180060.0</t>
  </si>
  <si>
    <t>20.181</t>
  </si>
  <si>
    <t>18388214.0</t>
  </si>
  <si>
    <t>6873824.0</t>
  </si>
  <si>
    <t>4916652.0</t>
  </si>
  <si>
    <t>16138.6</t>
  </si>
  <si>
    <t>1805.28986868229</t>
  </si>
  <si>
    <t>183157777.0</t>
  </si>
  <si>
    <t>71620.0</t>
  </si>
  <si>
    <t>20528.592</t>
  </si>
  <si>
    <t>8.027</t>
  </si>
  <si>
    <t>178188.0</t>
  </si>
  <si>
    <t>19.972</t>
  </si>
  <si>
    <t>18391278.0</t>
  </si>
  <si>
    <t>6873941.0</t>
  </si>
  <si>
    <t>4919285.0</t>
  </si>
  <si>
    <t>205.73</t>
  </si>
  <si>
    <t>55.03</t>
  </si>
  <si>
    <t>183321889.0</t>
  </si>
  <si>
    <t>20546.985</t>
  </si>
  <si>
    <t>18.394</t>
  </si>
  <si>
    <t>163192.0</t>
  </si>
  <si>
    <t>18.291</t>
  </si>
  <si>
    <t>18395226.0</t>
  </si>
  <si>
    <t>6874102.0</t>
  </si>
  <si>
    <t>4922620.0</t>
  </si>
  <si>
    <t>55.07</t>
  </si>
  <si>
    <t>183522680.0</t>
  </si>
  <si>
    <t>200791.0</t>
  </si>
  <si>
    <t>20569.49</t>
  </si>
  <si>
    <t>22.505</t>
  </si>
  <si>
    <t>158040.0</t>
  </si>
  <si>
    <t>17.713</t>
  </si>
  <si>
    <t>18400409.0</t>
  </si>
  <si>
    <t>6874297.0</t>
  </si>
  <si>
    <t>4927065.0</t>
  </si>
  <si>
    <t>205.83</t>
  </si>
  <si>
    <t>115.889</t>
  </si>
  <si>
    <t>183682889.0</t>
  </si>
  <si>
    <t>160209.0</t>
  </si>
  <si>
    <t>20587.447</t>
  </si>
  <si>
    <t>17.956</t>
  </si>
  <si>
    <t>155235.0</t>
  </si>
  <si>
    <t>17.399</t>
  </si>
  <si>
    <t>18405103.0</t>
  </si>
  <si>
    <t>6874448.0</t>
  </si>
  <si>
    <t>4931094.0</t>
  </si>
  <si>
    <t>205.88</t>
  </si>
  <si>
    <t>55.16</t>
  </si>
  <si>
    <t>183969298.0</t>
  </si>
  <si>
    <t>286409.0</t>
  </si>
  <si>
    <t>20619.548</t>
  </si>
  <si>
    <t>32.101</t>
  </si>
  <si>
    <t>160987.0</t>
  </si>
  <si>
    <t>18.044</t>
  </si>
  <si>
    <t>18412340.0</t>
  </si>
  <si>
    <t>6874712.0</t>
  </si>
  <si>
    <t>4937211.0</t>
  </si>
  <si>
    <t>3787.0</t>
  </si>
  <si>
    <t>205.96</t>
  </si>
  <si>
    <t>55.23</t>
  </si>
  <si>
    <t>109.96</t>
  </si>
  <si>
    <t>184069396.0</t>
  </si>
  <si>
    <t>100098.0</t>
  </si>
  <si>
    <t>20630.767</t>
  </si>
  <si>
    <t>11.219</t>
  </si>
  <si>
    <t>152422.0</t>
  </si>
  <si>
    <t>17.084</t>
  </si>
  <si>
    <t>18414288.0</t>
  </si>
  <si>
    <t>6874780.0</t>
  </si>
  <si>
    <t>4938849.0</t>
  </si>
  <si>
    <t>205.99</t>
  </si>
  <si>
    <t>184147092.0</t>
  </si>
  <si>
    <t>77696.0</t>
  </si>
  <si>
    <t>20639.475</t>
  </si>
  <si>
    <t>8.708</t>
  </si>
  <si>
    <t>151562.0</t>
  </si>
  <si>
    <t>16.987</t>
  </si>
  <si>
    <t>18414740.0</t>
  </si>
  <si>
    <t>6874797.0</t>
  </si>
  <si>
    <t>4939232.0</t>
  </si>
  <si>
    <t>8.26</t>
  </si>
  <si>
    <t>1822.44944050735</t>
  </si>
  <si>
    <t>184215396.0</t>
  </si>
  <si>
    <t>68304.0</t>
  </si>
  <si>
    <t>20647.131</t>
  </si>
  <si>
    <t>7.656</t>
  </si>
  <si>
    <t>151088.0</t>
  </si>
  <si>
    <t>16.934</t>
  </si>
  <si>
    <t>18417641.0</t>
  </si>
  <si>
    <t>6874916.0</t>
  </si>
  <si>
    <t>4941710.0</t>
  </si>
  <si>
    <t>2901.0</t>
  </si>
  <si>
    <t>3766.0</t>
  </si>
  <si>
    <t>206.02</t>
  </si>
  <si>
    <t>55.28</t>
  </si>
  <si>
    <t>184388182.0</t>
  </si>
  <si>
    <t>172786.0</t>
  </si>
  <si>
    <t>20666.497</t>
  </si>
  <si>
    <t>19.366</t>
  </si>
  <si>
    <t>152328.0</t>
  </si>
  <si>
    <t>17.073</t>
  </si>
  <si>
    <t>18422094.0</t>
  </si>
  <si>
    <t>6875072.0</t>
  </si>
  <si>
    <t>4945527.0</t>
  </si>
  <si>
    <t>3838.0</t>
  </si>
  <si>
    <t>206.07</t>
  </si>
  <si>
    <t>55.32</t>
  </si>
  <si>
    <t>97.096</t>
  </si>
  <si>
    <t>184617102.0</t>
  </si>
  <si>
    <t>228920.0</t>
  </si>
  <si>
    <t>20692.155</t>
  </si>
  <si>
    <t>25.658</t>
  </si>
  <si>
    <t>156346.0</t>
  </si>
  <si>
    <t>17.523</t>
  </si>
  <si>
    <t>18427462.0</t>
  </si>
  <si>
    <t>6875223.0</t>
  </si>
  <si>
    <t>4950239.0</t>
  </si>
  <si>
    <t>5368.0</t>
  </si>
  <si>
    <t>206.13</t>
  </si>
  <si>
    <t>184765500.0</t>
  </si>
  <si>
    <t>148398.0</t>
  </si>
  <si>
    <t>20708.787</t>
  </si>
  <si>
    <t>16.633</t>
  </si>
  <si>
    <t>154659.0</t>
  </si>
  <si>
    <t>17.334</t>
  </si>
  <si>
    <t>18432917.0</t>
  </si>
  <si>
    <t>6875424.0</t>
  </si>
  <si>
    <t>4954991.0</t>
  </si>
  <si>
    <t>206.19</t>
  </si>
  <si>
    <t>184874698.0</t>
  </si>
  <si>
    <t>109198.0</t>
  </si>
  <si>
    <t>20721.027</t>
  </si>
  <si>
    <t>12.239</t>
  </si>
  <si>
    <t>129343.0</t>
  </si>
  <si>
    <t>14.497</t>
  </si>
  <si>
    <t>18439662.0</t>
  </si>
  <si>
    <t>6875654.0</t>
  </si>
  <si>
    <t>4960848.0</t>
  </si>
  <si>
    <t>3903.0</t>
  </si>
  <si>
    <t>206.27</t>
  </si>
  <si>
    <t>88.706</t>
  </si>
  <si>
    <t>184964595.0</t>
  </si>
  <si>
    <t>89897.0</t>
  </si>
  <si>
    <t>20731.102</t>
  </si>
  <si>
    <t>10.076</t>
  </si>
  <si>
    <t>127886.0</t>
  </si>
  <si>
    <t>14.334</t>
  </si>
  <si>
    <t>18441603.0</t>
  </si>
  <si>
    <t>6875726.0</t>
  </si>
  <si>
    <t>4962508.0</t>
  </si>
  <si>
    <t>206.29</t>
  </si>
  <si>
    <t>185034905.0</t>
  </si>
  <si>
    <t>70310.0</t>
  </si>
  <si>
    <t>20738.983</t>
  </si>
  <si>
    <t>126830.0</t>
  </si>
  <si>
    <t>14.215</t>
  </si>
  <si>
    <t>18442043.0</t>
  </si>
  <si>
    <t>6875749.0</t>
  </si>
  <si>
    <t>4962878.0</t>
  </si>
  <si>
    <t>206.3</t>
  </si>
  <si>
    <t>16394.6</t>
  </si>
  <si>
    <t>1833.92644226257</t>
  </si>
  <si>
    <t>185470038.0</t>
  </si>
  <si>
    <t>435133.0</t>
  </si>
  <si>
    <t>20787.753</t>
  </si>
  <si>
    <t>48.77</t>
  </si>
  <si>
    <t>179235.0</t>
  </si>
  <si>
    <t>20.089</t>
  </si>
  <si>
    <t>18444752.0</t>
  </si>
  <si>
    <t>6875842.0</t>
  </si>
  <si>
    <t>4965286.0</t>
  </si>
  <si>
    <t>3873.0</t>
  </si>
  <si>
    <t>206.33</t>
  </si>
  <si>
    <t>185625927.0</t>
  </si>
  <si>
    <t>155889.0</t>
  </si>
  <si>
    <t>20805.225</t>
  </si>
  <si>
    <t>17.472</t>
  </si>
  <si>
    <t>176821.0</t>
  </si>
  <si>
    <t>19.818</t>
  </si>
  <si>
    <t>0.0239</t>
  </si>
  <si>
    <t>41.8</t>
  </si>
  <si>
    <t>18449553.0</t>
  </si>
  <si>
    <t>6876008.0</t>
  </si>
  <si>
    <t>4969519.0</t>
  </si>
  <si>
    <t>4801.0</t>
  </si>
  <si>
    <t>206.38</t>
  </si>
  <si>
    <t>76.92</t>
  </si>
  <si>
    <t>185851263.0</t>
  </si>
  <si>
    <t>225336.0</t>
  </si>
  <si>
    <t>20830.481</t>
  </si>
  <si>
    <t>25.256</t>
  </si>
  <si>
    <t>176309.0</t>
  </si>
  <si>
    <t>19.761</t>
  </si>
  <si>
    <t>0.0224</t>
  </si>
  <si>
    <t>44.6</t>
  </si>
  <si>
    <t>18455024.0</t>
  </si>
  <si>
    <t>6876196.0</t>
  </si>
  <si>
    <t>4974411.0</t>
  </si>
  <si>
    <t>206.44</t>
  </si>
  <si>
    <t>55.64</t>
  </si>
  <si>
    <t>185987121.0</t>
  </si>
  <si>
    <t>135858.0</t>
  </si>
  <si>
    <t>20845.709</t>
  </si>
  <si>
    <t>174517.0</t>
  </si>
  <si>
    <t>19.56</t>
  </si>
  <si>
    <t>0.0221</t>
  </si>
  <si>
    <t>18460207.0</t>
  </si>
  <si>
    <t>6876349.0</t>
  </si>
  <si>
    <t>4979052.0</t>
  </si>
  <si>
    <t>206.5</t>
  </si>
  <si>
    <t>55.7</t>
  </si>
  <si>
    <t>186214893.0</t>
  </si>
  <si>
    <t>227772.0</t>
  </si>
  <si>
    <t>20871.238</t>
  </si>
  <si>
    <t>25.529</t>
  </si>
  <si>
    <t>191456.0</t>
  </si>
  <si>
    <t>21.459</t>
  </si>
  <si>
    <t>53.6</t>
  </si>
  <si>
    <t>18466321.0</t>
  </si>
  <si>
    <t>6876548.0</t>
  </si>
  <si>
    <t>4984452.0</t>
  </si>
  <si>
    <t>6114.0</t>
  </si>
  <si>
    <t>206.57</t>
  </si>
  <si>
    <t>55.76</t>
  </si>
  <si>
    <t>186327528.0</t>
  </si>
  <si>
    <t>112635.0</t>
  </si>
  <si>
    <t>20883.862</t>
  </si>
  <si>
    <t>12.624</t>
  </si>
  <si>
    <t>194705.0</t>
  </si>
  <si>
    <t>21.823</t>
  </si>
  <si>
    <t>18468037.0</t>
  </si>
  <si>
    <t>6876619.0</t>
  </si>
  <si>
    <t>4985943.0</t>
  </si>
  <si>
    <t>206.59</t>
  </si>
  <si>
    <t>55.77</t>
  </si>
  <si>
    <t>186381345.0</t>
  </si>
  <si>
    <t>20889.894</t>
  </si>
  <si>
    <t>6.032</t>
  </si>
  <si>
    <t>192349.0</t>
  </si>
  <si>
    <t>21.559</t>
  </si>
  <si>
    <t>18468393.0</t>
  </si>
  <si>
    <t>6876637.0</t>
  </si>
  <si>
    <t>4986239.0</t>
  </si>
  <si>
    <t>55.78</t>
  </si>
  <si>
    <t>16499.6</t>
  </si>
  <si>
    <t>1845.67191189511</t>
  </si>
  <si>
    <t>5.817</t>
  </si>
  <si>
    <t>186421071.0</t>
  </si>
  <si>
    <t>39726.0</t>
  </si>
  <si>
    <t>20894.346</t>
  </si>
  <si>
    <t>4.453</t>
  </si>
  <si>
    <t>135862.0</t>
  </si>
  <si>
    <t>15.228</t>
  </si>
  <si>
    <t>0.0212</t>
  </si>
  <si>
    <t>47.2</t>
  </si>
  <si>
    <t>18471234.0</t>
  </si>
  <si>
    <t>6876772.0</t>
  </si>
  <si>
    <t>4988726.0</t>
  </si>
  <si>
    <t>3783.0</t>
  </si>
  <si>
    <t>6.376</t>
  </si>
  <si>
    <t>186711414.0</t>
  </si>
  <si>
    <t>290343.0</t>
  </si>
  <si>
    <t>20926.888</t>
  </si>
  <si>
    <t>155070.0</t>
  </si>
  <si>
    <t>18475278.0</t>
  </si>
  <si>
    <t>6876897.0</t>
  </si>
  <si>
    <t>4992331.0</t>
  </si>
  <si>
    <t>4044.0</t>
  </si>
  <si>
    <t>206.67</t>
  </si>
  <si>
    <t>186968312.0</t>
  </si>
  <si>
    <t>256898.0</t>
  </si>
  <si>
    <t>20955.682</t>
  </si>
  <si>
    <t>28.794</t>
  </si>
  <si>
    <t>159578.0</t>
  </si>
  <si>
    <t>17.886</t>
  </si>
  <si>
    <t>0.0158</t>
  </si>
  <si>
    <t>18480154.0</t>
  </si>
  <si>
    <t>6877086.0</t>
  </si>
  <si>
    <t>4996640.0</t>
  </si>
  <si>
    <t>4876.0</t>
  </si>
  <si>
    <t>55.89</t>
  </si>
  <si>
    <t>57.609</t>
  </si>
  <si>
    <t>187227485.0</t>
  </si>
  <si>
    <t>259173.0</t>
  </si>
  <si>
    <t>20984.73</t>
  </si>
  <si>
    <t>177195.0</t>
  </si>
  <si>
    <t>18480901.0</t>
  </si>
  <si>
    <t>6877123.0</t>
  </si>
  <si>
    <t>4997298.0</t>
  </si>
  <si>
    <t>206.73</t>
  </si>
  <si>
    <t>55.9</t>
  </si>
  <si>
    <t>187285043.0</t>
  </si>
  <si>
    <t>57558.0</t>
  </si>
  <si>
    <t>20991.182</t>
  </si>
  <si>
    <t>6.451</t>
  </si>
  <si>
    <t>152879.0</t>
  </si>
  <si>
    <t>17.135</t>
  </si>
  <si>
    <t>18484607.0</t>
  </si>
  <si>
    <t>6877277.0</t>
  </si>
  <si>
    <t>5000534.0</t>
  </si>
  <si>
    <t>206.77</t>
  </si>
  <si>
    <t>187332253.0</t>
  </si>
  <si>
    <t>20996.473</t>
  </si>
  <si>
    <t>5.291</t>
  </si>
  <si>
    <t>143532.0</t>
  </si>
  <si>
    <t>16.087</t>
  </si>
  <si>
    <t>18485897.0</t>
  </si>
  <si>
    <t>6877333.0</t>
  </si>
  <si>
    <t>5001663.0</t>
  </si>
  <si>
    <t>206.79</t>
  </si>
  <si>
    <t>55.95</t>
  </si>
  <si>
    <t>187391997.0</t>
  </si>
  <si>
    <t>59744.0</t>
  </si>
  <si>
    <t>21003.169</t>
  </si>
  <si>
    <t>6.696</t>
  </si>
  <si>
    <t>144379.0</t>
  </si>
  <si>
    <t>16.182</t>
  </si>
  <si>
    <t>18486175.0</t>
  </si>
  <si>
    <t>6877338.0</t>
  </si>
  <si>
    <t>5001910.0</t>
  </si>
  <si>
    <t>16577.0</t>
  </si>
  <si>
    <t>1854.33000093852</t>
  </si>
  <si>
    <t>187437282.0</t>
  </si>
  <si>
    <t>45285.0</t>
  </si>
  <si>
    <t>21008.245</t>
  </si>
  <si>
    <t>5.076</t>
  </si>
  <si>
    <t>145173.0</t>
  </si>
  <si>
    <t>16.271</t>
  </si>
  <si>
    <t>18488711.0</t>
  </si>
  <si>
    <t>6877436.0</t>
  </si>
  <si>
    <t>5004166.0</t>
  </si>
  <si>
    <t>206.82</t>
  </si>
  <si>
    <t>55.98</t>
  </si>
  <si>
    <t>187497861.0</t>
  </si>
  <si>
    <t>60579.0</t>
  </si>
  <si>
    <t>21015.034</t>
  </si>
  <si>
    <t>112350.0</t>
  </si>
  <si>
    <t>12.592</t>
  </si>
  <si>
    <t>0.0179</t>
  </si>
  <si>
    <t>18492400.0</t>
  </si>
  <si>
    <t>6877562.0</t>
  </si>
  <si>
    <t>5007432.0</t>
  </si>
  <si>
    <t>206.86</t>
  </si>
  <si>
    <t>56.01</t>
  </si>
  <si>
    <t>187746906.0</t>
  </si>
  <si>
    <t>249045.0</t>
  </si>
  <si>
    <t>21042.948</t>
  </si>
  <si>
    <t>27.913</t>
  </si>
  <si>
    <t>111228.0</t>
  </si>
  <si>
    <t>12.467</t>
  </si>
  <si>
    <t>0.0175</t>
  </si>
  <si>
    <t>18497013.0</t>
  </si>
  <si>
    <t>6877722.0</t>
  </si>
  <si>
    <t>5011568.0</t>
  </si>
  <si>
    <t>206.91</t>
  </si>
  <si>
    <t>76.94</t>
  </si>
  <si>
    <t>56.06</t>
  </si>
  <si>
    <t>187900569.0</t>
  </si>
  <si>
    <t>153663.0</t>
  </si>
  <si>
    <t>21060.171</t>
  </si>
  <si>
    <t>17.223</t>
  </si>
  <si>
    <t>96155.0</t>
  </si>
  <si>
    <t>18501955.0</t>
  </si>
  <si>
    <t>6877879.0</t>
  </si>
  <si>
    <t>5016031.0</t>
  </si>
  <si>
    <t>206.97</t>
  </si>
  <si>
    <t>56.11</t>
  </si>
  <si>
    <t>188044776.0</t>
  </si>
  <si>
    <t>144207.0</t>
  </si>
  <si>
    <t>21076.334</t>
  </si>
  <si>
    <t>16.163</t>
  </si>
  <si>
    <t>108533.0</t>
  </si>
  <si>
    <t>12.165</t>
  </si>
  <si>
    <t>0.0187</t>
  </si>
  <si>
    <t>18506750.0</t>
  </si>
  <si>
    <t>6878031.0</t>
  </si>
  <si>
    <t>5020270.0</t>
  </si>
  <si>
    <t>207.02</t>
  </si>
  <si>
    <t>56.16</t>
  </si>
  <si>
    <t>51.121</t>
  </si>
  <si>
    <t>188107201.0</t>
  </si>
  <si>
    <t>21083.33</t>
  </si>
  <si>
    <t>110707.0</t>
  </si>
  <si>
    <t>12.408</t>
  </si>
  <si>
    <t>0.0184</t>
  </si>
  <si>
    <t>18507690.0</t>
  </si>
  <si>
    <t>6878073.0</t>
  </si>
  <si>
    <t>5021064.0</t>
  </si>
  <si>
    <t>207.03</t>
  </si>
  <si>
    <t>56.17</t>
  </si>
  <si>
    <t>188148905.0</t>
  </si>
  <si>
    <t>41704.0</t>
  </si>
  <si>
    <t>21088.004</t>
  </si>
  <si>
    <t>4.674</t>
  </si>
  <si>
    <t>108130.0</t>
  </si>
  <si>
    <t>12.119</t>
  </si>
  <si>
    <t>18507918.0</t>
  </si>
  <si>
    <t>6878078.0</t>
  </si>
  <si>
    <t>5021259.0</t>
  </si>
  <si>
    <t>16708.6</t>
  </si>
  <si>
    <t>1869.05098954463</t>
  </si>
  <si>
    <t>188169727.0</t>
  </si>
  <si>
    <t>20822.0</t>
  </si>
  <si>
    <t>21090.338</t>
  </si>
  <si>
    <t>104635.0</t>
  </si>
  <si>
    <t>11.728</t>
  </si>
  <si>
    <t>0.0238</t>
  </si>
  <si>
    <t>18508258.0</t>
  </si>
  <si>
    <t>6878086.0</t>
  </si>
  <si>
    <t>5021558.0</t>
  </si>
  <si>
    <t>207.04</t>
  </si>
  <si>
    <t>188212233.0</t>
  </si>
  <si>
    <t>42506.0</t>
  </si>
  <si>
    <t>21095.102</t>
  </si>
  <si>
    <t>4.764</t>
  </si>
  <si>
    <t>102053.0</t>
  </si>
  <si>
    <t>11.438</t>
  </si>
  <si>
    <t>18511698.0</t>
  </si>
  <si>
    <t>6878190.0</t>
  </si>
  <si>
    <t>5024699.0</t>
  </si>
  <si>
    <t>207.07</t>
  </si>
  <si>
    <t>56.21</t>
  </si>
  <si>
    <t>188315196.0</t>
  </si>
  <si>
    <t>102963.0</t>
  </si>
  <si>
    <t>21106.643</t>
  </si>
  <si>
    <t>11.54</t>
  </si>
  <si>
    <t>9.099</t>
  </si>
  <si>
    <t>0.0318</t>
  </si>
  <si>
    <t>18516013.0</t>
  </si>
  <si>
    <t>6878320.0</t>
  </si>
  <si>
    <t>5028586.0</t>
  </si>
  <si>
    <t>207.12</t>
  </si>
  <si>
    <t>56.25</t>
  </si>
  <si>
    <t>188552166.0</t>
  </si>
  <si>
    <t>236970.0</t>
  </si>
  <si>
    <t>21133.203</t>
  </si>
  <si>
    <t>93085.0</t>
  </si>
  <si>
    <t>10.433</t>
  </si>
  <si>
    <t>18520798.0</t>
  </si>
  <si>
    <t>6878466.0</t>
  </si>
  <si>
    <t>5032916.0</t>
  </si>
  <si>
    <t>207.18</t>
  </si>
  <si>
    <t>188635986.0</t>
  </si>
  <si>
    <t>83820.0</t>
  </si>
  <si>
    <t>21142.597</t>
  </si>
  <si>
    <t>9.395</t>
  </si>
  <si>
    <t>84459.0</t>
  </si>
  <si>
    <t>9.466</t>
  </si>
  <si>
    <t>0.0349</t>
  </si>
  <si>
    <t>18526498.0</t>
  </si>
  <si>
    <t>6878664.0</t>
  </si>
  <si>
    <t>5038074.0</t>
  </si>
  <si>
    <t>207.24</t>
  </si>
  <si>
    <t>188692954.0</t>
  </si>
  <si>
    <t>56968.0</t>
  </si>
  <si>
    <t>21148.982</t>
  </si>
  <si>
    <t>6.385</t>
  </si>
  <si>
    <t>83679.0</t>
  </si>
  <si>
    <t>9.379</t>
  </si>
  <si>
    <t>0.0352</t>
  </si>
  <si>
    <t>18527847.0</t>
  </si>
  <si>
    <t>6878708.0</t>
  </si>
  <si>
    <t>5039268.0</t>
  </si>
  <si>
    <t>207.26</t>
  </si>
  <si>
    <t>56.37</t>
  </si>
  <si>
    <t>188725160.0</t>
  </si>
  <si>
    <t>21152.592</t>
  </si>
  <si>
    <t>82322.0</t>
  </si>
  <si>
    <t>9.227</t>
  </si>
  <si>
    <t>0.0358</t>
  </si>
  <si>
    <t>18528168.0</t>
  </si>
  <si>
    <t>6878719.0</t>
  </si>
  <si>
    <t>5039558.0</t>
  </si>
  <si>
    <t>16853.2</t>
  </si>
  <si>
    <t>1885.22617915287</t>
  </si>
  <si>
    <t>188792612.0</t>
  </si>
  <si>
    <t>67452.0</t>
  </si>
  <si>
    <t>21160.152</t>
  </si>
  <si>
    <t>88984.0</t>
  </si>
  <si>
    <t>9.973</t>
  </si>
  <si>
    <t>0.0377</t>
  </si>
  <si>
    <t>18531334.0</t>
  </si>
  <si>
    <t>6878799.0</t>
  </si>
  <si>
    <t>5042439.0</t>
  </si>
  <si>
    <t>207.29</t>
  </si>
  <si>
    <t>188904254.0</t>
  </si>
  <si>
    <t>111642.0</t>
  </si>
  <si>
    <t>21172.665</t>
  </si>
  <si>
    <t>12.513</t>
  </si>
  <si>
    <t>98860.0</t>
  </si>
  <si>
    <t>18536385.0</t>
  </si>
  <si>
    <t>6878916.0</t>
  </si>
  <si>
    <t>5047113.0</t>
  </si>
  <si>
    <t>207.35</t>
  </si>
  <si>
    <t>56.46</t>
  </si>
  <si>
    <t>189099067.0</t>
  </si>
  <si>
    <t>194813.0</t>
  </si>
  <si>
    <t>21194.5</t>
  </si>
  <si>
    <t>21.835</t>
  </si>
  <si>
    <t>111982.0</t>
  </si>
  <si>
    <t>12.551</t>
  </si>
  <si>
    <t>18541596.0</t>
  </si>
  <si>
    <t>6879068.0</t>
  </si>
  <si>
    <t>5051844.0</t>
  </si>
  <si>
    <t>5211.0</t>
  </si>
  <si>
    <t>207.41</t>
  </si>
  <si>
    <t>56.51</t>
  </si>
  <si>
    <t>189188265.0</t>
  </si>
  <si>
    <t>89198.0</t>
  </si>
  <si>
    <t>21204.497</t>
  </si>
  <si>
    <t>9.997</t>
  </si>
  <si>
    <t>90871.0</t>
  </si>
  <si>
    <t>18542607.0</t>
  </si>
  <si>
    <t>6879113.0</t>
  </si>
  <si>
    <t>5052744.0</t>
  </si>
  <si>
    <t>3116.0</t>
  </si>
  <si>
    <t>207.42</t>
  </si>
  <si>
    <t>189249374.0</t>
  </si>
  <si>
    <t>61109.0</t>
  </si>
  <si>
    <t>21211.347</t>
  </si>
  <si>
    <t>6.849</t>
  </si>
  <si>
    <t>87627.0</t>
  </si>
  <si>
    <t>9.821</t>
  </si>
  <si>
    <t>0.0546</t>
  </si>
  <si>
    <t>18548050.0</t>
  </si>
  <si>
    <t>6879264.0</t>
  </si>
  <si>
    <t>5057763.0</t>
  </si>
  <si>
    <t>207.48</t>
  </si>
  <si>
    <t>56.58</t>
  </si>
  <si>
    <t>189308093.0</t>
  </si>
  <si>
    <t>58719.0</t>
  </si>
  <si>
    <t>21217.928</t>
  </si>
  <si>
    <t>6.581</t>
  </si>
  <si>
    <t>87877.0</t>
  </si>
  <si>
    <t>9.849</t>
  </si>
  <si>
    <t>18549288.0</t>
  </si>
  <si>
    <t>6879289.0</t>
  </si>
  <si>
    <t>5058901.0</t>
  </si>
  <si>
    <t>207.5</t>
  </si>
  <si>
    <t>189359230.0</t>
  </si>
  <si>
    <t>51137.0</t>
  </si>
  <si>
    <t>21223.659</t>
  </si>
  <si>
    <t>5.732</t>
  </si>
  <si>
    <t>90581.0</t>
  </si>
  <si>
    <t>10.152</t>
  </si>
  <si>
    <t>0.0528</t>
  </si>
  <si>
    <t>18549658.0</t>
  </si>
  <si>
    <t>6879300.0</t>
  </si>
  <si>
    <t>5059245.0</t>
  </si>
  <si>
    <t>17006.8</t>
  </si>
  <si>
    <t>1902.40812330103</t>
  </si>
  <si>
    <t>65.663</t>
  </si>
  <si>
    <t>189413082.0</t>
  </si>
  <si>
    <t>53852.0</t>
  </si>
  <si>
    <t>21229.695</t>
  </si>
  <si>
    <t>88639.0</t>
  </si>
  <si>
    <t>9.935</t>
  </si>
  <si>
    <t>0.0634</t>
  </si>
  <si>
    <t>18552787.0</t>
  </si>
  <si>
    <t>6879390.0</t>
  </si>
  <si>
    <t>5062111.0</t>
  </si>
  <si>
    <t>207.53</t>
  </si>
  <si>
    <t>189588069.0</t>
  </si>
  <si>
    <t>174987.0</t>
  </si>
  <si>
    <t>21249.308</t>
  </si>
  <si>
    <t>19.613</t>
  </si>
  <si>
    <t>97688.0</t>
  </si>
  <si>
    <t>10.949</t>
  </si>
  <si>
    <t>18558948.0</t>
  </si>
  <si>
    <t>6879516.0</t>
  </si>
  <si>
    <t>5067914.0</t>
  </si>
  <si>
    <t>6161.0</t>
  </si>
  <si>
    <t>207.6</t>
  </si>
  <si>
    <t>76.96</t>
  </si>
  <si>
    <t>56.69</t>
  </si>
  <si>
    <t>189694060.0</t>
  </si>
  <si>
    <t>105991.0</t>
  </si>
  <si>
    <t>21261.188</t>
  </si>
  <si>
    <t>84999.0</t>
  </si>
  <si>
    <t>9.527</t>
  </si>
  <si>
    <t>0.0752</t>
  </si>
  <si>
    <t>18565702.0</t>
  </si>
  <si>
    <t>6879668.0</t>
  </si>
  <si>
    <t>5074162.0</t>
  </si>
  <si>
    <t>6754.0</t>
  </si>
  <si>
    <t>207.68</t>
  </si>
  <si>
    <t>56.76</t>
  </si>
  <si>
    <t>189791719.0</t>
  </si>
  <si>
    <t>97659.0</t>
  </si>
  <si>
    <t>21272.133</t>
  </si>
  <si>
    <t>10.946</t>
  </si>
  <si>
    <t>86208.0</t>
  </si>
  <si>
    <t>9.662</t>
  </si>
  <si>
    <t>18573294.0</t>
  </si>
  <si>
    <t>6879794.0</t>
  </si>
  <si>
    <t>5081370.0</t>
  </si>
  <si>
    <t>7592.0</t>
  </si>
  <si>
    <t>207.76</t>
  </si>
  <si>
    <t>18581384.0</t>
  </si>
  <si>
    <t>6879981.0</t>
  </si>
  <si>
    <t>5088955.0</t>
  </si>
  <si>
    <t>8090.0</t>
  </si>
  <si>
    <t>207.85</t>
  </si>
  <si>
    <t>18583568.0</t>
  </si>
  <si>
    <t>6880015.0</t>
  </si>
  <si>
    <t>5091010.0</t>
  </si>
  <si>
    <t>5.705</t>
  </si>
  <si>
    <t>18584531.0</t>
  </si>
  <si>
    <t>6880021.0</t>
  </si>
  <si>
    <t>5091940.0</t>
  </si>
  <si>
    <t>4982.0</t>
  </si>
  <si>
    <t>207.89</t>
  </si>
  <si>
    <t>17219.2</t>
  </si>
  <si>
    <t>1926.16753044342</t>
  </si>
  <si>
    <t>18589840.0</t>
  </si>
  <si>
    <t>6880101.0</t>
  </si>
  <si>
    <t>5097014.0</t>
  </si>
  <si>
    <t>5309.0</t>
  </si>
  <si>
    <t>5293.0</t>
  </si>
  <si>
    <t>207.95</t>
  </si>
  <si>
    <t>18598557.0</t>
  </si>
  <si>
    <t>6880221.0</t>
  </si>
  <si>
    <t>5105352.0</t>
  </si>
  <si>
    <t>8717.0</t>
  </si>
  <si>
    <t>208.05</t>
  </si>
  <si>
    <t>18608216.0</t>
  </si>
  <si>
    <t>6880362.0</t>
  </si>
  <si>
    <t>5114608.0</t>
  </si>
  <si>
    <t>9659.0</t>
  </si>
  <si>
    <t>208.15</t>
  </si>
  <si>
    <t>57.21</t>
  </si>
  <si>
    <t>95.53</t>
  </si>
  <si>
    <t>18618452.0</t>
  </si>
  <si>
    <t>6880492.0</t>
  </si>
  <si>
    <t>5124453.0</t>
  </si>
  <si>
    <t>10236.0</t>
  </si>
  <si>
    <t>208.27</t>
  </si>
  <si>
    <t>18630369.0</t>
  </si>
  <si>
    <t>6880646.0</t>
  </si>
  <si>
    <t>5135938.0</t>
  </si>
  <si>
    <t>11917.0</t>
  </si>
  <si>
    <t>208.4</t>
  </si>
  <si>
    <t>18633987.0</t>
  </si>
  <si>
    <t>6880694.0</t>
  </si>
  <si>
    <t>5139392.0</t>
  </si>
  <si>
    <t>7203.0</t>
  </si>
  <si>
    <t>208.44</t>
  </si>
  <si>
    <t>57.49</t>
  </si>
  <si>
    <t>18635088.0</t>
  </si>
  <si>
    <t>6880703.0</t>
  </si>
  <si>
    <t>5140450.0</t>
  </si>
  <si>
    <t>7222.0</t>
  </si>
  <si>
    <t>57.5</t>
  </si>
  <si>
    <t>17442.4</t>
  </si>
  <si>
    <t>1951.13504303372</t>
  </si>
  <si>
    <t>18641619.0</t>
  </si>
  <si>
    <t>6880789.0</t>
  </si>
  <si>
    <t>5146732.0</t>
  </si>
  <si>
    <t>7397.0</t>
  </si>
  <si>
    <t>208.53</t>
  </si>
  <si>
    <t>18652512.0</t>
  </si>
  <si>
    <t>6880932.0</t>
  </si>
  <si>
    <t>5157270.0</t>
  </si>
  <si>
    <t>7708.0</t>
  </si>
  <si>
    <t>208.65</t>
  </si>
  <si>
    <t>18667049.0</t>
  </si>
  <si>
    <t>6881092.0</t>
  </si>
  <si>
    <t>5171406.0</t>
  </si>
  <si>
    <t>14537.0</t>
  </si>
  <si>
    <t>8405.0</t>
  </si>
  <si>
    <t>208.81</t>
  </si>
  <si>
    <t>18681057.0</t>
  </si>
  <si>
    <t>6881234.0</t>
  </si>
  <si>
    <t>5184994.0</t>
  </si>
  <si>
    <t>8944.0</t>
  </si>
  <si>
    <t>208.97</t>
  </si>
  <si>
    <t>18697029.0</t>
  </si>
  <si>
    <t>6881383.0</t>
  </si>
  <si>
    <t>5200508.0</t>
  </si>
  <si>
    <t>15972.0</t>
  </si>
  <si>
    <t>76.98</t>
  </si>
  <si>
    <t>1065.0</t>
  </si>
  <si>
    <t>18701156.0</t>
  </si>
  <si>
    <t>6881432.0</t>
  </si>
  <si>
    <t>5204508.0</t>
  </si>
  <si>
    <t>4127.0</t>
  </si>
  <si>
    <t>9596.0</t>
  </si>
  <si>
    <t>209.19</t>
  </si>
  <si>
    <t>58.22</t>
  </si>
  <si>
    <t>112.98</t>
  </si>
  <si>
    <t>18702061.0</t>
  </si>
  <si>
    <t>6881449.0</t>
  </si>
  <si>
    <t>5205369.0</t>
  </si>
  <si>
    <t>209.2</t>
  </si>
  <si>
    <t>17571.2</t>
  </si>
  <si>
    <t>1965.5428191163</t>
  </si>
  <si>
    <t>18709734.0</t>
  </si>
  <si>
    <t>6881535.0</t>
  </si>
  <si>
    <t>5212805.0</t>
  </si>
  <si>
    <t>209.29</t>
  </si>
  <si>
    <t>58.31</t>
  </si>
  <si>
    <t>18723108.0</t>
  </si>
  <si>
    <t>6881674.0</t>
  </si>
  <si>
    <t>5225834.0</t>
  </si>
  <si>
    <t>13374.0</t>
  </si>
  <si>
    <t>10085.0</t>
  </si>
  <si>
    <t>209.44</t>
  </si>
  <si>
    <t>7.383</t>
  </si>
  <si>
    <t>18738393.0</t>
  </si>
  <si>
    <t>6881854.0</t>
  </si>
  <si>
    <t>5240671.0</t>
  </si>
  <si>
    <t>15285.0</t>
  </si>
  <si>
    <t>209.61</t>
  </si>
  <si>
    <t>58.62</t>
  </si>
  <si>
    <t>18752395.0</t>
  </si>
  <si>
    <t>6882006.0</t>
  </si>
  <si>
    <t>5254300.0</t>
  </si>
  <si>
    <t>14002.0</t>
  </si>
  <si>
    <t>209.77</t>
  </si>
  <si>
    <t>58.78</t>
  </si>
  <si>
    <t>18768583.0</t>
  </si>
  <si>
    <t>6882183.0</t>
  </si>
  <si>
    <t>5269999.0</t>
  </si>
  <si>
    <t>16188.0</t>
  </si>
  <si>
    <t>209.95</t>
  </si>
  <si>
    <t>18773217.0</t>
  </si>
  <si>
    <t>6882253.0</t>
  </si>
  <si>
    <t>5274454.0</t>
  </si>
  <si>
    <t>18773908.0</t>
  </si>
  <si>
    <t>6882262.0</t>
  </si>
  <si>
    <t>5275115.0</t>
  </si>
  <si>
    <t>10264.0</t>
  </si>
  <si>
    <t>210.01</t>
  </si>
  <si>
    <t>59.01</t>
  </si>
  <si>
    <t>17722.8</t>
  </si>
  <si>
    <t>10.76</t>
  </si>
  <si>
    <t>1982.50104003337</t>
  </si>
  <si>
    <t>8.501</t>
  </si>
  <si>
    <t>18781565.0</t>
  </si>
  <si>
    <t>6882333.0</t>
  </si>
  <si>
    <t>5282586.0</t>
  </si>
  <si>
    <t>210.09</t>
  </si>
  <si>
    <t>166.562</t>
  </si>
  <si>
    <t>18793107.0</t>
  </si>
  <si>
    <t>6882442.0</t>
  </si>
  <si>
    <t>5293838.0</t>
  </si>
  <si>
    <t>11542.0</t>
  </si>
  <si>
    <t>10000.0</t>
  </si>
  <si>
    <t>210.22</t>
  </si>
  <si>
    <t>168.24</t>
  </si>
  <si>
    <t>18805575.0</t>
  </si>
  <si>
    <t>6882544.0</t>
  </si>
  <si>
    <t>5305949.0</t>
  </si>
  <si>
    <t>12468.0</t>
  </si>
  <si>
    <t>9597.0</t>
  </si>
  <si>
    <t>210.36</t>
  </si>
  <si>
    <t>59.35</t>
  </si>
  <si>
    <t>18817213.0</t>
  </si>
  <si>
    <t>6882652.0</t>
  </si>
  <si>
    <t>5317308.0</t>
  </si>
  <si>
    <t>11638.0</t>
  </si>
  <si>
    <t>9260.0</t>
  </si>
  <si>
    <t>210.49</t>
  </si>
  <si>
    <t>167.345</t>
  </si>
  <si>
    <t>18829461.0</t>
  </si>
  <si>
    <t>6882806.0</t>
  </si>
  <si>
    <t>5329147.0</t>
  </si>
  <si>
    <t>12248.0</t>
  </si>
  <si>
    <t>8697.0</t>
  </si>
  <si>
    <t>210.63</t>
  </si>
  <si>
    <t>18833392.0</t>
  </si>
  <si>
    <t>6882874.0</t>
  </si>
  <si>
    <t>5332905.0</t>
  </si>
  <si>
    <t>3931.0</t>
  </si>
  <si>
    <t>8596.0</t>
  </si>
  <si>
    <t>210.67</t>
  </si>
  <si>
    <t>59.65</t>
  </si>
  <si>
    <t>167.904</t>
  </si>
  <si>
    <t>18833946.0</t>
  </si>
  <si>
    <t>6882885.0</t>
  </si>
  <si>
    <t>5333432.0</t>
  </si>
  <si>
    <t>18068.0</t>
  </si>
  <si>
    <t>2021.11566972053</t>
  </si>
  <si>
    <t>1636.0</t>
  </si>
  <si>
    <t>18840176.0</t>
  </si>
  <si>
    <t>6882974.0</t>
  </si>
  <si>
    <t>5339445.0</t>
  </si>
  <si>
    <t>210.75</t>
  </si>
  <si>
    <t>18849377.0</t>
  </si>
  <si>
    <t>6883068.0</t>
  </si>
  <si>
    <t>5348366.0</t>
  </si>
  <si>
    <t>9201.0</t>
  </si>
  <si>
    <t>8039.0</t>
  </si>
  <si>
    <t>210.85</t>
  </si>
  <si>
    <t>18860976.0</t>
  </si>
  <si>
    <t>6883193.0</t>
  </si>
  <si>
    <t>5359645.0</t>
  </si>
  <si>
    <t>210.98</t>
  </si>
  <si>
    <t>18871170.0</t>
  </si>
  <si>
    <t>6883323.0</t>
  </si>
  <si>
    <t>5369508.0</t>
  </si>
  <si>
    <t>10194.0</t>
  </si>
  <si>
    <t>211.1</t>
  </si>
  <si>
    <t>60.06</t>
  </si>
  <si>
    <t>18881912.0</t>
  </si>
  <si>
    <t>6883470.0</t>
  </si>
  <si>
    <t>5379908.0</t>
  </si>
  <si>
    <t>10742.0</t>
  </si>
  <si>
    <t>7493.0</t>
  </si>
  <si>
    <t>211.22</t>
  </si>
  <si>
    <t>18885496.0</t>
  </si>
  <si>
    <t>6883519.0</t>
  </si>
  <si>
    <t>5383356.0</t>
  </si>
  <si>
    <t>211.26</t>
  </si>
  <si>
    <t>18885962.0</t>
  </si>
  <si>
    <t>6883533.0</t>
  </si>
  <si>
    <t>5383789.0</t>
  </si>
  <si>
    <t>18279.2</t>
  </si>
  <si>
    <t>2044.74084292426</t>
  </si>
  <si>
    <t>18891128.0</t>
  </si>
  <si>
    <t>6883602.0</t>
  </si>
  <si>
    <t>5388798.0</t>
  </si>
  <si>
    <t>18898501.0</t>
  </si>
  <si>
    <t>6883682.0</t>
  </si>
  <si>
    <t>5395954.0</t>
  </si>
  <si>
    <t>211.4</t>
  </si>
  <si>
    <t>1464.0</t>
  </si>
  <si>
    <t>18907696.0</t>
  </si>
  <si>
    <t>6883804.0</t>
  </si>
  <si>
    <t>5404837.0</t>
  </si>
  <si>
    <t>6674.0</t>
  </si>
  <si>
    <t>211.5</t>
  </si>
  <si>
    <t>60.46</t>
  </si>
  <si>
    <t>18916071.0</t>
  </si>
  <si>
    <t>6883907.0</t>
  </si>
  <si>
    <t>5412933.0</t>
  </si>
  <si>
    <t>8375.0</t>
  </si>
  <si>
    <t>6414.0</t>
  </si>
  <si>
    <t>211.6</t>
  </si>
  <si>
    <t>60.55</t>
  </si>
  <si>
    <t>18923375.0</t>
  </si>
  <si>
    <t>6884003.0</t>
  </si>
  <si>
    <t>5420009.0</t>
  </si>
  <si>
    <t>211.68</t>
  </si>
  <si>
    <t>18926963.0</t>
  </si>
  <si>
    <t>6884071.0</t>
  </si>
  <si>
    <t>5423448.0</t>
  </si>
  <si>
    <t>5924.0</t>
  </si>
  <si>
    <t>211.72</t>
  </si>
  <si>
    <t>60.67</t>
  </si>
  <si>
    <t>18927728.0</t>
  </si>
  <si>
    <t>6884082.0</t>
  </si>
  <si>
    <t>5424182.0</t>
  </si>
  <si>
    <t>211.73</t>
  </si>
  <si>
    <t>18403.4</t>
  </si>
  <si>
    <t>2058.63405557531</t>
  </si>
  <si>
    <t>18932580.0</t>
  </si>
  <si>
    <t>6884153.0</t>
  </si>
  <si>
    <t>5428886.0</t>
  </si>
  <si>
    <t>211.78</t>
  </si>
  <si>
    <t>60.73</t>
  </si>
  <si>
    <t>154.705</t>
  </si>
  <si>
    <t>18940046.0</t>
  </si>
  <si>
    <t>6884250.0</t>
  </si>
  <si>
    <t>5436109.0</t>
  </si>
  <si>
    <t>5935.0</t>
  </si>
  <si>
    <t>211.87</t>
  </si>
  <si>
    <t>1420.0</t>
  </si>
  <si>
    <t>18948999.0</t>
  </si>
  <si>
    <t>6884391.0</t>
  </si>
  <si>
    <t>5444754.0</t>
  </si>
  <si>
    <t>8953.0</t>
  </si>
  <si>
    <t>211.97</t>
  </si>
  <si>
    <t>60.91</t>
  </si>
  <si>
    <t>153.25</t>
  </si>
  <si>
    <t>18957775.0</t>
  </si>
  <si>
    <t>6884500.0</t>
  </si>
  <si>
    <t>5453239.0</t>
  </si>
  <si>
    <t>8776.0</t>
  </si>
  <si>
    <t>212.06</t>
  </si>
  <si>
    <t>18966231.0</t>
  </si>
  <si>
    <t>6884627.0</t>
  </si>
  <si>
    <t>5461392.0</t>
  </si>
  <si>
    <t>212.16</t>
  </si>
  <si>
    <t>18968501.0</t>
  </si>
  <si>
    <t>6884665.0</t>
  </si>
  <si>
    <t>5463553.0</t>
  </si>
  <si>
    <t>2270.0</t>
  </si>
  <si>
    <t>212.18</t>
  </si>
  <si>
    <t>61.12</t>
  </si>
  <si>
    <t>18968914.0</t>
  </si>
  <si>
    <t>6884670.0</t>
  </si>
  <si>
    <t>5463942.0</t>
  </si>
  <si>
    <t>212.19</t>
  </si>
  <si>
    <t>18505.2</t>
  </si>
  <si>
    <t>2070.02156803809</t>
  </si>
  <si>
    <t>18969385.0</t>
  </si>
  <si>
    <t>6884677.0</t>
  </si>
  <si>
    <t>5464394.0</t>
  </si>
  <si>
    <t>5258.0</t>
  </si>
  <si>
    <t>61.13</t>
  </si>
  <si>
    <t>18977032.0</t>
  </si>
  <si>
    <t>6884796.0</t>
  </si>
  <si>
    <t>5471780.0</t>
  </si>
  <si>
    <t>5284.0</t>
  </si>
  <si>
    <t>212.28</t>
  </si>
  <si>
    <t>18985850.0</t>
  </si>
  <si>
    <t>6884906.0</t>
  </si>
  <si>
    <t>5480326.0</t>
  </si>
  <si>
    <t>5264.0</t>
  </si>
  <si>
    <t>212.38</t>
  </si>
  <si>
    <t>18995807.0</t>
  </si>
  <si>
    <t>6885026.0</t>
  </si>
  <si>
    <t>5489969.0</t>
  </si>
  <si>
    <t>212.49</t>
  </si>
  <si>
    <t>61.41</t>
  </si>
  <si>
    <t>19006125.0</t>
  </si>
  <si>
    <t>6885164.0</t>
  </si>
  <si>
    <t>5499930.0</t>
  </si>
  <si>
    <t>5699.0</t>
  </si>
  <si>
    <t>212.61</t>
  </si>
  <si>
    <t>61.52</t>
  </si>
  <si>
    <t>19008904.0</t>
  </si>
  <si>
    <t>6885225.0</t>
  </si>
  <si>
    <t>5502576.0</t>
  </si>
  <si>
    <t>212.64</t>
  </si>
  <si>
    <t>61.55</t>
  </si>
  <si>
    <t>1164.0</t>
  </si>
  <si>
    <t>19009330.0</t>
  </si>
  <si>
    <t>6885231.0</t>
  </si>
  <si>
    <t>5502983.0</t>
  </si>
  <si>
    <t>61.56</t>
  </si>
  <si>
    <t>18697.6</t>
  </si>
  <si>
    <t>12.89</t>
  </si>
  <si>
    <t>2091.54374286952</t>
  </si>
  <si>
    <t>19014737.0</t>
  </si>
  <si>
    <t>6885293.0</t>
  </si>
  <si>
    <t>5508195.0</t>
  </si>
  <si>
    <t>6479.0</t>
  </si>
  <si>
    <t>19023860.0</t>
  </si>
  <si>
    <t>6885404.0</t>
  </si>
  <si>
    <t>5517045.0</t>
  </si>
  <si>
    <t>9123.0</t>
  </si>
  <si>
    <t>19033601.0</t>
  </si>
  <si>
    <t>6885555.0</t>
  </si>
  <si>
    <t>5526451.0</t>
  </si>
  <si>
    <t>9741.0</t>
  </si>
  <si>
    <t>6822.0</t>
  </si>
  <si>
    <t>212.91</t>
  </si>
  <si>
    <t>763.0</t>
  </si>
  <si>
    <t>19042438.0</t>
  </si>
  <si>
    <t>6885665.0</t>
  </si>
  <si>
    <t>5535028.0</t>
  </si>
  <si>
    <t>8837.0</t>
  </si>
  <si>
    <t>213.01</t>
  </si>
  <si>
    <t>61.92</t>
  </si>
  <si>
    <t>19051410.0</t>
  </si>
  <si>
    <t>6885784.0</t>
  </si>
  <si>
    <t>5543715.0</t>
  </si>
  <si>
    <t>8972.0</t>
  </si>
  <si>
    <t>213.11</t>
  </si>
  <si>
    <t>19055349.0</t>
  </si>
  <si>
    <t>6885839.0</t>
  </si>
  <si>
    <t>5547516.0</t>
  </si>
  <si>
    <t>62.06</t>
  </si>
  <si>
    <t>19056652.0</t>
  </si>
  <si>
    <t>6885852.0</t>
  </si>
  <si>
    <t>5548775.0</t>
  </si>
  <si>
    <t>6760.0</t>
  </si>
  <si>
    <t>213.17</t>
  </si>
  <si>
    <t>62.07</t>
  </si>
  <si>
    <t>18781.8</t>
  </si>
  <si>
    <t>5.74</t>
  </si>
  <si>
    <t>2100.96249089866</t>
  </si>
  <si>
    <t>19061842.0</t>
  </si>
  <si>
    <t>6885933.0</t>
  </si>
  <si>
    <t>5553763.0</t>
  </si>
  <si>
    <t>5190.0</t>
  </si>
  <si>
    <t>6729.0</t>
  </si>
  <si>
    <t>213.23</t>
  </si>
  <si>
    <t>19069865.0</t>
  </si>
  <si>
    <t>6886058.0</t>
  </si>
  <si>
    <t>5561486.0</t>
  </si>
  <si>
    <t>8023.0</t>
  </si>
  <si>
    <t>213.32</t>
  </si>
  <si>
    <t>62.21</t>
  </si>
  <si>
    <t>19080049.0</t>
  </si>
  <si>
    <t>6886198.0</t>
  </si>
  <si>
    <t>5571334.0</t>
  </si>
  <si>
    <t>10184.0</t>
  </si>
  <si>
    <t>213.43</t>
  </si>
  <si>
    <t>19092108.0</t>
  </si>
  <si>
    <t>6886367.0</t>
  </si>
  <si>
    <t>5583038.0</t>
  </si>
  <si>
    <t>7096.0</t>
  </si>
  <si>
    <t>213.57</t>
  </si>
  <si>
    <t>19106359.0</t>
  </si>
  <si>
    <t>6886576.0</t>
  </si>
  <si>
    <t>5596832.0</t>
  </si>
  <si>
    <t>14251.0</t>
  </si>
  <si>
    <t>7850.0</t>
  </si>
  <si>
    <t>213.73</t>
  </si>
  <si>
    <t>19111013.0</t>
  </si>
  <si>
    <t>6886631.0</t>
  </si>
  <si>
    <t>5601357.0</t>
  </si>
  <si>
    <t>7952.0</t>
  </si>
  <si>
    <t>213.78</t>
  </si>
  <si>
    <t>62.66</t>
  </si>
  <si>
    <t>19111968.0</t>
  </si>
  <si>
    <t>6886656.0</t>
  </si>
  <si>
    <t>5602269.0</t>
  </si>
  <si>
    <t>213.79</t>
  </si>
  <si>
    <t>62.67</t>
  </si>
  <si>
    <t>18777.0</t>
  </si>
  <si>
    <t>-0.33</t>
  </si>
  <si>
    <t>2100.42555514403</t>
  </si>
  <si>
    <t>19118302.0</t>
  </si>
  <si>
    <t>6886736.0</t>
  </si>
  <si>
    <t>5608428.0</t>
  </si>
  <si>
    <t>8066.0</t>
  </si>
  <si>
    <t>213.86</t>
  </si>
  <si>
    <t>19130022.0</t>
  </si>
  <si>
    <t>6886895.0</t>
  </si>
  <si>
    <t>5619818.0</t>
  </si>
  <si>
    <t>103.584</t>
  </si>
  <si>
    <t>19142592.0</t>
  </si>
  <si>
    <t>6887014.0</t>
  </si>
  <si>
    <t>5632092.0</t>
  </si>
  <si>
    <t>12570.0</t>
  </si>
  <si>
    <t>8935.0</t>
  </si>
  <si>
    <t>214.13</t>
  </si>
  <si>
    <t>19155884.0</t>
  </si>
  <si>
    <t>6887204.0</t>
  </si>
  <si>
    <t>5644992.0</t>
  </si>
  <si>
    <t>13292.0</t>
  </si>
  <si>
    <t>9111.0</t>
  </si>
  <si>
    <t>214.28</t>
  </si>
  <si>
    <t>63.15</t>
  </si>
  <si>
    <t>19169441.0</t>
  </si>
  <si>
    <t>6887402.0</t>
  </si>
  <si>
    <t>5658131.0</t>
  </si>
  <si>
    <t>13557.0</t>
  </si>
  <si>
    <t>9012.0</t>
  </si>
  <si>
    <t>214.43</t>
  </si>
  <si>
    <t>63.29</t>
  </si>
  <si>
    <t>19173546.0</t>
  </si>
  <si>
    <t>6887458.0</t>
  </si>
  <si>
    <t>5662093.0</t>
  </si>
  <si>
    <t>8933.0</t>
  </si>
  <si>
    <t>214.48</t>
  </si>
  <si>
    <t>63.34</t>
  </si>
  <si>
    <t>19174553.0</t>
  </si>
  <si>
    <t>6887467.0</t>
  </si>
  <si>
    <t>5663078.0</t>
  </si>
  <si>
    <t>8941.0</t>
  </si>
  <si>
    <t>214.49</t>
  </si>
  <si>
    <t>18911.8</t>
  </si>
  <si>
    <t>2115.50450091989</t>
  </si>
  <si>
    <t>19180591.0</t>
  </si>
  <si>
    <t>6887534.0</t>
  </si>
  <si>
    <t>5668956.0</t>
  </si>
  <si>
    <t>6038.0</t>
  </si>
  <si>
    <t>8898.0</t>
  </si>
  <si>
    <t>214.56</t>
  </si>
  <si>
    <t>77.05</t>
  </si>
  <si>
    <t>19190567.0</t>
  </si>
  <si>
    <t>6887640.0</t>
  </si>
  <si>
    <t>5678704.0</t>
  </si>
  <si>
    <t>9976.0</t>
  </si>
  <si>
    <t>8649.0</t>
  </si>
  <si>
    <t>214.67</t>
  </si>
  <si>
    <t>19202083.0</t>
  </si>
  <si>
    <t>6887771.0</t>
  </si>
  <si>
    <t>5689903.0</t>
  </si>
  <si>
    <t>8499.0</t>
  </si>
  <si>
    <t>214.8</t>
  </si>
  <si>
    <t>19212660.0</t>
  </si>
  <si>
    <t>6887871.0</t>
  </si>
  <si>
    <t>5700218.0</t>
  </si>
  <si>
    <t>214.92</t>
  </si>
  <si>
    <t>19225258.0</t>
  </si>
  <si>
    <t>6888034.0</t>
  </si>
  <si>
    <t>5712463.0</t>
  </si>
  <si>
    <t>12598.0</t>
  </si>
  <si>
    <t>7974.0</t>
  </si>
  <si>
    <t>215.06</t>
  </si>
  <si>
    <t>19230348.0</t>
  </si>
  <si>
    <t>6888107.0</t>
  </si>
  <si>
    <t>5717400.0</t>
  </si>
  <si>
    <t>215.11</t>
  </si>
  <si>
    <t>19231438.0</t>
  </si>
  <si>
    <t>6888116.0</t>
  </si>
  <si>
    <t>5718470.0</t>
  </si>
  <si>
    <t>19044.0</t>
  </si>
  <si>
    <t>2130.29260649533</t>
  </si>
  <si>
    <t>106.38</t>
  </si>
  <si>
    <t>19237734.0</t>
  </si>
  <si>
    <t>6888188.0</t>
  </si>
  <si>
    <t>5724617.0</t>
  </si>
  <si>
    <t>6296.0</t>
  </si>
  <si>
    <t>215.2</t>
  </si>
  <si>
    <t>64.04</t>
  </si>
  <si>
    <t>19248822.0</t>
  </si>
  <si>
    <t>6888300.0</t>
  </si>
  <si>
    <t>5735462.0</t>
  </si>
  <si>
    <t>8322.0</t>
  </si>
  <si>
    <t>215.32</t>
  </si>
  <si>
    <t>112.309</t>
  </si>
  <si>
    <t>19260165.0</t>
  </si>
  <si>
    <t>6888429.0</t>
  </si>
  <si>
    <t>5746527.0</t>
  </si>
  <si>
    <t>11343.0</t>
  </si>
  <si>
    <t>77.06</t>
  </si>
  <si>
    <t>19270627.0</t>
  </si>
  <si>
    <t>6888521.0</t>
  </si>
  <si>
    <t>5756756.0</t>
  </si>
  <si>
    <t>8281.0</t>
  </si>
  <si>
    <t>215.56</t>
  </si>
  <si>
    <t>19281466.0</t>
  </si>
  <si>
    <t>6888645.0</t>
  </si>
  <si>
    <t>5767294.0</t>
  </si>
  <si>
    <t>10839.0</t>
  </si>
  <si>
    <t>8030.0</t>
  </si>
  <si>
    <t>19286901.0</t>
  </si>
  <si>
    <t>6888719.0</t>
  </si>
  <si>
    <t>5772575.0</t>
  </si>
  <si>
    <t>5435.0</t>
  </si>
  <si>
    <t>215.75</t>
  </si>
  <si>
    <t>64.57</t>
  </si>
  <si>
    <t>113.875</t>
  </si>
  <si>
    <t>19287651.0</t>
  </si>
  <si>
    <t>6888732.0</t>
  </si>
  <si>
    <t>5773289.0</t>
  </si>
  <si>
    <t>2152.32934475828</t>
  </si>
  <si>
    <t>19293459.0</t>
  </si>
  <si>
    <t>6888800.0</t>
  </si>
  <si>
    <t>5778946.0</t>
  </si>
  <si>
    <t>215.82</t>
  </si>
  <si>
    <t>19305161.0</t>
  </si>
  <si>
    <t>6888871.0</t>
  </si>
  <si>
    <t>5790421.0</t>
  </si>
  <si>
    <t>11702.0</t>
  </si>
  <si>
    <t>8048.0</t>
  </si>
  <si>
    <t>215.95</t>
  </si>
  <si>
    <t>64.77</t>
  </si>
  <si>
    <t>19321671.0</t>
  </si>
  <si>
    <t>6889001.0</t>
  </si>
  <si>
    <t>5806646.0</t>
  </si>
  <si>
    <t>16510.0</t>
  </si>
  <si>
    <t>8787.0</t>
  </si>
  <si>
    <t>19338183.0</t>
  </si>
  <si>
    <t>6889123.0</t>
  </si>
  <si>
    <t>5822853.0</t>
  </si>
  <si>
    <t>16512.0</t>
  </si>
  <si>
    <t>9651.0</t>
  </si>
  <si>
    <t>216.32</t>
  </si>
  <si>
    <t>19363092.0</t>
  </si>
  <si>
    <t>6889286.0</t>
  </si>
  <si>
    <t>5847317.0</t>
  </si>
  <si>
    <t>24909.0</t>
  </si>
  <si>
    <t>11661.0</t>
  </si>
  <si>
    <t>19372851.0</t>
  </si>
  <si>
    <t>6889361.0</t>
  </si>
  <si>
    <t>5856906.0</t>
  </si>
  <si>
    <t>9759.0</t>
  </si>
  <si>
    <t>12279.0</t>
  </si>
  <si>
    <t>216.71</t>
  </si>
  <si>
    <t>19374461.0</t>
  </si>
  <si>
    <t>6889368.0</t>
  </si>
  <si>
    <t>5858490.0</t>
  </si>
  <si>
    <t>12401.0</t>
  </si>
  <si>
    <t>216.73</t>
  </si>
  <si>
    <t>1387.0</t>
  </si>
  <si>
    <t>19464.4</t>
  </si>
  <si>
    <t>2177.3192296717</t>
  </si>
  <si>
    <t>19384747.0</t>
  </si>
  <si>
    <t>6889446.0</t>
  </si>
  <si>
    <t>5868600.0</t>
  </si>
  <si>
    <t>10286.0</t>
  </si>
  <si>
    <t>13041.0</t>
  </si>
  <si>
    <t>216.84</t>
  </si>
  <si>
    <t>19403821.0</t>
  </si>
  <si>
    <t>6889542.0</t>
  </si>
  <si>
    <t>5887446.0</t>
  </si>
  <si>
    <t>19074.0</t>
  </si>
  <si>
    <t>14094.0</t>
  </si>
  <si>
    <t>217.05</t>
  </si>
  <si>
    <t>19425194.0</t>
  </si>
  <si>
    <t>6889673.0</t>
  </si>
  <si>
    <t>5908517.0</t>
  </si>
  <si>
    <t>21373.0</t>
  </si>
  <si>
    <t>14789.0</t>
  </si>
  <si>
    <t>217.29</t>
  </si>
  <si>
    <t>19446664.0</t>
  </si>
  <si>
    <t>6889813.0</t>
  </si>
  <si>
    <t>5929673.0</t>
  </si>
  <si>
    <t>21470.0</t>
  </si>
  <si>
    <t>15497.0</t>
  </si>
  <si>
    <t>217.53</t>
  </si>
  <si>
    <t>19475172.0</t>
  </si>
  <si>
    <t>6890012.0</t>
  </si>
  <si>
    <t>5957735.0</t>
  </si>
  <si>
    <t>28508.0</t>
  </si>
  <si>
    <t>16011.0</t>
  </si>
  <si>
    <t>217.85</t>
  </si>
  <si>
    <t>245.201</t>
  </si>
  <si>
    <t>19484875.0</t>
  </si>
  <si>
    <t>6890098.0</t>
  </si>
  <si>
    <t>5967244.0</t>
  </si>
  <si>
    <t>9703.0</t>
  </si>
  <si>
    <t>16003.0</t>
  </si>
  <si>
    <t>217.96</t>
  </si>
  <si>
    <t>19486573.0</t>
  </si>
  <si>
    <t>6890119.0</t>
  </si>
  <si>
    <t>5968908.0</t>
  </si>
  <si>
    <t>217.98</t>
  </si>
  <si>
    <t>66.77</t>
  </si>
  <si>
    <t>19792.0</t>
  </si>
  <si>
    <t>21.24</t>
  </si>
  <si>
    <t>2213.96509492521</t>
  </si>
  <si>
    <t>271.6</t>
  </si>
  <si>
    <t>19499845.0</t>
  </si>
  <si>
    <t>6890193.0</t>
  </si>
  <si>
    <t>5981999.0</t>
  </si>
  <si>
    <t>13272.0</t>
  </si>
  <si>
    <t>16443.0</t>
  </si>
  <si>
    <t>218.13</t>
  </si>
  <si>
    <t>19521199.0</t>
  </si>
  <si>
    <t>6890361.0</t>
  </si>
  <si>
    <t>6003021.0</t>
  </si>
  <si>
    <t>21354.0</t>
  </si>
  <si>
    <t>16768.0</t>
  </si>
  <si>
    <t>218.37</t>
  </si>
  <si>
    <t>19544252.0</t>
  </si>
  <si>
    <t>6890472.0</t>
  </si>
  <si>
    <t>6025775.0</t>
  </si>
  <si>
    <t>23053.0</t>
  </si>
  <si>
    <t>17008.0</t>
  </si>
  <si>
    <t>19567507.0</t>
  </si>
  <si>
    <t>6890643.0</t>
  </si>
  <si>
    <t>6048668.0</t>
  </si>
  <si>
    <t>23255.0</t>
  </si>
  <si>
    <t>17263.0</t>
  </si>
  <si>
    <t>19596858.0</t>
  </si>
  <si>
    <t>6890839.0</t>
  </si>
  <si>
    <t>6077593.0</t>
  </si>
  <si>
    <t>29351.0</t>
  </si>
  <si>
    <t>17384.0</t>
  </si>
  <si>
    <t>219.21</t>
  </si>
  <si>
    <t>19607672.0</t>
  </si>
  <si>
    <t>6890932.0</t>
  </si>
  <si>
    <t>6088219.0</t>
  </si>
  <si>
    <t>10814.0</t>
  </si>
  <si>
    <t>219.33</t>
  </si>
  <si>
    <t>1962.0</t>
  </si>
  <si>
    <t>19609096.0</t>
  </si>
  <si>
    <t>6890942.0</t>
  </si>
  <si>
    <t>6089623.0</t>
  </si>
  <si>
    <t>1424.0</t>
  </si>
  <si>
    <t>17503.0</t>
  </si>
  <si>
    <t>219.35</t>
  </si>
  <si>
    <t>68.12</t>
  </si>
  <si>
    <t>20003.0</t>
  </si>
  <si>
    <t>2237.56789580583</t>
  </si>
  <si>
    <t>2529.0</t>
  </si>
  <si>
    <t>19622231.0</t>
  </si>
  <si>
    <t>6891035.0</t>
  </si>
  <si>
    <t>6102569.0</t>
  </si>
  <si>
    <t>13135.0</t>
  </si>
  <si>
    <t>17484.0</t>
  </si>
  <si>
    <t>19642525.0</t>
  </si>
  <si>
    <t>6891169.0</t>
  </si>
  <si>
    <t>6122580.0</t>
  </si>
  <si>
    <t>20294.0</t>
  </si>
  <si>
    <t>17332.0</t>
  </si>
  <si>
    <t>219.72</t>
  </si>
  <si>
    <t>19666917.0</t>
  </si>
  <si>
    <t>6891311.0</t>
  </si>
  <si>
    <t>6146656.0</t>
  </si>
  <si>
    <t>24392.0</t>
  </si>
  <si>
    <t>17524.0</t>
  </si>
  <si>
    <t>68.76</t>
  </si>
  <si>
    <t>14.766</t>
  </si>
  <si>
    <t>2380.0</t>
  </si>
  <si>
    <t>19691200.0</t>
  </si>
  <si>
    <t>6891468.0</t>
  </si>
  <si>
    <t>6170624.0</t>
  </si>
  <si>
    <t>24283.0</t>
  </si>
  <si>
    <t>17670.0</t>
  </si>
  <si>
    <t>220.27</t>
  </si>
  <si>
    <t>19718327.0</t>
  </si>
  <si>
    <t>6891658.0</t>
  </si>
  <si>
    <t>6197354.0</t>
  </si>
  <si>
    <t>27127.0</t>
  </si>
  <si>
    <t>17353.0</t>
  </si>
  <si>
    <t>220.57</t>
  </si>
  <si>
    <t>69.32</t>
  </si>
  <si>
    <t>19727884.0</t>
  </si>
  <si>
    <t>6891721.0</t>
  </si>
  <si>
    <t>6206766.0</t>
  </si>
  <si>
    <t>9557.0</t>
  </si>
  <si>
    <t>17173.0</t>
  </si>
  <si>
    <t>220.68</t>
  </si>
  <si>
    <t>19729036.0</t>
  </si>
  <si>
    <t>6891732.0</t>
  </si>
  <si>
    <t>6207894.0</t>
  </si>
  <si>
    <t>220.69</t>
  </si>
  <si>
    <t>69.44</t>
  </si>
  <si>
    <t>20229.8</t>
  </si>
  <si>
    <t>2262.9381102121</t>
  </si>
  <si>
    <t>19741297.0</t>
  </si>
  <si>
    <t>6891833.0</t>
  </si>
  <si>
    <t>6219963.0</t>
  </si>
  <si>
    <t>12261.0</t>
  </si>
  <si>
    <t>17009.0</t>
  </si>
  <si>
    <t>220.83</t>
  </si>
  <si>
    <t>19758961.0</t>
  </si>
  <si>
    <t>6891974.0</t>
  </si>
  <si>
    <t>6237315.0</t>
  </si>
  <si>
    <t>17664.0</t>
  </si>
  <si>
    <t>16634.0</t>
  </si>
  <si>
    <t>69.77</t>
  </si>
  <si>
    <t>19762352.0</t>
  </si>
  <si>
    <t>6892006.0</t>
  </si>
  <si>
    <t>6240642.0</t>
  </si>
  <si>
    <t>13634.0</t>
  </si>
  <si>
    <t>221.06</t>
  </si>
  <si>
    <t>77.1</t>
  </si>
  <si>
    <t>19776124.0</t>
  </si>
  <si>
    <t>6892112.0</t>
  </si>
  <si>
    <t>6254176.0</t>
  </si>
  <si>
    <t>13772.0</t>
  </si>
  <si>
    <t>221.22</t>
  </si>
  <si>
    <t>69.96</t>
  </si>
  <si>
    <t>1357.0</t>
  </si>
  <si>
    <t>19794018.0</t>
  </si>
  <si>
    <t>6892234.0</t>
  </si>
  <si>
    <t>6271760.0</t>
  </si>
  <si>
    <t>17894.0</t>
  </si>
  <si>
    <t>221.42</t>
  </si>
  <si>
    <t>19800593.0</t>
  </si>
  <si>
    <t>6892290.0</t>
  </si>
  <si>
    <t>6278216.0</t>
  </si>
  <si>
    <t>6575.0</t>
  </si>
  <si>
    <t>10387.0</t>
  </si>
  <si>
    <t>221.49</t>
  </si>
  <si>
    <t>221.71</t>
  </si>
  <si>
    <t>19801406.0</t>
  </si>
  <si>
    <t>6892298.0</t>
  </si>
  <si>
    <t>6279016.0</t>
  </si>
  <si>
    <t>10339.0</t>
  </si>
  <si>
    <t>221.5</t>
  </si>
  <si>
    <t>20511.8</t>
  </si>
  <si>
    <t>2294.48308579663</t>
  </si>
  <si>
    <t>19807718.0</t>
  </si>
  <si>
    <t>6892361.0</t>
  </si>
  <si>
    <t>6285210.0</t>
  </si>
  <si>
    <t>6312.0</t>
  </si>
  <si>
    <t>9489.0</t>
  </si>
  <si>
    <t>221.57</t>
  </si>
  <si>
    <t>211.307</t>
  </si>
  <si>
    <t>19809886.0</t>
  </si>
  <si>
    <t>6892374.0</t>
  </si>
  <si>
    <t>6287348.0</t>
  </si>
  <si>
    <t>2168.0</t>
  </si>
  <si>
    <t>7275.0</t>
  </si>
  <si>
    <t>221.6</t>
  </si>
  <si>
    <t>1445.0</t>
  </si>
  <si>
    <t>161.64</t>
  </si>
  <si>
    <t>19824512.0</t>
  </si>
  <si>
    <t>6892477.0</t>
  </si>
  <si>
    <t>6301739.0</t>
  </si>
  <si>
    <t>14626.0</t>
  </si>
  <si>
    <t>8880.0</t>
  </si>
  <si>
    <t>19843236.0</t>
  </si>
  <si>
    <t>6892580.0</t>
  </si>
  <si>
    <t>6320240.0</t>
  </si>
  <si>
    <t>18724.0</t>
  </si>
  <si>
    <t>9587.0</t>
  </si>
  <si>
    <t>221.97</t>
  </si>
  <si>
    <t>19865645.0</t>
  </si>
  <si>
    <t>6892730.0</t>
  </si>
  <si>
    <t>6342302.0</t>
  </si>
  <si>
    <t>22409.0</t>
  </si>
  <si>
    <t>10232.0</t>
  </si>
  <si>
    <t>222.22</t>
  </si>
  <si>
    <t>19873000.0</t>
  </si>
  <si>
    <t>6892808.0</t>
  </si>
  <si>
    <t>6349503.0</t>
  </si>
  <si>
    <t>7355.0</t>
  </si>
  <si>
    <t>222.3</t>
  </si>
  <si>
    <t>19874047.0</t>
  </si>
  <si>
    <t>6892819.0</t>
  </si>
  <si>
    <t>6350526.0</t>
  </si>
  <si>
    <t>222.31</t>
  </si>
  <si>
    <t>20676.8</t>
  </si>
  <si>
    <t>2312.94025236204</t>
  </si>
  <si>
    <t>19884140.0</t>
  </si>
  <si>
    <t>6892892.0</t>
  </si>
  <si>
    <t>6360456.0</t>
  </si>
  <si>
    <t>10093.0</t>
  </si>
  <si>
    <t>10917.0</t>
  </si>
  <si>
    <t>222.43</t>
  </si>
  <si>
    <t>19900583.0</t>
  </si>
  <si>
    <t>6892981.0</t>
  </si>
  <si>
    <t>6376685.0</t>
  </si>
  <si>
    <t>12957.0</t>
  </si>
  <si>
    <t>222.61</t>
  </si>
  <si>
    <t>19918203.0</t>
  </si>
  <si>
    <t>6893100.0</t>
  </si>
  <si>
    <t>6394059.0</t>
  </si>
  <si>
    <t>13384.0</t>
  </si>
  <si>
    <t>222.81</t>
  </si>
  <si>
    <t>71.52</t>
  </si>
  <si>
    <t>19935805.0</t>
  </si>
  <si>
    <t>6893191.0</t>
  </si>
  <si>
    <t>6411458.0</t>
  </si>
  <si>
    <t>17602.0</t>
  </si>
  <si>
    <t>13224.0</t>
  </si>
  <si>
    <t>223.01</t>
  </si>
  <si>
    <t>19957824.0</t>
  </si>
  <si>
    <t>6893357.0</t>
  </si>
  <si>
    <t>6433136.0</t>
  </si>
  <si>
    <t>13168.0</t>
  </si>
  <si>
    <t>223.25</t>
  </si>
  <si>
    <t>19965025.0</t>
  </si>
  <si>
    <t>6893424.0</t>
  </si>
  <si>
    <t>6440191.0</t>
  </si>
  <si>
    <t>7201.0</t>
  </si>
  <si>
    <t>13146.0</t>
  </si>
  <si>
    <t>223.33</t>
  </si>
  <si>
    <t>19966231.0</t>
  </si>
  <si>
    <t>6893449.0</t>
  </si>
  <si>
    <t>6441362.0</t>
  </si>
  <si>
    <t>13169.0</t>
  </si>
  <si>
    <t>223.35</t>
  </si>
  <si>
    <t>20863.4</t>
  </si>
  <si>
    <t>2333.81362982329</t>
  </si>
  <si>
    <t>19975613.0</t>
  </si>
  <si>
    <t>6893524.0</t>
  </si>
  <si>
    <t>6450588.0</t>
  </si>
  <si>
    <t>9382.0</t>
  </si>
  <si>
    <t>13068.0</t>
  </si>
  <si>
    <t>223.45</t>
  </si>
  <si>
    <t>19990280.0</t>
  </si>
  <si>
    <t>6893618.0</t>
  </si>
  <si>
    <t>6465038.0</t>
  </si>
  <si>
    <t>14667.0</t>
  </si>
  <si>
    <t>223.61</t>
  </si>
  <si>
    <t>72.32</t>
  </si>
  <si>
    <t>20005931.0</t>
  </si>
  <si>
    <t>6893763.0</t>
  </si>
  <si>
    <t>6480434.0</t>
  </si>
  <si>
    <t>15651.0</t>
  </si>
  <si>
    <t>12533.0</t>
  </si>
  <si>
    <t>223.79</t>
  </si>
  <si>
    <t>20022758.0</t>
  </si>
  <si>
    <t>6893887.0</t>
  </si>
  <si>
    <t>6497027.0</t>
  </si>
  <si>
    <t>16827.0</t>
  </si>
  <si>
    <t>12422.0</t>
  </si>
  <si>
    <t>223.98</t>
  </si>
  <si>
    <t>20043258.0</t>
  </si>
  <si>
    <t>6894045.0</t>
  </si>
  <si>
    <t>6517230.0</t>
  </si>
  <si>
    <t>20500.0</t>
  </si>
  <si>
    <t>224.21</t>
  </si>
  <si>
    <t>20050334.0</t>
  </si>
  <si>
    <t>6894138.0</t>
  </si>
  <si>
    <t>6524147.0</t>
  </si>
  <si>
    <t>7076.0</t>
  </si>
  <si>
    <t>12187.0</t>
  </si>
  <si>
    <t>224.29</t>
  </si>
  <si>
    <t>20051137.0</t>
  </si>
  <si>
    <t>6894154.0</t>
  </si>
  <si>
    <t>6524924.0</t>
  </si>
  <si>
    <t>12129.0</t>
  </si>
  <si>
    <t>21051.0</t>
  </si>
  <si>
    <t>2354.79886890009</t>
  </si>
  <si>
    <t>20059679.0</t>
  </si>
  <si>
    <t>6894216.0</t>
  </si>
  <si>
    <t>6533362.0</t>
  </si>
  <si>
    <t>12009.0</t>
  </si>
  <si>
    <t>224.39</t>
  </si>
  <si>
    <t>73.08</t>
  </si>
  <si>
    <t>20072526.0</t>
  </si>
  <si>
    <t>6894323.0</t>
  </si>
  <si>
    <t>6546020.0</t>
  </si>
  <si>
    <t>11749.0</t>
  </si>
  <si>
    <t>224.53</t>
  </si>
  <si>
    <t>73.22</t>
  </si>
  <si>
    <t>20087193.0</t>
  </si>
  <si>
    <t>6894433.0</t>
  </si>
  <si>
    <t>6560486.0</t>
  </si>
  <si>
    <t>11609.0</t>
  </si>
  <si>
    <t>224.7</t>
  </si>
  <si>
    <t>20101812.0</t>
  </si>
  <si>
    <t>6894520.0</t>
  </si>
  <si>
    <t>6574913.0</t>
  </si>
  <si>
    <t>14619.0</t>
  </si>
  <si>
    <t>11293.0</t>
  </si>
  <si>
    <t>224.86</t>
  </si>
  <si>
    <t>73.55</t>
  </si>
  <si>
    <t>20119085.0</t>
  </si>
  <si>
    <t>6894670.0</t>
  </si>
  <si>
    <t>6591912.0</t>
  </si>
  <si>
    <t>17273.0</t>
  </si>
  <si>
    <t>10832.0</t>
  </si>
  <si>
    <t>225.06</t>
  </si>
  <si>
    <t>20125039.0</t>
  </si>
  <si>
    <t>6894752.0</t>
  </si>
  <si>
    <t>6597725.0</t>
  </si>
  <si>
    <t>225.12</t>
  </si>
  <si>
    <t>20125879.0</t>
  </si>
  <si>
    <t>6894764.0</t>
  </si>
  <si>
    <t>6598544.0</t>
  </si>
  <si>
    <t>225.13</t>
  </si>
  <si>
    <t>73.81</t>
  </si>
  <si>
    <t>21212.0</t>
  </si>
  <si>
    <t>2372.80858900331</t>
  </si>
  <si>
    <t>20134349.0</t>
  </si>
  <si>
    <t>6894848.0</t>
  </si>
  <si>
    <t>6606865.0</t>
  </si>
  <si>
    <t>8470.0</t>
  </si>
  <si>
    <t>10667.0</t>
  </si>
  <si>
    <t>225.23</t>
  </si>
  <si>
    <t>73.91</t>
  </si>
  <si>
    <t>20146663.0</t>
  </si>
  <si>
    <t>6894940.0</t>
  </si>
  <si>
    <t>6618996.0</t>
  </si>
  <si>
    <t>12314.0</t>
  </si>
  <si>
    <t>225.36</t>
  </si>
  <si>
    <t>74.04</t>
  </si>
  <si>
    <t>20160247.0</t>
  </si>
  <si>
    <t>6895042.0</t>
  </si>
  <si>
    <t>6632370.0</t>
  </si>
  <si>
    <t>13584.0</t>
  </si>
  <si>
    <t>225.52</t>
  </si>
  <si>
    <t>20174850.0</t>
  </si>
  <si>
    <t>6895149.0</t>
  </si>
  <si>
    <t>6646776.0</t>
  </si>
  <si>
    <t>14603.0</t>
  </si>
  <si>
    <t>10434.0</t>
  </si>
  <si>
    <t>225.68</t>
  </si>
  <si>
    <t>20191555.0</t>
  </si>
  <si>
    <t>6895258.0</t>
  </si>
  <si>
    <t>6663259.0</t>
  </si>
  <si>
    <t>16705.0</t>
  </si>
  <si>
    <t>10353.0</t>
  </si>
  <si>
    <t>225.87</t>
  </si>
  <si>
    <t>20197378.0</t>
  </si>
  <si>
    <t>6895314.0</t>
  </si>
  <si>
    <t>6668974.0</t>
  </si>
  <si>
    <t>10334.0</t>
  </si>
  <si>
    <t>20198093.0</t>
  </si>
  <si>
    <t>6895326.0</t>
  </si>
  <si>
    <t>6669669.0</t>
  </si>
  <si>
    <t>10316.0</t>
  </si>
  <si>
    <t>225.94</t>
  </si>
  <si>
    <t>21457.8</t>
  </si>
  <si>
    <t>15.57</t>
  </si>
  <si>
    <t>2400.304174105</t>
  </si>
  <si>
    <t>20205065.0</t>
  </si>
  <si>
    <t>6895414.0</t>
  </si>
  <si>
    <t>6676496.0</t>
  </si>
  <si>
    <t>10102.0</t>
  </si>
  <si>
    <t>226.02</t>
  </si>
  <si>
    <t>20216033.0</t>
  </si>
  <si>
    <t>6895472.0</t>
  </si>
  <si>
    <t>6687345.0</t>
  </si>
  <si>
    <t>10968.0</t>
  </si>
  <si>
    <t>9910.0</t>
  </si>
  <si>
    <t>226.14</t>
  </si>
  <si>
    <t>20228617.0</t>
  </si>
  <si>
    <t>6895567.0</t>
  </si>
  <si>
    <t>6699753.0</t>
  </si>
  <si>
    <t>9767.0</t>
  </si>
  <si>
    <t>226.28</t>
  </si>
  <si>
    <t>20230656.0</t>
  </si>
  <si>
    <t>6895580.0</t>
  </si>
  <si>
    <t>6701764.0</t>
  </si>
  <si>
    <t>2039.0</t>
  </si>
  <si>
    <t>7972.0</t>
  </si>
  <si>
    <t>226.3</t>
  </si>
  <si>
    <t>122.377</t>
  </si>
  <si>
    <t>20242954.0</t>
  </si>
  <si>
    <t>6895703.0</t>
  </si>
  <si>
    <t>6713841.0</t>
  </si>
  <si>
    <t>12298.0</t>
  </si>
  <si>
    <t>7343.0</t>
  </si>
  <si>
    <t>226.44</t>
  </si>
  <si>
    <t>20247342.0</t>
  </si>
  <si>
    <t>6895761.0</t>
  </si>
  <si>
    <t>6718118.0</t>
  </si>
  <si>
    <t>4388.0</t>
  </si>
  <si>
    <t>226.49</t>
  </si>
  <si>
    <t>20247932.0</t>
  </si>
  <si>
    <t>6895770.0</t>
  </si>
  <si>
    <t>6718688.0</t>
  </si>
  <si>
    <t>226.5</t>
  </si>
  <si>
    <t>75.16</t>
  </si>
  <si>
    <t>1108.0</t>
  </si>
  <si>
    <t>20253925.0</t>
  </si>
  <si>
    <t>6895817.0</t>
  </si>
  <si>
    <t>6724582.0</t>
  </si>
  <si>
    <t>5993.0</t>
  </si>
  <si>
    <t>6980.0</t>
  </si>
  <si>
    <t>20263306.0</t>
  </si>
  <si>
    <t>6895915.0</t>
  </si>
  <si>
    <t>6733783.0</t>
  </si>
  <si>
    <t>9381.0</t>
  </si>
  <si>
    <t>6753.0</t>
  </si>
  <si>
    <t>226.67</t>
  </si>
  <si>
    <t>130.99</t>
  </si>
  <si>
    <t>1283.0</t>
  </si>
  <si>
    <t>128.641</t>
  </si>
  <si>
    <t>AZE</t>
  </si>
  <si>
    <t>Azerbaijan</t>
  </si>
  <si>
    <t>868.4</t>
  </si>
  <si>
    <t>23.06</t>
  </si>
  <si>
    <t>83.8379475420054</t>
  </si>
  <si>
    <t>81.0000000000001</t>
  </si>
  <si>
    <t>-14.86</t>
  </si>
  <si>
    <t>7.81998359155049</t>
  </si>
  <si>
    <t>-438.2</t>
  </si>
  <si>
    <t>-1.74</t>
  </si>
  <si>
    <t>-10.79</t>
  </si>
  <si>
    <t>-42.305145800215</t>
  </si>
  <si>
    <t>1503.6</t>
  </si>
  <si>
    <t>45.57</t>
  </si>
  <si>
    <t>145.16206578093</t>
  </si>
  <si>
    <t>2908.8</t>
  </si>
  <si>
    <t>280.824299643235</t>
  </si>
  <si>
    <t>317.433408012568</t>
  </si>
  <si>
    <t>3635.4</t>
  </si>
  <si>
    <t>350.972448749662</t>
  </si>
  <si>
    <t>4794.6</t>
  </si>
  <si>
    <t>9.99</t>
  </si>
  <si>
    <t>25.12</t>
  </si>
  <si>
    <t>462.885102815406</t>
  </si>
  <si>
    <t>8446.4</t>
  </si>
  <si>
    <t>815.440856884839</t>
  </si>
  <si>
    <t>17987.4</t>
  </si>
  <si>
    <t>192.4</t>
  </si>
  <si>
    <t>1736.55768956364</t>
  </si>
  <si>
    <t>20473.9</t>
  </si>
  <si>
    <t>32.42</t>
  </si>
  <si>
    <t>45.33</t>
  </si>
  <si>
    <t>1976.61187722278</t>
  </si>
  <si>
    <t>65000.0</t>
  </si>
  <si>
    <t>6112.0</t>
  </si>
  <si>
    <t>7066.0</t>
  </si>
  <si>
    <t>8020.0</t>
  </si>
  <si>
    <t>8975.0</t>
  </si>
  <si>
    <t>9929.0</t>
  </si>
  <si>
    <t>20824.4</t>
  </si>
  <si>
    <t>2010.45020128252</t>
  </si>
  <si>
    <t>293360.0</t>
  </si>
  <si>
    <t>11650.0</t>
  </si>
  <si>
    <t>337315.0</t>
  </si>
  <si>
    <t>13371.0</t>
  </si>
  <si>
    <t>13719.0</t>
  </si>
  <si>
    <t>14067.0</t>
  </si>
  <si>
    <t>1358.0</t>
  </si>
  <si>
    <t>14415.0</t>
  </si>
  <si>
    <t>14763.0</t>
  </si>
  <si>
    <t>15110.0</t>
  </si>
  <si>
    <t>411496.0</t>
  </si>
  <si>
    <t>13737.0</t>
  </si>
  <si>
    <t>428635.0</t>
  </si>
  <si>
    <t>17139.0</t>
  </si>
  <si>
    <t>13046.0</t>
  </si>
  <si>
    <t>436849.0</t>
  </si>
  <si>
    <t>8214.0</t>
  </si>
  <si>
    <t>12453.0</t>
  </si>
  <si>
    <t>443888.0</t>
  </si>
  <si>
    <t>11692.0</t>
  </si>
  <si>
    <t>450316.0</t>
  </si>
  <si>
    <t>10844.0</t>
  </si>
  <si>
    <t>453586.0</t>
  </si>
  <si>
    <t>8471.0</t>
  </si>
  <si>
    <t>5641.0</t>
  </si>
  <si>
    <t>482664.0</t>
  </si>
  <si>
    <t>4621.0</t>
  </si>
  <si>
    <t>4752.0</t>
  </si>
  <si>
    <t>4720.0</t>
  </si>
  <si>
    <t>510420.0</t>
  </si>
  <si>
    <t>4657.0</t>
  </si>
  <si>
    <t>12202.0</t>
  </si>
  <si>
    <t>5110.0</t>
  </si>
  <si>
    <t>19778.0</t>
  </si>
  <si>
    <t>27354.0</t>
  </si>
  <si>
    <t>34930.0</t>
  </si>
  <si>
    <t>6560.0</t>
  </si>
  <si>
    <t>42505.0</t>
  </si>
  <si>
    <t>4104.0</t>
  </si>
  <si>
    <t>7044.0</t>
  </si>
  <si>
    <t>21759.5</t>
  </si>
  <si>
    <t>19.72</t>
  </si>
  <si>
    <t>2100.72756741164</t>
  </si>
  <si>
    <t>856363.0</t>
  </si>
  <si>
    <t>558485.0</t>
  </si>
  <si>
    <t>297878.0</t>
  </si>
  <si>
    <t>50081.0</t>
  </si>
  <si>
    <t>889033.0</t>
  </si>
  <si>
    <t>569994.0</t>
  </si>
  <si>
    <t>319039.0</t>
  </si>
  <si>
    <t>32670.0</t>
  </si>
  <si>
    <t>54088.0</t>
  </si>
  <si>
    <t>924813.0</t>
  </si>
  <si>
    <t>582463.0</t>
  </si>
  <si>
    <t>342350.0</t>
  </si>
  <si>
    <t>35780.0</t>
  </si>
  <si>
    <t>8.93</t>
  </si>
  <si>
    <t>4920.0</t>
  </si>
  <si>
    <t>947745.0</t>
  </si>
  <si>
    <t>590914.0</t>
  </si>
  <si>
    <t>356831.0</t>
  </si>
  <si>
    <t>22932.0</t>
  </si>
  <si>
    <t>46002.0</t>
  </si>
  <si>
    <t>4441.0</t>
  </si>
  <si>
    <t>947947.0</t>
  </si>
  <si>
    <t>591012.0</t>
  </si>
  <si>
    <t>356935.0</t>
  </si>
  <si>
    <t>37794.0</t>
  </si>
  <si>
    <t>3649.0</t>
  </si>
  <si>
    <t>8080.0</t>
  </si>
  <si>
    <t>982291.0</t>
  </si>
  <si>
    <t>611471.0</t>
  </si>
  <si>
    <t>370820.0</t>
  </si>
  <si>
    <t>34344.0</t>
  </si>
  <si>
    <t>34463.0</t>
  </si>
  <si>
    <t>1025790.0</t>
  </si>
  <si>
    <t>639463.0</t>
  </si>
  <si>
    <t>386327.0</t>
  </si>
  <si>
    <t>43499.0</t>
  </si>
  <si>
    <t>32441.0</t>
  </si>
  <si>
    <t>1069488.0</t>
  </si>
  <si>
    <t>672503.0</t>
  </si>
  <si>
    <t>396985.0</t>
  </si>
  <si>
    <t>43698.0</t>
  </si>
  <si>
    <t>30446.0</t>
  </si>
  <si>
    <t>6.49</t>
  </si>
  <si>
    <t>16288.0</t>
  </si>
  <si>
    <t>1111722.0</t>
  </si>
  <si>
    <t>706433.0</t>
  </si>
  <si>
    <t>405289.0</t>
  </si>
  <si>
    <t>42234.0</t>
  </si>
  <si>
    <t>31813.0</t>
  </si>
  <si>
    <t>10.73</t>
  </si>
  <si>
    <t>19491.0</t>
  </si>
  <si>
    <t>1153549.0</t>
  </si>
  <si>
    <t>739319.0</t>
  </si>
  <si>
    <t>414230.0</t>
  </si>
  <si>
    <t>41827.0</t>
  </si>
  <si>
    <t>32677.0</t>
  </si>
  <si>
    <t>3155.0</t>
  </si>
  <si>
    <t>22408.0</t>
  </si>
  <si>
    <t>1177087.0</t>
  </si>
  <si>
    <t>758275.0</t>
  </si>
  <si>
    <t>418812.0</t>
  </si>
  <si>
    <t>23538.0</t>
  </si>
  <si>
    <t>32763.0</t>
  </si>
  <si>
    <t>7.32</t>
  </si>
  <si>
    <t>23909.0</t>
  </si>
  <si>
    <t>1177187.0</t>
  </si>
  <si>
    <t>758289.0</t>
  </si>
  <si>
    <t>418898.0</t>
  </si>
  <si>
    <t>23897.0</t>
  </si>
  <si>
    <t>1212163.0</t>
  </si>
  <si>
    <t>787066.0</t>
  </si>
  <si>
    <t>425097.0</t>
  </si>
  <si>
    <t>32839.0</t>
  </si>
  <si>
    <t>25085.0</t>
  </si>
  <si>
    <t>1243191.0</t>
  </si>
  <si>
    <t>813413.0</t>
  </si>
  <si>
    <t>429778.0</t>
  </si>
  <si>
    <t>31028.0</t>
  </si>
  <si>
    <t>31057.0</t>
  </si>
  <si>
    <t>24850.0</t>
  </si>
  <si>
    <t>1271791.0</t>
  </si>
  <si>
    <t>837304.0</t>
  </si>
  <si>
    <t>434487.0</t>
  </si>
  <si>
    <t>28600.0</t>
  </si>
  <si>
    <t>4.19</t>
  </si>
  <si>
    <t>23543.0</t>
  </si>
  <si>
    <t>1299323.0</t>
  </si>
  <si>
    <t>859338.0</t>
  </si>
  <si>
    <t>439985.0</t>
  </si>
  <si>
    <t>27532.0</t>
  </si>
  <si>
    <t>26800.0</t>
  </si>
  <si>
    <t>21844.0</t>
  </si>
  <si>
    <t>1325034.0</t>
  </si>
  <si>
    <t>879356.0</t>
  </si>
  <si>
    <t>445678.0</t>
  </si>
  <si>
    <t>25711.0</t>
  </si>
  <si>
    <t>24498.0</t>
  </si>
  <si>
    <t>20005.0</t>
  </si>
  <si>
    <t>1337361.0</t>
  </si>
  <si>
    <t>889216.0</t>
  </si>
  <si>
    <t>448145.0</t>
  </si>
  <si>
    <t>12327.0</t>
  </si>
  <si>
    <t>1337380.0</t>
  </si>
  <si>
    <t>889232.0</t>
  </si>
  <si>
    <t>448148.0</t>
  </si>
  <si>
    <t>22885.0</t>
  </si>
  <si>
    <t>1352210.0</t>
  </si>
  <si>
    <t>899213.0</t>
  </si>
  <si>
    <t>452997.0</t>
  </si>
  <si>
    <t>14830.0</t>
  </si>
  <si>
    <t>20007.0</t>
  </si>
  <si>
    <t>8.68</t>
  </si>
  <si>
    <t>16021.0</t>
  </si>
  <si>
    <t>1366890.0</t>
  </si>
  <si>
    <t>908672.0</t>
  </si>
  <si>
    <t>458218.0</t>
  </si>
  <si>
    <t>14680.0</t>
  </si>
  <si>
    <t>17671.0</t>
  </si>
  <si>
    <t>13608.0</t>
  </si>
  <si>
    <t>1381967.0</t>
  </si>
  <si>
    <t>917877.0</t>
  </si>
  <si>
    <t>464090.0</t>
  </si>
  <si>
    <t>15077.0</t>
  </si>
  <si>
    <t>15739.0</t>
  </si>
  <si>
    <t>11510.0</t>
  </si>
  <si>
    <t>1396391.0</t>
  </si>
  <si>
    <t>926076.0</t>
  </si>
  <si>
    <t>470315.0</t>
  </si>
  <si>
    <t>14424.0</t>
  </si>
  <si>
    <t>13.48</t>
  </si>
  <si>
    <t>9534.0</t>
  </si>
  <si>
    <t>1412481.0</t>
  </si>
  <si>
    <t>934906.0</t>
  </si>
  <si>
    <t>477575.0</t>
  </si>
  <si>
    <t>16090.0</t>
  </si>
  <si>
    <t>9.03</t>
  </si>
  <si>
    <t>1423295.0</t>
  </si>
  <si>
    <t>939098.0</t>
  </si>
  <si>
    <t>484197.0</t>
  </si>
  <si>
    <t>13.74</t>
  </si>
  <si>
    <t>1423660.0</t>
  </si>
  <si>
    <t>939460.0</t>
  </si>
  <si>
    <t>484200.0</t>
  </si>
  <si>
    <t>7175.0</t>
  </si>
  <si>
    <t>1440243.0</t>
  </si>
  <si>
    <t>946834.0</t>
  </si>
  <si>
    <t>493409.0</t>
  </si>
  <si>
    <t>16583.0</t>
  </si>
  <si>
    <t>3206917.0</t>
  </si>
  <si>
    <t>310.959</t>
  </si>
  <si>
    <t>1456114.0</t>
  </si>
  <si>
    <t>953545.0</t>
  </si>
  <si>
    <t>502569.0</t>
  </si>
  <si>
    <t>12746.0</t>
  </si>
  <si>
    <t>14.06</t>
  </si>
  <si>
    <t>9.21</t>
  </si>
  <si>
    <t>6410.0</t>
  </si>
  <si>
    <t>3218111.0</t>
  </si>
  <si>
    <t>312.044</t>
  </si>
  <si>
    <t>1471579.0</t>
  </si>
  <si>
    <t>959804.0</t>
  </si>
  <si>
    <t>511775.0</t>
  </si>
  <si>
    <t>15465.0</t>
  </si>
  <si>
    <t>14.21</t>
  </si>
  <si>
    <t>9.27</t>
  </si>
  <si>
    <t>5990.0</t>
  </si>
  <si>
    <t>3229867.0</t>
  </si>
  <si>
    <t>11756.0</t>
  </si>
  <si>
    <t>313.184</t>
  </si>
  <si>
    <t>1488218.0</t>
  </si>
  <si>
    <t>966132.0</t>
  </si>
  <si>
    <t>522086.0</t>
  </si>
  <si>
    <t>23827.0</t>
  </si>
  <si>
    <t>2300.33023501078</t>
  </si>
  <si>
    <t>3241186.0</t>
  </si>
  <si>
    <t>11319.0</t>
  </si>
  <si>
    <t>314.282</t>
  </si>
  <si>
    <t>1505206.0</t>
  </si>
  <si>
    <t>971523.0</t>
  </si>
  <si>
    <t>533683.0</t>
  </si>
  <si>
    <t>16988.0</t>
  </si>
  <si>
    <t>5.15</t>
  </si>
  <si>
    <t>3253878.0</t>
  </si>
  <si>
    <t>12692.0</t>
  </si>
  <si>
    <t>315.513</t>
  </si>
  <si>
    <t>1516923.0</t>
  </si>
  <si>
    <t>975208.0</t>
  </si>
  <si>
    <t>541715.0</t>
  </si>
  <si>
    <t>11717.0</t>
  </si>
  <si>
    <t>13375.0</t>
  </si>
  <si>
    <t>5159.0</t>
  </si>
  <si>
    <t>3262655.0</t>
  </si>
  <si>
    <t>8777.0</t>
  </si>
  <si>
    <t>316.364</t>
  </si>
  <si>
    <t>14709.0</t>
  </si>
  <si>
    <t>5450.0</t>
  </si>
  <si>
    <t>3279163.0</t>
  </si>
  <si>
    <t>16508.0</t>
  </si>
  <si>
    <t>317.964</t>
  </si>
  <si>
    <t>1536328.0</t>
  </si>
  <si>
    <t>980005.0</t>
  </si>
  <si>
    <t>556323.0</t>
  </si>
  <si>
    <t>13726.0</t>
  </si>
  <si>
    <t>5.37</t>
  </si>
  <si>
    <t>3289864.0</t>
  </si>
  <si>
    <t>10701.0</t>
  </si>
  <si>
    <t>319.002</t>
  </si>
  <si>
    <t>11850.0</t>
  </si>
  <si>
    <t>1566106.0</t>
  </si>
  <si>
    <t>987962.0</t>
  </si>
  <si>
    <t>578144.0</t>
  </si>
  <si>
    <t>29778.0</t>
  </si>
  <si>
    <t>15713.0</t>
  </si>
  <si>
    <t>15.12</t>
  </si>
  <si>
    <t>5.58</t>
  </si>
  <si>
    <t>3300581.0</t>
  </si>
  <si>
    <t>10717.0</t>
  </si>
  <si>
    <t>320.041</t>
  </si>
  <si>
    <t>11781.0</t>
  </si>
  <si>
    <t>1593883.0</t>
  </si>
  <si>
    <t>992252.0</t>
  </si>
  <si>
    <t>601631.0</t>
  </si>
  <si>
    <t>27777.0</t>
  </si>
  <si>
    <t>17472.0</t>
  </si>
  <si>
    <t>9.58</t>
  </si>
  <si>
    <t>3311267.0</t>
  </si>
  <si>
    <t>10686.0</t>
  </si>
  <si>
    <t>321.077</t>
  </si>
  <si>
    <t>11629.0</t>
  </si>
  <si>
    <t>0.0774</t>
  </si>
  <si>
    <t>1626916.0</t>
  </si>
  <si>
    <t>996400.0</t>
  </si>
  <si>
    <t>630516.0</t>
  </si>
  <si>
    <t>33033.0</t>
  </si>
  <si>
    <t>3321511.0</t>
  </si>
  <si>
    <t>10244.0</t>
  </si>
  <si>
    <t>322.071</t>
  </si>
  <si>
    <t>11475.0</t>
  </si>
  <si>
    <t>1661772.0</t>
  </si>
  <si>
    <t>1001968.0</t>
  </si>
  <si>
    <t>659804.0</t>
  </si>
  <si>
    <t>34856.0</t>
  </si>
  <si>
    <t>22367.0</t>
  </si>
  <si>
    <t>4349.0</t>
  </si>
  <si>
    <t>3330985.0</t>
  </si>
  <si>
    <t>9474.0</t>
  </si>
  <si>
    <t>322.989</t>
  </si>
  <si>
    <t>0.0692</t>
  </si>
  <si>
    <t>1687397.0</t>
  </si>
  <si>
    <t>1005678.0</t>
  </si>
  <si>
    <t>681719.0</t>
  </si>
  <si>
    <t>25625.0</t>
  </si>
  <si>
    <t>24353.0</t>
  </si>
  <si>
    <t>9.71</t>
  </si>
  <si>
    <t>2351.0</t>
  </si>
  <si>
    <t>3337931.0</t>
  </si>
  <si>
    <t>323.663</t>
  </si>
  <si>
    <t>10754.0</t>
  </si>
  <si>
    <t>0.0703</t>
  </si>
  <si>
    <t>1687567.0</t>
  </si>
  <si>
    <t>681863.0</t>
  </si>
  <si>
    <t>22992.0</t>
  </si>
  <si>
    <t>3346012.0</t>
  </si>
  <si>
    <t>8081.0</t>
  </si>
  <si>
    <t>324.446</t>
  </si>
  <si>
    <t>9550.0</t>
  </si>
  <si>
    <t>0.0724</t>
  </si>
  <si>
    <t>1705906.0</t>
  </si>
  <si>
    <t>1009487.0</t>
  </si>
  <si>
    <t>696419.0</t>
  </si>
  <si>
    <t>18339.0</t>
  </si>
  <si>
    <t>24225.0</t>
  </si>
  <si>
    <t>16.47</t>
  </si>
  <si>
    <t>4212.0</t>
  </si>
  <si>
    <t>3353167.0</t>
  </si>
  <si>
    <t>325.14</t>
  </si>
  <si>
    <t>0.0682</t>
  </si>
  <si>
    <t>1727510.0</t>
  </si>
  <si>
    <t>1014495.0</t>
  </si>
  <si>
    <t>713015.0</t>
  </si>
  <si>
    <t>21604.0</t>
  </si>
  <si>
    <t>23058.0</t>
  </si>
  <si>
    <t>6.88</t>
  </si>
  <si>
    <t>3360900.0</t>
  </si>
  <si>
    <t>325.89</t>
  </si>
  <si>
    <t>8617.0</t>
  </si>
  <si>
    <t>1748525.0</t>
  </si>
  <si>
    <t>1019352.0</t>
  </si>
  <si>
    <t>729173.0</t>
  </si>
  <si>
    <t>21015.0</t>
  </si>
  <si>
    <t>22092.0</t>
  </si>
  <si>
    <t>9.84</t>
  </si>
  <si>
    <t>3871.0</t>
  </si>
  <si>
    <t>3368394.0</t>
  </si>
  <si>
    <t>326.617</t>
  </si>
  <si>
    <t>8161.0</t>
  </si>
  <si>
    <t>0.0628</t>
  </si>
  <si>
    <t>1761632.0</t>
  </si>
  <si>
    <t>1022479.0</t>
  </si>
  <si>
    <t>739153.0</t>
  </si>
  <si>
    <t>13107.0</t>
  </si>
  <si>
    <t>19245.0</t>
  </si>
  <si>
    <t>17.01</t>
  </si>
  <si>
    <t>3375679.0</t>
  </si>
  <si>
    <t>7285.0</t>
  </si>
  <si>
    <t>327.323</t>
  </si>
  <si>
    <t>0.0612</t>
  </si>
  <si>
    <t>1777426.0</t>
  </si>
  <si>
    <t>1026376.0</t>
  </si>
  <si>
    <t>751050.0</t>
  </si>
  <si>
    <t>15794.0</t>
  </si>
  <si>
    <t>16522.0</t>
  </si>
  <si>
    <t>17.16</t>
  </si>
  <si>
    <t>3384053.0</t>
  </si>
  <si>
    <t>328.135</t>
  </si>
  <si>
    <t>0.0589</t>
  </si>
  <si>
    <t>1795049.0</t>
  </si>
  <si>
    <t>1030831.0</t>
  </si>
  <si>
    <t>764218.0</t>
  </si>
  <si>
    <t>17623.0</t>
  </si>
  <si>
    <t>15379.0</t>
  </si>
  <si>
    <t>7.38</t>
  </si>
  <si>
    <t>7541.0</t>
  </si>
  <si>
    <t>18184.0</t>
  </si>
  <si>
    <t>7339.0</t>
  </si>
  <si>
    <t>1834657.0</t>
  </si>
  <si>
    <t>1042781.0</t>
  </si>
  <si>
    <t>791876.0</t>
  </si>
  <si>
    <t>18393.0</t>
  </si>
  <si>
    <t>4756.0</t>
  </si>
  <si>
    <t>3404046.0</t>
  </si>
  <si>
    <t>330.074</t>
  </si>
  <si>
    <t>7268.0</t>
  </si>
  <si>
    <t>1863292.0</t>
  </si>
  <si>
    <t>1054414.0</t>
  </si>
  <si>
    <t>808878.0</t>
  </si>
  <si>
    <t>28635.0</t>
  </si>
  <si>
    <t>19397.0</t>
  </si>
  <si>
    <t>10.18</t>
  </si>
  <si>
    <t>7.81</t>
  </si>
  <si>
    <t>3414614.0</t>
  </si>
  <si>
    <t>331.098</t>
  </si>
  <si>
    <t>1891703.0</t>
  </si>
  <si>
    <t>1068493.0</t>
  </si>
  <si>
    <t>823210.0</t>
  </si>
  <si>
    <t>28411.0</t>
  </si>
  <si>
    <t>20454.0</t>
  </si>
  <si>
    <t>7.95</t>
  </si>
  <si>
    <t>3425183.0</t>
  </si>
  <si>
    <t>10569.0</t>
  </si>
  <si>
    <t>332.123</t>
  </si>
  <si>
    <t>8113.0</t>
  </si>
  <si>
    <t>1924805.0</t>
  </si>
  <si>
    <t>1089886.0</t>
  </si>
  <si>
    <t>834919.0</t>
  </si>
  <si>
    <t>33102.0</t>
  </si>
  <si>
    <t>9630.0</t>
  </si>
  <si>
    <t>3435192.0</t>
  </si>
  <si>
    <t>333.094</t>
  </si>
  <si>
    <t>1961563.0</t>
  </si>
  <si>
    <t>1115044.0</t>
  </si>
  <si>
    <t>846519.0</t>
  </si>
  <si>
    <t>36758.0</t>
  </si>
  <si>
    <t>26305.0</t>
  </si>
  <si>
    <t>12667.0</t>
  </si>
  <si>
    <t>3446033.0</t>
  </si>
  <si>
    <t>10841.0</t>
  </si>
  <si>
    <t>334.145</t>
  </si>
  <si>
    <t>8854.0</t>
  </si>
  <si>
    <t>1986969.0</t>
  </si>
  <si>
    <t>1134376.0</t>
  </si>
  <si>
    <t>852593.0</t>
  </si>
  <si>
    <t>25406.0</t>
  </si>
  <si>
    <t>27417.0</t>
  </si>
  <si>
    <t>14792.0</t>
  </si>
  <si>
    <t>3453244.0</t>
  </si>
  <si>
    <t>334.844</t>
  </si>
  <si>
    <t>8932.0</t>
  </si>
  <si>
    <t>1987084.0</t>
  </si>
  <si>
    <t>1134398.0</t>
  </si>
  <si>
    <t>852686.0</t>
  </si>
  <si>
    <t>24604.0</t>
  </si>
  <si>
    <t>13942.0</t>
  </si>
  <si>
    <t>3458790.0</t>
  </si>
  <si>
    <t>335.382</t>
  </si>
  <si>
    <t>8773.0</t>
  </si>
  <si>
    <t>2021371.0</t>
  </si>
  <si>
    <t>1158631.0</t>
  </si>
  <si>
    <t>862740.0</t>
  </si>
  <si>
    <t>34287.0</t>
  </si>
  <si>
    <t>16550.0</t>
  </si>
  <si>
    <t>3468615.0</t>
  </si>
  <si>
    <t>9825.0</t>
  </si>
  <si>
    <t>336.334</t>
  </si>
  <si>
    <t>9224.0</t>
  </si>
  <si>
    <t>2055986.0</t>
  </si>
  <si>
    <t>1184780.0</t>
  </si>
  <si>
    <t>871206.0</t>
  </si>
  <si>
    <t>34615.0</t>
  </si>
  <si>
    <t>27528.0</t>
  </si>
  <si>
    <t>19.85</t>
  </si>
  <si>
    <t>18624.0</t>
  </si>
  <si>
    <t>3477012.0</t>
  </si>
  <si>
    <t>8397.0</t>
  </si>
  <si>
    <t>337.149</t>
  </si>
  <si>
    <t>1226201.0</t>
  </si>
  <si>
    <t>880688.0</t>
  </si>
  <si>
    <t>50903.0</t>
  </si>
  <si>
    <t>22530.0</t>
  </si>
  <si>
    <t>3486381.0</t>
  </si>
  <si>
    <t>338.057</t>
  </si>
  <si>
    <t>8743.0</t>
  </si>
  <si>
    <t>2169185.0</t>
  </si>
  <si>
    <t>1279356.0</t>
  </si>
  <si>
    <t>889829.0</t>
  </si>
  <si>
    <t>62296.0</t>
  </si>
  <si>
    <t>34911.0</t>
  </si>
  <si>
    <t>20.94</t>
  </si>
  <si>
    <t>3370.0</t>
  </si>
  <si>
    <t>27067.0</t>
  </si>
  <si>
    <t>3496635.0</t>
  </si>
  <si>
    <t>339.051</t>
  </si>
  <si>
    <t>8778.0</t>
  </si>
  <si>
    <t>2208074.0</t>
  </si>
  <si>
    <t>1313364.0</t>
  </si>
  <si>
    <t>894710.0</t>
  </si>
  <si>
    <t>38889.0</t>
  </si>
  <si>
    <t>35216.0</t>
  </si>
  <si>
    <t>28331.0</t>
  </si>
  <si>
    <t>3503639.0</t>
  </si>
  <si>
    <t>339.731</t>
  </si>
  <si>
    <t>8229.0</t>
  </si>
  <si>
    <t>2252809.0</t>
  </si>
  <si>
    <t>1352778.0</t>
  </si>
  <si>
    <t>900031.0</t>
  </si>
  <si>
    <t>44735.0</t>
  </si>
  <si>
    <t>37977.0</t>
  </si>
  <si>
    <t>21.75</t>
  </si>
  <si>
    <t>13.06</t>
  </si>
  <si>
    <t>31200.0</t>
  </si>
  <si>
    <t>3509174.0</t>
  </si>
  <si>
    <t>340.267</t>
  </si>
  <si>
    <t>0.0241</t>
  </si>
  <si>
    <t>2253216.0</t>
  </si>
  <si>
    <t>1352958.0</t>
  </si>
  <si>
    <t>900258.0</t>
  </si>
  <si>
    <t>38019.0</t>
  </si>
  <si>
    <t>31223.0</t>
  </si>
  <si>
    <t>24414.7</t>
  </si>
  <si>
    <t>2357.06856040281</t>
  </si>
  <si>
    <t>3513989.0</t>
  </si>
  <si>
    <t>340.734</t>
  </si>
  <si>
    <t>2312715.0</t>
  </si>
  <si>
    <t>1404898.0</t>
  </si>
  <si>
    <t>907817.0</t>
  </si>
  <si>
    <t>59499.0</t>
  </si>
  <si>
    <t>41621.0</t>
  </si>
  <si>
    <t>22.33</t>
  </si>
  <si>
    <t>4018.0</t>
  </si>
  <si>
    <t>35181.0</t>
  </si>
  <si>
    <t>3523638.0</t>
  </si>
  <si>
    <t>9649.0</t>
  </si>
  <si>
    <t>341.67</t>
  </si>
  <si>
    <t>7860.0</t>
  </si>
  <si>
    <t>0.0216</t>
  </si>
  <si>
    <t>2367094.0</t>
  </si>
  <si>
    <t>1452774.0</t>
  </si>
  <si>
    <t>914320.0</t>
  </si>
  <si>
    <t>54379.0</t>
  </si>
  <si>
    <t>44444.0</t>
  </si>
  <si>
    <t>22.85</t>
  </si>
  <si>
    <t>38285.0</t>
  </si>
  <si>
    <t>3532472.0</t>
  </si>
  <si>
    <t>8834.0</t>
  </si>
  <si>
    <t>342.526</t>
  </si>
  <si>
    <t>0.0198</t>
  </si>
  <si>
    <t>2418082.0</t>
  </si>
  <si>
    <t>1497993.0</t>
  </si>
  <si>
    <t>920089.0</t>
  </si>
  <si>
    <t>44456.0</t>
  </si>
  <si>
    <t>38827.0</t>
  </si>
  <si>
    <t>3542035.0</t>
  </si>
  <si>
    <t>343.454</t>
  </si>
  <si>
    <t>7951.0</t>
  </si>
  <si>
    <t>0.0176</t>
  </si>
  <si>
    <t>2465719.0</t>
  </si>
  <si>
    <t>1540259.0</t>
  </si>
  <si>
    <t>925460.0</t>
  </si>
  <si>
    <t>42362.0</t>
  </si>
  <si>
    <t>37272.0</t>
  </si>
  <si>
    <t>3551620.0</t>
  </si>
  <si>
    <t>344.383</t>
  </si>
  <si>
    <t>7855.0</t>
  </si>
  <si>
    <t>2513085.0</t>
  </si>
  <si>
    <t>1581890.0</t>
  </si>
  <si>
    <t>931195.0</t>
  </si>
  <si>
    <t>47366.0</t>
  </si>
  <si>
    <t>43573.0</t>
  </si>
  <si>
    <t>4207.0</t>
  </si>
  <si>
    <t>38361.0</t>
  </si>
  <si>
    <t>3559951.0</t>
  </si>
  <si>
    <t>345.191</t>
  </si>
  <si>
    <t>8045.0</t>
  </si>
  <si>
    <t>2546169.0</t>
  </si>
  <si>
    <t>1611165.0</t>
  </si>
  <si>
    <t>935004.0</t>
  </si>
  <si>
    <t>33084.0</t>
  </si>
  <si>
    <t>41909.0</t>
  </si>
  <si>
    <t>15.55</t>
  </si>
  <si>
    <t>36912.0</t>
  </si>
  <si>
    <t>3567745.0</t>
  </si>
  <si>
    <t>345.947</t>
  </si>
  <si>
    <t>8367.0</t>
  </si>
  <si>
    <t>0.811</t>
  </si>
  <si>
    <t>0.0135</t>
  </si>
  <si>
    <t>2546770.0</t>
  </si>
  <si>
    <t>1611499.0</t>
  </si>
  <si>
    <t>935271.0</t>
  </si>
  <si>
    <t>41936.0</t>
  </si>
  <si>
    <t>4049.0</t>
  </si>
  <si>
    <t>36934.0</t>
  </si>
  <si>
    <t>3572418.0</t>
  </si>
  <si>
    <t>346.4</t>
  </si>
  <si>
    <t>2586410.0</t>
  </si>
  <si>
    <t>1646054.0</t>
  </si>
  <si>
    <t>940356.0</t>
  </si>
  <si>
    <t>39640.0</t>
  </si>
  <si>
    <t>39099.0</t>
  </si>
  <si>
    <t>24.97</t>
  </si>
  <si>
    <t>3775.0</t>
  </si>
  <si>
    <t>34451.0</t>
  </si>
  <si>
    <t>3581073.0</t>
  </si>
  <si>
    <t>8655.0</t>
  </si>
  <si>
    <t>347.239</t>
  </si>
  <si>
    <t>2624876.0</t>
  </si>
  <si>
    <t>1679448.0</t>
  </si>
  <si>
    <t>945428.0</t>
  </si>
  <si>
    <t>32382.0</t>
  </si>
  <si>
    <t>3589231.0</t>
  </si>
  <si>
    <t>8158.0</t>
  </si>
  <si>
    <t>348.03</t>
  </si>
  <si>
    <t>8108.0</t>
  </si>
  <si>
    <t>2662038.0</t>
  </si>
  <si>
    <t>1712118.0</t>
  </si>
  <si>
    <t>949920.0</t>
  </si>
  <si>
    <t>37162.0</t>
  </si>
  <si>
    <t>34851.0</t>
  </si>
  <si>
    <t>30589.0</t>
  </si>
  <si>
    <t>3597849.0</t>
  </si>
  <si>
    <t>348.866</t>
  </si>
  <si>
    <t>7973.0</t>
  </si>
  <si>
    <t>106.1</t>
  </si>
  <si>
    <t>2702023.0</t>
  </si>
  <si>
    <t>1748035.0</t>
  </si>
  <si>
    <t>953988.0</t>
  </si>
  <si>
    <t>39985.0</t>
  </si>
  <si>
    <t>3606364.0</t>
  </si>
  <si>
    <t>8515.0</t>
  </si>
  <si>
    <t>349.691</t>
  </si>
  <si>
    <t>7821.0</t>
  </si>
  <si>
    <t>114.3</t>
  </si>
  <si>
    <t>2742867.0</t>
  </si>
  <si>
    <t>1783506.0</t>
  </si>
  <si>
    <t>959361.0</t>
  </si>
  <si>
    <t>40844.0</t>
  </si>
  <si>
    <t>32826.0</t>
  </si>
  <si>
    <t>26.48</t>
  </si>
  <si>
    <t>28802.0</t>
  </si>
  <si>
    <t>3615110.0</t>
  </si>
  <si>
    <t>350.539</t>
  </si>
  <si>
    <t>2775319.0</t>
  </si>
  <si>
    <t>1810857.0</t>
  </si>
  <si>
    <t>964462.0</t>
  </si>
  <si>
    <t>32452.0</t>
  </si>
  <si>
    <t>32736.0</t>
  </si>
  <si>
    <t>26.79</t>
  </si>
  <si>
    <t>28527.0</t>
  </si>
  <si>
    <t>3622499.0</t>
  </si>
  <si>
    <t>351.256</t>
  </si>
  <si>
    <t>7822.0</t>
  </si>
  <si>
    <t>121.9</t>
  </si>
  <si>
    <t>2775641.0</t>
  </si>
  <si>
    <t>1811104.0</t>
  </si>
  <si>
    <t>964537.0</t>
  </si>
  <si>
    <t>32696.0</t>
  </si>
  <si>
    <t>28515.0</t>
  </si>
  <si>
    <t>3627573.0</t>
  </si>
  <si>
    <t>5074.0</t>
  </si>
  <si>
    <t>351.748</t>
  </si>
  <si>
    <t>2816346.0</t>
  </si>
  <si>
    <t>1842954.0</t>
  </si>
  <si>
    <t>973392.0</t>
  </si>
  <si>
    <t>40705.0</t>
  </si>
  <si>
    <t>32848.0</t>
  </si>
  <si>
    <t>28129.0</t>
  </si>
  <si>
    <t>3644912.0</t>
  </si>
  <si>
    <t>17339.0</t>
  </si>
  <si>
    <t>353.429</t>
  </si>
  <si>
    <t>9120.0</t>
  </si>
  <si>
    <t>170.7</t>
  </si>
  <si>
    <t>2839322.0</t>
  </si>
  <si>
    <t>1859485.0</t>
  </si>
  <si>
    <t>979837.0</t>
  </si>
  <si>
    <t>22976.0</t>
  </si>
  <si>
    <t>30635.0</t>
  </si>
  <si>
    <t>17.95</t>
  </si>
  <si>
    <t>3653074.0</t>
  </si>
  <si>
    <t>8162.0</t>
  </si>
  <si>
    <t>354.221</t>
  </si>
  <si>
    <t>2877878.0</t>
  </si>
  <si>
    <t>1885031.0</t>
  </si>
  <si>
    <t>992847.0</t>
  </si>
  <si>
    <t>38556.0</t>
  </si>
  <si>
    <t>30834.0</t>
  </si>
  <si>
    <t>27.78</t>
  </si>
  <si>
    <t>9.59</t>
  </si>
  <si>
    <t>24702.0</t>
  </si>
  <si>
    <t>3661027.0</t>
  </si>
  <si>
    <t>354.992</t>
  </si>
  <si>
    <t>9025.0</t>
  </si>
  <si>
    <t>189.1</t>
  </si>
  <si>
    <t>2915954.0</t>
  </si>
  <si>
    <t>1908805.0</t>
  </si>
  <si>
    <t>1007149.0</t>
  </si>
  <si>
    <t>38076.0</t>
  </si>
  <si>
    <t>30562.0</t>
  </si>
  <si>
    <t>22967.0</t>
  </si>
  <si>
    <t>3668281.0</t>
  </si>
  <si>
    <t>7254.0</t>
  </si>
  <si>
    <t>355.695</t>
  </si>
  <si>
    <t>8845.0</t>
  </si>
  <si>
    <t>199.1</t>
  </si>
  <si>
    <t>29977.0</t>
  </si>
  <si>
    <t>20816.0</t>
  </si>
  <si>
    <t>3675862.0</t>
  </si>
  <si>
    <t>356.43</t>
  </si>
  <si>
    <t>188.7</t>
  </si>
  <si>
    <t>2989458.0</t>
  </si>
  <si>
    <t>1949635.0</t>
  </si>
  <si>
    <t>1039823.0</t>
  </si>
  <si>
    <t>30591.0</t>
  </si>
  <si>
    <t>3680977.0</t>
  </si>
  <si>
    <t>356.926</t>
  </si>
  <si>
    <t>2989673.0</t>
  </si>
  <si>
    <t>1949646.0</t>
  </si>
  <si>
    <t>1040027.0</t>
  </si>
  <si>
    <t>30576.0</t>
  </si>
  <si>
    <t>3690224.0</t>
  </si>
  <si>
    <t>9247.0</t>
  </si>
  <si>
    <t>357.823</t>
  </si>
  <si>
    <t>206.1</t>
  </si>
  <si>
    <t>3032516.0</t>
  </si>
  <si>
    <t>1971930.0</t>
  </si>
  <si>
    <t>1060586.0</t>
  </si>
  <si>
    <t>42843.0</t>
  </si>
  <si>
    <t>30881.0</t>
  </si>
  <si>
    <t>29.28</t>
  </si>
  <si>
    <t>19.04</t>
  </si>
  <si>
    <t>18425.0</t>
  </si>
  <si>
    <t>3698172.0</t>
  </si>
  <si>
    <t>7948.0</t>
  </si>
  <si>
    <t>358.594</t>
  </si>
  <si>
    <t>7609.0</t>
  </si>
  <si>
    <t>159.5</t>
  </si>
  <si>
    <t>3080340.0</t>
  </si>
  <si>
    <t>1997612.0</t>
  </si>
  <si>
    <t>1082728.0</t>
  </si>
  <si>
    <t>47824.0</t>
  </si>
  <si>
    <t>34431.0</t>
  </si>
  <si>
    <t>29.74</t>
  </si>
  <si>
    <t>19.29</t>
  </si>
  <si>
    <t>3706051.0</t>
  </si>
  <si>
    <t>359.357</t>
  </si>
  <si>
    <t>7568.0</t>
  </si>
  <si>
    <t>157.2</t>
  </si>
  <si>
    <t>3146350.0</t>
  </si>
  <si>
    <t>2034554.0</t>
  </si>
  <si>
    <t>1111796.0</t>
  </si>
  <si>
    <t>66010.0</t>
  </si>
  <si>
    <t>30.38</t>
  </si>
  <si>
    <t>19.64</t>
  </si>
  <si>
    <t>21360.0</t>
  </si>
  <si>
    <t>3713779.0</t>
  </si>
  <si>
    <t>7728.0</t>
  </si>
  <si>
    <t>360.107</t>
  </si>
  <si>
    <t>7536.0</t>
  </si>
  <si>
    <t>3218651.0</t>
  </si>
  <si>
    <t>2070526.0</t>
  </si>
  <si>
    <t>1148125.0</t>
  </si>
  <si>
    <t>72301.0</t>
  </si>
  <si>
    <t>43242.0</t>
  </si>
  <si>
    <t>19.99</t>
  </si>
  <si>
    <t>23103.0</t>
  </si>
  <si>
    <t>3722499.0</t>
  </si>
  <si>
    <t>8720.0</t>
  </si>
  <si>
    <t>360.952</t>
  </si>
  <si>
    <t>3293732.0</t>
  </si>
  <si>
    <t>2112110.0</t>
  </si>
  <si>
    <t>1181622.0</t>
  </si>
  <si>
    <t>75081.0</t>
  </si>
  <si>
    <t>48718.0</t>
  </si>
  <si>
    <t>26127.0</t>
  </si>
  <si>
    <t>3728712.0</t>
  </si>
  <si>
    <t>361.555</t>
  </si>
  <si>
    <t>154.1</t>
  </si>
  <si>
    <t>3348427.0</t>
  </si>
  <si>
    <t>2138684.0</t>
  </si>
  <si>
    <t>1209743.0</t>
  </si>
  <si>
    <t>54695.0</t>
  </si>
  <si>
    <t>51281.0</t>
  </si>
  <si>
    <t>32.33</t>
  </si>
  <si>
    <t>20.65</t>
  </si>
  <si>
    <t>3733194.0</t>
  </si>
  <si>
    <t>361.989</t>
  </si>
  <si>
    <t>7460.0</t>
  </si>
  <si>
    <t>3349035.0</t>
  </si>
  <si>
    <t>2139001.0</t>
  </si>
  <si>
    <t>1210034.0</t>
  </si>
  <si>
    <t>51337.0</t>
  </si>
  <si>
    <t>27051.0</t>
  </si>
  <si>
    <t>3740432.0</t>
  </si>
  <si>
    <t>362.691</t>
  </si>
  <si>
    <t>7173.0</t>
  </si>
  <si>
    <t>3422241.0</t>
  </si>
  <si>
    <t>2174186.0</t>
  </si>
  <si>
    <t>1248055.0</t>
  </si>
  <si>
    <t>73206.0</t>
  </si>
  <si>
    <t>55675.0</t>
  </si>
  <si>
    <t>28894.0</t>
  </si>
  <si>
    <t>3749303.0</t>
  </si>
  <si>
    <t>363.551</t>
  </si>
  <si>
    <t>121.2</t>
  </si>
  <si>
    <t>3511219.0</t>
  </si>
  <si>
    <t>2214990.0</t>
  </si>
  <si>
    <t>1296229.0</t>
  </si>
  <si>
    <t>88978.0</t>
  </si>
  <si>
    <t>61554.0</t>
  </si>
  <si>
    <t>31054.0</t>
  </si>
  <si>
    <t>25317.4</t>
  </si>
  <si>
    <t>21.02</t>
  </si>
  <si>
    <t>2444.21793309531</t>
  </si>
  <si>
    <t>3758131.0</t>
  </si>
  <si>
    <t>8828.0</t>
  </si>
  <si>
    <t>364.407</t>
  </si>
  <si>
    <t>116.8</t>
  </si>
  <si>
    <t>3597108.0</t>
  </si>
  <si>
    <t>2256816.0</t>
  </si>
  <si>
    <t>1340292.0</t>
  </si>
  <si>
    <t>85889.0</t>
  </si>
  <si>
    <t>64394.0</t>
  </si>
  <si>
    <t>31752.0</t>
  </si>
  <si>
    <t>3767982.0</t>
  </si>
  <si>
    <t>9851.0</t>
  </si>
  <si>
    <t>365.363</t>
  </si>
  <si>
    <t>7743.0</t>
  </si>
  <si>
    <t>112.5</t>
  </si>
  <si>
    <t>3670729.0</t>
  </si>
  <si>
    <t>2290808.0</t>
  </si>
  <si>
    <t>1379921.0</t>
  </si>
  <si>
    <t>73621.0</t>
  </si>
  <si>
    <t>64583.0</t>
  </si>
  <si>
    <t>13.32</t>
  </si>
  <si>
    <t>3778410.0</t>
  </si>
  <si>
    <t>10428.0</t>
  </si>
  <si>
    <t>366.374</t>
  </si>
  <si>
    <t>7987.0</t>
  </si>
  <si>
    <t>3740447.0</t>
  </si>
  <si>
    <t>2321863.0</t>
  </si>
  <si>
    <t>1418584.0</t>
  </si>
  <si>
    <t>69718.0</t>
  </si>
  <si>
    <t>63816.0</t>
  </si>
  <si>
    <t>36.11</t>
  </si>
  <si>
    <t>22.42</t>
  </si>
  <si>
    <t>29965.0</t>
  </si>
  <si>
    <t>3787089.0</t>
  </si>
  <si>
    <t>367.215</t>
  </si>
  <si>
    <t>3792764.0</t>
  </si>
  <si>
    <t>2345077.0</t>
  </si>
  <si>
    <t>1447687.0</t>
  </si>
  <si>
    <t>52317.0</t>
  </si>
  <si>
    <t>63477.0</t>
  </si>
  <si>
    <t>36.62</t>
  </si>
  <si>
    <t>6128.0</t>
  </si>
  <si>
    <t>29485.0</t>
  </si>
  <si>
    <t>3793040.0</t>
  </si>
  <si>
    <t>367.792</t>
  </si>
  <si>
    <t>8549.0</t>
  </si>
  <si>
    <t>3793533.0</t>
  </si>
  <si>
    <t>2345371.0</t>
  </si>
  <si>
    <t>1448162.0</t>
  </si>
  <si>
    <t>63500.0</t>
  </si>
  <si>
    <t>29481.0</t>
  </si>
  <si>
    <t>3802992.0</t>
  </si>
  <si>
    <t>9952.0</t>
  </si>
  <si>
    <t>368.757</t>
  </si>
  <si>
    <t>8937.0</t>
  </si>
  <si>
    <t>3855455.0</t>
  </si>
  <si>
    <t>2371796.0</t>
  </si>
  <si>
    <t>1483659.0</t>
  </si>
  <si>
    <t>61922.0</t>
  </si>
  <si>
    <t>61888.0</t>
  </si>
  <si>
    <t>37.22</t>
  </si>
  <si>
    <t>28230.0</t>
  </si>
  <si>
    <t>3813017.0</t>
  </si>
  <si>
    <t>10025.0</t>
  </si>
  <si>
    <t>369.729</t>
  </si>
  <si>
    <t>9102.0</t>
  </si>
  <si>
    <t>3910624.0</t>
  </si>
  <si>
    <t>2396007.0</t>
  </si>
  <si>
    <t>1514617.0</t>
  </si>
  <si>
    <t>55169.0</t>
  </si>
  <si>
    <t>5509.0</t>
  </si>
  <si>
    <t>25860.0</t>
  </si>
  <si>
    <t>3821726.0</t>
  </si>
  <si>
    <t>370.574</t>
  </si>
  <si>
    <t>9085.0</t>
  </si>
  <si>
    <t>3964102.0</t>
  </si>
  <si>
    <t>2417173.0</t>
  </si>
  <si>
    <t>1546929.0</t>
  </si>
  <si>
    <t>52428.0</t>
  </si>
  <si>
    <t>22908.0</t>
  </si>
  <si>
    <t>3831673.0</t>
  </si>
  <si>
    <t>371.538</t>
  </si>
  <si>
    <t>4015612.0</t>
  </si>
  <si>
    <t>2437929.0</t>
  </si>
  <si>
    <t>1577683.0</t>
  </si>
  <si>
    <t>51510.0</t>
  </si>
  <si>
    <t>49269.0</t>
  </si>
  <si>
    <t>23.54</t>
  </si>
  <si>
    <t>4757.0</t>
  </si>
  <si>
    <t>3842136.0</t>
  </si>
  <si>
    <t>10463.0</t>
  </si>
  <si>
    <t>372.553</t>
  </si>
  <si>
    <t>4069218.0</t>
  </si>
  <si>
    <t>2459102.0</t>
  </si>
  <si>
    <t>1610116.0</t>
  </si>
  <si>
    <t>53606.0</t>
  </si>
  <si>
    <t>46967.0</t>
  </si>
  <si>
    <t>39.29</t>
  </si>
  <si>
    <t>23.74</t>
  </si>
  <si>
    <t>4534.0</t>
  </si>
  <si>
    <t>19606.0</t>
  </si>
  <si>
    <t>3852280.0</t>
  </si>
  <si>
    <t>10144.0</t>
  </si>
  <si>
    <t>373.537</t>
  </si>
  <si>
    <t>9313.0</t>
  </si>
  <si>
    <t>4107950.0</t>
  </si>
  <si>
    <t>2474911.0</t>
  </si>
  <si>
    <t>1633039.0</t>
  </si>
  <si>
    <t>38732.0</t>
  </si>
  <si>
    <t>45027.0</t>
  </si>
  <si>
    <t>23.89</t>
  </si>
  <si>
    <t>15.77</t>
  </si>
  <si>
    <t>4347.0</t>
  </si>
  <si>
    <t>18548.0</t>
  </si>
  <si>
    <t>3858551.0</t>
  </si>
  <si>
    <t>374.145</t>
  </si>
  <si>
    <t>4108514.0</t>
  </si>
  <si>
    <t>2475180.0</t>
  </si>
  <si>
    <t>1633334.0</t>
  </si>
  <si>
    <t>44997.0</t>
  </si>
  <si>
    <t>4344.0</t>
  </si>
  <si>
    <t>18544.0</t>
  </si>
  <si>
    <t>3867916.0</t>
  </si>
  <si>
    <t>9365.0</t>
  </si>
  <si>
    <t>375.053</t>
  </si>
  <si>
    <t>9275.0</t>
  </si>
  <si>
    <t>0.0138</t>
  </si>
  <si>
    <t>4159298.0</t>
  </si>
  <si>
    <t>2494551.0</t>
  </si>
  <si>
    <t>1664747.0</t>
  </si>
  <si>
    <t>50784.0</t>
  </si>
  <si>
    <t>43406.0</t>
  </si>
  <si>
    <t>24.08</t>
  </si>
  <si>
    <t>16.07</t>
  </si>
  <si>
    <t>17536.0</t>
  </si>
  <si>
    <t>3876962.0</t>
  </si>
  <si>
    <t>9046.0</t>
  </si>
  <si>
    <t>375.93</t>
  </si>
  <si>
    <t>4200994.0</t>
  </si>
  <si>
    <t>2512773.0</t>
  </si>
  <si>
    <t>1688221.0</t>
  </si>
  <si>
    <t>41696.0</t>
  </si>
  <si>
    <t>41481.0</t>
  </si>
  <si>
    <t>40.56</t>
  </si>
  <si>
    <t>16681.0</t>
  </si>
  <si>
    <t>3886055.0</t>
  </si>
  <si>
    <t>9093.0</t>
  </si>
  <si>
    <t>376.812</t>
  </si>
  <si>
    <t>9190.0</t>
  </si>
  <si>
    <t>4242727.0</t>
  </si>
  <si>
    <t>2530767.0</t>
  </si>
  <si>
    <t>1711960.0</t>
  </si>
  <si>
    <t>41733.0</t>
  </si>
  <si>
    <t>39804.0</t>
  </si>
  <si>
    <t>40.96</t>
  </si>
  <si>
    <t>24.43</t>
  </si>
  <si>
    <t>16228.0</t>
  </si>
  <si>
    <t>3894683.0</t>
  </si>
  <si>
    <t>377.648</t>
  </si>
  <si>
    <t>9001.0</t>
  </si>
  <si>
    <t>4283501.0</t>
  </si>
  <si>
    <t>2548890.0</t>
  </si>
  <si>
    <t>1734611.0</t>
  </si>
  <si>
    <t>40774.0</t>
  </si>
  <si>
    <t>38270.0</t>
  </si>
  <si>
    <t>16.75</t>
  </si>
  <si>
    <t>3905500.0</t>
  </si>
  <si>
    <t>10817.0</t>
  </si>
  <si>
    <t>378.697</t>
  </si>
  <si>
    <t>9052.0</t>
  </si>
  <si>
    <t>4323487.0</t>
  </si>
  <si>
    <t>2566320.0</t>
  </si>
  <si>
    <t>1757167.0</t>
  </si>
  <si>
    <t>39986.0</t>
  </si>
  <si>
    <t>41.74</t>
  </si>
  <si>
    <t>16.96</t>
  </si>
  <si>
    <t>15317.0</t>
  </si>
  <si>
    <t>3914819.0</t>
  </si>
  <si>
    <t>379.601</t>
  </si>
  <si>
    <t>8934.0</t>
  </si>
  <si>
    <t>4357356.0</t>
  </si>
  <si>
    <t>2580819.0</t>
  </si>
  <si>
    <t>1776537.0</t>
  </si>
  <si>
    <t>33869.0</t>
  </si>
  <si>
    <t>35629.0</t>
  </si>
  <si>
    <t>17.15</t>
  </si>
  <si>
    <t>15130.0</t>
  </si>
  <si>
    <t>8468.0</t>
  </si>
  <si>
    <t>0.0213</t>
  </si>
  <si>
    <t>46.9</t>
  </si>
  <si>
    <t>4357839.0</t>
  </si>
  <si>
    <t>2581000.0</t>
  </si>
  <si>
    <t>1776839.0</t>
  </si>
  <si>
    <t>35618.0</t>
  </si>
  <si>
    <t>15117.0</t>
  </si>
  <si>
    <t>3920841.0</t>
  </si>
  <si>
    <t>380.185</t>
  </si>
  <si>
    <t>4383875.0</t>
  </si>
  <si>
    <t>2591666.0</t>
  </si>
  <si>
    <t>1792209.0</t>
  </si>
  <si>
    <t>26036.0</t>
  </si>
  <si>
    <t>32082.0</t>
  </si>
  <si>
    <t>42.32</t>
  </si>
  <si>
    <t>25.02</t>
  </si>
  <si>
    <t>0.0284</t>
  </si>
  <si>
    <t>35.2</t>
  </si>
  <si>
    <t>4398900.0</t>
  </si>
  <si>
    <t>2597118.0</t>
  </si>
  <si>
    <t>1801782.0</t>
  </si>
  <si>
    <t>15025.0</t>
  </si>
  <si>
    <t>28272.0</t>
  </si>
  <si>
    <t>42.47</t>
  </si>
  <si>
    <t>25.07</t>
  </si>
  <si>
    <t>4415967.0</t>
  </si>
  <si>
    <t>2602510.0</t>
  </si>
  <si>
    <t>1813457.0</t>
  </si>
  <si>
    <t>17067.0</t>
  </si>
  <si>
    <t>24749.0</t>
  </si>
  <si>
    <t>42.63</t>
  </si>
  <si>
    <t>17.51</t>
  </si>
  <si>
    <t>10249.0</t>
  </si>
  <si>
    <t>3943568.0</t>
  </si>
  <si>
    <t>382.388</t>
  </si>
  <si>
    <t>6984.0</t>
  </si>
  <si>
    <t>26139.0</t>
  </si>
  <si>
    <t>6764.0</t>
  </si>
  <si>
    <t>0.0396</t>
  </si>
  <si>
    <t>4516987.0</t>
  </si>
  <si>
    <t>2634015.0</t>
  </si>
  <si>
    <t>1882972.0</t>
  </si>
  <si>
    <t>27643.0</t>
  </si>
  <si>
    <t>0.0424</t>
  </si>
  <si>
    <t>4563897.0</t>
  </si>
  <si>
    <t>2654076.0</t>
  </si>
  <si>
    <t>1909821.0</t>
  </si>
  <si>
    <t>46910.0</t>
  </si>
  <si>
    <t>29506.0</t>
  </si>
  <si>
    <t>44.06</t>
  </si>
  <si>
    <t>25.62</t>
  </si>
  <si>
    <t>18.44</t>
  </si>
  <si>
    <t>2849.0</t>
  </si>
  <si>
    <t>10465.0</t>
  </si>
  <si>
    <t>4564329.0</t>
  </si>
  <si>
    <t>2654273.0</t>
  </si>
  <si>
    <t>1910056.0</t>
  </si>
  <si>
    <t>3980697.0</t>
  </si>
  <si>
    <t>385.989</t>
  </si>
  <si>
    <t>8551.0</t>
  </si>
  <si>
    <t>0.0392</t>
  </si>
  <si>
    <t>4632349.0</t>
  </si>
  <si>
    <t>2686492.0</t>
  </si>
  <si>
    <t>1945857.0</t>
  </si>
  <si>
    <t>68020.0</t>
  </si>
  <si>
    <t>13547.0</t>
  </si>
  <si>
    <t>4714039.0</t>
  </si>
  <si>
    <t>2731114.0</t>
  </si>
  <si>
    <t>1982925.0</t>
  </si>
  <si>
    <t>81690.0</t>
  </si>
  <si>
    <t>45020.0</t>
  </si>
  <si>
    <t>45.51</t>
  </si>
  <si>
    <t>19142.0</t>
  </si>
  <si>
    <t>4798286.0</t>
  </si>
  <si>
    <t>2777752.0</t>
  </si>
  <si>
    <t>2020534.0</t>
  </si>
  <si>
    <t>84247.0</t>
  </si>
  <si>
    <t>54617.0</t>
  </si>
  <si>
    <t>25035.0</t>
  </si>
  <si>
    <t>4014073.0</t>
  </si>
  <si>
    <t>389.225</t>
  </si>
  <si>
    <t>10072.0</t>
  </si>
  <si>
    <t>4885572.0</t>
  </si>
  <si>
    <t>2827855.0</t>
  </si>
  <si>
    <t>2057717.0</t>
  </si>
  <si>
    <t>87286.0</t>
  </si>
  <si>
    <t>19.87</t>
  </si>
  <si>
    <t>29942.0</t>
  </si>
  <si>
    <t>4972362.0</t>
  </si>
  <si>
    <t>2880131.0</t>
  </si>
  <si>
    <t>2092231.0</t>
  </si>
  <si>
    <t>86790.0</t>
  </si>
  <si>
    <t>65054.0</t>
  </si>
  <si>
    <t>6281.0</t>
  </si>
  <si>
    <t>35159.0</t>
  </si>
  <si>
    <t>25365.5</t>
  </si>
  <si>
    <t>2448.86165174659</t>
  </si>
  <si>
    <t>9985.0</t>
  </si>
  <si>
    <t>0.0583</t>
  </si>
  <si>
    <t>5040778.0</t>
  </si>
  <si>
    <t>2923477.0</t>
  </si>
  <si>
    <t>2117301.0</t>
  </si>
  <si>
    <t>68416.0</t>
  </si>
  <si>
    <t>68126.0</t>
  </si>
  <si>
    <t>48.67</t>
  </si>
  <si>
    <t>28.22</t>
  </si>
  <si>
    <t>38486.0</t>
  </si>
  <si>
    <t>5041622.0</t>
  </si>
  <si>
    <t>2924126.0</t>
  </si>
  <si>
    <t>2117496.0</t>
  </si>
  <si>
    <t>68185.0</t>
  </si>
  <si>
    <t>38550.0</t>
  </si>
  <si>
    <t>4049978.0</t>
  </si>
  <si>
    <t>392.706</t>
  </si>
  <si>
    <t>9897.0</t>
  </si>
  <si>
    <t>0.0678</t>
  </si>
  <si>
    <t>5119407.0</t>
  </si>
  <si>
    <t>2971686.0</t>
  </si>
  <si>
    <t>2147721.0</t>
  </si>
  <si>
    <t>77785.0</t>
  </si>
  <si>
    <t>69580.0</t>
  </si>
  <si>
    <t>28.69</t>
  </si>
  <si>
    <t>6717.0</t>
  </si>
  <si>
    <t>40742.0</t>
  </si>
  <si>
    <t>5187428.0</t>
  </si>
  <si>
    <t>3013620.0</t>
  </si>
  <si>
    <t>2173808.0</t>
  </si>
  <si>
    <t>68021.0</t>
  </si>
  <si>
    <t>67627.0</t>
  </si>
  <si>
    <t>50.08</t>
  </si>
  <si>
    <t>29.09</t>
  </si>
  <si>
    <t>40358.0</t>
  </si>
  <si>
    <t>9935.0</t>
  </si>
  <si>
    <t>5251051.0</t>
  </si>
  <si>
    <t>3053560.0</t>
  </si>
  <si>
    <t>2197491.0</t>
  </si>
  <si>
    <t>63623.0</t>
  </si>
  <si>
    <t>64681.0</t>
  </si>
  <si>
    <t>50.7</t>
  </si>
  <si>
    <t>29.48</t>
  </si>
  <si>
    <t>6244.0</t>
  </si>
  <si>
    <t>39401.0</t>
  </si>
  <si>
    <t>4083746.0</t>
  </si>
  <si>
    <t>395.981</t>
  </si>
  <si>
    <t>9953.0</t>
  </si>
  <si>
    <t>0.0876</t>
  </si>
  <si>
    <t>60762.0</t>
  </si>
  <si>
    <t>37669.0</t>
  </si>
  <si>
    <t>4107190.0</t>
  </si>
  <si>
    <t>23444.0</t>
  </si>
  <si>
    <t>398.254</t>
  </si>
  <si>
    <t>12020.0</t>
  </si>
  <si>
    <t>5370768.0</t>
  </si>
  <si>
    <t>3129512.0</t>
  </si>
  <si>
    <t>2241256.0</t>
  </si>
  <si>
    <t>56915.0</t>
  </si>
  <si>
    <t>51.85</t>
  </si>
  <si>
    <t>30.21</t>
  </si>
  <si>
    <t>35626.0</t>
  </si>
  <si>
    <t>4116768.0</t>
  </si>
  <si>
    <t>9578.0</t>
  </si>
  <si>
    <t>399.183</t>
  </si>
  <si>
    <t>12106.0</t>
  </si>
  <si>
    <t>0.0862</t>
  </si>
  <si>
    <t>5418243.0</t>
  </si>
  <si>
    <t>3160484.0</t>
  </si>
  <si>
    <t>2257759.0</t>
  </si>
  <si>
    <t>47475.0</t>
  </si>
  <si>
    <t>53924.0</t>
  </si>
  <si>
    <t>5206.0</t>
  </si>
  <si>
    <t>33858.0</t>
  </si>
  <si>
    <t>4123715.0</t>
  </si>
  <si>
    <t>6947.0</t>
  </si>
  <si>
    <t>399.856</t>
  </si>
  <si>
    <t>11816.0</t>
  </si>
  <si>
    <t>5418754.0</t>
  </si>
  <si>
    <t>3160755.0</t>
  </si>
  <si>
    <t>2257999.0</t>
  </si>
  <si>
    <t>53876.0</t>
  </si>
  <si>
    <t>5201.0</t>
  </si>
  <si>
    <t>4133796.0</t>
  </si>
  <si>
    <t>400.834</t>
  </si>
  <si>
    <t>11974.0</t>
  </si>
  <si>
    <t>5478042.0</t>
  </si>
  <si>
    <t>3200107.0</t>
  </si>
  <si>
    <t>2277935.0</t>
  </si>
  <si>
    <t>59288.0</t>
  </si>
  <si>
    <t>51234.0</t>
  </si>
  <si>
    <t>52.89</t>
  </si>
  <si>
    <t>4946.0</t>
  </si>
  <si>
    <t>32632.0</t>
  </si>
  <si>
    <t>11351.0</t>
  </si>
  <si>
    <t>5543311.0</t>
  </si>
  <si>
    <t>3243487.0</t>
  </si>
  <si>
    <t>2299824.0</t>
  </si>
  <si>
    <t>50840.0</t>
  </si>
  <si>
    <t>53.52</t>
  </si>
  <si>
    <t>4147588.0</t>
  </si>
  <si>
    <t>402.171</t>
  </si>
  <si>
    <t>10728.0</t>
  </si>
  <si>
    <t>5607591.0</t>
  </si>
  <si>
    <t>3287430.0</t>
  </si>
  <si>
    <t>2320161.0</t>
  </si>
  <si>
    <t>64280.0</t>
  </si>
  <si>
    <t>50934.0</t>
  </si>
  <si>
    <t>54.14</t>
  </si>
  <si>
    <t>31.74</t>
  </si>
  <si>
    <t>33410.0</t>
  </si>
  <si>
    <t>4164163.0</t>
  </si>
  <si>
    <t>16575.0</t>
  </si>
  <si>
    <t>403.778</t>
  </si>
  <si>
    <t>1.607</t>
  </si>
  <si>
    <t>11488.0</t>
  </si>
  <si>
    <t>5671138.0</t>
  </si>
  <si>
    <t>3332017.0</t>
  </si>
  <si>
    <t>2339121.0</t>
  </si>
  <si>
    <t>63547.0</t>
  </si>
  <si>
    <t>51461.0</t>
  </si>
  <si>
    <t>34354.0</t>
  </si>
  <si>
    <t>4178108.0</t>
  </si>
  <si>
    <t>13945.0</t>
  </si>
  <si>
    <t>405.131</t>
  </si>
  <si>
    <t>10131.0</t>
  </si>
  <si>
    <t>5739342.0</t>
  </si>
  <si>
    <t>3380387.0</t>
  </si>
  <si>
    <t>2358955.0</t>
  </si>
  <si>
    <t>68204.0</t>
  </si>
  <si>
    <t>52653.0</t>
  </si>
  <si>
    <t>5083.0</t>
  </si>
  <si>
    <t>35839.0</t>
  </si>
  <si>
    <t>5794232.0</t>
  </si>
  <si>
    <t>3419938.0</t>
  </si>
  <si>
    <t>2374294.0</t>
  </si>
  <si>
    <t>54890.0</t>
  </si>
  <si>
    <t>53713.0</t>
  </si>
  <si>
    <t>37065.0</t>
  </si>
  <si>
    <t>5794483.0</t>
  </si>
  <si>
    <t>3420144.0</t>
  </si>
  <si>
    <t>2374339.0</t>
  </si>
  <si>
    <t>53676.0</t>
  </si>
  <si>
    <t>5182.0</t>
  </si>
  <si>
    <t>37056.0</t>
  </si>
  <si>
    <t>4220135.0</t>
  </si>
  <si>
    <t>409.206</t>
  </si>
  <si>
    <t>12334.0</t>
  </si>
  <si>
    <t>1.196</t>
  </si>
  <si>
    <t>5866215.0</t>
  </si>
  <si>
    <t>3473806.0</t>
  </si>
  <si>
    <t>2392409.0</t>
  </si>
  <si>
    <t>71732.0</t>
  </si>
  <si>
    <t>55453.0</t>
  </si>
  <si>
    <t>39100.0</t>
  </si>
  <si>
    <t>4252882.0</t>
  </si>
  <si>
    <t>32747.0</t>
  </si>
  <si>
    <t>412.381</t>
  </si>
  <si>
    <t>3.175</t>
  </si>
  <si>
    <t>16027.0</t>
  </si>
  <si>
    <t>5932734.0</t>
  </si>
  <si>
    <t>3526467.0</t>
  </si>
  <si>
    <t>2406267.0</t>
  </si>
  <si>
    <t>66519.0</t>
  </si>
  <si>
    <t>55632.0</t>
  </si>
  <si>
    <t>34.05</t>
  </si>
  <si>
    <t>16170.0</t>
  </si>
  <si>
    <t>5991016.0</t>
  </si>
  <si>
    <t>3574157.0</t>
  </si>
  <si>
    <t>2416859.0</t>
  </si>
  <si>
    <t>58282.0</t>
  </si>
  <si>
    <t>54775.0</t>
  </si>
  <si>
    <t>34.51</t>
  </si>
  <si>
    <t>40961.0</t>
  </si>
  <si>
    <t>4268668.0</t>
  </si>
  <si>
    <t>413.912</t>
  </si>
  <si>
    <t>14929.0</t>
  </si>
  <si>
    <t>0.2238</t>
  </si>
  <si>
    <t>6045471.0</t>
  </si>
  <si>
    <t>3617203.0</t>
  </si>
  <si>
    <t>2428268.0</t>
  </si>
  <si>
    <t>54455.0</t>
  </si>
  <si>
    <t>53476.0</t>
  </si>
  <si>
    <t>58.36</t>
  </si>
  <si>
    <t>34.92</t>
  </si>
  <si>
    <t>40741.0</t>
  </si>
  <si>
    <t>4285883.0</t>
  </si>
  <si>
    <t>17215.0</t>
  </si>
  <si>
    <t>415.581</t>
  </si>
  <si>
    <t>15396.0</t>
  </si>
  <si>
    <t>0.2174</t>
  </si>
  <si>
    <t>6110185.0</t>
  </si>
  <si>
    <t>3667494.0</t>
  </si>
  <si>
    <t>2442691.0</t>
  </si>
  <si>
    <t>64714.0</t>
  </si>
  <si>
    <t>52978.0</t>
  </si>
  <si>
    <t>58.99</t>
  </si>
  <si>
    <t>41015.0</t>
  </si>
  <si>
    <t>15821.0</t>
  </si>
  <si>
    <t>0.2122</t>
  </si>
  <si>
    <t>6170376.0</t>
  </si>
  <si>
    <t>3713143.0</t>
  </si>
  <si>
    <t>2457233.0</t>
  </si>
  <si>
    <t>60191.0</t>
  </si>
  <si>
    <t>53735.0</t>
  </si>
  <si>
    <t>41886.0</t>
  </si>
  <si>
    <t>4319841.0</t>
  </si>
  <si>
    <t>418.874</t>
  </si>
  <si>
    <t>16245.0</t>
  </si>
  <si>
    <t>0.2163</t>
  </si>
  <si>
    <t>6170724.0</t>
  </si>
  <si>
    <t>3713422.0</t>
  </si>
  <si>
    <t>2457302.0</t>
  </si>
  <si>
    <t>53749.0</t>
  </si>
  <si>
    <t>41897.0</t>
  </si>
  <si>
    <t>4362263.0</t>
  </si>
  <si>
    <t>42422.0</t>
  </si>
  <si>
    <t>422.987</t>
  </si>
  <si>
    <t>4.113</t>
  </si>
  <si>
    <t>20304.0</t>
  </si>
  <si>
    <t>0.1749</t>
  </si>
  <si>
    <t>6249673.0</t>
  </si>
  <si>
    <t>3772533.0</t>
  </si>
  <si>
    <t>2477140.0</t>
  </si>
  <si>
    <t>78949.0</t>
  </si>
  <si>
    <t>54780.0</t>
  </si>
  <si>
    <t>23.92</t>
  </si>
  <si>
    <t>42675.0</t>
  </si>
  <si>
    <t>0.2078</t>
  </si>
  <si>
    <t>6335305.0</t>
  </si>
  <si>
    <t>3830650.0</t>
  </si>
  <si>
    <t>2504655.0</t>
  </si>
  <si>
    <t>85632.0</t>
  </si>
  <si>
    <t>57510.0</t>
  </si>
  <si>
    <t>36.98</t>
  </si>
  <si>
    <t>24.18</t>
  </si>
  <si>
    <t>4379510.0</t>
  </si>
  <si>
    <t>424.659</t>
  </si>
  <si>
    <t>16962.0</t>
  </si>
  <si>
    <t>0.2074</t>
  </si>
  <si>
    <t>6419537.0</t>
  </si>
  <si>
    <t>3884713.0</t>
  </si>
  <si>
    <t>2534824.0</t>
  </si>
  <si>
    <t>84232.0</t>
  </si>
  <si>
    <t>61217.0</t>
  </si>
  <si>
    <t>61.98</t>
  </si>
  <si>
    <t>24.47</t>
  </si>
  <si>
    <t>5910.0</t>
  </si>
  <si>
    <t>44365.0</t>
  </si>
  <si>
    <t>4395646.0</t>
  </si>
  <si>
    <t>426.224</t>
  </si>
  <si>
    <t>18140.0</t>
  </si>
  <si>
    <t>0.1958</t>
  </si>
  <si>
    <t>6493757.0</t>
  </si>
  <si>
    <t>3929404.0</t>
  </si>
  <si>
    <t>2564353.0</t>
  </si>
  <si>
    <t>74220.0</t>
  </si>
  <si>
    <t>64041.0</t>
  </si>
  <si>
    <t>37.94</t>
  </si>
  <si>
    <t>44600.0</t>
  </si>
  <si>
    <t>4414517.0</t>
  </si>
  <si>
    <t>18871.0</t>
  </si>
  <si>
    <t>428.054</t>
  </si>
  <si>
    <t>18376.0</t>
  </si>
  <si>
    <t>1.782</t>
  </si>
  <si>
    <t>0.1986</t>
  </si>
  <si>
    <t>68657.0</t>
  </si>
  <si>
    <t>45528.0</t>
  </si>
  <si>
    <t>4431053.0</t>
  </si>
  <si>
    <t>429.657</t>
  </si>
  <si>
    <t>1.603</t>
  </si>
  <si>
    <t>6687806.0</t>
  </si>
  <si>
    <t>4042976.0</t>
  </si>
  <si>
    <t>2644830.0</t>
  </si>
  <si>
    <t>39.03</t>
  </si>
  <si>
    <t>25.53</t>
  </si>
  <si>
    <t>7136.0</t>
  </si>
  <si>
    <t>47119.0</t>
  </si>
  <si>
    <t>4442244.0</t>
  </si>
  <si>
    <t>11191.0</t>
  </si>
  <si>
    <t>430.743</t>
  </si>
  <si>
    <t>17486.0</t>
  </si>
  <si>
    <t>0.2177</t>
  </si>
  <si>
    <t>6689031.0</t>
  </si>
  <si>
    <t>4043744.0</t>
  </si>
  <si>
    <t>2645287.0</t>
  </si>
  <si>
    <t>74044.0</t>
  </si>
  <si>
    <t>7148.0</t>
  </si>
  <si>
    <t>47189.0</t>
  </si>
  <si>
    <t>4461937.0</t>
  </si>
  <si>
    <t>19693.0</t>
  </si>
  <si>
    <t>432.652</t>
  </si>
  <si>
    <t>14239.0</t>
  </si>
  <si>
    <t>6805740.0</t>
  </si>
  <si>
    <t>4113716.0</t>
  </si>
  <si>
    <t>2692024.0</t>
  </si>
  <si>
    <t>116709.0</t>
  </si>
  <si>
    <t>79438.0</t>
  </si>
  <si>
    <t>39.72</t>
  </si>
  <si>
    <t>48740.0</t>
  </si>
  <si>
    <t>27160.6</t>
  </si>
  <si>
    <t>2622.16600415637</t>
  </si>
  <si>
    <t>4481039.0</t>
  </si>
  <si>
    <t>19102.0</t>
  </si>
  <si>
    <t>434.504</t>
  </si>
  <si>
    <t>15736.0</t>
  </si>
  <si>
    <t>1.526</t>
  </si>
  <si>
    <t>6911439.0</t>
  </si>
  <si>
    <t>4179684.0</t>
  </si>
  <si>
    <t>2731755.0</t>
  </si>
  <si>
    <t>105699.0</t>
  </si>
  <si>
    <t>82305.0</t>
  </si>
  <si>
    <t>7946.0</t>
  </si>
  <si>
    <t>49862.0</t>
  </si>
  <si>
    <t>4498717.0</t>
  </si>
  <si>
    <t>436.218</t>
  </si>
  <si>
    <t>1.714</t>
  </si>
  <si>
    <t>17030.0</t>
  </si>
  <si>
    <t>1.651</t>
  </si>
  <si>
    <t>7009933.0</t>
  </si>
  <si>
    <t>4239851.0</t>
  </si>
  <si>
    <t>2770082.0</t>
  </si>
  <si>
    <t>98494.0</t>
  </si>
  <si>
    <t>84342.0</t>
  </si>
  <si>
    <t>8143.0</t>
  </si>
  <si>
    <t>4535906.0</t>
  </si>
  <si>
    <t>37189.0</t>
  </si>
  <si>
    <t>439.824</t>
  </si>
  <si>
    <t>3.606</t>
  </si>
  <si>
    <t>20037.0</t>
  </si>
  <si>
    <t>1.943</t>
  </si>
  <si>
    <t>7095693.0</t>
  </si>
  <si>
    <t>4287967.0</t>
  </si>
  <si>
    <t>2807726.0</t>
  </si>
  <si>
    <t>85760.0</t>
  </si>
  <si>
    <t>85991.0</t>
  </si>
  <si>
    <t>8302.0</t>
  </si>
  <si>
    <t>51223.0</t>
  </si>
  <si>
    <t>4551520.0</t>
  </si>
  <si>
    <t>15614.0</t>
  </si>
  <si>
    <t>441.338</t>
  </si>
  <si>
    <t>0.1867</t>
  </si>
  <si>
    <t>7174297.0</t>
  </si>
  <si>
    <t>4329571.0</t>
  </si>
  <si>
    <t>2844726.0</t>
  </si>
  <si>
    <t>78604.0</t>
  </si>
  <si>
    <t>83359.0</t>
  </si>
  <si>
    <t>49054.0</t>
  </si>
  <si>
    <t>18035.0</t>
  </si>
  <si>
    <t>7235274.0</t>
  </si>
  <si>
    <t>4358794.0</t>
  </si>
  <si>
    <t>2876480.0</t>
  </si>
  <si>
    <t>60977.0</t>
  </si>
  <si>
    <t>78210.0</t>
  </si>
  <si>
    <t>27.77</t>
  </si>
  <si>
    <t>4563070.0</t>
  </si>
  <si>
    <t>442.458</t>
  </si>
  <si>
    <t>0.2001</t>
  </si>
  <si>
    <t>7236381.0</t>
  </si>
  <si>
    <t>4359737.0</t>
  </si>
  <si>
    <t>2876644.0</t>
  </si>
  <si>
    <t>78193.0</t>
  </si>
  <si>
    <t>7549.0</t>
  </si>
  <si>
    <t>45142.0</t>
  </si>
  <si>
    <t>15557.0</t>
  </si>
  <si>
    <t>1.508</t>
  </si>
  <si>
    <t>0.2097</t>
  </si>
  <si>
    <t>7307149.0</t>
  </si>
  <si>
    <t>4391664.0</t>
  </si>
  <si>
    <t>2915485.0</t>
  </si>
  <si>
    <t>70768.0</t>
  </si>
  <si>
    <t>71630.0</t>
  </si>
  <si>
    <t>6915.0</t>
  </si>
  <si>
    <t>39707.0</t>
  </si>
  <si>
    <t>4578600.0</t>
  </si>
  <si>
    <t>443.964</t>
  </si>
  <si>
    <t>13937.0</t>
  </si>
  <si>
    <t>0.1946</t>
  </si>
  <si>
    <t>33913.0</t>
  </si>
  <si>
    <t>4608573.0</t>
  </si>
  <si>
    <t>29973.0</t>
  </si>
  <si>
    <t>446.871</t>
  </si>
  <si>
    <t>2.906</t>
  </si>
  <si>
    <t>15694.0</t>
  </si>
  <si>
    <t>0.1386</t>
  </si>
  <si>
    <t>7430450.0</t>
  </si>
  <si>
    <t>4442484.0</t>
  </si>
  <si>
    <t>2987966.0</t>
  </si>
  <si>
    <t>60074.0</t>
  </si>
  <si>
    <t>5800.0</t>
  </si>
  <si>
    <t>28948.0</t>
  </si>
  <si>
    <t>4623245.0</t>
  </si>
  <si>
    <t>448.293</t>
  </si>
  <si>
    <t>12477.0</t>
  </si>
  <si>
    <t>7493034.0</t>
  </si>
  <si>
    <t>4465644.0</t>
  </si>
  <si>
    <t>3027390.0</t>
  </si>
  <si>
    <t>62584.0</t>
  </si>
  <si>
    <t>56763.0</t>
  </si>
  <si>
    <t>25382.0</t>
  </si>
  <si>
    <t>12372.0</t>
  </si>
  <si>
    <t>53884.0</t>
  </si>
  <si>
    <t>22396.0</t>
  </si>
  <si>
    <t>4652996.0</t>
  </si>
  <si>
    <t>451.178</t>
  </si>
  <si>
    <t>13672.0</t>
  </si>
  <si>
    <t>0.1272</t>
  </si>
  <si>
    <t>7609940.0</t>
  </si>
  <si>
    <t>4507038.0</t>
  </si>
  <si>
    <t>3102902.0</t>
  </si>
  <si>
    <t>53524.0</t>
  </si>
  <si>
    <t>29.96</t>
  </si>
  <si>
    <t>21178.0</t>
  </si>
  <si>
    <t>4661119.0</t>
  </si>
  <si>
    <t>8123.0</t>
  </si>
  <si>
    <t>451.966</t>
  </si>
  <si>
    <t>0.1629</t>
  </si>
  <si>
    <t>7611206.0</t>
  </si>
  <si>
    <t>4508115.0</t>
  </si>
  <si>
    <t>3103091.0</t>
  </si>
  <si>
    <t>53546.0</t>
  </si>
  <si>
    <t>73.48</t>
  </si>
  <si>
    <t>5169.0</t>
  </si>
  <si>
    <t>21197.0</t>
  </si>
  <si>
    <t>7680427.0</t>
  </si>
  <si>
    <t>4530138.0</t>
  </si>
  <si>
    <t>3150289.0</t>
  </si>
  <si>
    <t>69221.0</t>
  </si>
  <si>
    <t>53325.0</t>
  </si>
  <si>
    <t>30.41</t>
  </si>
  <si>
    <t>5148.0</t>
  </si>
  <si>
    <t>19782.0</t>
  </si>
  <si>
    <t>4690082.0</t>
  </si>
  <si>
    <t>454.774</t>
  </si>
  <si>
    <t>15926.0</t>
  </si>
  <si>
    <t>0.1399</t>
  </si>
  <si>
    <t>7745851.0</t>
  </si>
  <si>
    <t>4551501.0</t>
  </si>
  <si>
    <t>3194350.0</t>
  </si>
  <si>
    <t>65424.0</t>
  </si>
  <si>
    <t>53864.0</t>
  </si>
  <si>
    <t>74.78</t>
  </si>
  <si>
    <t>30.84</t>
  </si>
  <si>
    <t>4702934.0</t>
  </si>
  <si>
    <t>12852.0</t>
  </si>
  <si>
    <t>456.02</t>
  </si>
  <si>
    <t>13480.0</t>
  </si>
  <si>
    <t>0.2061</t>
  </si>
  <si>
    <t>7806235.0</t>
  </si>
  <si>
    <t>4570812.0</t>
  </si>
  <si>
    <t>3235423.0</t>
  </si>
  <si>
    <t>60384.0</t>
  </si>
  <si>
    <t>53684.0</t>
  </si>
  <si>
    <t>18333.0</t>
  </si>
  <si>
    <t>13347.0</t>
  </si>
  <si>
    <t>52853.0</t>
  </si>
  <si>
    <t>13185.0</t>
  </si>
  <si>
    <t>1.278</t>
  </si>
  <si>
    <t>0.1314</t>
  </si>
  <si>
    <t>52613.0</t>
  </si>
  <si>
    <t>16698.0</t>
  </si>
  <si>
    <t>4744161.0</t>
  </si>
  <si>
    <t>460.018</t>
  </si>
  <si>
    <t>13024.0</t>
  </si>
  <si>
    <t>7976549.0</t>
  </si>
  <si>
    <t>4619432.0</t>
  </si>
  <si>
    <t>3357117.0</t>
  </si>
  <si>
    <t>52373.0</t>
  </si>
  <si>
    <t>32.41</t>
  </si>
  <si>
    <t>5056.0</t>
  </si>
  <si>
    <t>16056.0</t>
  </si>
  <si>
    <t>4751264.0</t>
  </si>
  <si>
    <t>7103.0</t>
  </si>
  <si>
    <t>460.707</t>
  </si>
  <si>
    <t>0.1354</t>
  </si>
  <si>
    <t>7977574.0</t>
  </si>
  <si>
    <t>4619842.0</t>
  </si>
  <si>
    <t>3357732.0</t>
  </si>
  <si>
    <t>52338.0</t>
  </si>
  <si>
    <t>5053.0</t>
  </si>
  <si>
    <t>15961.0</t>
  </si>
  <si>
    <t>4764847.0</t>
  </si>
  <si>
    <t>13583.0</t>
  </si>
  <si>
    <t>462.024</t>
  </si>
  <si>
    <t>12750.0</t>
  </si>
  <si>
    <t>8043423.0</t>
  </si>
  <si>
    <t>4636579.0</t>
  </si>
  <si>
    <t>3406844.0</t>
  </si>
  <si>
    <t>65849.0</t>
  </si>
  <si>
    <t>51857.0</t>
  </si>
  <si>
    <t>44.76</t>
  </si>
  <si>
    <t>32.89</t>
  </si>
  <si>
    <t>5006.0</t>
  </si>
  <si>
    <t>15206.0</t>
  </si>
  <si>
    <t>4778393.0</t>
  </si>
  <si>
    <t>463.337</t>
  </si>
  <si>
    <t>1.223</t>
  </si>
  <si>
    <t>0.1481</t>
  </si>
  <si>
    <t>8106885.0</t>
  </si>
  <si>
    <t>4652121.0</t>
  </si>
  <si>
    <t>3454764.0</t>
  </si>
  <si>
    <t>63462.0</t>
  </si>
  <si>
    <t>51576.0</t>
  </si>
  <si>
    <t>33.35</t>
  </si>
  <si>
    <t>4979.0</t>
  </si>
  <si>
    <t>14374.0</t>
  </si>
  <si>
    <t>4790724.0</t>
  </si>
  <si>
    <t>464.533</t>
  </si>
  <si>
    <t>12541.0</t>
  </si>
  <si>
    <t>0.1186</t>
  </si>
  <si>
    <t>8169473.0</t>
  </si>
  <si>
    <t>4668637.0</t>
  </si>
  <si>
    <t>3500836.0</t>
  </si>
  <si>
    <t>51891.0</t>
  </si>
  <si>
    <t>5010.0</t>
  </si>
  <si>
    <t>13975.0</t>
  </si>
  <si>
    <t>4802229.0</t>
  </si>
  <si>
    <t>11505.0</t>
  </si>
  <si>
    <t>465.648</t>
  </si>
  <si>
    <t>0.1349</t>
  </si>
  <si>
    <t>8227729.0</t>
  </si>
  <si>
    <t>4683453.0</t>
  </si>
  <si>
    <t>3544276.0</t>
  </si>
  <si>
    <t>58256.0</t>
  </si>
  <si>
    <t>52103.0</t>
  </si>
  <si>
    <t>79.43</t>
  </si>
  <si>
    <t>45.22</t>
  </si>
  <si>
    <t>34.22</t>
  </si>
  <si>
    <t>13776.0</t>
  </si>
  <si>
    <t>4823654.0</t>
  </si>
  <si>
    <t>21425.0</t>
  </si>
  <si>
    <t>467.726</t>
  </si>
  <si>
    <t>13319.0</t>
  </si>
  <si>
    <t>8293590.0</t>
  </si>
  <si>
    <t>4700096.0</t>
  </si>
  <si>
    <t>3593494.0</t>
  </si>
  <si>
    <t>65861.0</t>
  </si>
  <si>
    <t>53402.0</t>
  </si>
  <si>
    <t>45.38</t>
  </si>
  <si>
    <t>13839.0</t>
  </si>
  <si>
    <t>4830338.0</t>
  </si>
  <si>
    <t>6684.0</t>
  </si>
  <si>
    <t>468.374</t>
  </si>
  <si>
    <t>12311.0</t>
  </si>
  <si>
    <t>0.1586</t>
  </si>
  <si>
    <t>8349945.0</t>
  </si>
  <si>
    <t>4713750.0</t>
  </si>
  <si>
    <t>3636195.0</t>
  </si>
  <si>
    <t>56355.0</t>
  </si>
  <si>
    <t>53342.0</t>
  </si>
  <si>
    <t>80.61</t>
  </si>
  <si>
    <t>13474.0</t>
  </si>
  <si>
    <t>8350575.0</t>
  </si>
  <si>
    <t>4713775.0</t>
  </si>
  <si>
    <t>3636800.0</t>
  </si>
  <si>
    <t>5144.0</t>
  </si>
  <si>
    <t>13419.0</t>
  </si>
  <si>
    <t>10263.0</t>
  </si>
  <si>
    <t>53549.0</t>
  </si>
  <si>
    <t>5170.0</t>
  </si>
  <si>
    <t>13309.0</t>
  </si>
  <si>
    <t>4839863.0</t>
  </si>
  <si>
    <t>469.298</t>
  </si>
  <si>
    <t>8485952.0</t>
  </si>
  <si>
    <t>4745715.0</t>
  </si>
  <si>
    <t>3740237.0</t>
  </si>
  <si>
    <t>54152.0</t>
  </si>
  <si>
    <t>81.93</t>
  </si>
  <si>
    <t>9773.0</t>
  </si>
  <si>
    <t>8554628.0</t>
  </si>
  <si>
    <t>4762232.0</t>
  </si>
  <si>
    <t>3792396.0</t>
  </si>
  <si>
    <t>68676.0</t>
  </si>
  <si>
    <t>55022.0</t>
  </si>
  <si>
    <t>36.61</t>
  </si>
  <si>
    <t>30493.9</t>
  </si>
  <si>
    <t>30.09</t>
  </si>
  <si>
    <t>2943.97281039977</t>
  </si>
  <si>
    <t>4878405.0</t>
  </si>
  <si>
    <t>473.035</t>
  </si>
  <si>
    <t>10882.0</t>
  </si>
  <si>
    <t>8623360.0</t>
  </si>
  <si>
    <t>4778843.0</t>
  </si>
  <si>
    <t>3844517.0</t>
  </si>
  <si>
    <t>68732.0</t>
  </si>
  <si>
    <t>56519.0</t>
  </si>
  <si>
    <t>46.14</t>
  </si>
  <si>
    <t>13627.0</t>
  </si>
  <si>
    <t>8802.0</t>
  </si>
  <si>
    <t>8683990.0</t>
  </si>
  <si>
    <t>4794136.0</t>
  </si>
  <si>
    <t>3889854.0</t>
  </si>
  <si>
    <t>60630.0</t>
  </si>
  <si>
    <t>55771.0</t>
  </si>
  <si>
    <t>13434.0</t>
  </si>
  <si>
    <t>4892127.0</t>
  </si>
  <si>
    <t>474.365</t>
  </si>
  <si>
    <t>8827.0</t>
  </si>
  <si>
    <t>0.0833</t>
  </si>
  <si>
    <t>8736939.0</t>
  </si>
  <si>
    <t>4808142.0</t>
  </si>
  <si>
    <t>3928797.0</t>
  </si>
  <si>
    <t>52949.0</t>
  </si>
  <si>
    <t>55285.0</t>
  </si>
  <si>
    <t>37.93</t>
  </si>
  <si>
    <t>13485.0</t>
  </si>
  <si>
    <t>4902328.0</t>
  </si>
  <si>
    <t>475.355</t>
  </si>
  <si>
    <t>8738000.0</t>
  </si>
  <si>
    <t>4808374.0</t>
  </si>
  <si>
    <t>3929626.0</t>
  </si>
  <si>
    <t>55346.0</t>
  </si>
  <si>
    <t>13514.0</t>
  </si>
  <si>
    <t>0.0842</t>
  </si>
  <si>
    <t>8795572.0</t>
  </si>
  <si>
    <t>4824323.0</t>
  </si>
  <si>
    <t>3971249.0</t>
  </si>
  <si>
    <t>57572.0</t>
  </si>
  <si>
    <t>53901.0</t>
  </si>
  <si>
    <t>38.34</t>
  </si>
  <si>
    <t>13511.0</t>
  </si>
  <si>
    <t>9860.0</t>
  </si>
  <si>
    <t>8841520.0</t>
  </si>
  <si>
    <t>4837342.0</t>
  </si>
  <si>
    <t>4004178.0</t>
  </si>
  <si>
    <t>45948.0</t>
  </si>
  <si>
    <t>50795.0</t>
  </si>
  <si>
    <t>85.36</t>
  </si>
  <si>
    <t>46.7</t>
  </si>
  <si>
    <t>4904.0</t>
  </si>
  <si>
    <t>13090.0</t>
  </si>
  <si>
    <t>4912156.0</t>
  </si>
  <si>
    <t>476.308</t>
  </si>
  <si>
    <t>7575.0</t>
  </si>
  <si>
    <t>46808.0</t>
  </si>
  <si>
    <t>12608.0</t>
  </si>
  <si>
    <t>4932673.0</t>
  </si>
  <si>
    <t>20517.0</t>
  </si>
  <si>
    <t>478.297</t>
  </si>
  <si>
    <t>0.1021</t>
  </si>
  <si>
    <t>8923055.0</t>
  </si>
  <si>
    <t>4863636.0</t>
  </si>
  <si>
    <t>4059419.0</t>
  </si>
  <si>
    <t>42814.0</t>
  </si>
  <si>
    <t>86.15</t>
  </si>
  <si>
    <t>4952737.0</t>
  </si>
  <si>
    <t>20064.0</t>
  </si>
  <si>
    <t>480.242</t>
  </si>
  <si>
    <t>8962945.0</t>
  </si>
  <si>
    <t>4877452.0</t>
  </si>
  <si>
    <t>4085493.0</t>
  </si>
  <si>
    <t>39890.0</t>
  </si>
  <si>
    <t>39851.0</t>
  </si>
  <si>
    <t>86.53</t>
  </si>
  <si>
    <t>47.09</t>
  </si>
  <si>
    <t>11902.0</t>
  </si>
  <si>
    <t>4958312.0</t>
  </si>
  <si>
    <t>480.783</t>
  </si>
  <si>
    <t>9455.0</t>
  </si>
  <si>
    <t>8996778.0</t>
  </si>
  <si>
    <t>4889178.0</t>
  </si>
  <si>
    <t>4107600.0</t>
  </si>
  <si>
    <t>33833.0</t>
  </si>
  <si>
    <t>37120.0</t>
  </si>
  <si>
    <t>86.86</t>
  </si>
  <si>
    <t>11577.0</t>
  </si>
  <si>
    <t>0.1038</t>
  </si>
  <si>
    <t>8997289.0</t>
  </si>
  <si>
    <t>4889404.0</t>
  </si>
  <si>
    <t>4107885.0</t>
  </si>
  <si>
    <t>37041.0</t>
  </si>
  <si>
    <t>4969881.0</t>
  </si>
  <si>
    <t>481.905</t>
  </si>
  <si>
    <t>9037099.0</t>
  </si>
  <si>
    <t>4903419.0</t>
  </si>
  <si>
    <t>4133680.0</t>
  </si>
  <si>
    <t>39810.0</t>
  </si>
  <si>
    <t>34504.0</t>
  </si>
  <si>
    <t>87.25</t>
  </si>
  <si>
    <t>39.91</t>
  </si>
  <si>
    <t>4979535.0</t>
  </si>
  <si>
    <t>9654.0</t>
  </si>
  <si>
    <t>482.841</t>
  </si>
  <si>
    <t>0.1008</t>
  </si>
  <si>
    <t>32928.0</t>
  </si>
  <si>
    <t>11314.0</t>
  </si>
  <si>
    <t>4989627.0</t>
  </si>
  <si>
    <t>10092.0</t>
  </si>
  <si>
    <t>483.82</t>
  </si>
  <si>
    <t>11067.0</t>
  </si>
  <si>
    <t>0.1106</t>
  </si>
  <si>
    <t>9106934.0</t>
  </si>
  <si>
    <t>4929657.0</t>
  </si>
  <si>
    <t>4177277.0</t>
  </si>
  <si>
    <t>32092.0</t>
  </si>
  <si>
    <t>87.92</t>
  </si>
  <si>
    <t>47.59</t>
  </si>
  <si>
    <t>40.33</t>
  </si>
  <si>
    <t>11310.0</t>
  </si>
  <si>
    <t>0.1193</t>
  </si>
  <si>
    <t>9138351.0</t>
  </si>
  <si>
    <t>4942003.0</t>
  </si>
  <si>
    <t>4196348.0</t>
  </si>
  <si>
    <t>31417.0</t>
  </si>
  <si>
    <t>30757.0</t>
  </si>
  <si>
    <t>88.22</t>
  </si>
  <si>
    <t>40.51</t>
  </si>
  <si>
    <t>2969.0</t>
  </si>
  <si>
    <t>11195.0</t>
  </si>
  <si>
    <t>0.1142</t>
  </si>
  <si>
    <t>29064.0</t>
  </si>
  <si>
    <t>5032555.0</t>
  </si>
  <si>
    <t>487.982</t>
  </si>
  <si>
    <t>10606.0</t>
  </si>
  <si>
    <t>9194432.0</t>
  </si>
  <si>
    <t>4964151.0</t>
  </si>
  <si>
    <t>4230281.0</t>
  </si>
  <si>
    <t>28236.0</t>
  </si>
  <si>
    <t>88.77</t>
  </si>
  <si>
    <t>40.84</t>
  </si>
  <si>
    <t>10650.0</t>
  </si>
  <si>
    <t>9195023.0</t>
  </si>
  <si>
    <t>4964341.0</t>
  </si>
  <si>
    <t>4230682.0</t>
  </si>
  <si>
    <t>28248.0</t>
  </si>
  <si>
    <t>10705.0</t>
  </si>
  <si>
    <t>5044744.0</t>
  </si>
  <si>
    <t>489.164</t>
  </si>
  <si>
    <t>10695.0</t>
  </si>
  <si>
    <t>9226083.0</t>
  </si>
  <si>
    <t>4976945.0</t>
  </si>
  <si>
    <t>4249138.0</t>
  </si>
  <si>
    <t>31060.0</t>
  </si>
  <si>
    <t>26998.0</t>
  </si>
  <si>
    <t>89.07</t>
  </si>
  <si>
    <t>48.05</t>
  </si>
  <si>
    <t>10504.0</t>
  </si>
  <si>
    <t>5056819.0</t>
  </si>
  <si>
    <t>12075.0</t>
  </si>
  <si>
    <t>490.335</t>
  </si>
  <si>
    <t>0.1621</t>
  </si>
  <si>
    <t>9257472.0</t>
  </si>
  <si>
    <t>4991242.0</t>
  </si>
  <si>
    <t>4266230.0</t>
  </si>
  <si>
    <t>31389.0</t>
  </si>
  <si>
    <t>26494.0</t>
  </si>
  <si>
    <t>89.37</t>
  </si>
  <si>
    <t>41.19</t>
  </si>
  <si>
    <t>5069352.0</t>
  </si>
  <si>
    <t>491.55</t>
  </si>
  <si>
    <t>11389.0</t>
  </si>
  <si>
    <t>9289672.0</t>
  </si>
  <si>
    <t>4281946.0</t>
  </si>
  <si>
    <t>32200.0</t>
  </si>
  <si>
    <t>26105.0</t>
  </si>
  <si>
    <t>11247.0</t>
  </si>
  <si>
    <t>0.1695</t>
  </si>
  <si>
    <t>9320558.0</t>
  </si>
  <si>
    <t>4296058.0</t>
  </si>
  <si>
    <t>30886.0</t>
  </si>
  <si>
    <t>26030.0</t>
  </si>
  <si>
    <t>41.48</t>
  </si>
  <si>
    <t>5095973.0</t>
  </si>
  <si>
    <t>494.131</t>
  </si>
  <si>
    <t>11104.0</t>
  </si>
  <si>
    <t>9353744.0</t>
  </si>
  <si>
    <t>4310597.0</t>
  </si>
  <si>
    <t>33186.0</t>
  </si>
  <si>
    <t>26765.0</t>
  </si>
  <si>
    <t>5108298.0</t>
  </si>
  <si>
    <t>12325.0</t>
  </si>
  <si>
    <t>495.326</t>
  </si>
  <si>
    <t>10820.0</t>
  </si>
  <si>
    <t>9383303.0</t>
  </si>
  <si>
    <t>4323145.0</t>
  </si>
  <si>
    <t>29559.0</t>
  </si>
  <si>
    <t>2605.0</t>
  </si>
  <si>
    <t>4059.0</t>
  </si>
  <si>
    <t>5117481.0</t>
  </si>
  <si>
    <t>496.217</t>
  </si>
  <si>
    <t>11262.0</t>
  </si>
  <si>
    <t>9383669.0</t>
  </si>
  <si>
    <t>4323260.0</t>
  </si>
  <si>
    <t>26949.0</t>
  </si>
  <si>
    <t>4079.0</t>
  </si>
  <si>
    <t>5131033.0</t>
  </si>
  <si>
    <t>13552.0</t>
  </si>
  <si>
    <t>497.531</t>
  </si>
  <si>
    <t>9424902.0</t>
  </si>
  <si>
    <t>4338145.0</t>
  </si>
  <si>
    <t>41233.0</t>
  </si>
  <si>
    <t>28403.0</t>
  </si>
  <si>
    <t>41.88</t>
  </si>
  <si>
    <t>2742.0</t>
  </si>
  <si>
    <t>5144208.0</t>
  </si>
  <si>
    <t>13175.0</t>
  </si>
  <si>
    <t>498.808</t>
  </si>
  <si>
    <t>12484.0</t>
  </si>
  <si>
    <t>0.1661</t>
  </si>
  <si>
    <t>9469618.0</t>
  </si>
  <si>
    <t>4350541.0</t>
  </si>
  <si>
    <t>44716.0</t>
  </si>
  <si>
    <t>30307.0</t>
  </si>
  <si>
    <t>5169788.0</t>
  </si>
  <si>
    <t>25580.0</t>
  </si>
  <si>
    <t>501.289</t>
  </si>
  <si>
    <t>14348.0</t>
  </si>
  <si>
    <t>9518912.0</t>
  </si>
  <si>
    <t>4363976.0</t>
  </si>
  <si>
    <t>91.9</t>
  </si>
  <si>
    <t>42.13</t>
  </si>
  <si>
    <t>13673.0</t>
  </si>
  <si>
    <t>9567956.0</t>
  </si>
  <si>
    <t>4377464.0</t>
  </si>
  <si>
    <t>49044.0</t>
  </si>
  <si>
    <t>35343.0</t>
  </si>
  <si>
    <t>92.37</t>
  </si>
  <si>
    <t>3412.0</t>
  </si>
  <si>
    <t>12997.0</t>
  </si>
  <si>
    <t>9617755.0</t>
  </si>
  <si>
    <t>4390426.0</t>
  </si>
  <si>
    <t>49799.0</t>
  </si>
  <si>
    <t>37716.0</t>
  </si>
  <si>
    <t>42.39</t>
  </si>
  <si>
    <t>3641.0</t>
  </si>
  <si>
    <t>5195536.0</t>
  </si>
  <si>
    <t>503.786</t>
  </si>
  <si>
    <t>12463.0</t>
  </si>
  <si>
    <t>0.1725</t>
  </si>
  <si>
    <t>9660868.0</t>
  </si>
  <si>
    <t>4402450.0</t>
  </si>
  <si>
    <t>43113.0</t>
  </si>
  <si>
    <t>39652.0</t>
  </si>
  <si>
    <t>93.27</t>
  </si>
  <si>
    <t>31823.0</t>
  </si>
  <si>
    <t>3072.28812140631</t>
  </si>
  <si>
    <t>5202697.0</t>
  </si>
  <si>
    <t>7161.0</t>
  </si>
  <si>
    <t>504.48</t>
  </si>
  <si>
    <t>9661131.0</t>
  </si>
  <si>
    <t>4402511.0</t>
  </si>
  <si>
    <t>39637.0</t>
  </si>
  <si>
    <t>3827.0</t>
  </si>
  <si>
    <t>5214586.0</t>
  </si>
  <si>
    <t>505.633</t>
  </si>
  <si>
    <t>11936.0</t>
  </si>
  <si>
    <t>1.157</t>
  </si>
  <si>
    <t>0.1757</t>
  </si>
  <si>
    <t>9708264.0</t>
  </si>
  <si>
    <t>4414295.0</t>
  </si>
  <si>
    <t>47133.0</t>
  </si>
  <si>
    <t>40480.0</t>
  </si>
  <si>
    <t>93.73</t>
  </si>
  <si>
    <t>42.62</t>
  </si>
  <si>
    <t>3908.0</t>
  </si>
  <si>
    <t>5227688.0</t>
  </si>
  <si>
    <t>13102.0</t>
  </si>
  <si>
    <t>506.903</t>
  </si>
  <si>
    <t>11926.0</t>
  </si>
  <si>
    <t>0.1753</t>
  </si>
  <si>
    <t>39080.0</t>
  </si>
  <si>
    <t>5243038.0</t>
  </si>
  <si>
    <t>15350.0</t>
  </si>
  <si>
    <t>508.392</t>
  </si>
  <si>
    <t>10464.0</t>
  </si>
  <si>
    <t>0.2037</t>
  </si>
  <si>
    <t>37025.0</t>
  </si>
  <si>
    <t>5256832.0</t>
  </si>
  <si>
    <t>13794.0</t>
  </si>
  <si>
    <t>509.729</t>
  </si>
  <si>
    <t>11209.0</t>
  </si>
  <si>
    <t>0.1941</t>
  </si>
  <si>
    <t>35007.0</t>
  </si>
  <si>
    <t>5271849.0</t>
  </si>
  <si>
    <t>15017.0</t>
  </si>
  <si>
    <t>511.185</t>
  </si>
  <si>
    <t>12128.0</t>
  </si>
  <si>
    <t>0.1831</t>
  </si>
  <si>
    <t>32880.0</t>
  </si>
  <si>
    <t>3174.0</t>
  </si>
  <si>
    <t>5284216.0</t>
  </si>
  <si>
    <t>12367.0</t>
  </si>
  <si>
    <t>512.384</t>
  </si>
  <si>
    <t>12669.0</t>
  </si>
  <si>
    <t>0.1794</t>
  </si>
  <si>
    <t>31709.0</t>
  </si>
  <si>
    <t>5292250.0</t>
  </si>
  <si>
    <t>8034.0</t>
  </si>
  <si>
    <t>513.163</t>
  </si>
  <si>
    <t>9917741.0</t>
  </si>
  <si>
    <t>4997514.0</t>
  </si>
  <si>
    <t>4435101.0</t>
  </si>
  <si>
    <t>485126.0</t>
  </si>
  <si>
    <t>36659.0</t>
  </si>
  <si>
    <t>3539.0</t>
  </si>
  <si>
    <t>5301252.0</t>
  </si>
  <si>
    <t>9002.0</t>
  </si>
  <si>
    <t>514.036</t>
  </si>
  <si>
    <t>12381.0</t>
  </si>
  <si>
    <t>0.1811</t>
  </si>
  <si>
    <t>9928938.0</t>
  </si>
  <si>
    <t>4999583.0</t>
  </si>
  <si>
    <t>4438477.0</t>
  </si>
  <si>
    <t>490878.0</t>
  </si>
  <si>
    <t>11197.0</t>
  </si>
  <si>
    <t>31525.0</t>
  </si>
  <si>
    <t>48.27</t>
  </si>
  <si>
    <t>42.85</t>
  </si>
  <si>
    <t>3044.0</t>
  </si>
  <si>
    <t>5309867.0</t>
  </si>
  <si>
    <t>514.872</t>
  </si>
  <si>
    <t>30442.0</t>
  </si>
  <si>
    <t>5321217.0</t>
  </si>
  <si>
    <t>515.972</t>
  </si>
  <si>
    <t>11168.0</t>
  </si>
  <si>
    <t>9983606.0</t>
  </si>
  <si>
    <t>5007657.0</t>
  </si>
  <si>
    <t>4454456.0</t>
  </si>
  <si>
    <t>521493.0</t>
  </si>
  <si>
    <t>29359.0</t>
  </si>
  <si>
    <t>96.38</t>
  </si>
  <si>
    <t>11303.0</t>
  </si>
  <si>
    <t>10021688.0</t>
  </si>
  <si>
    <t>5012689.0</t>
  </si>
  <si>
    <t>4464036.0</t>
  </si>
  <si>
    <t>544963.0</t>
  </si>
  <si>
    <t>29812.0</t>
  </si>
  <si>
    <t>96.75</t>
  </si>
  <si>
    <t>48.39</t>
  </si>
  <si>
    <t>43.1</t>
  </si>
  <si>
    <t>0.1748</t>
  </si>
  <si>
    <t>10062192.0</t>
  </si>
  <si>
    <t>5018158.0</t>
  </si>
  <si>
    <t>4473436.0</t>
  </si>
  <si>
    <t>570598.0</t>
  </si>
  <si>
    <t>40504.0</t>
  </si>
  <si>
    <t>30611.0</t>
  </si>
  <si>
    <t>97.14</t>
  </si>
  <si>
    <t>43.19</t>
  </si>
  <si>
    <t>2955.0</t>
  </si>
  <si>
    <t>0.1671</t>
  </si>
  <si>
    <t>10092423.0</t>
  </si>
  <si>
    <t>5022350.0</t>
  </si>
  <si>
    <t>4480614.0</t>
  </si>
  <si>
    <t>589459.0</t>
  </si>
  <si>
    <t>30231.0</t>
  </si>
  <si>
    <t>97.44</t>
  </si>
  <si>
    <t>5380154.0</t>
  </si>
  <si>
    <t>521.687</t>
  </si>
  <si>
    <t>12558.0</t>
  </si>
  <si>
    <t>1.218</t>
  </si>
  <si>
    <t>0.1517</t>
  </si>
  <si>
    <t>10092763.0</t>
  </si>
  <si>
    <t>5022490.0</t>
  </si>
  <si>
    <t>4480735.0</t>
  </si>
  <si>
    <t>589538.0</t>
  </si>
  <si>
    <t>25003.0</t>
  </si>
  <si>
    <t>3568.0</t>
  </si>
  <si>
    <t>13082.0</t>
  </si>
  <si>
    <t>10132050.0</t>
  </si>
  <si>
    <t>5028482.0</t>
  </si>
  <si>
    <t>4490360.0</t>
  </si>
  <si>
    <t>613208.0</t>
  </si>
  <si>
    <t>39287.0</t>
  </si>
  <si>
    <t>29016.0</t>
  </si>
  <si>
    <t>97.82</t>
  </si>
  <si>
    <t>43.35</t>
  </si>
  <si>
    <t>13661.0</t>
  </si>
  <si>
    <t>10165834.0</t>
  </si>
  <si>
    <t>5033346.0</t>
  </si>
  <si>
    <t>4498072.0</t>
  </si>
  <si>
    <t>634416.0</t>
  </si>
  <si>
    <t>33784.0</t>
  </si>
  <si>
    <t>29937.0</t>
  </si>
  <si>
    <t>98.14</t>
  </si>
  <si>
    <t>43.43</t>
  </si>
  <si>
    <t>2890.0</t>
  </si>
  <si>
    <t>4247.0</t>
  </si>
  <si>
    <t>5418169.0</t>
  </si>
  <si>
    <t>525.373</t>
  </si>
  <si>
    <t>13850.0</t>
  </si>
  <si>
    <t>0.1443</t>
  </si>
  <si>
    <t>10201533.0</t>
  </si>
  <si>
    <t>5038225.0</t>
  </si>
  <si>
    <t>4505772.0</t>
  </si>
  <si>
    <t>657536.0</t>
  </si>
  <si>
    <t>35699.0</t>
  </si>
  <si>
    <t>31132.0</t>
  </si>
  <si>
    <t>98.49</t>
  </si>
  <si>
    <t>48.64</t>
  </si>
  <si>
    <t>10234106.0</t>
  </si>
  <si>
    <t>5042611.0</t>
  </si>
  <si>
    <t>4512674.0</t>
  </si>
  <si>
    <t>678821.0</t>
  </si>
  <si>
    <t>32573.0</t>
  </si>
  <si>
    <t>30345.0</t>
  </si>
  <si>
    <t>48.68</t>
  </si>
  <si>
    <t>4275.0</t>
  </si>
  <si>
    <t>12741.0</t>
  </si>
  <si>
    <t>0.1531</t>
  </si>
  <si>
    <t>10267178.0</t>
  </si>
  <si>
    <t>5047093.0</t>
  </si>
  <si>
    <t>4519516.0</t>
  </si>
  <si>
    <t>700569.0</t>
  </si>
  <si>
    <t>99.12</t>
  </si>
  <si>
    <t>48.73</t>
  </si>
  <si>
    <t>12186.0</t>
  </si>
  <si>
    <t>10292434.0</t>
  </si>
  <si>
    <t>5050602.0</t>
  </si>
  <si>
    <t>4524841.0</t>
  </si>
  <si>
    <t>716991.0</t>
  </si>
  <si>
    <t>25256.0</t>
  </si>
  <si>
    <t>99.37</t>
  </si>
  <si>
    <t>48.76</t>
  </si>
  <si>
    <t>5461573.0</t>
  </si>
  <si>
    <t>529.582</t>
  </si>
  <si>
    <t>0.1581</t>
  </si>
  <si>
    <t>10292495.0</t>
  </si>
  <si>
    <t>5050605.0</t>
  </si>
  <si>
    <t>4524851.0</t>
  </si>
  <si>
    <t>717039.0</t>
  </si>
  <si>
    <t>28533.0</t>
  </si>
  <si>
    <t>10328843.0</t>
  </si>
  <si>
    <t>5055303.0</t>
  </si>
  <si>
    <t>4532579.0</t>
  </si>
  <si>
    <t>740961.0</t>
  </si>
  <si>
    <t>36348.0</t>
  </si>
  <si>
    <t>28113.0</t>
  </si>
  <si>
    <t>99.72</t>
  </si>
  <si>
    <t>48.81</t>
  </si>
  <si>
    <t>43.76</t>
  </si>
  <si>
    <t>10593.0</t>
  </si>
  <si>
    <t>0.1708</t>
  </si>
  <si>
    <t>10363317.0</t>
  </si>
  <si>
    <t>5059543.0</t>
  </si>
  <si>
    <t>4538992.0</t>
  </si>
  <si>
    <t>764782.0</t>
  </si>
  <si>
    <t>34474.0</t>
  </si>
  <si>
    <t>28212.0</t>
  </si>
  <si>
    <t>100.05</t>
  </si>
  <si>
    <t>48.85</t>
  </si>
  <si>
    <t>43.82</t>
  </si>
  <si>
    <t>10073.0</t>
  </si>
  <si>
    <t>0.1761</t>
  </si>
  <si>
    <t>10396037.0</t>
  </si>
  <si>
    <t>5063688.0</t>
  </si>
  <si>
    <t>4544439.0</t>
  </si>
  <si>
    <t>787910.0</t>
  </si>
  <si>
    <t>32720.0</t>
  </si>
  <si>
    <t>27786.0</t>
  </si>
  <si>
    <t>100.37</t>
  </si>
  <si>
    <t>48.89</t>
  </si>
  <si>
    <t>43.87</t>
  </si>
  <si>
    <t>5497719.0</t>
  </si>
  <si>
    <t>533.087</t>
  </si>
  <si>
    <t>9814.0</t>
  </si>
  <si>
    <t>0.1773</t>
  </si>
  <si>
    <t>10426930.0</t>
  </si>
  <si>
    <t>5067433.0</t>
  </si>
  <si>
    <t>4549652.0</t>
  </si>
  <si>
    <t>809845.0</t>
  </si>
  <si>
    <t>30893.0</t>
  </si>
  <si>
    <t>27546.0</t>
  </si>
  <si>
    <t>48.92</t>
  </si>
  <si>
    <t>43.92</t>
  </si>
  <si>
    <t>7.82</t>
  </si>
  <si>
    <t>9748.0</t>
  </si>
  <si>
    <t>0.1764</t>
  </si>
  <si>
    <t>10460120.0</t>
  </si>
  <si>
    <t>5071264.0</t>
  </si>
  <si>
    <t>4555457.0</t>
  </si>
  <si>
    <t>833399.0</t>
  </si>
  <si>
    <t>100.99</t>
  </si>
  <si>
    <t>48.96</t>
  </si>
  <si>
    <t>43.98</t>
  </si>
  <si>
    <t>9683.0</t>
  </si>
  <si>
    <t>10486650.0</t>
  </si>
  <si>
    <t>5074275.0</t>
  </si>
  <si>
    <t>4559863.0</t>
  </si>
  <si>
    <t>852512.0</t>
  </si>
  <si>
    <t>26530.0</t>
  </si>
  <si>
    <t>27745.0</t>
  </si>
  <si>
    <t>101.24</t>
  </si>
  <si>
    <t>44.02</t>
  </si>
  <si>
    <t>9617.0</t>
  </si>
  <si>
    <t>0.933</t>
  </si>
  <si>
    <t>0.1759</t>
  </si>
  <si>
    <t>10486947.0</t>
  </si>
  <si>
    <t>5074341.0</t>
  </si>
  <si>
    <t>4559877.0</t>
  </si>
  <si>
    <t>852729.0</t>
  </si>
  <si>
    <t>27779.0</t>
  </si>
  <si>
    <t>5539284.0</t>
  </si>
  <si>
    <t>537.117</t>
  </si>
  <si>
    <t>9811.0</t>
  </si>
  <si>
    <t>10527605.0</t>
  </si>
  <si>
    <t>5079349.0</t>
  </si>
  <si>
    <t>4566911.0</t>
  </si>
  <si>
    <t>881345.0</t>
  </si>
  <si>
    <t>28395.0</t>
  </si>
  <si>
    <t>101.64</t>
  </si>
  <si>
    <t>49.04</t>
  </si>
  <si>
    <t>44.09</t>
  </si>
  <si>
    <t>34672.7</t>
  </si>
  <si>
    <t>59.86</t>
  </si>
  <si>
    <t>3347.40672931793</t>
  </si>
  <si>
    <t>5551849.0</t>
  </si>
  <si>
    <t>538.335</t>
  </si>
  <si>
    <t>10315.0</t>
  </si>
  <si>
    <t>10567919.0</t>
  </si>
  <si>
    <t>5083530.0</t>
  </si>
  <si>
    <t>4573036.0</t>
  </si>
  <si>
    <t>911353.0</t>
  </si>
  <si>
    <t>40314.0</t>
  </si>
  <si>
    <t>29229.0</t>
  </si>
  <si>
    <t>102.03</t>
  </si>
  <si>
    <t>49.08</t>
  </si>
  <si>
    <t>44.15</t>
  </si>
  <si>
    <t>5565190.0</t>
  </si>
  <si>
    <t>13341.0</t>
  </si>
  <si>
    <t>539.629</t>
  </si>
  <si>
    <t>10604976.0</t>
  </si>
  <si>
    <t>5087717.0</t>
  </si>
  <si>
    <t>4578492.0</t>
  </si>
  <si>
    <t>938767.0</t>
  </si>
  <si>
    <t>37057.0</t>
  </si>
  <si>
    <t>29848.0</t>
  </si>
  <si>
    <t>102.38</t>
  </si>
  <si>
    <t>49.12</t>
  </si>
  <si>
    <t>11428.0</t>
  </si>
  <si>
    <t>10639817.0</t>
  </si>
  <si>
    <t>5091635.0</t>
  </si>
  <si>
    <t>4583569.0</t>
  </si>
  <si>
    <t>964613.0</t>
  </si>
  <si>
    <t>30412.0</t>
  </si>
  <si>
    <t>102.72</t>
  </si>
  <si>
    <t>49.16</t>
  </si>
  <si>
    <t>44.25</t>
  </si>
  <si>
    <t>0.1324</t>
  </si>
  <si>
    <t>10675649.0</t>
  </si>
  <si>
    <t>5095524.0</t>
  </si>
  <si>
    <t>4588915.0</t>
  </si>
  <si>
    <t>991210.0</t>
  </si>
  <si>
    <t>35832.0</t>
  </si>
  <si>
    <t>30790.0</t>
  </si>
  <si>
    <t>103.07</t>
  </si>
  <si>
    <t>2973.0</t>
  </si>
  <si>
    <t>5602773.0</t>
  </si>
  <si>
    <t>543.273</t>
  </si>
  <si>
    <t>12039.0</t>
  </si>
  <si>
    <t>0.1258</t>
  </si>
  <si>
    <t>10702988.0</t>
  </si>
  <si>
    <t>5098541.0</t>
  </si>
  <si>
    <t>4593278.0</t>
  </si>
  <si>
    <t>1011169.0</t>
  </si>
  <si>
    <t>27339.0</t>
  </si>
  <si>
    <t>30905.0</t>
  </si>
  <si>
    <t>103.33</t>
  </si>
  <si>
    <t>11858.0</t>
  </si>
  <si>
    <t>0.1245</t>
  </si>
  <si>
    <t>10703142.0</t>
  </si>
  <si>
    <t>5098684.0</t>
  </si>
  <si>
    <t>4593286.0</t>
  </si>
  <si>
    <t>1011172.0</t>
  </si>
  <si>
    <t>30885.0</t>
  </si>
  <si>
    <t>5621021.0</t>
  </si>
  <si>
    <t>545.043</t>
  </si>
  <si>
    <t>11677.0</t>
  </si>
  <si>
    <t>0.1246</t>
  </si>
  <si>
    <t>10739068.0</t>
  </si>
  <si>
    <t>5103256.0</t>
  </si>
  <si>
    <t>4597903.0</t>
  </si>
  <si>
    <t>1037909.0</t>
  </si>
  <si>
    <t>35926.0</t>
  </si>
  <si>
    <t>30209.0</t>
  </si>
  <si>
    <t>103.68</t>
  </si>
  <si>
    <t>44.39</t>
  </si>
  <si>
    <t>12336.0</t>
  </si>
  <si>
    <t>0.1112</t>
  </si>
  <si>
    <t>10772313.0</t>
  </si>
  <si>
    <t>5107205.0</t>
  </si>
  <si>
    <t>4601258.0</t>
  </si>
  <si>
    <t>1063850.0</t>
  </si>
  <si>
    <t>33245.0</t>
  </si>
  <si>
    <t>29199.0</t>
  </si>
  <si>
    <t>49.31</t>
  </si>
  <si>
    <t>44.42</t>
  </si>
  <si>
    <t>10.27</t>
  </si>
  <si>
    <t>5655385.0</t>
  </si>
  <si>
    <t>548.375</t>
  </si>
  <si>
    <t>12885.0</t>
  </si>
  <si>
    <t>10806373.0</t>
  </si>
  <si>
    <t>5110938.0</t>
  </si>
  <si>
    <t>4605616.0</t>
  </si>
  <si>
    <t>1089819.0</t>
  </si>
  <si>
    <t>34060.0</t>
  </si>
  <si>
    <t>28771.0</t>
  </si>
  <si>
    <t>49.34</t>
  </si>
  <si>
    <t>3317.0</t>
  </si>
  <si>
    <t>12423.0</t>
  </si>
  <si>
    <t>0.0983</t>
  </si>
  <si>
    <t>10837528.0</t>
  </si>
  <si>
    <t>5114379.0</t>
  </si>
  <si>
    <t>4609478.0</t>
  </si>
  <si>
    <t>1113671.0</t>
  </si>
  <si>
    <t>31155.0</t>
  </si>
  <si>
    <t>28244.0</t>
  </si>
  <si>
    <t>104.63</t>
  </si>
  <si>
    <t>44.5</t>
  </si>
  <si>
    <t>11960.0</t>
  </si>
  <si>
    <t>0.0987</t>
  </si>
  <si>
    <t>10869472.0</t>
  </si>
  <si>
    <t>5117826.0</t>
  </si>
  <si>
    <t>4613676.0</t>
  </si>
  <si>
    <t>1137970.0</t>
  </si>
  <si>
    <t>31944.0</t>
  </si>
  <si>
    <t>27689.0</t>
  </si>
  <si>
    <t>104.94</t>
  </si>
  <si>
    <t>49.41</t>
  </si>
  <si>
    <t>10.99</t>
  </si>
  <si>
    <t>3186.0</t>
  </si>
  <si>
    <t>5683256.0</t>
  </si>
  <si>
    <t>551.077</t>
  </si>
  <si>
    <t>11498.0</t>
  </si>
  <si>
    <t>10894072.0</t>
  </si>
  <si>
    <t>5120573.0</t>
  </si>
  <si>
    <t>4617224.0</t>
  </si>
  <si>
    <t>1156275.0</t>
  </si>
  <si>
    <t>24600.0</t>
  </si>
  <si>
    <t>27298.0</t>
  </si>
  <si>
    <t>105.17</t>
  </si>
  <si>
    <t>49.44</t>
  </si>
  <si>
    <t>44.58</t>
  </si>
  <si>
    <t>11.16</t>
  </si>
  <si>
    <t>11832.0</t>
  </si>
  <si>
    <t>10894080.0</t>
  </si>
  <si>
    <t>5120575.0</t>
  </si>
  <si>
    <t>4617228.0</t>
  </si>
  <si>
    <t>1156277.0</t>
  </si>
  <si>
    <t>27277.0</t>
  </si>
  <si>
    <t>3127.0</t>
  </si>
  <si>
    <t>5706189.0</t>
  </si>
  <si>
    <t>553.301</t>
  </si>
  <si>
    <t>12167.0</t>
  </si>
  <si>
    <t>10928879.0</t>
  </si>
  <si>
    <t>5124934.0</t>
  </si>
  <si>
    <t>4622381.0</t>
  </si>
  <si>
    <t>1181564.0</t>
  </si>
  <si>
    <t>34799.0</t>
  </si>
  <si>
    <t>27116.0</t>
  </si>
  <si>
    <t>105.51</t>
  </si>
  <si>
    <t>44.63</t>
  </si>
  <si>
    <t>10601.0</t>
  </si>
  <si>
    <t>10960235.0</t>
  </si>
  <si>
    <t>5128454.0</t>
  </si>
  <si>
    <t>4626667.0</t>
  </si>
  <si>
    <t>1205114.0</t>
  </si>
  <si>
    <t>31356.0</t>
  </si>
  <si>
    <t>26846.0</t>
  </si>
  <si>
    <t>105.81</t>
  </si>
  <si>
    <t>49.51</t>
  </si>
  <si>
    <t>5718629.0</t>
  </si>
  <si>
    <t>554.507</t>
  </si>
  <si>
    <t>10990538.0</t>
  </si>
  <si>
    <t>5131789.0</t>
  </si>
  <si>
    <t>4630793.0</t>
  </si>
  <si>
    <t>1227956.0</t>
  </si>
  <si>
    <t>30303.0</t>
  </si>
  <si>
    <t>26309.0</t>
  </si>
  <si>
    <t>106.11</t>
  </si>
  <si>
    <t>11017859.0</t>
  </si>
  <si>
    <t>5134947.0</t>
  </si>
  <si>
    <t>4634404.0</t>
  </si>
  <si>
    <t>1248508.0</t>
  </si>
  <si>
    <t>27321.0</t>
  </si>
  <si>
    <t>25762.0</t>
  </si>
  <si>
    <t>106.37</t>
  </si>
  <si>
    <t>49.57</t>
  </si>
  <si>
    <t>9426.0</t>
  </si>
  <si>
    <t>11046136.0</t>
  </si>
  <si>
    <t>5138212.0</t>
  </si>
  <si>
    <t>4638622.0</t>
  </si>
  <si>
    <t>1269302.0</t>
  </si>
  <si>
    <t>28277.0</t>
  </si>
  <si>
    <t>25238.0</t>
  </si>
  <si>
    <t>106.64</t>
  </si>
  <si>
    <t>49.61</t>
  </si>
  <si>
    <t>5750604.0</t>
  </si>
  <si>
    <t>557.608</t>
  </si>
  <si>
    <t>0.0867</t>
  </si>
  <si>
    <t>11066874.0</t>
  </si>
  <si>
    <t>5140913.0</t>
  </si>
  <si>
    <t>4641869.0</t>
  </si>
  <si>
    <t>1284092.0</t>
  </si>
  <si>
    <t>20738.0</t>
  </si>
  <si>
    <t>24686.0</t>
  </si>
  <si>
    <t>106.84</t>
  </si>
  <si>
    <t>49.63</t>
  </si>
  <si>
    <t>11066951.0</t>
  </si>
  <si>
    <t>5140918.0</t>
  </si>
  <si>
    <t>4641918.0</t>
  </si>
  <si>
    <t>1284115.0</t>
  </si>
  <si>
    <t>24696.0</t>
  </si>
  <si>
    <t>5767538.0</t>
  </si>
  <si>
    <t>559.25</t>
  </si>
  <si>
    <t>8764.0</t>
  </si>
  <si>
    <t>0.0919</t>
  </si>
  <si>
    <t>11097316.0</t>
  </si>
  <si>
    <t>5144676.0</t>
  </si>
  <si>
    <t>4645903.0</t>
  </si>
  <si>
    <t>1306737.0</t>
  </si>
  <si>
    <t>30365.0</t>
  </si>
  <si>
    <t>24062.0</t>
  </si>
  <si>
    <t>107.14</t>
  </si>
  <si>
    <t>44.85</t>
  </si>
  <si>
    <t>2323.0</t>
  </si>
  <si>
    <t>10087.0</t>
  </si>
  <si>
    <t>11125458.0</t>
  </si>
  <si>
    <t>5147759.0</t>
  </si>
  <si>
    <t>4649537.0</t>
  </si>
  <si>
    <t>1328162.0</t>
  </si>
  <si>
    <t>28142.0</t>
  </si>
  <si>
    <t>23603.0</t>
  </si>
  <si>
    <t>12.82</t>
  </si>
  <si>
    <t>2758.0</t>
  </si>
  <si>
    <t>5798493.0</t>
  </si>
  <si>
    <t>562.251</t>
  </si>
  <si>
    <t>11409.0</t>
  </si>
  <si>
    <t>0.0626</t>
  </si>
  <si>
    <t>11152952.0</t>
  </si>
  <si>
    <t>5150711.0</t>
  </si>
  <si>
    <t>4653005.0</t>
  </si>
  <si>
    <t>1349236.0</t>
  </si>
  <si>
    <t>27494.0</t>
  </si>
  <si>
    <t>23202.0</t>
  </si>
  <si>
    <t>107.67</t>
  </si>
  <si>
    <t>49.73</t>
  </si>
  <si>
    <t>44.92</t>
  </si>
  <si>
    <t>10802.0</t>
  </si>
  <si>
    <t>0.0635</t>
  </si>
  <si>
    <t>11177159.0</t>
  </si>
  <si>
    <t>5153329.0</t>
  </si>
  <si>
    <t>4656209.0</t>
  </si>
  <si>
    <t>1367621.0</t>
  </si>
  <si>
    <t>24207.0</t>
  </si>
  <si>
    <t>107.91</t>
  </si>
  <si>
    <t>2626.0</t>
  </si>
  <si>
    <t>0.0662</t>
  </si>
  <si>
    <t>11203595.0</t>
  </si>
  <si>
    <t>5155907.0</t>
  </si>
  <si>
    <t>4659458.0</t>
  </si>
  <si>
    <t>1388230.0</t>
  </si>
  <si>
    <t>26436.0</t>
  </si>
  <si>
    <t>22494.0</t>
  </si>
  <si>
    <t>5817708.0</t>
  </si>
  <si>
    <t>564.114</t>
  </si>
  <si>
    <t>21032.0</t>
  </si>
  <si>
    <t>2030.0</t>
  </si>
  <si>
    <t>0.0569</t>
  </si>
  <si>
    <t>11224605.0</t>
  </si>
  <si>
    <t>5157956.0</t>
  </si>
  <si>
    <t>4662029.0</t>
  </si>
  <si>
    <t>1404620.0</t>
  </si>
  <si>
    <t>22522.0</t>
  </si>
  <si>
    <t>108.37</t>
  </si>
  <si>
    <t>49.8</t>
  </si>
  <si>
    <t>45.01</t>
  </si>
  <si>
    <t>5842565.0</t>
  </si>
  <si>
    <t>566.525</t>
  </si>
  <si>
    <t>10718.0</t>
  </si>
  <si>
    <t>11255847.0</t>
  </si>
  <si>
    <t>5161039.0</t>
  </si>
  <si>
    <t>4666161.0</t>
  </si>
  <si>
    <t>1428647.0</t>
  </si>
  <si>
    <t>31242.0</t>
  </si>
  <si>
    <t>22647.0</t>
  </si>
  <si>
    <t>108.67</t>
  </si>
  <si>
    <t>49.83</t>
  </si>
  <si>
    <t>13.79</t>
  </si>
  <si>
    <t>0.0518</t>
  </si>
  <si>
    <t>11286004.0</t>
  </si>
  <si>
    <t>5163947.0</t>
  </si>
  <si>
    <t>4669820.0</t>
  </si>
  <si>
    <t>1452237.0</t>
  </si>
  <si>
    <t>30157.0</t>
  </si>
  <si>
    <t>22935.0</t>
  </si>
  <si>
    <t>108.96</t>
  </si>
  <si>
    <t>49.85</t>
  </si>
  <si>
    <t>2313.0</t>
  </si>
  <si>
    <t>5863885.0</t>
  </si>
  <si>
    <t>568.592</t>
  </si>
  <si>
    <t>11318107.0</t>
  </si>
  <si>
    <t>5166741.0</t>
  </si>
  <si>
    <t>4673411.0</t>
  </si>
  <si>
    <t>1477955.0</t>
  </si>
  <si>
    <t>32103.0</t>
  </si>
  <si>
    <t>23594.0</t>
  </si>
  <si>
    <t>109.27</t>
  </si>
  <si>
    <t>45.12</t>
  </si>
  <si>
    <t>11346166.0</t>
  </si>
  <si>
    <t>5169382.0</t>
  </si>
  <si>
    <t>4676520.0</t>
  </si>
  <si>
    <t>1500264.0</t>
  </si>
  <si>
    <t>28059.0</t>
  </si>
  <si>
    <t>24144.0</t>
  </si>
  <si>
    <t>109.54</t>
  </si>
  <si>
    <t>2331.0</t>
  </si>
  <si>
    <t>36796.6</t>
  </si>
  <si>
    <t>3552.45442252897</t>
  </si>
  <si>
    <t>5876764.0</t>
  </si>
  <si>
    <t>569.841</t>
  </si>
  <si>
    <t>9352.0</t>
  </si>
  <si>
    <t>11346243.0</t>
  </si>
  <si>
    <t>5169392.0</t>
  </si>
  <si>
    <t>4676580.0</t>
  </si>
  <si>
    <t>1500271.0</t>
  </si>
  <si>
    <t>5883101.0</t>
  </si>
  <si>
    <t>570.455</t>
  </si>
  <si>
    <t>11346285.0</t>
  </si>
  <si>
    <t>5169401.0</t>
  </si>
  <si>
    <t>4676609.0</t>
  </si>
  <si>
    <t>1500275.0</t>
  </si>
  <si>
    <t>9010.0</t>
  </si>
  <si>
    <t>11346365.0</t>
  </si>
  <si>
    <t>5169419.0</t>
  </si>
  <si>
    <t>4676664.0</t>
  </si>
  <si>
    <t>1500282.0</t>
  </si>
  <si>
    <t>17394.0</t>
  </si>
  <si>
    <t>8678.0</t>
  </si>
  <si>
    <t>11346548.0</t>
  </si>
  <si>
    <t>5169431.0</t>
  </si>
  <si>
    <t>4676760.0</t>
  </si>
  <si>
    <t>1500357.0</t>
  </si>
  <si>
    <t>8599.0</t>
  </si>
  <si>
    <t>0.0511</t>
  </si>
  <si>
    <t>11373965.0</t>
  </si>
  <si>
    <t>5171942.0</t>
  </si>
  <si>
    <t>4680213.0</t>
  </si>
  <si>
    <t>1521810.0</t>
  </si>
  <si>
    <t>12566.0</t>
  </si>
  <si>
    <t>109.81</t>
  </si>
  <si>
    <t>49.93</t>
  </si>
  <si>
    <t>1142.0</t>
  </si>
  <si>
    <t>8520.0</t>
  </si>
  <si>
    <t>11407447.0</t>
  </si>
  <si>
    <t>5175536.0</t>
  </si>
  <si>
    <t>4684670.0</t>
  </si>
  <si>
    <t>1547241.0</t>
  </si>
  <si>
    <t>33482.0</t>
  </si>
  <si>
    <t>12763.0</t>
  </si>
  <si>
    <t>110.13</t>
  </si>
  <si>
    <t>49.97</t>
  </si>
  <si>
    <t>14.94</t>
  </si>
  <si>
    <t>5933628.0</t>
  </si>
  <si>
    <t>575.355</t>
  </si>
  <si>
    <t>11439291.0</t>
  </si>
  <si>
    <t>5178595.0</t>
  </si>
  <si>
    <t>4688646.0</t>
  </si>
  <si>
    <t>1572050.0</t>
  </si>
  <si>
    <t>31844.0</t>
  </si>
  <si>
    <t>13304.0</t>
  </si>
  <si>
    <t>110.44</t>
  </si>
  <si>
    <t>15.18</t>
  </si>
  <si>
    <t>9169.0</t>
  </si>
  <si>
    <t>0.0525</t>
  </si>
  <si>
    <t>11471597.0</t>
  </si>
  <si>
    <t>5181783.0</t>
  </si>
  <si>
    <t>4692515.0</t>
  </si>
  <si>
    <t>1597299.0</t>
  </si>
  <si>
    <t>32306.0</t>
  </si>
  <si>
    <t>17908.0</t>
  </si>
  <si>
    <t>110.75</t>
  </si>
  <si>
    <t>50.03</t>
  </si>
  <si>
    <t>5948270.0</t>
  </si>
  <si>
    <t>576.774</t>
  </si>
  <si>
    <t>9310.0</t>
  </si>
  <si>
    <t>11498372.0</t>
  </si>
  <si>
    <t>5184045.0</t>
  </si>
  <si>
    <t>4695326.0</t>
  </si>
  <si>
    <t>1619001.0</t>
  </si>
  <si>
    <t>26775.0</t>
  </si>
  <si>
    <t>21727.0</t>
  </si>
  <si>
    <t>111.01</t>
  </si>
  <si>
    <t>50.05</t>
  </si>
  <si>
    <t>2098.0</t>
  </si>
  <si>
    <t>8822.0</t>
  </si>
  <si>
    <t>0.0585</t>
  </si>
  <si>
    <t>11498430.0</t>
  </si>
  <si>
    <t>5184066.0</t>
  </si>
  <si>
    <t>4695363.0</t>
  </si>
  <si>
    <t>21724.0</t>
  </si>
  <si>
    <t>11531165.0</t>
  </si>
  <si>
    <t>5187462.0</t>
  </si>
  <si>
    <t>4699487.0</t>
  </si>
  <si>
    <t>1644216.0</t>
  </si>
  <si>
    <t>32735.0</t>
  </si>
  <si>
    <t>26374.0</t>
  </si>
  <si>
    <t>111.33</t>
  </si>
  <si>
    <t>45.37</t>
  </si>
  <si>
    <t>5968349.0</t>
  </si>
  <si>
    <t>578.721</t>
  </si>
  <si>
    <t>7847.0</t>
  </si>
  <si>
    <t>0.0721</t>
  </si>
  <si>
    <t>11562620.0</t>
  </si>
  <si>
    <t>5190347.0</t>
  </si>
  <si>
    <t>4703255.0</t>
  </si>
  <si>
    <t>1669018.0</t>
  </si>
  <si>
    <t>31455.0</t>
  </si>
  <si>
    <t>26951.0</t>
  </si>
  <si>
    <t>111.63</t>
  </si>
  <si>
    <t>45.41</t>
  </si>
  <si>
    <t>7616.0</t>
  </si>
  <si>
    <t>11592507.0</t>
  </si>
  <si>
    <t>5193025.0</t>
  </si>
  <si>
    <t>4706413.0</t>
  </si>
  <si>
    <t>1693069.0</t>
  </si>
  <si>
    <t>29887.0</t>
  </si>
  <si>
    <t>26437.0</t>
  </si>
  <si>
    <t>111.92</t>
  </si>
  <si>
    <t>50.14</t>
  </si>
  <si>
    <t>45.44</t>
  </si>
  <si>
    <t>7384.0</t>
  </si>
  <si>
    <t>0.0805</t>
  </si>
  <si>
    <t>25887.0</t>
  </si>
  <si>
    <t>0.0802</t>
  </si>
  <si>
    <t>11648496.0</t>
  </si>
  <si>
    <t>5198072.0</t>
  </si>
  <si>
    <t>4712091.0</t>
  </si>
  <si>
    <t>1738333.0</t>
  </si>
  <si>
    <t>25271.0</t>
  </si>
  <si>
    <t>112.46</t>
  </si>
  <si>
    <t>45.49</t>
  </si>
  <si>
    <t>0.0832</t>
  </si>
  <si>
    <t>11672083.0</t>
  </si>
  <si>
    <t>5200328.0</t>
  </si>
  <si>
    <t>4714478.0</t>
  </si>
  <si>
    <t>1757277.0</t>
  </si>
  <si>
    <t>23587.0</t>
  </si>
  <si>
    <t>24816.0</t>
  </si>
  <si>
    <t>112.69</t>
  </si>
  <si>
    <t>6010761.0</t>
  </si>
  <si>
    <t>582.834</t>
  </si>
  <si>
    <t>11672089.0</t>
  </si>
  <si>
    <t>5200330.0</t>
  </si>
  <si>
    <t>1757281.0</t>
  </si>
  <si>
    <t>24808.0</t>
  </si>
  <si>
    <t>8673.0</t>
  </si>
  <si>
    <t>0.0787</t>
  </si>
  <si>
    <t>11701685.0</t>
  </si>
  <si>
    <t>5203374.0</t>
  </si>
  <si>
    <t>4717982.0</t>
  </si>
  <si>
    <t>1780329.0</t>
  </si>
  <si>
    <t>29596.0</t>
  </si>
  <si>
    <t>24360.0</t>
  </si>
  <si>
    <t>112.97</t>
  </si>
  <si>
    <t>50.23</t>
  </si>
  <si>
    <t>9375.0</t>
  </si>
  <si>
    <t>11729782.0</t>
  </si>
  <si>
    <t>5206120.0</t>
  </si>
  <si>
    <t>4720935.0</t>
  </si>
  <si>
    <t>1802727.0</t>
  </si>
  <si>
    <t>28097.0</t>
  </si>
  <si>
    <t>113.24</t>
  </si>
  <si>
    <t>50.26</t>
  </si>
  <si>
    <t>45.58</t>
  </si>
  <si>
    <t>6045582.0</t>
  </si>
  <si>
    <t>586.21</t>
  </si>
  <si>
    <t>9822.0</t>
  </si>
  <si>
    <t>11756566.0</t>
  </si>
  <si>
    <t>5208739.0</t>
  </si>
  <si>
    <t>4723586.0</t>
  </si>
  <si>
    <t>1824241.0</t>
  </si>
  <si>
    <t>23437.0</t>
  </si>
  <si>
    <t>113.5</t>
  </si>
  <si>
    <t>45.6</t>
  </si>
  <si>
    <t>9497.0</t>
  </si>
  <si>
    <t>11765037.0</t>
  </si>
  <si>
    <t>5209461.0</t>
  </si>
  <si>
    <t>4724359.0</t>
  </si>
  <si>
    <t>1831217.0</t>
  </si>
  <si>
    <t>20648.0</t>
  </si>
  <si>
    <t>113.58</t>
  </si>
  <si>
    <t>45.61</t>
  </si>
  <si>
    <t>9172.0</t>
  </si>
  <si>
    <t>11791254.0</t>
  </si>
  <si>
    <t>5212082.0</t>
  </si>
  <si>
    <t>4727150.0</t>
  </si>
  <si>
    <t>1852022.0</t>
  </si>
  <si>
    <t>26217.0</t>
  </si>
  <si>
    <t>20394.0</t>
  </si>
  <si>
    <t>113.84</t>
  </si>
  <si>
    <t>8848.0</t>
  </si>
  <si>
    <t>0.1292</t>
  </si>
  <si>
    <t>11813840.0</t>
  </si>
  <si>
    <t>5214124.0</t>
  </si>
  <si>
    <t>4729272.0</t>
  </si>
  <si>
    <t>1870444.0</t>
  </si>
  <si>
    <t>22586.0</t>
  </si>
  <si>
    <t>20251.0</t>
  </si>
  <si>
    <t>114.05</t>
  </si>
  <si>
    <t>50.34</t>
  </si>
  <si>
    <t>45.66</t>
  </si>
  <si>
    <t>6070424.0</t>
  </si>
  <si>
    <t>588.619</t>
  </si>
  <si>
    <t>11813843.0</t>
  </si>
  <si>
    <t>5214125.0</t>
  </si>
  <si>
    <t>4729273.0</t>
  </si>
  <si>
    <t>1870445.0</t>
  </si>
  <si>
    <t>8584.0</t>
  </si>
  <si>
    <t>0.832</t>
  </si>
  <si>
    <t>0.1654</t>
  </si>
  <si>
    <t>11845510.0</t>
  </si>
  <si>
    <t>5217380.0</t>
  </si>
  <si>
    <t>4732155.0</t>
  </si>
  <si>
    <t>1895975.0</t>
  </si>
  <si>
    <t>31667.0</t>
  </si>
  <si>
    <t>20546.0</t>
  </si>
  <si>
    <t>114.36</t>
  </si>
  <si>
    <t>50.37</t>
  </si>
  <si>
    <t>6094493.0</t>
  </si>
  <si>
    <t>590.953</t>
  </si>
  <si>
    <t>11876073.0</t>
  </si>
  <si>
    <t>5220001.0</t>
  </si>
  <si>
    <t>4734704.0</t>
  </si>
  <si>
    <t>1921368.0</t>
  </si>
  <si>
    <t>30563.0</t>
  </si>
  <si>
    <t>20899.0</t>
  </si>
  <si>
    <t>114.66</t>
  </si>
  <si>
    <t>50.4</t>
  </si>
  <si>
    <t>18.55</t>
  </si>
  <si>
    <t>2018.0</t>
  </si>
  <si>
    <t>6119861.0</t>
  </si>
  <si>
    <t>25368.0</t>
  </si>
  <si>
    <t>593.413</t>
  </si>
  <si>
    <t>10611.0</t>
  </si>
  <si>
    <t>0.1906</t>
  </si>
  <si>
    <t>11905588.0</t>
  </si>
  <si>
    <t>5222566.0</t>
  </si>
  <si>
    <t>4736905.0</t>
  </si>
  <si>
    <t>1946117.0</t>
  </si>
  <si>
    <t>29515.0</t>
  </si>
  <si>
    <t>21289.0</t>
  </si>
  <si>
    <t>114.94</t>
  </si>
  <si>
    <t>50.42</t>
  </si>
  <si>
    <t>45.73</t>
  </si>
  <si>
    <t>11119.0</t>
  </si>
  <si>
    <t>11936475.0</t>
  </si>
  <si>
    <t>5225069.0</t>
  </si>
  <si>
    <t>4738970.0</t>
  </si>
  <si>
    <t>1972436.0</t>
  </si>
  <si>
    <t>30887.0</t>
  </si>
  <si>
    <t>24491.0</t>
  </si>
  <si>
    <t>11971021.0</t>
  </si>
  <si>
    <t>5228014.0</t>
  </si>
  <si>
    <t>4740859.0</t>
  </si>
  <si>
    <t>2002148.0</t>
  </si>
  <si>
    <t>34546.0</t>
  </si>
  <si>
    <t>25681.0</t>
  </si>
  <si>
    <t>115.57</t>
  </si>
  <si>
    <t>6149156.0</t>
  </si>
  <si>
    <t>596.253</t>
  </si>
  <si>
    <t>12135.0</t>
  </si>
  <si>
    <t>0.2655</t>
  </si>
  <si>
    <t>12000749.0</t>
  </si>
  <si>
    <t>5230388.0</t>
  </si>
  <si>
    <t>4742169.0</t>
  </si>
  <si>
    <t>2028192.0</t>
  </si>
  <si>
    <t>29728.0</t>
  </si>
  <si>
    <t>26701.0</t>
  </si>
  <si>
    <t>115.86</t>
  </si>
  <si>
    <t>6156388.0</t>
  </si>
  <si>
    <t>7232.0</t>
  </si>
  <si>
    <t>596.955</t>
  </si>
  <si>
    <t>12281.0</t>
  </si>
  <si>
    <t>12000767.0</t>
  </si>
  <si>
    <t>4742174.0</t>
  </si>
  <si>
    <t>2028205.0</t>
  </si>
  <si>
    <t>26703.0</t>
  </si>
  <si>
    <t>37285.9</t>
  </si>
  <si>
    <t>3599.69291600237</t>
  </si>
  <si>
    <t>6172333.0</t>
  </si>
  <si>
    <t>598.501</t>
  </si>
  <si>
    <t>1.546</t>
  </si>
  <si>
    <t>12839.0</t>
  </si>
  <si>
    <t>0.2975</t>
  </si>
  <si>
    <t>12039129.0</t>
  </si>
  <si>
    <t>5233696.0</t>
  </si>
  <si>
    <t>4743594.0</t>
  </si>
  <si>
    <t>2061839.0</t>
  </si>
  <si>
    <t>27660.0</t>
  </si>
  <si>
    <t>116.23</t>
  </si>
  <si>
    <t>50.53</t>
  </si>
  <si>
    <t>19.91</t>
  </si>
  <si>
    <t>6191130.0</t>
  </si>
  <si>
    <t>18797.0</t>
  </si>
  <si>
    <t>600.323</t>
  </si>
  <si>
    <t>1.823</t>
  </si>
  <si>
    <t>13805.0</t>
  </si>
  <si>
    <t>0.3122</t>
  </si>
  <si>
    <t>12075995.0</t>
  </si>
  <si>
    <t>5236758.0</t>
  </si>
  <si>
    <t>4745006.0</t>
  </si>
  <si>
    <t>2094231.0</t>
  </si>
  <si>
    <t>36866.0</t>
  </si>
  <si>
    <t>28560.0</t>
  </si>
  <si>
    <t>116.59</t>
  </si>
  <si>
    <t>50.56</t>
  </si>
  <si>
    <t>20.22</t>
  </si>
  <si>
    <t>6208402.0</t>
  </si>
  <si>
    <t>17272.0</t>
  </si>
  <si>
    <t>601.998</t>
  </si>
  <si>
    <t>0.3718</t>
  </si>
  <si>
    <t>12114431.0</t>
  </si>
  <si>
    <t>5239838.0</t>
  </si>
  <si>
    <t>4746927.0</t>
  </si>
  <si>
    <t>2127666.0</t>
  </si>
  <si>
    <t>29835.0</t>
  </si>
  <si>
    <t>116.96</t>
  </si>
  <si>
    <t>50.59</t>
  </si>
  <si>
    <t>6227883.0</t>
  </si>
  <si>
    <t>19481.0</t>
  </si>
  <si>
    <t>603.887</t>
  </si>
  <si>
    <t>0.3705</t>
  </si>
  <si>
    <t>12149831.0</t>
  </si>
  <si>
    <t>5242827.0</t>
  </si>
  <si>
    <t>4748738.0</t>
  </si>
  <si>
    <t>2158266.0</t>
  </si>
  <si>
    <t>35400.0</t>
  </si>
  <si>
    <t>30479.0</t>
  </si>
  <si>
    <t>50.62</t>
  </si>
  <si>
    <t>16286.0</t>
  </si>
  <si>
    <t>12186279.0</t>
  </si>
  <si>
    <t>5245925.0</t>
  </si>
  <si>
    <t>4750763.0</t>
  </si>
  <si>
    <t>2189591.0</t>
  </si>
  <si>
    <t>36448.0</t>
  </si>
  <si>
    <t>30751.0</t>
  </si>
  <si>
    <t>45.87</t>
  </si>
  <si>
    <t>21.14</t>
  </si>
  <si>
    <t>6278899.0</t>
  </si>
  <si>
    <t>608.834</t>
  </si>
  <si>
    <t>18535.0</t>
  </si>
  <si>
    <t>0.3266</t>
  </si>
  <si>
    <t>2782.0</t>
  </si>
  <si>
    <t>19526.0</t>
  </si>
  <si>
    <t>1.893</t>
  </si>
  <si>
    <t>0.3282</t>
  </si>
  <si>
    <t>12218614.0</t>
  </si>
  <si>
    <t>5248383.0</t>
  </si>
  <si>
    <t>4752395.0</t>
  </si>
  <si>
    <t>2217836.0</t>
  </si>
  <si>
    <t>117.96</t>
  </si>
  <si>
    <t>45.88</t>
  </si>
  <si>
    <t>19273.0</t>
  </si>
  <si>
    <t>12261740.0</t>
  </si>
  <si>
    <t>5252035.0</t>
  </si>
  <si>
    <t>4754599.0</t>
  </si>
  <si>
    <t>2255106.0</t>
  </si>
  <si>
    <t>43126.0</t>
  </si>
  <si>
    <t>31802.0</t>
  </si>
  <si>
    <t>118.38</t>
  </si>
  <si>
    <t>45.9</t>
  </si>
  <si>
    <t>0.3671</t>
  </si>
  <si>
    <t>12306245.0</t>
  </si>
  <si>
    <t>5255473.0</t>
  </si>
  <si>
    <t>4756764.0</t>
  </si>
  <si>
    <t>2294008.0</t>
  </si>
  <si>
    <t>44505.0</t>
  </si>
  <si>
    <t>32893.0</t>
  </si>
  <si>
    <t>118.81</t>
  </si>
  <si>
    <t>45.92</t>
  </si>
  <si>
    <t>6335593.0</t>
  </si>
  <si>
    <t>614.331</t>
  </si>
  <si>
    <t>18170.0</t>
  </si>
  <si>
    <t>12349272.0</t>
  </si>
  <si>
    <t>5258618.0</t>
  </si>
  <si>
    <t>4758803.0</t>
  </si>
  <si>
    <t>2331851.0</t>
  </si>
  <si>
    <t>43027.0</t>
  </si>
  <si>
    <t>119.22</t>
  </si>
  <si>
    <t>50.77</t>
  </si>
  <si>
    <t>18382.0</t>
  </si>
  <si>
    <t>0.3801</t>
  </si>
  <si>
    <t>12390636.0</t>
  </si>
  <si>
    <t>5261495.0</t>
  </si>
  <si>
    <t>4760705.0</t>
  </si>
  <si>
    <t>2368436.0</t>
  </si>
  <si>
    <t>41364.0</t>
  </si>
  <si>
    <t>34401.0</t>
  </si>
  <si>
    <t>45.96</t>
  </si>
  <si>
    <t>22.87</t>
  </si>
  <si>
    <t>17732.0</t>
  </si>
  <si>
    <t>12434328.0</t>
  </si>
  <si>
    <t>5264564.0</t>
  </si>
  <si>
    <t>4762493.0</t>
  </si>
  <si>
    <t>2407271.0</t>
  </si>
  <si>
    <t>43692.0</t>
  </si>
  <si>
    <t>120.04</t>
  </si>
  <si>
    <t>6398476.0</t>
  </si>
  <si>
    <t>620.429</t>
  </si>
  <si>
    <t>17082.0</t>
  </si>
  <si>
    <t>12478257.0</t>
  </si>
  <si>
    <t>5267458.0</t>
  </si>
  <si>
    <t>4764254.0</t>
  </si>
  <si>
    <t>2446545.0</t>
  </si>
  <si>
    <t>39402.0</t>
  </si>
  <si>
    <t>50.85</t>
  </si>
  <si>
    <t>23.62</t>
  </si>
  <si>
    <t>3804.0</t>
  </si>
  <si>
    <t>6414158.0</t>
  </si>
  <si>
    <t>15682.0</t>
  </si>
  <si>
    <t>621.949</t>
  </si>
  <si>
    <t>17298.0</t>
  </si>
  <si>
    <t>1.677</t>
  </si>
  <si>
    <t>0.3682</t>
  </si>
  <si>
    <t>12478529.0</t>
  </si>
  <si>
    <t>5267544.0</t>
  </si>
  <si>
    <t>4764378.0</t>
  </si>
  <si>
    <t>2446607.0</t>
  </si>
  <si>
    <t>37131.0</t>
  </si>
  <si>
    <t>16893.0</t>
  </si>
  <si>
    <t>1.638</t>
  </si>
  <si>
    <t>0.3572</t>
  </si>
  <si>
    <t>12549963.0</t>
  </si>
  <si>
    <t>5270596.0</t>
  </si>
  <si>
    <t>4766430.0</t>
  </si>
  <si>
    <t>2512937.0</t>
  </si>
  <si>
    <t>41175.0</t>
  </si>
  <si>
    <t>121.16</t>
  </si>
  <si>
    <t>50.88</t>
  </si>
  <si>
    <t>16488.0</t>
  </si>
  <si>
    <t>0.3605</t>
  </si>
  <si>
    <t>12627370.0</t>
  </si>
  <si>
    <t>5273971.0</t>
  </si>
  <si>
    <t>4768299.0</t>
  </si>
  <si>
    <t>2585100.0</t>
  </si>
  <si>
    <t>77407.0</t>
  </si>
  <si>
    <t>45875.0</t>
  </si>
  <si>
    <t>121.91</t>
  </si>
  <si>
    <t>50.92</t>
  </si>
  <si>
    <t>46.03</t>
  </si>
  <si>
    <t>16083.0</t>
  </si>
  <si>
    <t>12720225.0</t>
  </si>
  <si>
    <t>5280393.0</t>
  </si>
  <si>
    <t>4772019.0</t>
  </si>
  <si>
    <t>92855.0</t>
  </si>
  <si>
    <t>52993.0</t>
  </si>
  <si>
    <t>122.8</t>
  </si>
  <si>
    <t>50.98</t>
  </si>
  <si>
    <t>46.07</t>
  </si>
  <si>
    <t>6459513.0</t>
  </si>
  <si>
    <t>626.347</t>
  </si>
  <si>
    <t>14708.0</t>
  </si>
  <si>
    <t>0.3462</t>
  </si>
  <si>
    <t>50778.0</t>
  </si>
  <si>
    <t>4902.0</t>
  </si>
  <si>
    <t>13215.0</t>
  </si>
  <si>
    <t>0.3609</t>
  </si>
  <si>
    <t>4656.0</t>
  </si>
  <si>
    <t>11722.0</t>
  </si>
  <si>
    <t>0.3562</t>
  </si>
  <si>
    <t>45647.0</t>
  </si>
  <si>
    <t>4407.0</t>
  </si>
  <si>
    <t>629.404</t>
  </si>
  <si>
    <t>10983.0</t>
  </si>
  <si>
    <t>0.3579</t>
  </si>
  <si>
    <t>49302.0</t>
  </si>
  <si>
    <t>4760.0</t>
  </si>
  <si>
    <t>6501358.0</t>
  </si>
  <si>
    <t>630.405</t>
  </si>
  <si>
    <t>0.3322</t>
  </si>
  <si>
    <t>42791.0</t>
  </si>
  <si>
    <t>4131.0</t>
  </si>
  <si>
    <t>6511864.0</t>
  </si>
  <si>
    <t>10506.0</t>
  </si>
  <si>
    <t>631.423</t>
  </si>
  <si>
    <t>35426.0</t>
  </si>
  <si>
    <t>3420.0</t>
  </si>
  <si>
    <t>6531133.0</t>
  </si>
  <si>
    <t>19269.0</t>
  </si>
  <si>
    <t>633.292</t>
  </si>
  <si>
    <t>1.868</t>
  </si>
  <si>
    <t>11851.0</t>
  </si>
  <si>
    <t>25854.0</t>
  </si>
  <si>
    <t>11097.0</t>
  </si>
  <si>
    <t>6543255.0</t>
  </si>
  <si>
    <t>634.467</t>
  </si>
  <si>
    <t>1.014</t>
  </si>
  <si>
    <t>6551104.0</t>
  </si>
  <si>
    <t>635.228</t>
  </si>
  <si>
    <t>6554964.0</t>
  </si>
  <si>
    <t>635.603</t>
  </si>
  <si>
    <t>9132.0</t>
  </si>
  <si>
    <t>0.1602</t>
  </si>
  <si>
    <t>38784.2</t>
  </si>
  <si>
    <t>3744.34330384459</t>
  </si>
  <si>
    <t>6563829.0</t>
  </si>
  <si>
    <t>8865.0</t>
  </si>
  <si>
    <t>636.462</t>
  </si>
  <si>
    <t>8924.0</t>
  </si>
  <si>
    <t>6572316.0</t>
  </si>
  <si>
    <t>637.285</t>
  </si>
  <si>
    <t>0.1255</t>
  </si>
  <si>
    <t>7192.0</t>
  </si>
  <si>
    <t>0.1271</t>
  </si>
  <si>
    <t>0.1081</t>
  </si>
  <si>
    <t>6599806.0</t>
  </si>
  <si>
    <t>639.951</t>
  </si>
  <si>
    <t>6603318.0</t>
  </si>
  <si>
    <t>640.291</t>
  </si>
  <si>
    <t>7459.0</t>
  </si>
  <si>
    <t>13159751.0</t>
  </si>
  <si>
    <t>5308772.0</t>
  </si>
  <si>
    <t>4795324.0</t>
  </si>
  <si>
    <t>2842065.0</t>
  </si>
  <si>
    <t>127.05</t>
  </si>
  <si>
    <t>13159756.0</t>
  </si>
  <si>
    <t>2842070.0</t>
  </si>
  <si>
    <t>22162.0</t>
  </si>
  <si>
    <t>2140.0</t>
  </si>
  <si>
    <t>1431.0</t>
  </si>
  <si>
    <t>6607460.0</t>
  </si>
  <si>
    <t>640.693</t>
  </si>
  <si>
    <t>6233.0</t>
  </si>
  <si>
    <t>13176571.0</t>
  </si>
  <si>
    <t>5309703.0</t>
  </si>
  <si>
    <t>4796474.0</t>
  </si>
  <si>
    <t>2855788.0</t>
  </si>
  <si>
    <t>16815.0</t>
  </si>
  <si>
    <t>20870.0</t>
  </si>
  <si>
    <t>127.21</t>
  </si>
  <si>
    <t>51.26</t>
  </si>
  <si>
    <t>46.31</t>
  </si>
  <si>
    <t>27.57</t>
  </si>
  <si>
    <t>6125.0</t>
  </si>
  <si>
    <t>0.0587</t>
  </si>
  <si>
    <t>13176634.0</t>
  </si>
  <si>
    <t>4796500.0</t>
  </si>
  <si>
    <t>2855817.0</t>
  </si>
  <si>
    <t>17186.0</t>
  </si>
  <si>
    <t>6622919.0</t>
  </si>
  <si>
    <t>642.192</t>
  </si>
  <si>
    <t>5920.0</t>
  </si>
  <si>
    <t>13202557.0</t>
  </si>
  <si>
    <t>5311055.0</t>
  </si>
  <si>
    <t>4798936.0</t>
  </si>
  <si>
    <t>2876702.0</t>
  </si>
  <si>
    <t>25923.0</t>
  </si>
  <si>
    <t>17196.0</t>
  </si>
  <si>
    <t>127.46</t>
  </si>
  <si>
    <t>51.27</t>
  </si>
  <si>
    <t>46.33</t>
  </si>
  <si>
    <t>13224872.0</t>
  </si>
  <si>
    <t>5312204.0</t>
  </si>
  <si>
    <t>4800732.0</t>
  </si>
  <si>
    <t>2894880.0</t>
  </si>
  <si>
    <t>22315.0</t>
  </si>
  <si>
    <t>16690.0</t>
  </si>
  <si>
    <t>127.68</t>
  </si>
  <si>
    <t>51.29</t>
  </si>
  <si>
    <t>6628447.0</t>
  </si>
  <si>
    <t>642.728</t>
  </si>
  <si>
    <t>0.0565</t>
  </si>
  <si>
    <t>13246942.0</t>
  </si>
  <si>
    <t>5313384.0</t>
  </si>
  <si>
    <t>4802388.0</t>
  </si>
  <si>
    <t>2913043.0</t>
  </si>
  <si>
    <t>16149.0</t>
  </si>
  <si>
    <t>127.89</t>
  </si>
  <si>
    <t>6635319.0</t>
  </si>
  <si>
    <t>643.394</t>
  </si>
  <si>
    <t>13263746.0</t>
  </si>
  <si>
    <t>5314246.0</t>
  </si>
  <si>
    <t>4803742.0</t>
  </si>
  <si>
    <t>2926667.0</t>
  </si>
  <si>
    <t>16804.0</t>
  </si>
  <si>
    <t>128.05</t>
  </si>
  <si>
    <t>51.31</t>
  </si>
  <si>
    <t>13263773.0</t>
  </si>
  <si>
    <t>5314247.0</t>
  </si>
  <si>
    <t>4803747.0</t>
  </si>
  <si>
    <t>2926687.0</t>
  </si>
  <si>
    <t>14860.0</t>
  </si>
  <si>
    <t>5336.0</t>
  </si>
  <si>
    <t>13286364.0</t>
  </si>
  <si>
    <t>5315399.0</t>
  </si>
  <si>
    <t>4805594.0</t>
  </si>
  <si>
    <t>2945147.0</t>
  </si>
  <si>
    <t>22591.0</t>
  </si>
  <si>
    <t>15685.0</t>
  </si>
  <si>
    <t>128.27</t>
  </si>
  <si>
    <t>51.32</t>
  </si>
  <si>
    <t>28.43</t>
  </si>
  <si>
    <t>13303938.0</t>
  </si>
  <si>
    <t>5316267.0</t>
  </si>
  <si>
    <t>4807323.0</t>
  </si>
  <si>
    <t>2959219.0</t>
  </si>
  <si>
    <t>17574.0</t>
  </si>
  <si>
    <t>18186.0</t>
  </si>
  <si>
    <t>128.44</t>
  </si>
  <si>
    <t>28.57</t>
  </si>
  <si>
    <t>0.0294</t>
  </si>
  <si>
    <t>13320490.0</t>
  </si>
  <si>
    <t>5317085.0</t>
  </si>
  <si>
    <t>4809138.0</t>
  </si>
  <si>
    <t>2972338.0</t>
  </si>
  <si>
    <t>16848.0</t>
  </si>
  <si>
    <t>46.43</t>
  </si>
  <si>
    <t>13338542.0</t>
  </si>
  <si>
    <t>5317920.0</t>
  </si>
  <si>
    <t>4811119.0</t>
  </si>
  <si>
    <t>2986755.0</t>
  </si>
  <si>
    <t>18052.0</t>
  </si>
  <si>
    <t>128.77</t>
  </si>
  <si>
    <t>51.34</t>
  </si>
  <si>
    <t>0.0235</t>
  </si>
  <si>
    <t>42.6</t>
  </si>
  <si>
    <t>13355516.0</t>
  </si>
  <si>
    <t>5318721.0</t>
  </si>
  <si>
    <t>4812983.0</t>
  </si>
  <si>
    <t>3000253.0</t>
  </si>
  <si>
    <t>16974.0</t>
  </si>
  <si>
    <t>15511.0</t>
  </si>
  <si>
    <t>128.94</t>
  </si>
  <si>
    <t>51.35</t>
  </si>
  <si>
    <t>46.47</t>
  </si>
  <si>
    <t>6668546.0</t>
  </si>
  <si>
    <t>646.616</t>
  </si>
  <si>
    <t>0.0215</t>
  </si>
  <si>
    <t>13368482.0</t>
  </si>
  <si>
    <t>5319389.0</t>
  </si>
  <si>
    <t>4814484.0</t>
  </si>
  <si>
    <t>3010292.0</t>
  </si>
  <si>
    <t>12966.0</t>
  </si>
  <si>
    <t>14962.0</t>
  </si>
  <si>
    <t>129.06</t>
  </si>
  <si>
    <t>13368489.0</t>
  </si>
  <si>
    <t>3010297.0</t>
  </si>
  <si>
    <t>14959.0</t>
  </si>
  <si>
    <t>3979.0</t>
  </si>
  <si>
    <t>13368581.0</t>
  </si>
  <si>
    <t>5319393.0</t>
  </si>
  <si>
    <t>4814504.0</t>
  </si>
  <si>
    <t>3010364.0</t>
  </si>
  <si>
    <t>11745.0</t>
  </si>
  <si>
    <t>51.36</t>
  </si>
  <si>
    <t>13375580.0</t>
  </si>
  <si>
    <t>5319726.0</t>
  </si>
  <si>
    <t>4815285.0</t>
  </si>
  <si>
    <t>3015906.0</t>
  </si>
  <si>
    <t>10235.0</t>
  </si>
  <si>
    <t>129.13</t>
  </si>
  <si>
    <t>46.49</t>
  </si>
  <si>
    <t>6676788.0</t>
  </si>
  <si>
    <t>647.415</t>
  </si>
  <si>
    <t>0.0234</t>
  </si>
  <si>
    <t>13382494.0</t>
  </si>
  <si>
    <t>5320073.0</t>
  </si>
  <si>
    <t>4816072.0</t>
  </si>
  <si>
    <t>3021324.0</t>
  </si>
  <si>
    <t>8858.0</t>
  </si>
  <si>
    <t>13388971.0</t>
  </si>
  <si>
    <t>5320442.0</t>
  </si>
  <si>
    <t>4816763.0</t>
  </si>
  <si>
    <t>3026385.0</t>
  </si>
  <si>
    <t>6477.0</t>
  </si>
  <si>
    <t>129.26</t>
  </si>
  <si>
    <t>13395825.0</t>
  </si>
  <si>
    <t>5320787.0</t>
  </si>
  <si>
    <t>4817513.0</t>
  </si>
  <si>
    <t>3031776.0</t>
  </si>
  <si>
    <t>46.51</t>
  </si>
  <si>
    <t>29.27</t>
  </si>
  <si>
    <t>0.0164</t>
  </si>
  <si>
    <t>13405920.0</t>
  </si>
  <si>
    <t>5321389.0</t>
  </si>
  <si>
    <t>4818792.0</t>
  </si>
  <si>
    <t>3039383.0</t>
  </si>
  <si>
    <t>10095.0</t>
  </si>
  <si>
    <t>129.42</t>
  </si>
  <si>
    <t>29.34</t>
  </si>
  <si>
    <t>6687581.0</t>
  </si>
  <si>
    <t>648.462</t>
  </si>
  <si>
    <t>13406075.0</t>
  </si>
  <si>
    <t>5321396.0</t>
  </si>
  <si>
    <t>4818801.0</t>
  </si>
  <si>
    <t>3039521.0</t>
  </si>
  <si>
    <t>129.43</t>
  </si>
  <si>
    <t>13425032.0</t>
  </si>
  <si>
    <t>5322427.0</t>
  </si>
  <si>
    <t>4821276.0</t>
  </si>
  <si>
    <t>3054089.0</t>
  </si>
  <si>
    <t>18957.0</t>
  </si>
  <si>
    <t>8064.0</t>
  </si>
  <si>
    <t>129.61</t>
  </si>
  <si>
    <t>13441710.0</t>
  </si>
  <si>
    <t>5323392.0</t>
  </si>
  <si>
    <t>4823150.0</t>
  </si>
  <si>
    <t>3067193.0</t>
  </si>
  <si>
    <t>16678.0</t>
  </si>
  <si>
    <t>129.77</t>
  </si>
  <si>
    <t>51.39</t>
  </si>
  <si>
    <t>46.56</t>
  </si>
  <si>
    <t>29.61</t>
  </si>
  <si>
    <t>6706012.0</t>
  </si>
  <si>
    <t>650.249</t>
  </si>
  <si>
    <t>13456322.0</t>
  </si>
  <si>
    <t>5324386.0</t>
  </si>
  <si>
    <t>4824633.0</t>
  </si>
  <si>
    <t>3078608.0</t>
  </si>
  <si>
    <t>129.91</t>
  </si>
  <si>
    <t>51.4</t>
  </si>
  <si>
    <t>40175.1</t>
  </si>
  <si>
    <t>29.13</t>
  </si>
  <si>
    <t>3878.62497270247</t>
  </si>
  <si>
    <t>0.0108</t>
  </si>
  <si>
    <t>92.3</t>
  </si>
  <si>
    <t>11300.0</t>
  </si>
  <si>
    <t>12000.0</t>
  </si>
  <si>
    <t>6716463.0</t>
  </si>
  <si>
    <t>651.262</t>
  </si>
  <si>
    <t>101.5</t>
  </si>
  <si>
    <t>13491577.0</t>
  </si>
  <si>
    <t>5327175.0</t>
  </si>
  <si>
    <t>4827901.0</t>
  </si>
  <si>
    <t>3106035.0</t>
  </si>
  <si>
    <t>12237.0</t>
  </si>
  <si>
    <t>130.25</t>
  </si>
  <si>
    <t>46.61</t>
  </si>
  <si>
    <t>111.5</t>
  </si>
  <si>
    <t>13491580.0</t>
  </si>
  <si>
    <t>4827903.0</t>
  </si>
  <si>
    <t>3106036.0</t>
  </si>
  <si>
    <t>12215.0</t>
  </si>
  <si>
    <t>4585.0</t>
  </si>
  <si>
    <t>13503634.0</t>
  </si>
  <si>
    <t>5328019.0</t>
  </si>
  <si>
    <t>4829162.0</t>
  </si>
  <si>
    <t>3115333.0</t>
  </si>
  <si>
    <t>12054.0</t>
  </si>
  <si>
    <t>11229.0</t>
  </si>
  <si>
    <t>130.37</t>
  </si>
  <si>
    <t>51.44</t>
  </si>
  <si>
    <t>46.62</t>
  </si>
  <si>
    <t>30.08</t>
  </si>
  <si>
    <t>4376.0</t>
  </si>
  <si>
    <t>115.6</t>
  </si>
  <si>
    <t>13513935.0</t>
  </si>
  <si>
    <t>5328620.0</t>
  </si>
  <si>
    <t>4829985.0</t>
  </si>
  <si>
    <t>3123615.0</t>
  </si>
  <si>
    <t>10301.0</t>
  </si>
  <si>
    <t>130.47</t>
  </si>
  <si>
    <t>6735182.0</t>
  </si>
  <si>
    <t>653.077</t>
  </si>
  <si>
    <t>13523432.0</t>
  </si>
  <si>
    <t>5329250.0</t>
  </si>
  <si>
    <t>4830745.0</t>
  </si>
  <si>
    <t>3131203.0</t>
  </si>
  <si>
    <t>130.56</t>
  </si>
  <si>
    <t>30.23</t>
  </si>
  <si>
    <t>140.3</t>
  </si>
  <si>
    <t>13532020.0</t>
  </si>
  <si>
    <t>5329879.0</t>
  </si>
  <si>
    <t>4831462.0</t>
  </si>
  <si>
    <t>3137947.0</t>
  </si>
  <si>
    <t>130.64</t>
  </si>
  <si>
    <t>51.46</t>
  </si>
  <si>
    <t>13540995.0</t>
  </si>
  <si>
    <t>5330431.0</t>
  </si>
  <si>
    <t>4832203.0</t>
  </si>
  <si>
    <t>3145148.0</t>
  </si>
  <si>
    <t>8739.0</t>
  </si>
  <si>
    <t>130.73</t>
  </si>
  <si>
    <t>6746085.0</t>
  </si>
  <si>
    <t>654.135</t>
  </si>
  <si>
    <t>168.3</t>
  </si>
  <si>
    <t>13549307.0</t>
  </si>
  <si>
    <t>5330997.0</t>
  </si>
  <si>
    <t>4832867.0</t>
  </si>
  <si>
    <t>3151707.0</t>
  </si>
  <si>
    <t>8312.0</t>
  </si>
  <si>
    <t>130.81</t>
  </si>
  <si>
    <t>46.66</t>
  </si>
  <si>
    <t>30.43</t>
  </si>
  <si>
    <t>151.7</t>
  </si>
  <si>
    <t>13549308.0</t>
  </si>
  <si>
    <t>3151708.0</t>
  </si>
  <si>
    <t>144.2</t>
  </si>
  <si>
    <t>13558968.0</t>
  </si>
  <si>
    <t>5331706.0</t>
  </si>
  <si>
    <t>4833723.0</t>
  </si>
  <si>
    <t>3159255.0</t>
  </si>
  <si>
    <t>7905.0</t>
  </si>
  <si>
    <t>13567201.0</t>
  </si>
  <si>
    <t>5332288.0</t>
  </si>
  <si>
    <t>4834400.0</t>
  </si>
  <si>
    <t>3165753.0</t>
  </si>
  <si>
    <t>130.98</t>
  </si>
  <si>
    <t>51.48</t>
  </si>
  <si>
    <t>30.56</t>
  </si>
  <si>
    <t>6759211.0</t>
  </si>
  <si>
    <t>655.407</t>
  </si>
  <si>
    <t>13574804.0</t>
  </si>
  <si>
    <t>5332840.0</t>
  </si>
  <si>
    <t>4834938.0</t>
  </si>
  <si>
    <t>3171771.0</t>
  </si>
  <si>
    <t>7603.0</t>
  </si>
  <si>
    <t>131.06</t>
  </si>
  <si>
    <t>7085.0</t>
  </si>
  <si>
    <t>189.4</t>
  </si>
  <si>
    <t>6776.0</t>
  </si>
  <si>
    <t>6771851.0</t>
  </si>
  <si>
    <t>656.633</t>
  </si>
  <si>
    <t>13595242.0</t>
  </si>
  <si>
    <t>5334494.0</t>
  </si>
  <si>
    <t>4836495.0</t>
  </si>
  <si>
    <t>3187702.0</t>
  </si>
  <si>
    <t>131.25</t>
  </si>
  <si>
    <t>46.69</t>
  </si>
  <si>
    <t>3815.0</t>
  </si>
  <si>
    <t>238.4</t>
  </si>
  <si>
    <t>7070.0</t>
  </si>
  <si>
    <t>13602359.0</t>
  </si>
  <si>
    <t>5335121.0</t>
  </si>
  <si>
    <t>4837020.0</t>
  </si>
  <si>
    <t>3193254.0</t>
  </si>
  <si>
    <t>131.32</t>
  </si>
  <si>
    <t>51.51</t>
  </si>
  <si>
    <t>267.1</t>
  </si>
  <si>
    <t>13608691.0</t>
  </si>
  <si>
    <t>5335621.0</t>
  </si>
  <si>
    <t>4837419.0</t>
  </si>
  <si>
    <t>3198302.0</t>
  </si>
  <si>
    <t>6332.0</t>
  </si>
  <si>
    <t>5927.0</t>
  </si>
  <si>
    <t>131.38</t>
  </si>
  <si>
    <t>6788729.0</t>
  </si>
  <si>
    <t>658.27</t>
  </si>
  <si>
    <t>236.2</t>
  </si>
  <si>
    <t>13614545.0</t>
  </si>
  <si>
    <t>5336229.0</t>
  </si>
  <si>
    <t>4837732.0</t>
  </si>
  <si>
    <t>3202881.0</t>
  </si>
  <si>
    <t>5677.0</t>
  </si>
  <si>
    <t>131.44</t>
  </si>
  <si>
    <t>51.52</t>
  </si>
  <si>
    <t>30.92</t>
  </si>
  <si>
    <t>199.8</t>
  </si>
  <si>
    <t>198.8</t>
  </si>
  <si>
    <t>13623719.0</t>
  </si>
  <si>
    <t>5337184.0</t>
  </si>
  <si>
    <t>4838229.0</t>
  </si>
  <si>
    <t>3210006.0</t>
  </si>
  <si>
    <t>5041.0</t>
  </si>
  <si>
    <t>131.53</t>
  </si>
  <si>
    <t>46.71</t>
  </si>
  <si>
    <t>6794952.0</t>
  </si>
  <si>
    <t>658.873</t>
  </si>
  <si>
    <t>13627588.0</t>
  </si>
  <si>
    <t>5337603.0</t>
  </si>
  <si>
    <t>4838456.0</t>
  </si>
  <si>
    <t>3212960.0</t>
  </si>
  <si>
    <t>3869.0</t>
  </si>
  <si>
    <t>131.56</t>
  </si>
  <si>
    <t>168.5</t>
  </si>
  <si>
    <t>189.7</t>
  </si>
  <si>
    <t>183.9</t>
  </si>
  <si>
    <t>4248.0</t>
  </si>
  <si>
    <t>159.8</t>
  </si>
  <si>
    <t>13645649.0</t>
  </si>
  <si>
    <t>5339638.0</t>
  </si>
  <si>
    <t>4839802.0</t>
  </si>
  <si>
    <t>3226442.0</t>
  </si>
  <si>
    <t>131.74</t>
  </si>
  <si>
    <t>191.6</t>
  </si>
  <si>
    <t>13649741.0</t>
  </si>
  <si>
    <t>5340053.0</t>
  </si>
  <si>
    <t>4840220.0</t>
  </si>
  <si>
    <t>3229389.0</t>
  </si>
  <si>
    <t>3717.0</t>
  </si>
  <si>
    <t>131.78</t>
  </si>
  <si>
    <t>31.18</t>
  </si>
  <si>
    <t>39833.4</t>
  </si>
  <si>
    <t>29.19</t>
  </si>
  <si>
    <t>-6.37</t>
  </si>
  <si>
    <t>3845.636227107</t>
  </si>
  <si>
    <t>6817342.0</t>
  </si>
  <si>
    <t>661.044</t>
  </si>
  <si>
    <t>209.3</t>
  </si>
  <si>
    <t>13653670.0</t>
  </si>
  <si>
    <t>5340336.0</t>
  </si>
  <si>
    <t>4840600.0</t>
  </si>
  <si>
    <t>3232352.0</t>
  </si>
  <si>
    <t>131.82</t>
  </si>
  <si>
    <t>207.2</t>
  </si>
  <si>
    <t>13653700.0</t>
  </si>
  <si>
    <t>4840610.0</t>
  </si>
  <si>
    <t>3232372.0</t>
  </si>
  <si>
    <t>6826926.0</t>
  </si>
  <si>
    <t>661.973</t>
  </si>
  <si>
    <t>251.5</t>
  </si>
  <si>
    <t>13653722.0</t>
  </si>
  <si>
    <t>5340341.0</t>
  </si>
  <si>
    <t>4840612.0</t>
  </si>
  <si>
    <t>3232387.0</t>
  </si>
  <si>
    <t>13658768.0</t>
  </si>
  <si>
    <t>5340868.0</t>
  </si>
  <si>
    <t>4841135.0</t>
  </si>
  <si>
    <t>3236032.0</t>
  </si>
  <si>
    <t>131.87</t>
  </si>
  <si>
    <t>406.7</t>
  </si>
  <si>
    <t>13663010.0</t>
  </si>
  <si>
    <t>5341313.0</t>
  </si>
  <si>
    <t>4841526.0</t>
  </si>
  <si>
    <t>3239094.0</t>
  </si>
  <si>
    <t>131.91</t>
  </si>
  <si>
    <t>51.57</t>
  </si>
  <si>
    <t>2671.0</t>
  </si>
  <si>
    <t>333.9</t>
  </si>
  <si>
    <t>13666575.0</t>
  </si>
  <si>
    <t>5341671.0</t>
  </si>
  <si>
    <t>4841925.0</t>
  </si>
  <si>
    <t>3241601.0</t>
  </si>
  <si>
    <t>2405.0</t>
  </si>
  <si>
    <t>131.94</t>
  </si>
  <si>
    <t>46.75</t>
  </si>
  <si>
    <t>6834816.0</t>
  </si>
  <si>
    <t>662.738</t>
  </si>
  <si>
    <t>13669883.0</t>
  </si>
  <si>
    <t>5341971.0</t>
  </si>
  <si>
    <t>4842230.0</t>
  </si>
  <si>
    <t>3244010.0</t>
  </si>
  <si>
    <t>131.97</t>
  </si>
  <si>
    <t>31.32</t>
  </si>
  <si>
    <t>292.3</t>
  </si>
  <si>
    <t>13669891.0</t>
  </si>
  <si>
    <t>3244017.0</t>
  </si>
  <si>
    <t>6838458.0</t>
  </si>
  <si>
    <t>663.092</t>
  </si>
  <si>
    <t>217.5</t>
  </si>
  <si>
    <t>491.1</t>
  </si>
  <si>
    <t>853.3</t>
  </si>
  <si>
    <t>3586.9</t>
  </si>
  <si>
    <t>574.3</t>
  </si>
  <si>
    <t>13691178.0</t>
  </si>
  <si>
    <t>5344206.0</t>
  </si>
  <si>
    <t>4844534.0</t>
  </si>
  <si>
    <t>3259032.0</t>
  </si>
  <si>
    <t>132.18</t>
  </si>
  <si>
    <t>31.46</t>
  </si>
  <si>
    <t>6865181.0</t>
  </si>
  <si>
    <t>665.683</t>
  </si>
  <si>
    <t>568.7</t>
  </si>
  <si>
    <t>13694986.0</t>
  </si>
  <si>
    <t>5344556.0</t>
  </si>
  <si>
    <t>4845334.0</t>
  </si>
  <si>
    <t>3261409.0</t>
  </si>
  <si>
    <t>132.22</t>
  </si>
  <si>
    <t>46.78</t>
  </si>
  <si>
    <t>442.1</t>
  </si>
  <si>
    <t>13698183.0</t>
  </si>
  <si>
    <t>5344904.0</t>
  </si>
  <si>
    <t>4845785.0</t>
  </si>
  <si>
    <t>3263579.0</t>
  </si>
  <si>
    <t>132.25</t>
  </si>
  <si>
    <t>343.1</t>
  </si>
  <si>
    <t>316.4</t>
  </si>
  <si>
    <t>2934.0</t>
  </si>
  <si>
    <t>6874348.0</t>
  </si>
  <si>
    <t>666.572</t>
  </si>
  <si>
    <t>278.7</t>
  </si>
  <si>
    <t>251.6</t>
  </si>
  <si>
    <t>13707007.0</t>
  </si>
  <si>
    <t>5345824.0</t>
  </si>
  <si>
    <t>4847442.0</t>
  </si>
  <si>
    <t>3269215.0</t>
  </si>
  <si>
    <t>132.33</t>
  </si>
  <si>
    <t>518.2</t>
  </si>
  <si>
    <t>2303.0</t>
  </si>
  <si>
    <t>555.9</t>
  </si>
  <si>
    <t>414.8</t>
  </si>
  <si>
    <t>13718660.0</t>
  </si>
  <si>
    <t>5347151.0</t>
  </si>
  <si>
    <t>4848462.0</t>
  </si>
  <si>
    <t>3277606.0</t>
  </si>
  <si>
    <t>132.44</t>
  </si>
  <si>
    <t>51.62</t>
  </si>
  <si>
    <t>31.64</t>
  </si>
  <si>
    <t>330.7</t>
  </si>
  <si>
    <t>13721257.0</t>
  </si>
  <si>
    <t>5347500.0</t>
  </si>
  <si>
    <t>4848697.0</t>
  </si>
  <si>
    <t>3279418.0</t>
  </si>
  <si>
    <t>132.47</t>
  </si>
  <si>
    <t>6890579.0</t>
  </si>
  <si>
    <t>668.145</t>
  </si>
  <si>
    <t>352.9</t>
  </si>
  <si>
    <t>13721284.0</t>
  </si>
  <si>
    <t>5347501.0</t>
  </si>
  <si>
    <t>4848699.0</t>
  </si>
  <si>
    <t>3279440.0</t>
  </si>
  <si>
    <t>367.1</t>
  </si>
  <si>
    <t>317.1</t>
  </si>
  <si>
    <t>13723446.0</t>
  </si>
  <si>
    <t>5347805.0</t>
  </si>
  <si>
    <t>4848875.0</t>
  </si>
  <si>
    <t>3280934.0</t>
  </si>
  <si>
    <t>132.49</t>
  </si>
  <si>
    <t>39301.9</t>
  </si>
  <si>
    <t>-10.89</t>
  </si>
  <si>
    <t>3794.3236187254</t>
  </si>
  <si>
    <t>2442.0</t>
  </si>
  <si>
    <t>13726166.0</t>
  </si>
  <si>
    <t>5348193.0</t>
  </si>
  <si>
    <t>4849219.0</t>
  </si>
  <si>
    <t>3282722.0</t>
  </si>
  <si>
    <t>132.52</t>
  </si>
  <si>
    <t>6901005.0</t>
  </si>
  <si>
    <t>669.156</t>
  </si>
  <si>
    <t>13728289.0</t>
  </si>
  <si>
    <t>5348519.0</t>
  </si>
  <si>
    <t>4849400.0</t>
  </si>
  <si>
    <t>3284160.0</t>
  </si>
  <si>
    <t>132.54</t>
  </si>
  <si>
    <t>2486.0</t>
  </si>
  <si>
    <t>446.2</t>
  </si>
  <si>
    <t>622.2</t>
  </si>
  <si>
    <t>646.4</t>
  </si>
  <si>
    <t>940.1</t>
  </si>
  <si>
    <t>94.2</t>
  </si>
  <si>
    <t>13750600.0</t>
  </si>
  <si>
    <t>5351876.0</t>
  </si>
  <si>
    <t>4851827.0</t>
  </si>
  <si>
    <t>3299020.0</t>
  </si>
  <si>
    <t>132.75</t>
  </si>
  <si>
    <t>31.85</t>
  </si>
  <si>
    <t>13752122.0</t>
  </si>
  <si>
    <t>5352065.0</t>
  </si>
  <si>
    <t>4852083.0</t>
  </si>
  <si>
    <t>3299954.0</t>
  </si>
  <si>
    <t>132.77</t>
  </si>
  <si>
    <t>13753387.0</t>
  </si>
  <si>
    <t>5352263.0</t>
  </si>
  <si>
    <t>4852231.0</t>
  </si>
  <si>
    <t>3300756.0</t>
  </si>
  <si>
    <t>132.78</t>
  </si>
  <si>
    <t>13754921.0</t>
  </si>
  <si>
    <t>5352473.0</t>
  </si>
  <si>
    <t>4852425.0</t>
  </si>
  <si>
    <t>3301750.0</t>
  </si>
  <si>
    <t>132.79</t>
  </si>
  <si>
    <t>46.85</t>
  </si>
  <si>
    <t>6947820.0</t>
  </si>
  <si>
    <t>673.696</t>
  </si>
  <si>
    <t>13756444.0</t>
  </si>
  <si>
    <t>5352733.0</t>
  </si>
  <si>
    <t>4852614.0</t>
  </si>
  <si>
    <t>3302691.0</t>
  </si>
  <si>
    <t>132.81</t>
  </si>
  <si>
    <t>13757804.0</t>
  </si>
  <si>
    <t>5352911.0</t>
  </si>
  <si>
    <t>4852792.0</t>
  </si>
  <si>
    <t>3303577.0</t>
  </si>
  <si>
    <t>132.82</t>
  </si>
  <si>
    <t>13759231.0</t>
  </si>
  <si>
    <t>5353131.0</t>
  </si>
  <si>
    <t>4852922.0</t>
  </si>
  <si>
    <t>3304535.0</t>
  </si>
  <si>
    <t>132.84</t>
  </si>
  <si>
    <t>13760616.0</t>
  </si>
  <si>
    <t>5353365.0</t>
  </si>
  <si>
    <t>4853088.0</t>
  </si>
  <si>
    <t>3305378.0</t>
  </si>
  <si>
    <t>132.85</t>
  </si>
  <si>
    <t>13762091.0</t>
  </si>
  <si>
    <t>5353536.0</t>
  </si>
  <si>
    <t>4853215.0</t>
  </si>
  <si>
    <t>3306428.0</t>
  </si>
  <si>
    <t>132.86</t>
  </si>
  <si>
    <t>39463.4</t>
  </si>
  <si>
    <t>3809.91531440485</t>
  </si>
  <si>
    <t>13768446.0</t>
  </si>
  <si>
    <t>5355145.0</t>
  </si>
  <si>
    <t>4854038.0</t>
  </si>
  <si>
    <t>3309825.0</t>
  </si>
  <si>
    <t>132.92</t>
  </si>
  <si>
    <t>51.7</t>
  </si>
  <si>
    <t>46.86</t>
  </si>
  <si>
    <t>13771033.0</t>
  </si>
  <si>
    <t>5356495.0</t>
  </si>
  <si>
    <t>4854218.0</t>
  </si>
  <si>
    <t>3310732.0</t>
  </si>
  <si>
    <t>132.95</t>
  </si>
  <si>
    <t>51.71</t>
  </si>
  <si>
    <t>31.96</t>
  </si>
  <si>
    <t>13772490.0</t>
  </si>
  <si>
    <t>5356988.0</t>
  </si>
  <si>
    <t>4854386.0</t>
  </si>
  <si>
    <t>3311403.0</t>
  </si>
  <si>
    <t>132.96</t>
  </si>
  <si>
    <t>51.72</t>
  </si>
  <si>
    <t>13772531.0</t>
  </si>
  <si>
    <t>5356989.0</t>
  </si>
  <si>
    <t>3311443.0</t>
  </si>
  <si>
    <t>13791605.0</t>
  </si>
  <si>
    <t>5361595.0</t>
  </si>
  <si>
    <t>4856181.0</t>
  </si>
  <si>
    <t>3322358.0</t>
  </si>
  <si>
    <t>133.15</t>
  </si>
  <si>
    <t>46.88</t>
  </si>
  <si>
    <t>13793947.0</t>
  </si>
  <si>
    <t>5362122.0</t>
  </si>
  <si>
    <t>4856356.0</t>
  </si>
  <si>
    <t>3323740.0</t>
  </si>
  <si>
    <t>133.17</t>
  </si>
  <si>
    <t>32.09</t>
  </si>
  <si>
    <t>13796260.0</t>
  </si>
  <si>
    <t>5362567.0</t>
  </si>
  <si>
    <t>4856564.0</t>
  </si>
  <si>
    <t>3325160.0</t>
  </si>
  <si>
    <t>133.19</t>
  </si>
  <si>
    <t>32.1</t>
  </si>
  <si>
    <t>13798492.0</t>
  </si>
  <si>
    <t>5362991.0</t>
  </si>
  <si>
    <t>4856720.0</t>
  </si>
  <si>
    <t>3326543.0</t>
  </si>
  <si>
    <t>133.21</t>
  </si>
  <si>
    <t>51.78</t>
  </si>
  <si>
    <t>13800702.0</t>
  </si>
  <si>
    <t>5363408.0</t>
  </si>
  <si>
    <t>4856833.0</t>
  </si>
  <si>
    <t>3327959.0</t>
  </si>
  <si>
    <t>133.24</t>
  </si>
  <si>
    <t>32.13</t>
  </si>
  <si>
    <t>13803044.0</t>
  </si>
  <si>
    <t>5363914.0</t>
  </si>
  <si>
    <t>4857000.0</t>
  </si>
  <si>
    <t>3329356.0</t>
  </si>
  <si>
    <t>13805231.0</t>
  </si>
  <si>
    <t>5364362.0</t>
  </si>
  <si>
    <t>4857106.0</t>
  </si>
  <si>
    <t>3330717.0</t>
  </si>
  <si>
    <t>133.28</t>
  </si>
  <si>
    <t>13805249.0</t>
  </si>
  <si>
    <t>5364368.0</t>
  </si>
  <si>
    <t>3330725.0</t>
  </si>
  <si>
    <t>1949.0</t>
  </si>
  <si>
    <t>13807963.0</t>
  </si>
  <si>
    <t>5365003.0</t>
  </si>
  <si>
    <t>4857242.0</t>
  </si>
  <si>
    <t>3332374.0</t>
  </si>
  <si>
    <t>133.31</t>
  </si>
  <si>
    <t>13810252.0</t>
  </si>
  <si>
    <t>5365467.0</t>
  </si>
  <si>
    <t>4857346.0</t>
  </si>
  <si>
    <t>3333814.0</t>
  </si>
  <si>
    <t>133.33</t>
  </si>
  <si>
    <t>13812358.0</t>
  </si>
  <si>
    <t>5365873.0</t>
  </si>
  <si>
    <t>4857467.0</t>
  </si>
  <si>
    <t>3335146.0</t>
  </si>
  <si>
    <t>133.35</t>
  </si>
  <si>
    <t>13814329.0</t>
  </si>
  <si>
    <t>5366223.0</t>
  </si>
  <si>
    <t>4857606.0</t>
  </si>
  <si>
    <t>3336413.0</t>
  </si>
  <si>
    <t>133.37</t>
  </si>
  <si>
    <t>13816323.0</t>
  </si>
  <si>
    <t>5366563.0</t>
  </si>
  <si>
    <t>4857770.0</t>
  </si>
  <si>
    <t>3337654.0</t>
  </si>
  <si>
    <t>13818005.0</t>
  </si>
  <si>
    <t>5366776.0</t>
  </si>
  <si>
    <t>4857889.0</t>
  </si>
  <si>
    <t>3338784.0</t>
  </si>
  <si>
    <t>32.23</t>
  </si>
  <si>
    <t>38984.3</t>
  </si>
  <si>
    <t>-9.44</t>
  </si>
  <si>
    <t>3763.66155960594</t>
  </si>
  <si>
    <t>13818011.0</t>
  </si>
  <si>
    <t>5366777.0</t>
  </si>
  <si>
    <t>4857890.0</t>
  </si>
  <si>
    <t>3338788.0</t>
  </si>
  <si>
    <t>13820206.0</t>
  </si>
  <si>
    <t>5367154.0</t>
  </si>
  <si>
    <t>4858103.0</t>
  </si>
  <si>
    <t>3340156.0</t>
  </si>
  <si>
    <t>13822079.0</t>
  </si>
  <si>
    <t>5367417.0</t>
  </si>
  <si>
    <t>4858243.0</t>
  </si>
  <si>
    <t>3341389.0</t>
  </si>
  <si>
    <t>133.44</t>
  </si>
  <si>
    <t>13824041.0</t>
  </si>
  <si>
    <t>5367712.0</t>
  </si>
  <si>
    <t>4858491.0</t>
  </si>
  <si>
    <t>3342589.0</t>
  </si>
  <si>
    <t>133.46</t>
  </si>
  <si>
    <t>32.27</t>
  </si>
  <si>
    <t>13825764.0</t>
  </si>
  <si>
    <t>5367980.0</t>
  </si>
  <si>
    <t>4858618.0</t>
  </si>
  <si>
    <t>3343684.0</t>
  </si>
  <si>
    <t>133.48</t>
  </si>
  <si>
    <t>32.28</t>
  </si>
  <si>
    <t>13827603.0</t>
  </si>
  <si>
    <t>5368294.0</t>
  </si>
  <si>
    <t>4858790.0</t>
  </si>
  <si>
    <t>3344797.0</t>
  </si>
  <si>
    <t>133.5</t>
  </si>
  <si>
    <t>51.83</t>
  </si>
  <si>
    <t>13829027.0</t>
  </si>
  <si>
    <t>5368516.0</t>
  </si>
  <si>
    <t>4858862.0</t>
  </si>
  <si>
    <t>3345731.0</t>
  </si>
  <si>
    <t>133.51</t>
  </si>
  <si>
    <t>13829030.0</t>
  </si>
  <si>
    <t>4858863.0</t>
  </si>
  <si>
    <t>3345733.0</t>
  </si>
  <si>
    <t>13832547.0</t>
  </si>
  <si>
    <t>5369091.0</t>
  </si>
  <si>
    <t>4859079.0</t>
  </si>
  <si>
    <t>3348027.0</t>
  </si>
  <si>
    <t>133.54</t>
  </si>
  <si>
    <t>32.32</t>
  </si>
  <si>
    <t>13834313.0</t>
  </si>
  <si>
    <t>5369371.0</t>
  </si>
  <si>
    <t>4859226.0</t>
  </si>
  <si>
    <t>3349143.0</t>
  </si>
  <si>
    <t>133.56</t>
  </si>
  <si>
    <t>13836046.0</t>
  </si>
  <si>
    <t>5369674.0</t>
  </si>
  <si>
    <t>4859378.0</t>
  </si>
  <si>
    <t>3350213.0</t>
  </si>
  <si>
    <t>133.58</t>
  </si>
  <si>
    <t>13837697.0</t>
  </si>
  <si>
    <t>5369929.0</t>
  </si>
  <si>
    <t>4859547.0</t>
  </si>
  <si>
    <t>3351247.0</t>
  </si>
  <si>
    <t>133.59</t>
  </si>
  <si>
    <t>32.35</t>
  </si>
  <si>
    <t>13839106.0</t>
  </si>
  <si>
    <t>5370143.0</t>
  </si>
  <si>
    <t>4859674.0</t>
  </si>
  <si>
    <t>3352155.0</t>
  </si>
  <si>
    <t>133.61</t>
  </si>
  <si>
    <t>13844344.0</t>
  </si>
  <si>
    <t>5370999.0</t>
  </si>
  <si>
    <t>4860521.0</t>
  </si>
  <si>
    <t>3355179.0</t>
  </si>
  <si>
    <t>133.66</t>
  </si>
  <si>
    <t>32.39</t>
  </si>
  <si>
    <t>13850299.0</t>
  </si>
  <si>
    <t>5372002.0</t>
  </si>
  <si>
    <t>4861480.0</t>
  </si>
  <si>
    <t>3358577.0</t>
  </si>
  <si>
    <t>51.86</t>
  </si>
  <si>
    <t>46.93</t>
  </si>
  <si>
    <t>13853207.0</t>
  </si>
  <si>
    <t>5372522.0</t>
  </si>
  <si>
    <t>4861904.0</t>
  </si>
  <si>
    <t>3360250.0</t>
  </si>
  <si>
    <t>133.74</t>
  </si>
  <si>
    <t>51.87</t>
  </si>
  <si>
    <t>13857111.0</t>
  </si>
  <si>
    <t>5373253.0</t>
  </si>
  <si>
    <t>4862494.0</t>
  </si>
  <si>
    <t>3362453.0</t>
  </si>
  <si>
    <t>133.78</t>
  </si>
  <si>
    <t>51.88</t>
  </si>
  <si>
    <t>32.46</t>
  </si>
  <si>
    <t>38821.2</t>
  </si>
  <si>
    <t>-3.44</t>
  </si>
  <si>
    <t>3747.91539511481</t>
  </si>
  <si>
    <t>39194.3</t>
  </si>
  <si>
    <t>3783.93559113959</t>
  </si>
  <si>
    <t>38596.2</t>
  </si>
  <si>
    <t>23.48</t>
  </si>
  <si>
    <t>-12.77</t>
  </si>
  <si>
    <t>3726.19321847161</t>
  </si>
  <si>
    <t>BHS</t>
  </si>
  <si>
    <t>Bahamas</t>
  </si>
  <si>
    <t>-32.8</t>
  </si>
  <si>
    <t>-4.57</t>
  </si>
  <si>
    <t>-5.53</t>
  </si>
  <si>
    <t>-80.0021463990497</t>
  </si>
  <si>
    <t>-28.2</t>
  </si>
  <si>
    <t>-3.03</t>
  </si>
  <si>
    <t>-68.7823331845488</t>
  </si>
  <si>
    <t>-55.2</t>
  </si>
  <si>
    <t>-4.78</t>
  </si>
  <si>
    <t>-12.05</t>
  </si>
  <si>
    <t>-134.637758574011</t>
  </si>
  <si>
    <t>-73.6</t>
  </si>
  <si>
    <t>-5.36</t>
  </si>
  <si>
    <t>-8.42</t>
  </si>
  <si>
    <t>-179.517011432014</t>
  </si>
  <si>
    <t>-46.4</t>
  </si>
  <si>
    <t>-2.88</t>
  </si>
  <si>
    <t>-113.173768076704</t>
  </si>
  <si>
    <t>38.32</t>
  </si>
  <si>
    <t>107.807770452378</t>
  </si>
  <si>
    <t>312.691316108481</t>
  </si>
  <si>
    <t>227.6</t>
  </si>
  <si>
    <t>555.136845134869</t>
  </si>
  <si>
    <t>264.6</t>
  </si>
  <si>
    <t>645.383168816724</t>
  </si>
  <si>
    <t>662.4567976214</t>
  </si>
  <si>
    <t>-7.73</t>
  </si>
  <si>
    <t>614.650636968309</t>
  </si>
  <si>
    <t>224.6</t>
  </si>
  <si>
    <t>547.819575647152</t>
  </si>
  <si>
    <t>6.31</t>
  </si>
  <si>
    <t>-1.89</t>
  </si>
  <si>
    <t>536.599762432651</t>
  </si>
  <si>
    <t>21907.0</t>
  </si>
  <si>
    <t>1476.0</t>
  </si>
  <si>
    <t>25692.0</t>
  </si>
  <si>
    <t>568.307930212762</t>
  </si>
  <si>
    <t>36000.0</t>
  </si>
  <si>
    <t>2781.0</t>
  </si>
  <si>
    <t>50242.0</t>
  </si>
  <si>
    <t>44226.0</t>
  </si>
  <si>
    <t>6016.0</t>
  </si>
  <si>
    <t>55037.0</t>
  </si>
  <si>
    <t>46378.0</t>
  </si>
  <si>
    <t>13.42</t>
  </si>
  <si>
    <t>11.31</t>
  </si>
  <si>
    <t>234.4</t>
  </si>
  <si>
    <t>571.722655973697</t>
  </si>
  <si>
    <t>62183.0</t>
  </si>
  <si>
    <t>48434.0</t>
  </si>
  <si>
    <t>13749.0</t>
  </si>
  <si>
    <t>50292.0</t>
  </si>
  <si>
    <t>17827.0</t>
  </si>
  <si>
    <t>2832.0</t>
  </si>
  <si>
    <t>3254.0</t>
  </si>
  <si>
    <t>1391.0</t>
  </si>
  <si>
    <t>79246.0</t>
  </si>
  <si>
    <t>54199.0</t>
  </si>
  <si>
    <t>25047.0</t>
  </si>
  <si>
    <t>3912.0</t>
  </si>
  <si>
    <t>91067.0</t>
  </si>
  <si>
    <t>58122.0</t>
  </si>
  <si>
    <t>32945.0</t>
  </si>
  <si>
    <t>22.21</t>
  </si>
  <si>
    <t>8.04</t>
  </si>
  <si>
    <t>3817.0</t>
  </si>
  <si>
    <t>240.4</t>
  </si>
  <si>
    <t>586.357194949133</t>
  </si>
  <si>
    <t>95992.0</t>
  </si>
  <si>
    <t>59731.0</t>
  </si>
  <si>
    <t>36261.0</t>
  </si>
  <si>
    <t>97992.0</t>
  </si>
  <si>
    <t>60303.0</t>
  </si>
  <si>
    <t>37689.0</t>
  </si>
  <si>
    <t>99755.0</t>
  </si>
  <si>
    <t>60389.0</t>
  </si>
  <si>
    <t>941.0</t>
  </si>
  <si>
    <t>103164.0</t>
  </si>
  <si>
    <t>60578.0</t>
  </si>
  <si>
    <t>25.16</t>
  </si>
  <si>
    <t>14.78</t>
  </si>
  <si>
    <t>104521.0</t>
  </si>
  <si>
    <t>106898.0</t>
  </si>
  <si>
    <t>61803.0</t>
  </si>
  <si>
    <t>46793.0</t>
  </si>
  <si>
    <t>26.07</t>
  </si>
  <si>
    <t>15.07</t>
  </si>
  <si>
    <t>1300.0</t>
  </si>
  <si>
    <t>807.338733478215</t>
  </si>
  <si>
    <t>108596.0</t>
  </si>
  <si>
    <t>110443.0</t>
  </si>
  <si>
    <t>62863.0</t>
  </si>
  <si>
    <t>47580.0</t>
  </si>
  <si>
    <t>26.94</t>
  </si>
  <si>
    <t>119473.0</t>
  </si>
  <si>
    <t>68323.0</t>
  </si>
  <si>
    <t>51150.0</t>
  </si>
  <si>
    <t>29.14</t>
  </si>
  <si>
    <t>12.48</t>
  </si>
  <si>
    <t>3378.0</t>
  </si>
  <si>
    <t>129017.0</t>
  </si>
  <si>
    <t>73726.0</t>
  </si>
  <si>
    <t>55291.0</t>
  </si>
  <si>
    <t>2254.0</t>
  </si>
  <si>
    <t>6242.0</t>
  </si>
  <si>
    <t>2217.0</t>
  </si>
  <si>
    <t>3473.0</t>
  </si>
  <si>
    <t>146738.0</t>
  </si>
  <si>
    <t>91967.0</t>
  </si>
  <si>
    <t>57593.0</t>
  </si>
  <si>
    <t>7837.0</t>
  </si>
  <si>
    <t>13.11</t>
  </si>
  <si>
    <t>114.29</t>
  </si>
  <si>
    <t>1490.28388566523</t>
  </si>
  <si>
    <t>2275.0</t>
  </si>
  <si>
    <t>161613.0</t>
  </si>
  <si>
    <t>105753.0</t>
  </si>
  <si>
    <t>59002.0</t>
  </si>
  <si>
    <t>39.42</t>
  </si>
  <si>
    <t>25.79</t>
  </si>
  <si>
    <t>14.39</t>
  </si>
  <si>
    <t>4898.0</t>
  </si>
  <si>
    <t>1978.0</t>
  </si>
  <si>
    <t>4825.0</t>
  </si>
  <si>
    <t>173130.0</t>
  </si>
  <si>
    <t>65915.0</t>
  </si>
  <si>
    <t>42.23</t>
  </si>
  <si>
    <t>4505.0</t>
  </si>
  <si>
    <t>4329.0</t>
  </si>
  <si>
    <t>3798.0</t>
  </si>
  <si>
    <t>184431.0</t>
  </si>
  <si>
    <t>2463.0</t>
  </si>
  <si>
    <t>142910.0</t>
  </si>
  <si>
    <t>350.35</t>
  </si>
  <si>
    <t>143239.0</t>
  </si>
  <si>
    <t>351.157</t>
  </si>
  <si>
    <t>0.807</t>
  </si>
  <si>
    <t>143769.0</t>
  </si>
  <si>
    <t>352.456</t>
  </si>
  <si>
    <t>144363.0</t>
  </si>
  <si>
    <t>353.912</t>
  </si>
  <si>
    <t>184461.0</t>
  </si>
  <si>
    <t>114333.0</t>
  </si>
  <si>
    <t>70128.0</t>
  </si>
  <si>
    <t>144770.0</t>
  </si>
  <si>
    <t>354.91</t>
  </si>
  <si>
    <t>145042.0</t>
  </si>
  <si>
    <t>355.577</t>
  </si>
  <si>
    <t>3490.0</t>
  </si>
  <si>
    <t>4649.0</t>
  </si>
  <si>
    <t>0.2224</t>
  </si>
  <si>
    <t>6968.0</t>
  </si>
  <si>
    <t>862.4</t>
  </si>
  <si>
    <t>106.26</t>
  </si>
  <si>
    <t>2103.47106873599</t>
  </si>
  <si>
    <t>147362.0</t>
  </si>
  <si>
    <t>361.265</t>
  </si>
  <si>
    <t>0.1706</t>
  </si>
  <si>
    <t>207784.0</t>
  </si>
  <si>
    <t>124207.0</t>
  </si>
  <si>
    <t>88265.0</t>
  </si>
  <si>
    <t>50.68</t>
  </si>
  <si>
    <t>21.53</t>
  </si>
  <si>
    <t>147633.0</t>
  </si>
  <si>
    <t>361.929</t>
  </si>
  <si>
    <t>7800.0</t>
  </si>
  <si>
    <t>7471.0</t>
  </si>
  <si>
    <t>7144.0</t>
  </si>
  <si>
    <t>6817.0</t>
  </si>
  <si>
    <t>6164.0</t>
  </si>
  <si>
    <t>224531.0</t>
  </si>
  <si>
    <t>129121.0</t>
  </si>
  <si>
    <t>24.41</t>
  </si>
  <si>
    <t>5834.0</t>
  </si>
  <si>
    <t>5693.0</t>
  </si>
  <si>
    <t>0.1078</t>
  </si>
  <si>
    <t>5410.0</t>
  </si>
  <si>
    <t>5127.0</t>
  </si>
  <si>
    <t>0.0249</t>
  </si>
  <si>
    <t>40.1</t>
  </si>
  <si>
    <t>238432.0</t>
  </si>
  <si>
    <t>110710.0</t>
  </si>
  <si>
    <t>58.16</t>
  </si>
  <si>
    <t>4037.0</t>
  </si>
  <si>
    <t>3229.0</t>
  </si>
  <si>
    <t>154726.0</t>
  </si>
  <si>
    <t>379.318</t>
  </si>
  <si>
    <t>244223.0</t>
  </si>
  <si>
    <t>114612.0</t>
  </si>
  <si>
    <t>0.2459</t>
  </si>
  <si>
    <t>0.2509</t>
  </si>
  <si>
    <t>155645.0</t>
  </si>
  <si>
    <t>381.571</t>
  </si>
  <si>
    <t>0.1202</t>
  </si>
  <si>
    <t>2776.0</t>
  </si>
  <si>
    <t>0.0925</t>
  </si>
  <si>
    <t>0.0748</t>
  </si>
  <si>
    <t>156547.0</t>
  </si>
  <si>
    <t>383.782</t>
  </si>
  <si>
    <t>0.0905</t>
  </si>
  <si>
    <t>157118.0</t>
  </si>
  <si>
    <t>385.182</t>
  </si>
  <si>
    <t>0.0718</t>
  </si>
  <si>
    <t>255085.0</t>
  </si>
  <si>
    <t>132240.0</t>
  </si>
  <si>
    <t>1032.2</t>
  </si>
  <si>
    <t>2517.62852174083</t>
  </si>
  <si>
    <t>157976.0</t>
  </si>
  <si>
    <t>387.285</t>
  </si>
  <si>
    <t>158661.0</t>
  </si>
  <si>
    <t>388.965</t>
  </si>
  <si>
    <t>0.0704</t>
  </si>
  <si>
    <t>3142.0</t>
  </si>
  <si>
    <t>0.0582</t>
  </si>
  <si>
    <t>263795.0</t>
  </si>
  <si>
    <t>143726.0</t>
  </si>
  <si>
    <t>128242.0</t>
  </si>
  <si>
    <t>159796.0</t>
  </si>
  <si>
    <t>391.747</t>
  </si>
  <si>
    <t>0.0533</t>
  </si>
  <si>
    <t>161010.0</t>
  </si>
  <si>
    <t>394.723</t>
  </si>
  <si>
    <t>0.0606</t>
  </si>
  <si>
    <t>2366.0</t>
  </si>
  <si>
    <t>161324.0</t>
  </si>
  <si>
    <t>395.493</t>
  </si>
  <si>
    <t>161654.0</t>
  </si>
  <si>
    <t>396.302</t>
  </si>
  <si>
    <t>162783.0</t>
  </si>
  <si>
    <t>399.07</t>
  </si>
  <si>
    <t>163025.0</t>
  </si>
  <si>
    <t>399.663</t>
  </si>
  <si>
    <t>163498.0</t>
  </si>
  <si>
    <t>400.823</t>
  </si>
  <si>
    <t>163888.0</t>
  </si>
  <si>
    <t>401.779</t>
  </si>
  <si>
    <t>0.0332</t>
  </si>
  <si>
    <t>164360.0</t>
  </si>
  <si>
    <t>402.936</t>
  </si>
  <si>
    <t>0.0325</t>
  </si>
  <si>
    <t>30.8</t>
  </si>
  <si>
    <t>164659.0</t>
  </si>
  <si>
    <t>403.669</t>
  </si>
  <si>
    <t>274502.0</t>
  </si>
  <si>
    <t>149231.0</t>
  </si>
  <si>
    <t>134481.0</t>
  </si>
  <si>
    <t>32.8</t>
  </si>
  <si>
    <t>0.0326</t>
  </si>
  <si>
    <t>1798.0</t>
  </si>
  <si>
    <t>165244.0</t>
  </si>
  <si>
    <t>405.103</t>
  </si>
  <si>
    <t>165799.0</t>
  </si>
  <si>
    <t>406.464</t>
  </si>
  <si>
    <t>166095.0</t>
  </si>
  <si>
    <t>407.189</t>
  </si>
  <si>
    <t>167558.0</t>
  </si>
  <si>
    <t>410.776</t>
  </si>
  <si>
    <t>167877.0</t>
  </si>
  <si>
    <t>411.558</t>
  </si>
  <si>
    <t>0.0202</t>
  </si>
  <si>
    <t>168197.0</t>
  </si>
  <si>
    <t>412.343</t>
  </si>
  <si>
    <t>0.0243</t>
  </si>
  <si>
    <t>168450.0</t>
  </si>
  <si>
    <t>412.963</t>
  </si>
  <si>
    <t>168678.0</t>
  </si>
  <si>
    <t>413.522</t>
  </si>
  <si>
    <t>0.0341</t>
  </si>
  <si>
    <t>280176.0</t>
  </si>
  <si>
    <t>151709.0</t>
  </si>
  <si>
    <t>138266.0</t>
  </si>
  <si>
    <t>169024.0</t>
  </si>
  <si>
    <t>414.37</t>
  </si>
  <si>
    <t>1041.6</t>
  </si>
  <si>
    <t>2540.55596613568</t>
  </si>
  <si>
    <t>169359.0</t>
  </si>
  <si>
    <t>415.191</t>
  </si>
  <si>
    <t>169626.0</t>
  </si>
  <si>
    <t>415.846</t>
  </si>
  <si>
    <t>0.0547</t>
  </si>
  <si>
    <t>169869.0</t>
  </si>
  <si>
    <t>416.442</t>
  </si>
  <si>
    <t>170200.0</t>
  </si>
  <si>
    <t>417.253</t>
  </si>
  <si>
    <t>1637.0</t>
  </si>
  <si>
    <t>170281.0</t>
  </si>
  <si>
    <t>417.452</t>
  </si>
  <si>
    <t>170777.0</t>
  </si>
  <si>
    <t>418.668</t>
  </si>
  <si>
    <t>171259.0</t>
  </si>
  <si>
    <t>419.849</t>
  </si>
  <si>
    <t>171578.0</t>
  </si>
  <si>
    <t>420.631</t>
  </si>
  <si>
    <t>172649.0</t>
  </si>
  <si>
    <t>423.257</t>
  </si>
  <si>
    <t>2.626</t>
  </si>
  <si>
    <t>173430.0</t>
  </si>
  <si>
    <t>425.171</t>
  </si>
  <si>
    <t>288008.0</t>
  </si>
  <si>
    <t>154135.0</t>
  </si>
  <si>
    <t>143672.0</t>
  </si>
  <si>
    <t>37.59</t>
  </si>
  <si>
    <t>35.04</t>
  </si>
  <si>
    <t>173567.0</t>
  </si>
  <si>
    <t>425.507</t>
  </si>
  <si>
    <t>0.0166</t>
  </si>
  <si>
    <t>174081.0</t>
  </si>
  <si>
    <t>426.767</t>
  </si>
  <si>
    <t>174321.0</t>
  </si>
  <si>
    <t>427.356</t>
  </si>
  <si>
    <t>0.0192</t>
  </si>
  <si>
    <t>174990.0</t>
  </si>
  <si>
    <t>428.996</t>
  </si>
  <si>
    <t>61.2</t>
  </si>
  <si>
    <t>293226.0</t>
  </si>
  <si>
    <t>145793.0</t>
  </si>
  <si>
    <t>176249.0</t>
  </si>
  <si>
    <t>432.082</t>
  </si>
  <si>
    <t>0.0311</t>
  </si>
  <si>
    <t>176627.0</t>
  </si>
  <si>
    <t>433.009</t>
  </si>
  <si>
    <t>0.0356</t>
  </si>
  <si>
    <t>177143.0</t>
  </si>
  <si>
    <t>434.274</t>
  </si>
  <si>
    <t>436.348</t>
  </si>
  <si>
    <t>178674.0</t>
  </si>
  <si>
    <t>438.027</t>
  </si>
  <si>
    <t>0.0619</t>
  </si>
  <si>
    <t>179357.0</t>
  </si>
  <si>
    <t>439.702</t>
  </si>
  <si>
    <t>1.309</t>
  </si>
  <si>
    <t>0.0776</t>
  </si>
  <si>
    <t>293443.0</t>
  </si>
  <si>
    <t>155709.0</t>
  </si>
  <si>
    <t>180017.0</t>
  </si>
  <si>
    <t>441.32</t>
  </si>
  <si>
    <t>1.618</t>
  </si>
  <si>
    <t>300214.0</t>
  </si>
  <si>
    <t>157041.0</t>
  </si>
  <si>
    <t>147365.0</t>
  </si>
  <si>
    <t>6954.0</t>
  </si>
  <si>
    <t>6771.0</t>
  </si>
  <si>
    <t>180362.0</t>
  </si>
  <si>
    <t>442.166</t>
  </si>
  <si>
    <t>0.1455</t>
  </si>
  <si>
    <t>181285.0</t>
  </si>
  <si>
    <t>444.428</t>
  </si>
  <si>
    <t>0.1313</t>
  </si>
  <si>
    <t>181549.0</t>
  </si>
  <si>
    <t>445.076</t>
  </si>
  <si>
    <t>0.1366</t>
  </si>
  <si>
    <t>182446.0</t>
  </si>
  <si>
    <t>447.275</t>
  </si>
  <si>
    <t>0.0958</t>
  </si>
  <si>
    <t>182507.0</t>
  </si>
  <si>
    <t>447.424</t>
  </si>
  <si>
    <t>0.1053</t>
  </si>
  <si>
    <t>183073.0</t>
  </si>
  <si>
    <t>448.812</t>
  </si>
  <si>
    <t>1.388</t>
  </si>
  <si>
    <t>0.2593</t>
  </si>
  <si>
    <t>184376.0</t>
  </si>
  <si>
    <t>452.006</t>
  </si>
  <si>
    <t>3.194</t>
  </si>
  <si>
    <t>0.2039</t>
  </si>
  <si>
    <t>185443.0</t>
  </si>
  <si>
    <t>454.622</t>
  </si>
  <si>
    <t>2617.14338677379</t>
  </si>
  <si>
    <t>185893.0</t>
  </si>
  <si>
    <t>455.725</t>
  </si>
  <si>
    <t>0.2034</t>
  </si>
  <si>
    <t>186887.0</t>
  </si>
  <si>
    <t>458.162</t>
  </si>
  <si>
    <t>0.3269</t>
  </si>
  <si>
    <t>187594.0</t>
  </si>
  <si>
    <t>459.895</t>
  </si>
  <si>
    <t>1.733</t>
  </si>
  <si>
    <t>0.3878</t>
  </si>
  <si>
    <t>188388.0</t>
  </si>
  <si>
    <t>461.842</t>
  </si>
  <si>
    <t>0.4204</t>
  </si>
  <si>
    <t>189555.0</t>
  </si>
  <si>
    <t>464.703</t>
  </si>
  <si>
    <t>0.3274</t>
  </si>
  <si>
    <t>308249.0</t>
  </si>
  <si>
    <t>158120.0</t>
  </si>
  <si>
    <t>149393.0</t>
  </si>
  <si>
    <t>11882.0</t>
  </si>
  <si>
    <t>75.18</t>
  </si>
  <si>
    <t>0.3736</t>
  </si>
  <si>
    <t>2.373</t>
  </si>
  <si>
    <t>0.3905</t>
  </si>
  <si>
    <t>2.684</t>
  </si>
  <si>
    <t>0.3452</t>
  </si>
  <si>
    <t>194889.0</t>
  </si>
  <si>
    <t>477.779</t>
  </si>
  <si>
    <t>2.802</t>
  </si>
  <si>
    <t>0.4167</t>
  </si>
  <si>
    <t>196663.0</t>
  </si>
  <si>
    <t>482.128</t>
  </si>
  <si>
    <t>0.3785</t>
  </si>
  <si>
    <t>197297.0</t>
  </si>
  <si>
    <t>483.683</t>
  </si>
  <si>
    <t>3.121</t>
  </si>
  <si>
    <t>0.3903</t>
  </si>
  <si>
    <t>197806.0</t>
  </si>
  <si>
    <t>484.93</t>
  </si>
  <si>
    <t>312840.0</t>
  </si>
  <si>
    <t>158965.0</t>
  </si>
  <si>
    <t>150372.0</t>
  </si>
  <si>
    <t>14649.0</t>
  </si>
  <si>
    <t>2.773</t>
  </si>
  <si>
    <t>0.4051</t>
  </si>
  <si>
    <t>2.655</t>
  </si>
  <si>
    <t>0.3675</t>
  </si>
  <si>
    <t>2.537</t>
  </si>
  <si>
    <t>0.3229</t>
  </si>
  <si>
    <t>202796.0</t>
  </si>
  <si>
    <t>497.164</t>
  </si>
  <si>
    <t>0.3069</t>
  </si>
  <si>
    <t>203402.0</t>
  </si>
  <si>
    <t>498.649</t>
  </si>
  <si>
    <t>0.2647</t>
  </si>
  <si>
    <t>203902.0</t>
  </si>
  <si>
    <t>499.875</t>
  </si>
  <si>
    <t>204749.0</t>
  </si>
  <si>
    <t>501.951</t>
  </si>
  <si>
    <t>0.3004</t>
  </si>
  <si>
    <t>205177.0</t>
  </si>
  <si>
    <t>503.001</t>
  </si>
  <si>
    <t>0.3733</t>
  </si>
  <si>
    <t>503.67</t>
  </si>
  <si>
    <t>1.628</t>
  </si>
  <si>
    <t>0.2892</t>
  </si>
  <si>
    <t>205879.0</t>
  </si>
  <si>
    <t>504.722</t>
  </si>
  <si>
    <t>0.2985</t>
  </si>
  <si>
    <t>206465.0</t>
  </si>
  <si>
    <t>506.158</t>
  </si>
  <si>
    <t>0.3509</t>
  </si>
  <si>
    <t>207347.0</t>
  </si>
  <si>
    <t>508.321</t>
  </si>
  <si>
    <t>208041.0</t>
  </si>
  <si>
    <t>510.022</t>
  </si>
  <si>
    <t>1.449</t>
  </si>
  <si>
    <t>318916.0</t>
  </si>
  <si>
    <t>160505.0</t>
  </si>
  <si>
    <t>151520.0</t>
  </si>
  <si>
    <t>18037.0</t>
  </si>
  <si>
    <t>39.15</t>
  </si>
  <si>
    <t>208391.0</t>
  </si>
  <si>
    <t>510.88</t>
  </si>
  <si>
    <t>0.1876</t>
  </si>
  <si>
    <t>208843.0</t>
  </si>
  <si>
    <t>511.988</t>
  </si>
  <si>
    <t>0.1374</t>
  </si>
  <si>
    <t>209172.0</t>
  </si>
  <si>
    <t>512.795</t>
  </si>
  <si>
    <t>1.304</t>
  </si>
  <si>
    <t>0.1308</t>
  </si>
  <si>
    <t>209681.0</t>
  </si>
  <si>
    <t>514.042</t>
  </si>
  <si>
    <t>0.1168</t>
  </si>
  <si>
    <t>0.1181</t>
  </si>
  <si>
    <t>210442.0</t>
  </si>
  <si>
    <t>515.908</t>
  </si>
  <si>
    <t>0.1189</t>
  </si>
  <si>
    <t>0.1296</t>
  </si>
  <si>
    <t>0.0796</t>
  </si>
  <si>
    <t>212454.0</t>
  </si>
  <si>
    <t>520.841</t>
  </si>
  <si>
    <t>0.0942</t>
  </si>
  <si>
    <t>213081.0</t>
  </si>
  <si>
    <t>522.378</t>
  </si>
  <si>
    <t>213334.0</t>
  </si>
  <si>
    <t>522.998</t>
  </si>
  <si>
    <t>213711.0</t>
  </si>
  <si>
    <t>523.922</t>
  </si>
  <si>
    <t>323346.0</t>
  </si>
  <si>
    <t>161646.0</t>
  </si>
  <si>
    <t>152860.0</t>
  </si>
  <si>
    <t>19986.0</t>
  </si>
  <si>
    <t>39.43</t>
  </si>
  <si>
    <t>214064.0</t>
  </si>
  <si>
    <t>524.788</t>
  </si>
  <si>
    <t>0.986</t>
  </si>
  <si>
    <t>0.0679</t>
  </si>
  <si>
    <t>214441.0</t>
  </si>
  <si>
    <t>525.712</t>
  </si>
  <si>
    <t>0.0798</t>
  </si>
  <si>
    <t>214727.0</t>
  </si>
  <si>
    <t>526.413</t>
  </si>
  <si>
    <t>215133.0</t>
  </si>
  <si>
    <t>527.408</t>
  </si>
  <si>
    <t>215356.0</t>
  </si>
  <si>
    <t>527.955</t>
  </si>
  <si>
    <t>0.0651</t>
  </si>
  <si>
    <t>216233.0</t>
  </si>
  <si>
    <t>530.105</t>
  </si>
  <si>
    <t>0.0614</t>
  </si>
  <si>
    <t>325698.0</t>
  </si>
  <si>
    <t>162601.0</t>
  </si>
  <si>
    <t>153291.0</t>
  </si>
  <si>
    <t>21238.0</t>
  </si>
  <si>
    <t>217077.0</t>
  </si>
  <si>
    <t>532.174</t>
  </si>
  <si>
    <t>217912.0</t>
  </si>
  <si>
    <t>534.221</t>
  </si>
  <si>
    <t>218582.0</t>
  </si>
  <si>
    <t>535.864</t>
  </si>
  <si>
    <t>327515.0</t>
  </si>
  <si>
    <t>163061.0</t>
  </si>
  <si>
    <t>153878.0</t>
  </si>
  <si>
    <t>22009.0</t>
  </si>
  <si>
    <t>39.77</t>
  </si>
  <si>
    <t>220682.0</t>
  </si>
  <si>
    <t>541.012</t>
  </si>
  <si>
    <t>220891.0</t>
  </si>
  <si>
    <t>541.524</t>
  </si>
  <si>
    <t>221075.0</t>
  </si>
  <si>
    <t>541.975</t>
  </si>
  <si>
    <t>222122.0</t>
  </si>
  <si>
    <t>544.542</t>
  </si>
  <si>
    <t>222309.0</t>
  </si>
  <si>
    <t>545.001</t>
  </si>
  <si>
    <t>222475.0</t>
  </si>
  <si>
    <t>545.408</t>
  </si>
  <si>
    <t>222679.0</t>
  </si>
  <si>
    <t>545.908</t>
  </si>
  <si>
    <t>222828.0</t>
  </si>
  <si>
    <t>546.273</t>
  </si>
  <si>
    <t>0.0191</t>
  </si>
  <si>
    <t>223009.0</t>
  </si>
  <si>
    <t>546.717</t>
  </si>
  <si>
    <t>223187.0</t>
  </si>
  <si>
    <t>547.153</t>
  </si>
  <si>
    <t>70.5</t>
  </si>
  <si>
    <t>331157.0</t>
  </si>
  <si>
    <t>164099.0</t>
  </si>
  <si>
    <t>155124.0</t>
  </si>
  <si>
    <t>23368.0</t>
  </si>
  <si>
    <t>80.77</t>
  </si>
  <si>
    <t>223430.0</t>
  </si>
  <si>
    <t>547.749</t>
  </si>
  <si>
    <t>223636.0</t>
  </si>
  <si>
    <t>548.254</t>
  </si>
  <si>
    <t>223897.0</t>
  </si>
  <si>
    <t>548.894</t>
  </si>
  <si>
    <t>224033.0</t>
  </si>
  <si>
    <t>549.227</t>
  </si>
  <si>
    <t>58.7</t>
  </si>
  <si>
    <t>58.2</t>
  </si>
  <si>
    <t>332549.0</t>
  </si>
  <si>
    <t>164526.0</t>
  </si>
  <si>
    <t>155555.0</t>
  </si>
  <si>
    <t>23902.0</t>
  </si>
  <si>
    <t>81.11</t>
  </si>
  <si>
    <t>225365.0</t>
  </si>
  <si>
    <t>552.492</t>
  </si>
  <si>
    <t>86.5</t>
  </si>
  <si>
    <t>47.5</t>
  </si>
  <si>
    <t>226185.0</t>
  </si>
  <si>
    <t>554.503</t>
  </si>
  <si>
    <t>46.4</t>
  </si>
  <si>
    <t>46.1</t>
  </si>
  <si>
    <t>334155.0</t>
  </si>
  <si>
    <t>164961.0</t>
  </si>
  <si>
    <t>156089.0</t>
  </si>
  <si>
    <t>24540.0</t>
  </si>
  <si>
    <t>38.07</t>
  </si>
  <si>
    <t>5.99</t>
  </si>
  <si>
    <t>226957.0</t>
  </si>
  <si>
    <t>556.395</t>
  </si>
  <si>
    <t>0.0253</t>
  </si>
  <si>
    <t>39.6</t>
  </si>
  <si>
    <t>227658.0</t>
  </si>
  <si>
    <t>558.114</t>
  </si>
  <si>
    <t>0.0136</t>
  </si>
  <si>
    <t>165385.0</t>
  </si>
  <si>
    <t>156615.0</t>
  </si>
  <si>
    <t>25164.0</t>
  </si>
  <si>
    <t>40.34</t>
  </si>
  <si>
    <t>38.2</t>
  </si>
  <si>
    <t>228225.0</t>
  </si>
  <si>
    <t>559.504</t>
  </si>
  <si>
    <t>228587.0</t>
  </si>
  <si>
    <t>560.391</t>
  </si>
  <si>
    <t>0.0482</t>
  </si>
  <si>
    <t>0.0701</t>
  </si>
  <si>
    <t>229615.0</t>
  </si>
  <si>
    <t>562.912</t>
  </si>
  <si>
    <t>0.0591</t>
  </si>
  <si>
    <t>0.0476</t>
  </si>
  <si>
    <t>0.0527</t>
  </si>
  <si>
    <t>0.0623</t>
  </si>
  <si>
    <t>230514.0</t>
  </si>
  <si>
    <t>565.115</t>
  </si>
  <si>
    <t>339546.0</t>
  </si>
  <si>
    <t>166236.0</t>
  </si>
  <si>
    <t>157550.0</t>
  </si>
  <si>
    <t>27195.0</t>
  </si>
  <si>
    <t>40.55</t>
  </si>
  <si>
    <t>0.0924</t>
  </si>
  <si>
    <t>231261.0</t>
  </si>
  <si>
    <t>566.947</t>
  </si>
  <si>
    <t>0.1045</t>
  </si>
  <si>
    <t>0.1127</t>
  </si>
  <si>
    <t>340866.0</t>
  </si>
  <si>
    <t>166471.0</t>
  </si>
  <si>
    <t>157964.0</t>
  </si>
  <si>
    <t>27866.0</t>
  </si>
  <si>
    <t>38.53</t>
  </si>
  <si>
    <t>0.1122</t>
  </si>
  <si>
    <t>231838.0</t>
  </si>
  <si>
    <t>568.361</t>
  </si>
  <si>
    <t>0.1138</t>
  </si>
  <si>
    <t>0.1358</t>
  </si>
  <si>
    <t>0.1485</t>
  </si>
  <si>
    <t>232777.0</t>
  </si>
  <si>
    <t>570.663</t>
  </si>
  <si>
    <t>0.1781</t>
  </si>
  <si>
    <t>0.1712</t>
  </si>
  <si>
    <t>0.1633</t>
  </si>
  <si>
    <t>0.2161</t>
  </si>
  <si>
    <t>0.1852</t>
  </si>
  <si>
    <t>234234.0</t>
  </si>
  <si>
    <t>574.235</t>
  </si>
  <si>
    <t>0.2249</t>
  </si>
  <si>
    <t>0.1887</t>
  </si>
  <si>
    <t>236345.0</t>
  </si>
  <si>
    <t>579.41</t>
  </si>
  <si>
    <t>0.1627</t>
  </si>
  <si>
    <t>0.2148</t>
  </si>
  <si>
    <t>0.2339</t>
  </si>
  <si>
    <t>237257.0</t>
  </si>
  <si>
    <t>581.646</t>
  </si>
  <si>
    <t>0.3336</t>
  </si>
  <si>
    <t>0.4546</t>
  </si>
  <si>
    <t>0.2965</t>
  </si>
  <si>
    <t>0.3254</t>
  </si>
  <si>
    <t>238459.0</t>
  </si>
  <si>
    <t>584.593</t>
  </si>
  <si>
    <t>0.2709</t>
  </si>
  <si>
    <t>0.2346</t>
  </si>
  <si>
    <t>0.1801</t>
  </si>
  <si>
    <t>239960.0</t>
  </si>
  <si>
    <t>588.273</t>
  </si>
  <si>
    <t>0.1622</t>
  </si>
  <si>
    <t>0.2599</t>
  </si>
  <si>
    <t>0.2746</t>
  </si>
  <si>
    <t>240874.0</t>
  </si>
  <si>
    <t>590.514</t>
  </si>
  <si>
    <t>0.2728</t>
  </si>
  <si>
    <t>0.3053</t>
  </si>
  <si>
    <t>241200.0</t>
  </si>
  <si>
    <t>591.313</t>
  </si>
  <si>
    <t>0.3486</t>
  </si>
  <si>
    <t>346253.0</t>
  </si>
  <si>
    <t>159548.0</t>
  </si>
  <si>
    <t>31669.0</t>
  </si>
  <si>
    <t>38.92</t>
  </si>
  <si>
    <t>7.72</t>
  </si>
  <si>
    <t>349262.0</t>
  </si>
  <si>
    <t>160953.0</t>
  </si>
  <si>
    <t>33273.0</t>
  </si>
  <si>
    <t>85.19</t>
  </si>
  <si>
    <t>355958.0</t>
  </si>
  <si>
    <t>171391.0</t>
  </si>
  <si>
    <t>162729.0</t>
  </si>
  <si>
    <t>86.82</t>
  </si>
  <si>
    <t>828.0</t>
  </si>
  <si>
    <t>357101.0</t>
  </si>
  <si>
    <t>172041.0</t>
  </si>
  <si>
    <t>163222.0</t>
  </si>
  <si>
    <t>87.1</t>
  </si>
  <si>
    <t>41.96</t>
  </si>
  <si>
    <t>357722.0</t>
  </si>
  <si>
    <t>172361.0</t>
  </si>
  <si>
    <t>163523.0</t>
  </si>
  <si>
    <t>42.04</t>
  </si>
  <si>
    <t>358197.0</t>
  </si>
  <si>
    <t>172588.0</t>
  </si>
  <si>
    <t>163771.0</t>
  </si>
  <si>
    <t>87.37</t>
  </si>
  <si>
    <t>42.1</t>
  </si>
  <si>
    <t>359002.0</t>
  </si>
  <si>
    <t>172859.0</t>
  </si>
  <si>
    <t>164305.0</t>
  </si>
  <si>
    <t>40.08</t>
  </si>
  <si>
    <t>361661.0</t>
  </si>
  <si>
    <t>173032.0</t>
  </si>
  <si>
    <t>164507.0</t>
  </si>
  <si>
    <t>35557.0</t>
  </si>
  <si>
    <t>88.21</t>
  </si>
  <si>
    <t>40.12</t>
  </si>
  <si>
    <t>362109.0</t>
  </si>
  <si>
    <t>173208.0</t>
  </si>
  <si>
    <t>164779.0</t>
  </si>
  <si>
    <t>88.32</t>
  </si>
  <si>
    <t>362968.0</t>
  </si>
  <si>
    <t>173529.0</t>
  </si>
  <si>
    <t>165317.0</t>
  </si>
  <si>
    <t>88.53</t>
  </si>
  <si>
    <t>40.32</t>
  </si>
  <si>
    <t>363832.0</t>
  </si>
  <si>
    <t>173843.0</t>
  </si>
  <si>
    <t>36421.0</t>
  </si>
  <si>
    <t>364701.0</t>
  </si>
  <si>
    <t>165633.0</t>
  </si>
  <si>
    <t>36670.0</t>
  </si>
  <si>
    <t>88.95</t>
  </si>
  <si>
    <t>42.48</t>
  </si>
  <si>
    <t>BHR</t>
  </si>
  <si>
    <t>Bahrain</t>
  </si>
  <si>
    <t>units unclear</t>
  </si>
  <si>
    <t>6420.0</t>
  </si>
  <si>
    <t>4.387</t>
  </si>
  <si>
    <t>7830.0</t>
  </si>
  <si>
    <t>5.351</t>
  </si>
  <si>
    <t>5.709</t>
  </si>
  <si>
    <t>8810.0</t>
  </si>
  <si>
    <t>6.021</t>
  </si>
  <si>
    <t>9042.0</t>
  </si>
  <si>
    <t>6.179</t>
  </si>
  <si>
    <t>0.0305</t>
  </si>
  <si>
    <t>12131.0</t>
  </si>
  <si>
    <t>0.0277</t>
  </si>
  <si>
    <t>13553.0</t>
  </si>
  <si>
    <t>9.262</t>
  </si>
  <si>
    <t>0.0227</t>
  </si>
  <si>
    <t>108.1</t>
  </si>
  <si>
    <t>19098.0</t>
  </si>
  <si>
    <t>1505.0</t>
  </si>
  <si>
    <t>98.2</t>
  </si>
  <si>
    <t>25169.0</t>
  </si>
  <si>
    <t>17.201</t>
  </si>
  <si>
    <t>79.7</t>
  </si>
  <si>
    <t>77.8</t>
  </si>
  <si>
    <t>29533.0</t>
  </si>
  <si>
    <t>20.183</t>
  </si>
  <si>
    <t>31895.0</t>
  </si>
  <si>
    <t>21.797</t>
  </si>
  <si>
    <t>32596.0</t>
  </si>
  <si>
    <t>22.276</t>
  </si>
  <si>
    <t>0.0208</t>
  </si>
  <si>
    <t>37996.0</t>
  </si>
  <si>
    <t>25.967</t>
  </si>
  <si>
    <t>1097.0</t>
  </si>
  <si>
    <t>39256.0</t>
  </si>
  <si>
    <t>26.828</t>
  </si>
  <si>
    <t>44386.0</t>
  </si>
  <si>
    <t>3.506</t>
  </si>
  <si>
    <t>47684.0</t>
  </si>
  <si>
    <t>32.587</t>
  </si>
  <si>
    <t>1.473</t>
  </si>
  <si>
    <t>50127.0</t>
  </si>
  <si>
    <t>34.257</t>
  </si>
  <si>
    <t>52804.0</t>
  </si>
  <si>
    <t>36.086</t>
  </si>
  <si>
    <t>55096.0</t>
  </si>
  <si>
    <t>37.653</t>
  </si>
  <si>
    <t>57681.0</t>
  </si>
  <si>
    <t>39.419</t>
  </si>
  <si>
    <t>60706.0</t>
  </si>
  <si>
    <t>63973.0</t>
  </si>
  <si>
    <t>43.719</t>
  </si>
  <si>
    <t>2.233</t>
  </si>
  <si>
    <t>67327.0</t>
  </si>
  <si>
    <t>3354.0</t>
  </si>
  <si>
    <t>46.011</t>
  </si>
  <si>
    <t>3486.0</t>
  </si>
  <si>
    <t>48.394</t>
  </si>
  <si>
    <t>73272.0</t>
  </si>
  <si>
    <t>50.074</t>
  </si>
  <si>
    <t>76944.0</t>
  </si>
  <si>
    <t>52.584</t>
  </si>
  <si>
    <t>2.509</t>
  </si>
  <si>
    <t>2668.0</t>
  </si>
  <si>
    <t>54.407</t>
  </si>
  <si>
    <t>82568.0</t>
  </si>
  <si>
    <t>56.427</t>
  </si>
  <si>
    <t>0.0335</t>
  </si>
  <si>
    <t>86732.0</t>
  </si>
  <si>
    <t>59.273</t>
  </si>
  <si>
    <t>2.222</t>
  </si>
  <si>
    <t>90307.0</t>
  </si>
  <si>
    <t>61.716</t>
  </si>
  <si>
    <t>94380.0</t>
  </si>
  <si>
    <t>97796.0</t>
  </si>
  <si>
    <t>66.834</t>
  </si>
  <si>
    <t>2.394</t>
  </si>
  <si>
    <t>100031.0</t>
  </si>
  <si>
    <t>2235.0</t>
  </si>
  <si>
    <t>68.362</t>
  </si>
  <si>
    <t>105365.0</t>
  </si>
  <si>
    <t>72.007</t>
  </si>
  <si>
    <t>2.514</t>
  </si>
  <si>
    <t>110407.0</t>
  </si>
  <si>
    <t>5042.0</t>
  </si>
  <si>
    <t>75.452</t>
  </si>
  <si>
    <t>3.446</t>
  </si>
  <si>
    <t>114110.0</t>
  </si>
  <si>
    <t>77.983</t>
  </si>
  <si>
    <t>2.673</t>
  </si>
  <si>
    <t>117797.0</t>
  </si>
  <si>
    <t>80.503</t>
  </si>
  <si>
    <t>2.52</t>
  </si>
  <si>
    <t>121706.0</t>
  </si>
  <si>
    <t>83.174</t>
  </si>
  <si>
    <t>3904.0</t>
  </si>
  <si>
    <t>2.668</t>
  </si>
  <si>
    <t>0.0307</t>
  </si>
  <si>
    <t>126905.0</t>
  </si>
  <si>
    <t>86.727</t>
  </si>
  <si>
    <t>4158.0</t>
  </si>
  <si>
    <t>2.842</t>
  </si>
  <si>
    <t>129694.0</t>
  </si>
  <si>
    <t>88.633</t>
  </si>
  <si>
    <t>1.906</t>
  </si>
  <si>
    <t>4238.0</t>
  </si>
  <si>
    <t>2.896</t>
  </si>
  <si>
    <t>134082.0</t>
  </si>
  <si>
    <t>91.632</t>
  </si>
  <si>
    <t>2.803</t>
  </si>
  <si>
    <t>138278.0</t>
  </si>
  <si>
    <t>4196.0</t>
  </si>
  <si>
    <t>94.5</t>
  </si>
  <si>
    <t>144155.0</t>
  </si>
  <si>
    <t>98.516</t>
  </si>
  <si>
    <t>4.016</t>
  </si>
  <si>
    <t>2.933</t>
  </si>
  <si>
    <t>149586.0</t>
  </si>
  <si>
    <t>5431.0</t>
  </si>
  <si>
    <t>102.228</t>
  </si>
  <si>
    <t>3.712</t>
  </si>
  <si>
    <t>3.103</t>
  </si>
  <si>
    <t>106.27</t>
  </si>
  <si>
    <t>4.042</t>
  </si>
  <si>
    <t>4828.0</t>
  </si>
  <si>
    <t>0.0269</t>
  </si>
  <si>
    <t>160341.0</t>
  </si>
  <si>
    <t>4840.0</t>
  </si>
  <si>
    <t>109.578</t>
  </si>
  <si>
    <t>3.308</t>
  </si>
  <si>
    <t>4777.0</t>
  </si>
  <si>
    <t>0.0303</t>
  </si>
  <si>
    <t>166378.0</t>
  </si>
  <si>
    <t>113.703</t>
  </si>
  <si>
    <t>3.582</t>
  </si>
  <si>
    <t>172158.0</t>
  </si>
  <si>
    <t>117.653</t>
  </si>
  <si>
    <t>3.717</t>
  </si>
  <si>
    <t>178353.0</t>
  </si>
  <si>
    <t>121.887</t>
  </si>
  <si>
    <t>4.234</t>
  </si>
  <si>
    <t>3.912</t>
  </si>
  <si>
    <t>184029.0</t>
  </si>
  <si>
    <t>5676.0</t>
  </si>
  <si>
    <t>125.766</t>
  </si>
  <si>
    <t>3.893</t>
  </si>
  <si>
    <t>190780.0</t>
  </si>
  <si>
    <t>130.38</t>
  </si>
  <si>
    <t>4.614</t>
  </si>
  <si>
    <t>197898.0</t>
  </si>
  <si>
    <t>135.244</t>
  </si>
  <si>
    <t>205570.0</t>
  </si>
  <si>
    <t>7672.0</t>
  </si>
  <si>
    <t>140.487</t>
  </si>
  <si>
    <t>5.243</t>
  </si>
  <si>
    <t>6461.0</t>
  </si>
  <si>
    <t>4.415</t>
  </si>
  <si>
    <t>0.0416</t>
  </si>
  <si>
    <t>5557.0</t>
  </si>
  <si>
    <t>144.285</t>
  </si>
  <si>
    <t>3.798</t>
  </si>
  <si>
    <t>6393.0</t>
  </si>
  <si>
    <t>4.369</t>
  </si>
  <si>
    <t>0.0447</t>
  </si>
  <si>
    <t>222542.0</t>
  </si>
  <si>
    <t>11415.0</t>
  </si>
  <si>
    <t>152.086</t>
  </si>
  <si>
    <t>7.801</t>
  </si>
  <si>
    <t>7198.0</t>
  </si>
  <si>
    <t>4.919</t>
  </si>
  <si>
    <t>0.0425</t>
  </si>
  <si>
    <t>230188.0</t>
  </si>
  <si>
    <t>157.311</t>
  </si>
  <si>
    <t>5.225</t>
  </si>
  <si>
    <t>7405.0</t>
  </si>
  <si>
    <t>5.061</t>
  </si>
  <si>
    <t>236828.0</t>
  </si>
  <si>
    <t>161.849</t>
  </si>
  <si>
    <t>4.538</t>
  </si>
  <si>
    <t>5.155</t>
  </si>
  <si>
    <t>0.0382</t>
  </si>
  <si>
    <t>26.2</t>
  </si>
  <si>
    <t>243031.0</t>
  </si>
  <si>
    <t>166.088</t>
  </si>
  <si>
    <t>7464.0</t>
  </si>
  <si>
    <t>5.101</t>
  </si>
  <si>
    <t>248205.0</t>
  </si>
  <si>
    <t>5174.0</t>
  </si>
  <si>
    <t>169.624</t>
  </si>
  <si>
    <t>3.536</t>
  </si>
  <si>
    <t>7187.0</t>
  </si>
  <si>
    <t>4.912</t>
  </si>
  <si>
    <t>255633.0</t>
  </si>
  <si>
    <t>7428.0</t>
  </si>
  <si>
    <t>174.7</t>
  </si>
  <si>
    <t>7152.0</t>
  </si>
  <si>
    <t>4.888</t>
  </si>
  <si>
    <t>5.007</t>
  </si>
  <si>
    <t>269179.0</t>
  </si>
  <si>
    <t>183.958</t>
  </si>
  <si>
    <t>4.553</t>
  </si>
  <si>
    <t>276552.0</t>
  </si>
  <si>
    <t>188.997</t>
  </si>
  <si>
    <t>5.039</t>
  </si>
  <si>
    <t>6623.0</t>
  </si>
  <si>
    <t>4.526</t>
  </si>
  <si>
    <t>281204.0</t>
  </si>
  <si>
    <t>192.176</t>
  </si>
  <si>
    <t>4.332</t>
  </si>
  <si>
    <t>283884.0</t>
  </si>
  <si>
    <t>194.007</t>
  </si>
  <si>
    <t>1.832</t>
  </si>
  <si>
    <t>3.988</t>
  </si>
  <si>
    <t>0.0486</t>
  </si>
  <si>
    <t>20.6</t>
  </si>
  <si>
    <t>286223.0</t>
  </si>
  <si>
    <t>195.606</t>
  </si>
  <si>
    <t>291127.0</t>
  </si>
  <si>
    <t>198.957</t>
  </si>
  <si>
    <t>3.351</t>
  </si>
  <si>
    <t>5071.0</t>
  </si>
  <si>
    <t>3.466</t>
  </si>
  <si>
    <t>0.0508</t>
  </si>
  <si>
    <t>297873.0</t>
  </si>
  <si>
    <t>203.567</t>
  </si>
  <si>
    <t>304179.0</t>
  </si>
  <si>
    <t>207.877</t>
  </si>
  <si>
    <t>3.417</t>
  </si>
  <si>
    <t>309573.0</t>
  </si>
  <si>
    <t>211.563</t>
  </si>
  <si>
    <t>3.686</t>
  </si>
  <si>
    <t>3.224</t>
  </si>
  <si>
    <t>316807.0</t>
  </si>
  <si>
    <t>7234.0</t>
  </si>
  <si>
    <t>216.507</t>
  </si>
  <si>
    <t>4.944</t>
  </si>
  <si>
    <t>323162.0</t>
  </si>
  <si>
    <t>4.343</t>
  </si>
  <si>
    <t>3.835</t>
  </si>
  <si>
    <t>330733.0</t>
  </si>
  <si>
    <t>226.024</t>
  </si>
  <si>
    <t>4.346</t>
  </si>
  <si>
    <t>337773.0</t>
  </si>
  <si>
    <t>7040.0</t>
  </si>
  <si>
    <t>230.835</t>
  </si>
  <si>
    <t>4.811</t>
  </si>
  <si>
    <t>4.554</t>
  </si>
  <si>
    <t>345337.0</t>
  </si>
  <si>
    <t>7564.0</t>
  </si>
  <si>
    <t>236.004</t>
  </si>
  <si>
    <t>5.169</t>
  </si>
  <si>
    <t>354122.0</t>
  </si>
  <si>
    <t>8785.0</t>
  </si>
  <si>
    <t>242.008</t>
  </si>
  <si>
    <t>6.004</t>
  </si>
  <si>
    <t>4.876</t>
  </si>
  <si>
    <t>361376.0</t>
  </si>
  <si>
    <t>246.966</t>
  </si>
  <si>
    <t>7400.0</t>
  </si>
  <si>
    <t>5.057</t>
  </si>
  <si>
    <t>367056.0</t>
  </si>
  <si>
    <t>250.847</t>
  </si>
  <si>
    <t>3.882</t>
  </si>
  <si>
    <t>4.905</t>
  </si>
  <si>
    <t>374362.0</t>
  </si>
  <si>
    <t>255.84</t>
  </si>
  <si>
    <t>4.993</t>
  </si>
  <si>
    <t>7314.0</t>
  </si>
  <si>
    <t>4.998</t>
  </si>
  <si>
    <t>378235.0</t>
  </si>
  <si>
    <t>258.487</t>
  </si>
  <si>
    <t>2.647</t>
  </si>
  <si>
    <t>6786.0</t>
  </si>
  <si>
    <t>4.638</t>
  </si>
  <si>
    <t>386134.0</t>
  </si>
  <si>
    <t>263.885</t>
  </si>
  <si>
    <t>4.722</t>
  </si>
  <si>
    <t>393910.0</t>
  </si>
  <si>
    <t>269.199</t>
  </si>
  <si>
    <t>5.314</t>
  </si>
  <si>
    <t>4.742</t>
  </si>
  <si>
    <t>0.0694</t>
  </si>
  <si>
    <t>403036.0</t>
  </si>
  <si>
    <t>9126.0</t>
  </si>
  <si>
    <t>275.436</t>
  </si>
  <si>
    <t>6.237</t>
  </si>
  <si>
    <t>6988.0</t>
  </si>
  <si>
    <t>4.776</t>
  </si>
  <si>
    <t>0.0702</t>
  </si>
  <si>
    <t>410842.0</t>
  </si>
  <si>
    <t>7806.0</t>
  </si>
  <si>
    <t>280.771</t>
  </si>
  <si>
    <t>5.335</t>
  </si>
  <si>
    <t>418413.0</t>
  </si>
  <si>
    <t>285.945</t>
  </si>
  <si>
    <t>7337.0</t>
  </si>
  <si>
    <t>5.014</t>
  </si>
  <si>
    <t>0.0674</t>
  </si>
  <si>
    <t>425192.0</t>
  </si>
  <si>
    <t>6779.0</t>
  </si>
  <si>
    <t>290.578</t>
  </si>
  <si>
    <t>4.633</t>
  </si>
  <si>
    <t>4.962</t>
  </si>
  <si>
    <t>0.0707</t>
  </si>
  <si>
    <t>438080.0</t>
  </si>
  <si>
    <t>299.385</t>
  </si>
  <si>
    <t>8.808</t>
  </si>
  <si>
    <t>5.842</t>
  </si>
  <si>
    <t>5.866</t>
  </si>
  <si>
    <t>454368.0</t>
  </si>
  <si>
    <t>310.517</t>
  </si>
  <si>
    <t>8637.0</t>
  </si>
  <si>
    <t>5.903</t>
  </si>
  <si>
    <t>0.0622</t>
  </si>
  <si>
    <t>8479.0</t>
  </si>
  <si>
    <t>470409.0</t>
  </si>
  <si>
    <t>321.479</t>
  </si>
  <si>
    <t>5.816</t>
  </si>
  <si>
    <t>0.0607</t>
  </si>
  <si>
    <t>8521.0</t>
  </si>
  <si>
    <t>0.0593</t>
  </si>
  <si>
    <t>485715.0</t>
  </si>
  <si>
    <t>331.939</t>
  </si>
  <si>
    <t>5.909</t>
  </si>
  <si>
    <t>0.0561</t>
  </si>
  <si>
    <t>7399.0</t>
  </si>
  <si>
    <t>337.62</t>
  </si>
  <si>
    <t>6829.0</t>
  </si>
  <si>
    <t>502763.0</t>
  </si>
  <si>
    <t>8735.0</t>
  </si>
  <si>
    <t>343.59</t>
  </si>
  <si>
    <t>5.97</t>
  </si>
  <si>
    <t>4.725</t>
  </si>
  <si>
    <t>0.0754</t>
  </si>
  <si>
    <t>511458.0</t>
  </si>
  <si>
    <t>8695.0</t>
  </si>
  <si>
    <t>349.532</t>
  </si>
  <si>
    <t>7010.0</t>
  </si>
  <si>
    <t>0.0793</t>
  </si>
  <si>
    <t>521101.0</t>
  </si>
  <si>
    <t>9643.0</t>
  </si>
  <si>
    <t>356.122</t>
  </si>
  <si>
    <t>7242.0</t>
  </si>
  <si>
    <t>4.949</t>
  </si>
  <si>
    <t>529242.0</t>
  </si>
  <si>
    <t>361.686</t>
  </si>
  <si>
    <t>536516.0</t>
  </si>
  <si>
    <t>7274.0</t>
  </si>
  <si>
    <t>366.657</t>
  </si>
  <si>
    <t>4.971</t>
  </si>
  <si>
    <t>7257.0</t>
  </si>
  <si>
    <t>4.959</t>
  </si>
  <si>
    <t>545125.0</t>
  </si>
  <si>
    <t>372.54</t>
  </si>
  <si>
    <t>5.394</t>
  </si>
  <si>
    <t>554239.0</t>
  </si>
  <si>
    <t>9114.0</t>
  </si>
  <si>
    <t>378.769</t>
  </si>
  <si>
    <t>6.229</t>
  </si>
  <si>
    <t>8602.0</t>
  </si>
  <si>
    <t>5.879</t>
  </si>
  <si>
    <t>0.0638</t>
  </si>
  <si>
    <t>564365.0</t>
  </si>
  <si>
    <t>10126.0</t>
  </si>
  <si>
    <t>385.689</t>
  </si>
  <si>
    <t>8800.0</t>
  </si>
  <si>
    <t>6.014</t>
  </si>
  <si>
    <t>574105.0</t>
  </si>
  <si>
    <t>9740.0</t>
  </si>
  <si>
    <t>392.345</t>
  </si>
  <si>
    <t>6.656</t>
  </si>
  <si>
    <t>6.116</t>
  </si>
  <si>
    <t>0.0575</t>
  </si>
  <si>
    <t>584070.0</t>
  </si>
  <si>
    <t>9965.0</t>
  </si>
  <si>
    <t>399.155</t>
  </si>
  <si>
    <t>8996.0</t>
  </si>
  <si>
    <t>6.148</t>
  </si>
  <si>
    <t>602151.0</t>
  </si>
  <si>
    <t>18081.0</t>
  </si>
  <si>
    <t>411.512</t>
  </si>
  <si>
    <t>12.357</t>
  </si>
  <si>
    <t>10416.0</t>
  </si>
  <si>
    <t>7.118</t>
  </si>
  <si>
    <t>612096.0</t>
  </si>
  <si>
    <t>418.308</t>
  </si>
  <si>
    <t>6.796</t>
  </si>
  <si>
    <t>10797.0</t>
  </si>
  <si>
    <t>7.379</t>
  </si>
  <si>
    <t>10900.0</t>
  </si>
  <si>
    <t>630753.0</t>
  </si>
  <si>
    <t>431.059</t>
  </si>
  <si>
    <t>10931.0</t>
  </si>
  <si>
    <t>10160.0</t>
  </si>
  <si>
    <t>6.943</t>
  </si>
  <si>
    <t>0.0519</t>
  </si>
  <si>
    <t>640219.0</t>
  </si>
  <si>
    <t>437.528</t>
  </si>
  <si>
    <t>6.455</t>
  </si>
  <si>
    <t>0.0549</t>
  </si>
  <si>
    <t>649020.0</t>
  </si>
  <si>
    <t>443.542</t>
  </si>
  <si>
    <t>6.015</t>
  </si>
  <si>
    <t>9279.0</t>
  </si>
  <si>
    <t>0.0556</t>
  </si>
  <si>
    <t>656659.0</t>
  </si>
  <si>
    <t>448.763</t>
  </si>
  <si>
    <t>5.221</t>
  </si>
  <si>
    <t>7787.0</t>
  </si>
  <si>
    <t>5.322</t>
  </si>
  <si>
    <t>666248.0</t>
  </si>
  <si>
    <t>455.316</t>
  </si>
  <si>
    <t>6.553</t>
  </si>
  <si>
    <t>5.287</t>
  </si>
  <si>
    <t>0.0675</t>
  </si>
  <si>
    <t>675451.0</t>
  </si>
  <si>
    <t>9203.0</t>
  </si>
  <si>
    <t>461.605</t>
  </si>
  <si>
    <t>6.289</t>
  </si>
  <si>
    <t>7718.0</t>
  </si>
  <si>
    <t>5.275</t>
  </si>
  <si>
    <t>685318.0</t>
  </si>
  <si>
    <t>9867.0</t>
  </si>
  <si>
    <t>468.349</t>
  </si>
  <si>
    <t>6.743</t>
  </si>
  <si>
    <t>0.0665</t>
  </si>
  <si>
    <t>693539.0</t>
  </si>
  <si>
    <t>473.967</t>
  </si>
  <si>
    <t>8293.0</t>
  </si>
  <si>
    <t>5.667</t>
  </si>
  <si>
    <t>703002.0</t>
  </si>
  <si>
    <t>9463.0</t>
  </si>
  <si>
    <t>480.434</t>
  </si>
  <si>
    <t>6.467</t>
  </si>
  <si>
    <t>6.129</t>
  </si>
  <si>
    <t>710686.0</t>
  </si>
  <si>
    <t>485.685</t>
  </si>
  <si>
    <t>8809.0</t>
  </si>
  <si>
    <t>6.02</t>
  </si>
  <si>
    <t>717723.0</t>
  </si>
  <si>
    <t>490.494</t>
  </si>
  <si>
    <t>4.809</t>
  </si>
  <si>
    <t>8723.0</t>
  </si>
  <si>
    <t>5.961</t>
  </si>
  <si>
    <t>726140.0</t>
  </si>
  <si>
    <t>8417.0</t>
  </si>
  <si>
    <t>496.246</t>
  </si>
  <si>
    <t>5.752</t>
  </si>
  <si>
    <t>8556.0</t>
  </si>
  <si>
    <t>5.847</t>
  </si>
  <si>
    <t>0.0578</t>
  </si>
  <si>
    <t>744694.0</t>
  </si>
  <si>
    <t>18554.0</t>
  </si>
  <si>
    <t>508.926</t>
  </si>
  <si>
    <t>9892.0</t>
  </si>
  <si>
    <t>0.0468</t>
  </si>
  <si>
    <t>760733.0</t>
  </si>
  <si>
    <t>519.887</t>
  </si>
  <si>
    <t>9599.0</t>
  </si>
  <si>
    <t>780081.0</t>
  </si>
  <si>
    <t>533.11</t>
  </si>
  <si>
    <t>6.775</t>
  </si>
  <si>
    <t>10245.0</t>
  </si>
  <si>
    <t>7.001</t>
  </si>
  <si>
    <t>798799.0</t>
  </si>
  <si>
    <t>545.902</t>
  </si>
  <si>
    <t>10380.0</t>
  </si>
  <si>
    <t>7.094</t>
  </si>
  <si>
    <t>808276.0</t>
  </si>
  <si>
    <t>9477.0</t>
  </si>
  <si>
    <t>552.378</t>
  </si>
  <si>
    <t>9083.0</t>
  </si>
  <si>
    <t>6.207</t>
  </si>
  <si>
    <t>817608.0</t>
  </si>
  <si>
    <t>558.756</t>
  </si>
  <si>
    <t>6.378</t>
  </si>
  <si>
    <t>9271.0</t>
  </si>
  <si>
    <t>826672.0</t>
  </si>
  <si>
    <t>9064.0</t>
  </si>
  <si>
    <t>564.95</t>
  </si>
  <si>
    <t>6.194</t>
  </si>
  <si>
    <t>9420.0</t>
  </si>
  <si>
    <t>6.438</t>
  </si>
  <si>
    <t>830998.0</t>
  </si>
  <si>
    <t>567.907</t>
  </si>
  <si>
    <t>8656.0</t>
  </si>
  <si>
    <t>5.916</t>
  </si>
  <si>
    <t>835567.0</t>
  </si>
  <si>
    <t>571.029</t>
  </si>
  <si>
    <t>3.122</t>
  </si>
  <si>
    <t>5.417</t>
  </si>
  <si>
    <t>842992.0</t>
  </si>
  <si>
    <t>7425.0</t>
  </si>
  <si>
    <t>576.103</t>
  </si>
  <si>
    <t>5.228</t>
  </si>
  <si>
    <t>850648.0</t>
  </si>
  <si>
    <t>581.336</t>
  </si>
  <si>
    <t>5.232</t>
  </si>
  <si>
    <t>5.062</t>
  </si>
  <si>
    <t>858249.0</t>
  </si>
  <si>
    <t>7601.0</t>
  </si>
  <si>
    <t>586.53</t>
  </si>
  <si>
    <t>7139.0</t>
  </si>
  <si>
    <t>4.879</t>
  </si>
  <si>
    <t>0.0442</t>
  </si>
  <si>
    <t>4.421</t>
  </si>
  <si>
    <t>867534.0</t>
  </si>
  <si>
    <t>592.876</t>
  </si>
  <si>
    <t>3.989</t>
  </si>
  <si>
    <t>0.0522</t>
  </si>
  <si>
    <t>876700.0</t>
  </si>
  <si>
    <t>9166.0</t>
  </si>
  <si>
    <t>599.14</t>
  </si>
  <si>
    <t>4.462</t>
  </si>
  <si>
    <t>886095.0</t>
  </si>
  <si>
    <t>9395.0</t>
  </si>
  <si>
    <t>605.56</t>
  </si>
  <si>
    <t>6.421</t>
  </si>
  <si>
    <t>7218.0</t>
  </si>
  <si>
    <t>4.933</t>
  </si>
  <si>
    <t>0.0483</t>
  </si>
  <si>
    <t>892926.0</t>
  </si>
  <si>
    <t>6831.0</t>
  </si>
  <si>
    <t>610.228</t>
  </si>
  <si>
    <t>4.668</t>
  </si>
  <si>
    <t>7133.0</t>
  </si>
  <si>
    <t>902059.0</t>
  </si>
  <si>
    <t>9133.0</t>
  </si>
  <si>
    <t>616.47</t>
  </si>
  <si>
    <t>6.242</t>
  </si>
  <si>
    <t>7344.0</t>
  </si>
  <si>
    <t>5.019</t>
  </si>
  <si>
    <t>912111.0</t>
  </si>
  <si>
    <t>623.34</t>
  </si>
  <si>
    <t>7695.0</t>
  </si>
  <si>
    <t>5.259</t>
  </si>
  <si>
    <t>933762.0</t>
  </si>
  <si>
    <t>21651.0</t>
  </si>
  <si>
    <t>638.136</t>
  </si>
  <si>
    <t>14.796</t>
  </si>
  <si>
    <t>10124.0</t>
  </si>
  <si>
    <t>6.919</t>
  </si>
  <si>
    <t>0.0388</t>
  </si>
  <si>
    <t>7.004</t>
  </si>
  <si>
    <t>944798.0</t>
  </si>
  <si>
    <t>645.678</t>
  </si>
  <si>
    <t>9728.0</t>
  </si>
  <si>
    <t>954192.0</t>
  </si>
  <si>
    <t>9394.0</t>
  </si>
  <si>
    <t>652.098</t>
  </si>
  <si>
    <t>962334.0</t>
  </si>
  <si>
    <t>8142.0</t>
  </si>
  <si>
    <t>657.662</t>
  </si>
  <si>
    <t>6.776</t>
  </si>
  <si>
    <t>0.0407</t>
  </si>
  <si>
    <t>972003.0</t>
  </si>
  <si>
    <t>9669.0</t>
  </si>
  <si>
    <t>664.27</t>
  </si>
  <si>
    <t>6.608</t>
  </si>
  <si>
    <t>9992.0</t>
  </si>
  <si>
    <t>6.829</t>
  </si>
  <si>
    <t>0.0399</t>
  </si>
  <si>
    <t>981208.0</t>
  </si>
  <si>
    <t>9205.0</t>
  </si>
  <si>
    <t>670.561</t>
  </si>
  <si>
    <t>6.291</t>
  </si>
  <si>
    <t>9871.0</t>
  </si>
  <si>
    <t>6.746</t>
  </si>
  <si>
    <t>1000787.0</t>
  </si>
  <si>
    <t>19579.0</t>
  </si>
  <si>
    <t>683.941</t>
  </si>
  <si>
    <t>6.544</t>
  </si>
  <si>
    <t>0.0401</t>
  </si>
  <si>
    <t>1011805.0</t>
  </si>
  <si>
    <t>691.471</t>
  </si>
  <si>
    <t>9572.0</t>
  </si>
  <si>
    <t>6.542</t>
  </si>
  <si>
    <t>1020803.0</t>
  </si>
  <si>
    <t>8998.0</t>
  </si>
  <si>
    <t>697.62</t>
  </si>
  <si>
    <t>9516.0</t>
  </si>
  <si>
    <t>6.503</t>
  </si>
  <si>
    <t>1029969.0</t>
  </si>
  <si>
    <t>703.884</t>
  </si>
  <si>
    <t>6.603</t>
  </si>
  <si>
    <t>0.0369</t>
  </si>
  <si>
    <t>1039571.0</t>
  </si>
  <si>
    <t>9602.0</t>
  </si>
  <si>
    <t>710.446</t>
  </si>
  <si>
    <t>6.562</t>
  </si>
  <si>
    <t>9653.0</t>
  </si>
  <si>
    <t>6.597</t>
  </si>
  <si>
    <t>1048935.0</t>
  </si>
  <si>
    <t>9364.0</t>
  </si>
  <si>
    <t>716.846</t>
  </si>
  <si>
    <t>6.399</t>
  </si>
  <si>
    <t>9675.0</t>
  </si>
  <si>
    <t>6.612</t>
  </si>
  <si>
    <t>0.0368</t>
  </si>
  <si>
    <t>1067907.0</t>
  </si>
  <si>
    <t>729.811</t>
  </si>
  <si>
    <t>12.966</t>
  </si>
  <si>
    <t>9577.0</t>
  </si>
  <si>
    <t>6.545</t>
  </si>
  <si>
    <t>1078767.0</t>
  </si>
  <si>
    <t>737.233</t>
  </si>
  <si>
    <t>9566.0</t>
  </si>
  <si>
    <t>6.537</t>
  </si>
  <si>
    <t>1088418.0</t>
  </si>
  <si>
    <t>743.828</t>
  </si>
  <si>
    <t>6.596</t>
  </si>
  <si>
    <t>6.601</t>
  </si>
  <si>
    <t>0.0348</t>
  </si>
  <si>
    <t>1100729.0</t>
  </si>
  <si>
    <t>752.242</t>
  </si>
  <si>
    <t>8.413</t>
  </si>
  <si>
    <t>6.909</t>
  </si>
  <si>
    <t>9262.0</t>
  </si>
  <si>
    <t>1108088.0</t>
  </si>
  <si>
    <t>757.271</t>
  </si>
  <si>
    <t>8450.0</t>
  </si>
  <si>
    <t>5.775</t>
  </si>
  <si>
    <t>1118837.0</t>
  </si>
  <si>
    <t>764.617</t>
  </si>
  <si>
    <t>4.972</t>
  </si>
  <si>
    <t>1128829.0</t>
  </si>
  <si>
    <t>771.445</t>
  </si>
  <si>
    <t>1140563.0</t>
  </si>
  <si>
    <t>779.464</t>
  </si>
  <si>
    <t>8.019</t>
  </si>
  <si>
    <t>6.033</t>
  </si>
  <si>
    <t>1152274.0</t>
  </si>
  <si>
    <t>11711.0</t>
  </si>
  <si>
    <t>787.468</t>
  </si>
  <si>
    <t>9122.0</t>
  </si>
  <si>
    <t>6.234</t>
  </si>
  <si>
    <t>1172808.0</t>
  </si>
  <si>
    <t>20534.0</t>
  </si>
  <si>
    <t>801.501</t>
  </si>
  <si>
    <t>14.033</t>
  </si>
  <si>
    <t>10297.0</t>
  </si>
  <si>
    <t>7.037</t>
  </si>
  <si>
    <t>1194923.0</t>
  </si>
  <si>
    <t>816.614</t>
  </si>
  <si>
    <t>12405.0</t>
  </si>
  <si>
    <t>8.478</t>
  </si>
  <si>
    <t>1207260.0</t>
  </si>
  <si>
    <t>825.045</t>
  </si>
  <si>
    <t>8.431</t>
  </si>
  <si>
    <t>12632.0</t>
  </si>
  <si>
    <t>12845.0</t>
  </si>
  <si>
    <t>8.778</t>
  </si>
  <si>
    <t>0.0531</t>
  </si>
  <si>
    <t>1230227.0</t>
  </si>
  <si>
    <t>840.741</t>
  </si>
  <si>
    <t>12809.0</t>
  </si>
  <si>
    <t>8.754</t>
  </si>
  <si>
    <t>1240204.0</t>
  </si>
  <si>
    <t>9977.0</t>
  </si>
  <si>
    <t>847.559</t>
  </si>
  <si>
    <t>6.818</t>
  </si>
  <si>
    <t>12561.0</t>
  </si>
  <si>
    <t>8.584</t>
  </si>
  <si>
    <t>10535.0</t>
  </si>
  <si>
    <t>1252898.0</t>
  </si>
  <si>
    <t>856.235</t>
  </si>
  <si>
    <t>1276075.0</t>
  </si>
  <si>
    <t>23177.0</t>
  </si>
  <si>
    <t>872.074</t>
  </si>
  <si>
    <t>15.839</t>
  </si>
  <si>
    <t>7.923</t>
  </si>
  <si>
    <t>0.0599</t>
  </si>
  <si>
    <t>1288374.0</t>
  </si>
  <si>
    <t>880.479</t>
  </si>
  <si>
    <t>8.405</t>
  </si>
  <si>
    <t>11588.0</t>
  </si>
  <si>
    <t>7.919</t>
  </si>
  <si>
    <t>0.0621</t>
  </si>
  <si>
    <t>10861.0</t>
  </si>
  <si>
    <t>7.422</t>
  </si>
  <si>
    <t>1301170.0</t>
  </si>
  <si>
    <t>889.224</t>
  </si>
  <si>
    <t>6.926</t>
  </si>
  <si>
    <t>1324002.0</t>
  </si>
  <si>
    <t>22832.0</t>
  </si>
  <si>
    <t>904.827</t>
  </si>
  <si>
    <t>15.603</t>
  </si>
  <si>
    <t>8.181</t>
  </si>
  <si>
    <t>11727.0</t>
  </si>
  <si>
    <t>0.0576</t>
  </si>
  <si>
    <t>1333275.0</t>
  </si>
  <si>
    <t>911.164</t>
  </si>
  <si>
    <t>11482.0</t>
  </si>
  <si>
    <t>7.847</t>
  </si>
  <si>
    <t>0.0596</t>
  </si>
  <si>
    <t>1344713.0</t>
  </si>
  <si>
    <t>11438.0</t>
  </si>
  <si>
    <t>918.981</t>
  </si>
  <si>
    <t>7.817</t>
  </si>
  <si>
    <t>9805.0</t>
  </si>
  <si>
    <t>6.701</t>
  </si>
  <si>
    <t>1355399.0</t>
  </si>
  <si>
    <t>926.284</t>
  </si>
  <si>
    <t>7.303</t>
  </si>
  <si>
    <t>1378104.0</t>
  </si>
  <si>
    <t>22705.0</t>
  </si>
  <si>
    <t>941.801</t>
  </si>
  <si>
    <t>15.517</t>
  </si>
  <si>
    <t>8.136</t>
  </si>
  <si>
    <t>8.009</t>
  </si>
  <si>
    <t>1388323.0</t>
  </si>
  <si>
    <t>948.784</t>
  </si>
  <si>
    <t>9189.0</t>
  </si>
  <si>
    <t>1398454.0</t>
  </si>
  <si>
    <t>955.708</t>
  </si>
  <si>
    <t>9974.0</t>
  </si>
  <si>
    <t>6.816</t>
  </si>
  <si>
    <t>1407572.0</t>
  </si>
  <si>
    <t>961.939</t>
  </si>
  <si>
    <t>6.231</t>
  </si>
  <si>
    <t>10614.0</t>
  </si>
  <si>
    <t>7.254</t>
  </si>
  <si>
    <t>1418129.0</t>
  </si>
  <si>
    <t>10557.0</t>
  </si>
  <si>
    <t>969.154</t>
  </si>
  <si>
    <t>7.215</t>
  </si>
  <si>
    <t>10488.0</t>
  </si>
  <si>
    <t>7.168</t>
  </si>
  <si>
    <t>1429432.0</t>
  </si>
  <si>
    <t>976.878</t>
  </si>
  <si>
    <t>7.725</t>
  </si>
  <si>
    <t>10576.0</t>
  </si>
  <si>
    <t>7.228</t>
  </si>
  <si>
    <t>1439332.0</t>
  </si>
  <si>
    <t>983.644</t>
  </si>
  <si>
    <t>6.766</t>
  </si>
  <si>
    <t>5.978</t>
  </si>
  <si>
    <t>1450153.0</t>
  </si>
  <si>
    <t>10821.0</t>
  </si>
  <si>
    <t>991.039</t>
  </si>
  <si>
    <t>7.395</t>
  </si>
  <si>
    <t>6.535</t>
  </si>
  <si>
    <t>1458920.0</t>
  </si>
  <si>
    <t>997.031</t>
  </si>
  <si>
    <t>5.991</t>
  </si>
  <si>
    <t>6.892</t>
  </si>
  <si>
    <t>1468655.0</t>
  </si>
  <si>
    <t>9735.0</t>
  </si>
  <si>
    <t>1003.684</t>
  </si>
  <si>
    <t>6.653</t>
  </si>
  <si>
    <t>6.854</t>
  </si>
  <si>
    <t>1478163.0</t>
  </si>
  <si>
    <t>9508.0</t>
  </si>
  <si>
    <t>1010.181</t>
  </si>
  <si>
    <t>10084.0</t>
  </si>
  <si>
    <t>1488703.0</t>
  </si>
  <si>
    <t>10540.0</t>
  </si>
  <si>
    <t>1017.384</t>
  </si>
  <si>
    <t>7.203</t>
  </si>
  <si>
    <t>1509071.0</t>
  </si>
  <si>
    <t>20368.0</t>
  </si>
  <si>
    <t>1031.304</t>
  </si>
  <si>
    <t>7.775</t>
  </si>
  <si>
    <t>10714.0</t>
  </si>
  <si>
    <t>7.322</t>
  </si>
  <si>
    <t>0.0406</t>
  </si>
  <si>
    <t>1519596.0</t>
  </si>
  <si>
    <t>1038.497</t>
  </si>
  <si>
    <t>6.779</t>
  </si>
  <si>
    <t>1530133.0</t>
  </si>
  <si>
    <t>1045.698</t>
  </si>
  <si>
    <t>7.201</t>
  </si>
  <si>
    <t>6.952</t>
  </si>
  <si>
    <t>1538925.0</t>
  </si>
  <si>
    <t>8792.0</t>
  </si>
  <si>
    <t>1051.706</t>
  </si>
  <si>
    <t>6.008</t>
  </si>
  <si>
    <t>10039.0</t>
  </si>
  <si>
    <t>6.861</t>
  </si>
  <si>
    <t>1548011.0</t>
  </si>
  <si>
    <t>1057.916</t>
  </si>
  <si>
    <t>6.209</t>
  </si>
  <si>
    <t>9978.0</t>
  </si>
  <si>
    <t>6.819</t>
  </si>
  <si>
    <t>1557638.0</t>
  </si>
  <si>
    <t>9627.0</t>
  </si>
  <si>
    <t>1064.495</t>
  </si>
  <si>
    <t>6.579</t>
  </si>
  <si>
    <t>1568037.0</t>
  </si>
  <si>
    <t>1071.602</t>
  </si>
  <si>
    <t>8424.0</t>
  </si>
  <si>
    <t>5.757</t>
  </si>
  <si>
    <t>0.0456</t>
  </si>
  <si>
    <t>1577500.0</t>
  </si>
  <si>
    <t>1078.069</t>
  </si>
  <si>
    <t>6.167</t>
  </si>
  <si>
    <t>1588422.0</t>
  </si>
  <si>
    <t>1085.533</t>
  </si>
  <si>
    <t>7.464</t>
  </si>
  <si>
    <t>1599549.0</t>
  </si>
  <si>
    <t>11127.0</t>
  </si>
  <si>
    <t>1093.137</t>
  </si>
  <si>
    <t>9917.0</t>
  </si>
  <si>
    <t>6.777</t>
  </si>
  <si>
    <t>1607692.0</t>
  </si>
  <si>
    <t>1098.702</t>
  </si>
  <si>
    <t>5.565</t>
  </si>
  <si>
    <t>9824.0</t>
  </si>
  <si>
    <t>6.714</t>
  </si>
  <si>
    <t>0.0333</t>
  </si>
  <si>
    <t>1617632.0</t>
  </si>
  <si>
    <t>9940.0</t>
  </si>
  <si>
    <t>1105.495</t>
  </si>
  <si>
    <t>6.793</t>
  </si>
  <si>
    <t>6.797</t>
  </si>
  <si>
    <t>1628076.0</t>
  </si>
  <si>
    <t>10444.0</t>
  </si>
  <si>
    <t>1112.632</t>
  </si>
  <si>
    <t>7.137</t>
  </si>
  <si>
    <t>10063.0</t>
  </si>
  <si>
    <t>6.877</t>
  </si>
  <si>
    <t>1638436.0</t>
  </si>
  <si>
    <t>10360.0</t>
  </si>
  <si>
    <t>1119.712</t>
  </si>
  <si>
    <t>6.873</t>
  </si>
  <si>
    <t>1648827.0</t>
  </si>
  <si>
    <t>10391.0</t>
  </si>
  <si>
    <t>1126.814</t>
  </si>
  <si>
    <t>7.101</t>
  </si>
  <si>
    <t>10190.0</t>
  </si>
  <si>
    <t>6.964</t>
  </si>
  <si>
    <t>1659781.0</t>
  </si>
  <si>
    <t>10954.0</t>
  </si>
  <si>
    <t>1134.3</t>
  </si>
  <si>
    <t>7.486</t>
  </si>
  <si>
    <t>6.967</t>
  </si>
  <si>
    <t>1670411.0</t>
  </si>
  <si>
    <t>1141.564</t>
  </si>
  <si>
    <t>7.265</t>
  </si>
  <si>
    <t>10123.0</t>
  </si>
  <si>
    <t>6.918</t>
  </si>
  <si>
    <t>1678847.0</t>
  </si>
  <si>
    <t>1147.329</t>
  </si>
  <si>
    <t>6.947</t>
  </si>
  <si>
    <t>1698489.0</t>
  </si>
  <si>
    <t>19642.0</t>
  </si>
  <si>
    <t>1160.753</t>
  </si>
  <si>
    <t>11551.0</t>
  </si>
  <si>
    <t>7.894</t>
  </si>
  <si>
    <t>10874.0</t>
  </si>
  <si>
    <t>7.431</t>
  </si>
  <si>
    <t>1709902.0</t>
  </si>
  <si>
    <t>1168.553</t>
  </si>
  <si>
    <t>6.977</t>
  </si>
  <si>
    <t>1721676.0</t>
  </si>
  <si>
    <t>1176.599</t>
  </si>
  <si>
    <t>8.046</t>
  </si>
  <si>
    <t>10407.0</t>
  </si>
  <si>
    <t>7.112</t>
  </si>
  <si>
    <t>1732371.0</t>
  </si>
  <si>
    <t>1183.908</t>
  </si>
  <si>
    <t>7.087</t>
  </si>
  <si>
    <t>1741755.0</t>
  </si>
  <si>
    <t>9384.0</t>
  </si>
  <si>
    <t>1190.321</t>
  </si>
  <si>
    <t>6.413</t>
  </si>
  <si>
    <t>6.965</t>
  </si>
  <si>
    <t>1749872.0</t>
  </si>
  <si>
    <t>8117.0</t>
  </si>
  <si>
    <t>1195.868</t>
  </si>
  <si>
    <t>5.547</t>
  </si>
  <si>
    <t>10146.0</t>
  </si>
  <si>
    <t>1759316.0</t>
  </si>
  <si>
    <t>9444.0</t>
  </si>
  <si>
    <t>1202.322</t>
  </si>
  <si>
    <t>6.454</t>
  </si>
  <si>
    <t>8690.0</t>
  </si>
  <si>
    <t>5.939</t>
  </si>
  <si>
    <t>1770015.0</t>
  </si>
  <si>
    <t>10699.0</t>
  </si>
  <si>
    <t>1209.634</t>
  </si>
  <si>
    <t>7.312</t>
  </si>
  <si>
    <t>9403.0</t>
  </si>
  <si>
    <t>6.426</t>
  </si>
  <si>
    <t>41.2</t>
  </si>
  <si>
    <t>1780051.0</t>
  </si>
  <si>
    <t>1216.493</t>
  </si>
  <si>
    <t>6.859</t>
  </si>
  <si>
    <t>6.848</t>
  </si>
  <si>
    <t>1791603.0</t>
  </si>
  <si>
    <t>11552.0</t>
  </si>
  <si>
    <t>1224.387</t>
  </si>
  <si>
    <t>7.895</t>
  </si>
  <si>
    <t>6.827</t>
  </si>
  <si>
    <t>1803190.0</t>
  </si>
  <si>
    <t>11587.0</t>
  </si>
  <si>
    <t>1232.306</t>
  </si>
  <si>
    <t>10117.0</t>
  </si>
  <si>
    <t>1814090.0</t>
  </si>
  <si>
    <t>1239.755</t>
  </si>
  <si>
    <t>7.062</t>
  </si>
  <si>
    <t>1823595.0</t>
  </si>
  <si>
    <t>9505.0</t>
  </si>
  <si>
    <t>1246.251</t>
  </si>
  <si>
    <t>6.496</t>
  </si>
  <si>
    <t>7.198</t>
  </si>
  <si>
    <t>1833427.0</t>
  </si>
  <si>
    <t>1252.97</t>
  </si>
  <si>
    <t>10587.0</t>
  </si>
  <si>
    <t>7.235</t>
  </si>
  <si>
    <t>49.4</t>
  </si>
  <si>
    <t>1843726.0</t>
  </si>
  <si>
    <t>10299.0</t>
  </si>
  <si>
    <t>1260.008</t>
  </si>
  <si>
    <t>7.038</t>
  </si>
  <si>
    <t>1854081.0</t>
  </si>
  <si>
    <t>10355.0</t>
  </si>
  <si>
    <t>1267.085</t>
  </si>
  <si>
    <t>7.077</t>
  </si>
  <si>
    <t>52.2</t>
  </si>
  <si>
    <t>1865380.0</t>
  </si>
  <si>
    <t>1274.807</t>
  </si>
  <si>
    <t>7.722</t>
  </si>
  <si>
    <t>1877181.0</t>
  </si>
  <si>
    <t>11801.0</t>
  </si>
  <si>
    <t>1282.872</t>
  </si>
  <si>
    <t>8.065</t>
  </si>
  <si>
    <t>10570.0</t>
  </si>
  <si>
    <t>7.224</t>
  </si>
  <si>
    <t>1885616.0</t>
  </si>
  <si>
    <t>8435.0</t>
  </si>
  <si>
    <t>1288.636</t>
  </si>
  <si>
    <t>6.983</t>
  </si>
  <si>
    <t>1894421.0</t>
  </si>
  <si>
    <t>8805.0</t>
  </si>
  <si>
    <t>1294.653</t>
  </si>
  <si>
    <t>6.017</t>
  </si>
  <si>
    <t>10118.0</t>
  </si>
  <si>
    <t>6.915</t>
  </si>
  <si>
    <t>1903910.0</t>
  </si>
  <si>
    <t>1301.138</t>
  </si>
  <si>
    <t>6.485</t>
  </si>
  <si>
    <t>10069.0</t>
  </si>
  <si>
    <t>6.881</t>
  </si>
  <si>
    <t>1914445.0</t>
  </si>
  <si>
    <t>1308.338</t>
  </si>
  <si>
    <t>6.904</t>
  </si>
  <si>
    <t>1924122.0</t>
  </si>
  <si>
    <t>1314.951</t>
  </si>
  <si>
    <t>6.613</t>
  </si>
  <si>
    <t>10006.0</t>
  </si>
  <si>
    <t>1933816.0</t>
  </si>
  <si>
    <t>1321.576</t>
  </si>
  <si>
    <t>6.625</t>
  </si>
  <si>
    <t>6.682</t>
  </si>
  <si>
    <t>1945049.0</t>
  </si>
  <si>
    <t>1329.253</t>
  </si>
  <si>
    <t>7.677</t>
  </si>
  <si>
    <t>9695.0</t>
  </si>
  <si>
    <t>6.626</t>
  </si>
  <si>
    <t>60.7</t>
  </si>
  <si>
    <t>1954535.0</t>
  </si>
  <si>
    <t>9486.0</t>
  </si>
  <si>
    <t>1335.735</t>
  </si>
  <si>
    <t>6.483</t>
  </si>
  <si>
    <t>9846.0</t>
  </si>
  <si>
    <t>1962910.0</t>
  </si>
  <si>
    <t>1341.459</t>
  </si>
  <si>
    <t>5.724</t>
  </si>
  <si>
    <t>9784.0</t>
  </si>
  <si>
    <t>6.686</t>
  </si>
  <si>
    <t>1972822.0</t>
  </si>
  <si>
    <t>9912.0</t>
  </si>
  <si>
    <t>1348.233</t>
  </si>
  <si>
    <t>6.774</t>
  </si>
  <si>
    <t>6.728</t>
  </si>
  <si>
    <t>1983248.0</t>
  </si>
  <si>
    <t>10426.0</t>
  </si>
  <si>
    <t>1355.358</t>
  </si>
  <si>
    <t>7.125</t>
  </si>
  <si>
    <t>9829.0</t>
  </si>
  <si>
    <t>6.717</t>
  </si>
  <si>
    <t>1993184.0</t>
  </si>
  <si>
    <t>9936.0</t>
  </si>
  <si>
    <t>1362.148</t>
  </si>
  <si>
    <t>6.742</t>
  </si>
  <si>
    <t>2003210.0</t>
  </si>
  <si>
    <t>10026.0</t>
  </si>
  <si>
    <t>6.852</t>
  </si>
  <si>
    <t>9913.0</t>
  </si>
  <si>
    <t>2015598.0</t>
  </si>
  <si>
    <t>12388.0</t>
  </si>
  <si>
    <t>1377.466</t>
  </si>
  <si>
    <t>8.466</t>
  </si>
  <si>
    <t>10078.0</t>
  </si>
  <si>
    <t>6.887</t>
  </si>
  <si>
    <t>2025774.0</t>
  </si>
  <si>
    <t>1384.42</t>
  </si>
  <si>
    <t>6.954</t>
  </si>
  <si>
    <t>6.955</t>
  </si>
  <si>
    <t>2033895.0</t>
  </si>
  <si>
    <t>1389.97</t>
  </si>
  <si>
    <t>10141.0</t>
  </si>
  <si>
    <t>0.0152</t>
  </si>
  <si>
    <t>2043740.0</t>
  </si>
  <si>
    <t>1396.698</t>
  </si>
  <si>
    <t>2053974.0</t>
  </si>
  <si>
    <t>10234.0</t>
  </si>
  <si>
    <t>1403.692</t>
  </si>
  <si>
    <t>6.994</t>
  </si>
  <si>
    <t>10104.0</t>
  </si>
  <si>
    <t>6.905</t>
  </si>
  <si>
    <t>63.1</t>
  </si>
  <si>
    <t>2064477.0</t>
  </si>
  <si>
    <t>1410.87</t>
  </si>
  <si>
    <t>7.178</t>
  </si>
  <si>
    <t>2075343.0</t>
  </si>
  <si>
    <t>1418.296</t>
  </si>
  <si>
    <t>7.426</t>
  </si>
  <si>
    <t>7.042</t>
  </si>
  <si>
    <t>2088613.0</t>
  </si>
  <si>
    <t>13270.0</t>
  </si>
  <si>
    <t>1427.365</t>
  </si>
  <si>
    <t>9.069</t>
  </si>
  <si>
    <t>10431.0</t>
  </si>
  <si>
    <t>7.129</t>
  </si>
  <si>
    <t>2099301.0</t>
  </si>
  <si>
    <t>10688.0</t>
  </si>
  <si>
    <t>1434.669</t>
  </si>
  <si>
    <t>2108301.0</t>
  </si>
  <si>
    <t>9000.0</t>
  </si>
  <si>
    <t>1440.82</t>
  </si>
  <si>
    <t>6.151</t>
  </si>
  <si>
    <t>10629.0</t>
  </si>
  <si>
    <t>7.264</t>
  </si>
  <si>
    <t>2119355.0</t>
  </si>
  <si>
    <t>1448.374</t>
  </si>
  <si>
    <t>7.382</t>
  </si>
  <si>
    <t>2129571.0</t>
  </si>
  <si>
    <t>10216.0</t>
  </si>
  <si>
    <t>1455.356</t>
  </si>
  <si>
    <t>6.982</t>
  </si>
  <si>
    <t>10800.0</t>
  </si>
  <si>
    <t>2139302.0</t>
  </si>
  <si>
    <t>1462.006</t>
  </si>
  <si>
    <t>10689.0</t>
  </si>
  <si>
    <t>7.305</t>
  </si>
  <si>
    <t>2149366.0</t>
  </si>
  <si>
    <t>10064.0</t>
  </si>
  <si>
    <t>1468.884</t>
  </si>
  <si>
    <t>10575.0</t>
  </si>
  <si>
    <t>2160368.0</t>
  </si>
  <si>
    <t>11002.0</t>
  </si>
  <si>
    <t>1476.402</t>
  </si>
  <si>
    <t>7.519</t>
  </si>
  <si>
    <t>10251.0</t>
  </si>
  <si>
    <t>7.006</t>
  </si>
  <si>
    <t>2170286.0</t>
  </si>
  <si>
    <t>9918.0</t>
  </si>
  <si>
    <t>1483.18</t>
  </si>
  <si>
    <t>6.778</t>
  </si>
  <si>
    <t>2180017.0</t>
  </si>
  <si>
    <t>1489.831</t>
  </si>
  <si>
    <t>2191887.0</t>
  </si>
  <si>
    <t>1497.943</t>
  </si>
  <si>
    <t>7.081</t>
  </si>
  <si>
    <t>7.207</t>
  </si>
  <si>
    <t>0.0156</t>
  </si>
  <si>
    <t>2214897.0</t>
  </si>
  <si>
    <t>1513.668</t>
  </si>
  <si>
    <t>10799.0</t>
  </si>
  <si>
    <t>2224692.0</t>
  </si>
  <si>
    <t>1520.362</t>
  </si>
  <si>
    <t>6.694</t>
  </si>
  <si>
    <t>10761.0</t>
  </si>
  <si>
    <t>7.354</t>
  </si>
  <si>
    <t>2234549.0</t>
  </si>
  <si>
    <t>1527.098</t>
  </si>
  <si>
    <t>6.736</t>
  </si>
  <si>
    <t>7.242</t>
  </si>
  <si>
    <t>0.0143</t>
  </si>
  <si>
    <t>69.8</t>
  </si>
  <si>
    <t>2243353.0</t>
  </si>
  <si>
    <t>1533.115</t>
  </si>
  <si>
    <t>10438.0</t>
  </si>
  <si>
    <t>7.133</t>
  </si>
  <si>
    <t>2252164.0</t>
  </si>
  <si>
    <t>1539.136</t>
  </si>
  <si>
    <t>7.044</t>
  </si>
  <si>
    <t>2262042.0</t>
  </si>
  <si>
    <t>1545.887</t>
  </si>
  <si>
    <t>6.751</t>
  </si>
  <si>
    <t>2272640.0</t>
  </si>
  <si>
    <t>10598.0</t>
  </si>
  <si>
    <t>1553.129</t>
  </si>
  <si>
    <t>7.243</t>
  </si>
  <si>
    <t>9893.0</t>
  </si>
  <si>
    <t>6.761</t>
  </si>
  <si>
    <t>2282216.0</t>
  </si>
  <si>
    <t>9576.0</t>
  </si>
  <si>
    <t>1559.674</t>
  </si>
  <si>
    <t>6.572</t>
  </si>
  <si>
    <t>0.0181</t>
  </si>
  <si>
    <t>55.3</t>
  </si>
  <si>
    <t>38965.0</t>
  </si>
  <si>
    <t>2291410.0</t>
  </si>
  <si>
    <t>9194.0</t>
  </si>
  <si>
    <t>1565.957</t>
  </si>
  <si>
    <t>6.283</t>
  </si>
  <si>
    <t>6.514</t>
  </si>
  <si>
    <t>0.0199</t>
  </si>
  <si>
    <t>50071.0</t>
  </si>
  <si>
    <t>7544.0</t>
  </si>
  <si>
    <t>2300729.0</t>
  </si>
  <si>
    <t>1572.326</t>
  </si>
  <si>
    <t>6.369</t>
  </si>
  <si>
    <t>9454.0</t>
  </si>
  <si>
    <t>6.461</t>
  </si>
  <si>
    <t>50543.0</t>
  </si>
  <si>
    <t>2309696.0</t>
  </si>
  <si>
    <t>8967.0</t>
  </si>
  <si>
    <t>1578.454</t>
  </si>
  <si>
    <t>6.128</t>
  </si>
  <si>
    <t>9478.0</t>
  </si>
  <si>
    <t>0.0219</t>
  </si>
  <si>
    <t>51556.0</t>
  </si>
  <si>
    <t>2317781.0</t>
  </si>
  <si>
    <t>1583.979</t>
  </si>
  <si>
    <t>6.406</t>
  </si>
  <si>
    <t>45.2</t>
  </si>
  <si>
    <t>53614.0</t>
  </si>
  <si>
    <t>2326844.0</t>
  </si>
  <si>
    <t>1590.173</t>
  </si>
  <si>
    <t>9257.0</t>
  </si>
  <si>
    <t>6.326</t>
  </si>
  <si>
    <t>55014.0</t>
  </si>
  <si>
    <t>2180.0</t>
  </si>
  <si>
    <t>2335470.0</t>
  </si>
  <si>
    <t>1596.068</t>
  </si>
  <si>
    <t>5.895</t>
  </si>
  <si>
    <t>8976.0</t>
  </si>
  <si>
    <t>6.134</t>
  </si>
  <si>
    <t>0.0244</t>
  </si>
  <si>
    <t>56041.0</t>
  </si>
  <si>
    <t>2345325.0</t>
  </si>
  <si>
    <t>9855.0</t>
  </si>
  <si>
    <t>1602.803</t>
  </si>
  <si>
    <t>6.735</t>
  </si>
  <si>
    <t>9016.0</t>
  </si>
  <si>
    <t>6.162</t>
  </si>
  <si>
    <t>2355313.0</t>
  </si>
  <si>
    <t>9988.0</t>
  </si>
  <si>
    <t>1609.628</t>
  </si>
  <si>
    <t>6.826</t>
  </si>
  <si>
    <t>9129.0</t>
  </si>
  <si>
    <t>6.239</t>
  </si>
  <si>
    <t>58643.0</t>
  </si>
  <si>
    <t>2366275.0</t>
  </si>
  <si>
    <t>10962.0</t>
  </si>
  <si>
    <t>1617.12</t>
  </si>
  <si>
    <t>7.491</t>
  </si>
  <si>
    <t>59351.0</t>
  </si>
  <si>
    <t>2374156.0</t>
  </si>
  <si>
    <t>1622.506</t>
  </si>
  <si>
    <t>9209.0</t>
  </si>
  <si>
    <t>6.293</t>
  </si>
  <si>
    <t>0.0258</t>
  </si>
  <si>
    <t>60097.0</t>
  </si>
  <si>
    <t>2382934.0</t>
  </si>
  <si>
    <t>1628.505</t>
  </si>
  <si>
    <t>5.999</t>
  </si>
  <si>
    <t>9308.0</t>
  </si>
  <si>
    <t>60689.0</t>
  </si>
  <si>
    <t>2393449.0</t>
  </si>
  <si>
    <t>10515.0</t>
  </si>
  <si>
    <t>1635.691</t>
  </si>
  <si>
    <t>7.186</t>
  </si>
  <si>
    <t>9515.0</t>
  </si>
  <si>
    <t>61612.0</t>
  </si>
  <si>
    <t>2405722.0</t>
  </si>
  <si>
    <t>12273.0</t>
  </si>
  <si>
    <t>1644.078</t>
  </si>
  <si>
    <t>8.387</t>
  </si>
  <si>
    <t>63893.0</t>
  </si>
  <si>
    <t>2416807.0</t>
  </si>
  <si>
    <t>11085.0</t>
  </si>
  <si>
    <t>1651.654</t>
  </si>
  <si>
    <t>7.576</t>
  </si>
  <si>
    <t>6.979</t>
  </si>
  <si>
    <t>68472.0</t>
  </si>
  <si>
    <t>2428216.0</t>
  </si>
  <si>
    <t>1659.451</t>
  </si>
  <si>
    <t>7.797</t>
  </si>
  <si>
    <t>72239.0</t>
  </si>
  <si>
    <t>4.91</t>
  </si>
  <si>
    <t>2439685.0</t>
  </si>
  <si>
    <t>11469.0</t>
  </si>
  <si>
    <t>1667.289</t>
  </si>
  <si>
    <t>7.838</t>
  </si>
  <si>
    <t>10487.0</t>
  </si>
  <si>
    <t>7.167</t>
  </si>
  <si>
    <t>78291.0</t>
  </si>
  <si>
    <t>6052.0</t>
  </si>
  <si>
    <t>2452338.0</t>
  </si>
  <si>
    <t>12653.0</t>
  </si>
  <si>
    <t>1675.936</t>
  </si>
  <si>
    <t>8.647</t>
  </si>
  <si>
    <t>7.633</t>
  </si>
  <si>
    <t>84157.0</t>
  </si>
  <si>
    <t>2463161.0</t>
  </si>
  <si>
    <t>10823.0</t>
  </si>
  <si>
    <t>1683.332</t>
  </si>
  <si>
    <t>7.396</t>
  </si>
  <si>
    <t>11461.0</t>
  </si>
  <si>
    <t>0.0259</t>
  </si>
  <si>
    <t>89250.0</t>
  </si>
  <si>
    <t>2474881.0</t>
  </si>
  <si>
    <t>1691.342</t>
  </si>
  <si>
    <t>92598.0</t>
  </si>
  <si>
    <t>2486420.0</t>
  </si>
  <si>
    <t>1699.227</t>
  </si>
  <si>
    <t>7.886</t>
  </si>
  <si>
    <t>11528.0</t>
  </si>
  <si>
    <t>7.878</t>
  </si>
  <si>
    <t>97776.0</t>
  </si>
  <si>
    <t>2497331.0</t>
  </si>
  <si>
    <t>1706.684</t>
  </si>
  <si>
    <t>7.457</t>
  </si>
  <si>
    <t>7.861</t>
  </si>
  <si>
    <t>101363.0</t>
  </si>
  <si>
    <t>2507245.0</t>
  </si>
  <si>
    <t>1713.459</t>
  </si>
  <si>
    <t>11290.0</t>
  </si>
  <si>
    <t>7.716</t>
  </si>
  <si>
    <t>0.0276</t>
  </si>
  <si>
    <t>36.3</t>
  </si>
  <si>
    <t>109566.0</t>
  </si>
  <si>
    <t>5332.0</t>
  </si>
  <si>
    <t>2520171.0</t>
  </si>
  <si>
    <t>12926.0</t>
  </si>
  <si>
    <t>1722.293</t>
  </si>
  <si>
    <t>8.834</t>
  </si>
  <si>
    <t>7.858</t>
  </si>
  <si>
    <t>8.34</t>
  </si>
  <si>
    <t>4136.0</t>
  </si>
  <si>
    <t>6361.0</t>
  </si>
  <si>
    <t>2530856.0</t>
  </si>
  <si>
    <t>10685.0</t>
  </si>
  <si>
    <t>1729.595</t>
  </si>
  <si>
    <t>7.302</t>
  </si>
  <si>
    <t>11217.0</t>
  </si>
  <si>
    <t>7.666</t>
  </si>
  <si>
    <t>0.0248</t>
  </si>
  <si>
    <t>137159.0</t>
  </si>
  <si>
    <t>2541873.0</t>
  </si>
  <si>
    <t>11017.0</t>
  </si>
  <si>
    <t>1737.124</t>
  </si>
  <si>
    <t>7.529</t>
  </si>
  <si>
    <t>11245.0</t>
  </si>
  <si>
    <t>7.685</t>
  </si>
  <si>
    <t>141563.0</t>
  </si>
  <si>
    <t>6727.0</t>
  </si>
  <si>
    <t>7473.0</t>
  </si>
  <si>
    <t>2552701.0</t>
  </si>
  <si>
    <t>10828.0</t>
  </si>
  <si>
    <t>1744.524</t>
  </si>
  <si>
    <t>11117.0</t>
  </si>
  <si>
    <t>7.597</t>
  </si>
  <si>
    <t>142831.0</t>
  </si>
  <si>
    <t>2563504.0</t>
  </si>
  <si>
    <t>10803.0</t>
  </si>
  <si>
    <t>1751.907</t>
  </si>
  <si>
    <t>143596.0</t>
  </si>
  <si>
    <t>7712.0</t>
  </si>
  <si>
    <t>6546.0</t>
  </si>
  <si>
    <t>2573875.0</t>
  </si>
  <si>
    <t>10371.0</t>
  </si>
  <si>
    <t>1758.994</t>
  </si>
  <si>
    <t>10935.0</t>
  </si>
  <si>
    <t>7.473</t>
  </si>
  <si>
    <t>144130.0</t>
  </si>
  <si>
    <t>6110.0</t>
  </si>
  <si>
    <t>2584657.0</t>
  </si>
  <si>
    <t>1766.363</t>
  </si>
  <si>
    <t>7.368</t>
  </si>
  <si>
    <t>11059.0</t>
  </si>
  <si>
    <t>7.558</t>
  </si>
  <si>
    <t>2596967.0</t>
  </si>
  <si>
    <t>1774.776</t>
  </si>
  <si>
    <t>10971.0</t>
  </si>
  <si>
    <t>7.498</t>
  </si>
  <si>
    <t>2607285.0</t>
  </si>
  <si>
    <t>1781.827</t>
  </si>
  <si>
    <t>7.051</t>
  </si>
  <si>
    <t>10918.0</t>
  </si>
  <si>
    <t>7.461</t>
  </si>
  <si>
    <t>2616227.0</t>
  </si>
  <si>
    <t>8942.0</t>
  </si>
  <si>
    <t>1787.938</t>
  </si>
  <si>
    <t>6.111</t>
  </si>
  <si>
    <t>7.259</t>
  </si>
  <si>
    <t>2627667.0</t>
  </si>
  <si>
    <t>11440.0</t>
  </si>
  <si>
    <t>1795.756</t>
  </si>
  <si>
    <t>10709.0</t>
  </si>
  <si>
    <t>7.319</t>
  </si>
  <si>
    <t>2637879.0</t>
  </si>
  <si>
    <t>1802.735</t>
  </si>
  <si>
    <t>10625.0</t>
  </si>
  <si>
    <t>7.261</t>
  </si>
  <si>
    <t>165953.0</t>
  </si>
  <si>
    <t>2647934.0</t>
  </si>
  <si>
    <t>10055.0</t>
  </si>
  <si>
    <t>1809.607</t>
  </si>
  <si>
    <t>167731.0</t>
  </si>
  <si>
    <t>2660221.0</t>
  </si>
  <si>
    <t>12287.0</t>
  </si>
  <si>
    <t>1818.004</t>
  </si>
  <si>
    <t>10795.0</t>
  </si>
  <si>
    <t>169440.0</t>
  </si>
  <si>
    <t>2673504.0</t>
  </si>
  <si>
    <t>13283.0</t>
  </si>
  <si>
    <t>1827.081</t>
  </si>
  <si>
    <t>9.078</t>
  </si>
  <si>
    <t>10934.0</t>
  </si>
  <si>
    <t>7.472</t>
  </si>
  <si>
    <t>0.0361</t>
  </si>
  <si>
    <t>169810.0</t>
  </si>
  <si>
    <t>11.53</t>
  </si>
  <si>
    <t>2687039.0</t>
  </si>
  <si>
    <t>13535.0</t>
  </si>
  <si>
    <t>1836.331</t>
  </si>
  <si>
    <t>11393.0</t>
  </si>
  <si>
    <t>170433.0</t>
  </si>
  <si>
    <t>11.58</t>
  </si>
  <si>
    <t>2701085.0</t>
  </si>
  <si>
    <t>1845.93</t>
  </si>
  <si>
    <t>9.599</t>
  </si>
  <si>
    <t>8.285</t>
  </si>
  <si>
    <t>171568.0</t>
  </si>
  <si>
    <t>2713722.0</t>
  </si>
  <si>
    <t>12637.0</t>
  </si>
  <si>
    <t>1854.566</t>
  </si>
  <si>
    <t>8.636</t>
  </si>
  <si>
    <t>8.402</t>
  </si>
  <si>
    <t>172912.0</t>
  </si>
  <si>
    <t>11.74</t>
  </si>
  <si>
    <t>2725477.0</t>
  </si>
  <si>
    <t>1862.6</t>
  </si>
  <si>
    <t>8.033</t>
  </si>
  <si>
    <t>12514.0</t>
  </si>
  <si>
    <t>8.552</t>
  </si>
  <si>
    <t>174075.0</t>
  </si>
  <si>
    <t>2739581.0</t>
  </si>
  <si>
    <t>14104.0</t>
  </si>
  <si>
    <t>1872.238</t>
  </si>
  <si>
    <t>9.639</t>
  </si>
  <si>
    <t>13092.0</t>
  </si>
  <si>
    <t>8.947</t>
  </si>
  <si>
    <t>175094.0</t>
  </si>
  <si>
    <t>2752225.0</t>
  </si>
  <si>
    <t>12644.0</t>
  </si>
  <si>
    <t>1880.879</t>
  </si>
  <si>
    <t>8.641</t>
  </si>
  <si>
    <t>8.982</t>
  </si>
  <si>
    <t>177233.0</t>
  </si>
  <si>
    <t>2766759.0</t>
  </si>
  <si>
    <t>14534.0</t>
  </si>
  <si>
    <t>1890.812</t>
  </si>
  <si>
    <t>9.933</t>
  </si>
  <si>
    <t>13322.0</t>
  </si>
  <si>
    <t>9.104</t>
  </si>
  <si>
    <t>179550.0</t>
  </si>
  <si>
    <t>13222.0</t>
  </si>
  <si>
    <t>9.036</t>
  </si>
  <si>
    <t>182543.0</t>
  </si>
  <si>
    <t>13048.0</t>
  </si>
  <si>
    <t>8.917</t>
  </si>
  <si>
    <t>191406.0</t>
  </si>
  <si>
    <t>2805255.0</t>
  </si>
  <si>
    <t>1917.12</t>
  </si>
  <si>
    <t>13076.0</t>
  </si>
  <si>
    <t>8.936</t>
  </si>
  <si>
    <t>201116.0</t>
  </si>
  <si>
    <t>13368.0</t>
  </si>
  <si>
    <t>9.136</t>
  </si>
  <si>
    <t>212940.0</t>
  </si>
  <si>
    <t>13325.0</t>
  </si>
  <si>
    <t>9.106</t>
  </si>
  <si>
    <t>219595.0</t>
  </si>
  <si>
    <t>2846657.0</t>
  </si>
  <si>
    <t>1945.415</t>
  </si>
  <si>
    <t>13490.0</t>
  </si>
  <si>
    <t>9.219</t>
  </si>
  <si>
    <t>0.0521</t>
  </si>
  <si>
    <t>224919.0</t>
  </si>
  <si>
    <t>2860384.0</t>
  </si>
  <si>
    <t>13727.0</t>
  </si>
  <si>
    <t>1954.796</t>
  </si>
  <si>
    <t>9.141</t>
  </si>
  <si>
    <t>232540.0</t>
  </si>
  <si>
    <t>13414.0</t>
  </si>
  <si>
    <t>242260.0</t>
  </si>
  <si>
    <t>16.46</t>
  </si>
  <si>
    <t>8531.0</t>
  </si>
  <si>
    <t>2886600.0</t>
  </si>
  <si>
    <t>1972.712</t>
  </si>
  <si>
    <t>13454.0</t>
  </si>
  <si>
    <t>9.195</t>
  </si>
  <si>
    <t>248775.0</t>
  </si>
  <si>
    <t>2900004.0</t>
  </si>
  <si>
    <t>1981.872</t>
  </si>
  <si>
    <t>13536.0</t>
  </si>
  <si>
    <t>250946.0</t>
  </si>
  <si>
    <t>2913540.0</t>
  </si>
  <si>
    <t>1991.123</t>
  </si>
  <si>
    <t>13498.0</t>
  </si>
  <si>
    <t>9.225</t>
  </si>
  <si>
    <t>0.0588</t>
  </si>
  <si>
    <t>252990.0</t>
  </si>
  <si>
    <t>2926925.0</t>
  </si>
  <si>
    <t>13385.0</t>
  </si>
  <si>
    <t>2000.27</t>
  </si>
  <si>
    <t>9.147</t>
  </si>
  <si>
    <t>13438.0</t>
  </si>
  <si>
    <t>9.184</t>
  </si>
  <si>
    <t>257580.0</t>
  </si>
  <si>
    <t>2939902.0</t>
  </si>
  <si>
    <t>2009.138</t>
  </si>
  <si>
    <t>8.869</t>
  </si>
  <si>
    <t>13321.0</t>
  </si>
  <si>
    <t>263422.0</t>
  </si>
  <si>
    <t>5500.0</t>
  </si>
  <si>
    <t>2954061.0</t>
  </si>
  <si>
    <t>14159.0</t>
  </si>
  <si>
    <t>2018.815</t>
  </si>
  <si>
    <t>9.676</t>
  </si>
  <si>
    <t>13382.0</t>
  </si>
  <si>
    <t>9.145</t>
  </si>
  <si>
    <t>0.0552</t>
  </si>
  <si>
    <t>268273.0</t>
  </si>
  <si>
    <t>18.22</t>
  </si>
  <si>
    <t>2968423.0</t>
  </si>
  <si>
    <t>14362.0</t>
  </si>
  <si>
    <t>2028.63</t>
  </si>
  <si>
    <t>9.815</t>
  </si>
  <si>
    <t>13562.0</t>
  </si>
  <si>
    <t>9.268</t>
  </si>
  <si>
    <t>271749.0</t>
  </si>
  <si>
    <t>2980752.0</t>
  </si>
  <si>
    <t>12329.0</t>
  </si>
  <si>
    <t>2037.055</t>
  </si>
  <si>
    <t>8.426</t>
  </si>
  <si>
    <t>13450.0</t>
  </si>
  <si>
    <t>9.192</t>
  </si>
  <si>
    <t>274960.0</t>
  </si>
  <si>
    <t>3741.0</t>
  </si>
  <si>
    <t>2994188.0</t>
  </si>
  <si>
    <t>13436.0</t>
  </si>
  <si>
    <t>2046.238</t>
  </si>
  <si>
    <t>9.182</t>
  </si>
  <si>
    <t>13455.0</t>
  </si>
  <si>
    <t>278222.0</t>
  </si>
  <si>
    <t>3008379.0</t>
  </si>
  <si>
    <t>14191.0</t>
  </si>
  <si>
    <t>2055.936</t>
  </si>
  <si>
    <t>9.698</t>
  </si>
  <si>
    <t>13548.0</t>
  </si>
  <si>
    <t>9.259</t>
  </si>
  <si>
    <t>281425.0</t>
  </si>
  <si>
    <t>3021611.0</t>
  </si>
  <si>
    <t>13232.0</t>
  </si>
  <si>
    <t>2064.979</t>
  </si>
  <si>
    <t>9.043</t>
  </si>
  <si>
    <t>13527.0</t>
  </si>
  <si>
    <t>9.244</t>
  </si>
  <si>
    <t>284948.0</t>
  </si>
  <si>
    <t>3035157.0</t>
  </si>
  <si>
    <t>2074.236</t>
  </si>
  <si>
    <t>9.257</t>
  </si>
  <si>
    <t>290103.0</t>
  </si>
  <si>
    <t>3049850.0</t>
  </si>
  <si>
    <t>14693.0</t>
  </si>
  <si>
    <t>2084.277</t>
  </si>
  <si>
    <t>10.041</t>
  </si>
  <si>
    <t>13684.0</t>
  </si>
  <si>
    <t>9.352</t>
  </si>
  <si>
    <t>0.0485</t>
  </si>
  <si>
    <t>292917.0</t>
  </si>
  <si>
    <t>3064160.0</t>
  </si>
  <si>
    <t>14310.0</t>
  </si>
  <si>
    <t>2094.057</t>
  </si>
  <si>
    <t>9.779</t>
  </si>
  <si>
    <t>13677.0</t>
  </si>
  <si>
    <t>9.347</t>
  </si>
  <si>
    <t>0.0475</t>
  </si>
  <si>
    <t>295296.0</t>
  </si>
  <si>
    <t>3364.0</t>
  </si>
  <si>
    <t>3077307.0</t>
  </si>
  <si>
    <t>13147.0</t>
  </si>
  <si>
    <t>2103.041</t>
  </si>
  <si>
    <t>8.985</t>
  </si>
  <si>
    <t>9.427</t>
  </si>
  <si>
    <t>298171.0</t>
  </si>
  <si>
    <t>3092326.0</t>
  </si>
  <si>
    <t>15019.0</t>
  </si>
  <si>
    <t>2113.306</t>
  </si>
  <si>
    <t>10.264</t>
  </si>
  <si>
    <t>14020.0</t>
  </si>
  <si>
    <t>9.581</t>
  </si>
  <si>
    <t>301103.0</t>
  </si>
  <si>
    <t>3107719.0</t>
  </si>
  <si>
    <t>15393.0</t>
  </si>
  <si>
    <t>2123.825</t>
  </si>
  <si>
    <t>302671.0</t>
  </si>
  <si>
    <t>3120729.0</t>
  </si>
  <si>
    <t>2132.716</t>
  </si>
  <si>
    <t>8.891</t>
  </si>
  <si>
    <t>14160.0</t>
  </si>
  <si>
    <t>9.677</t>
  </si>
  <si>
    <t>303962.0</t>
  </si>
  <si>
    <t>3135887.0</t>
  </si>
  <si>
    <t>2143.075</t>
  </si>
  <si>
    <t>10.359</t>
  </si>
  <si>
    <t>14390.0</t>
  </si>
  <si>
    <t>9.834</t>
  </si>
  <si>
    <t>305619.0</t>
  </si>
  <si>
    <t>20.76</t>
  </si>
  <si>
    <t>3151398.0</t>
  </si>
  <si>
    <t>2153.676</t>
  </si>
  <si>
    <t>9.914</t>
  </si>
  <si>
    <t>307142.0</t>
  </si>
  <si>
    <t>3166332.0</t>
  </si>
  <si>
    <t>14934.0</t>
  </si>
  <si>
    <t>2163.881</t>
  </si>
  <si>
    <t>14596.0</t>
  </si>
  <si>
    <t>0.0426</t>
  </si>
  <si>
    <t>23.5</t>
  </si>
  <si>
    <t>506519.0</t>
  </si>
  <si>
    <t>307145.0</t>
  </si>
  <si>
    <t>199374.0</t>
  </si>
  <si>
    <t>34.4</t>
  </si>
  <si>
    <t>3179511.0</t>
  </si>
  <si>
    <t>13179.0</t>
  </si>
  <si>
    <t>2172.888</t>
  </si>
  <si>
    <t>9.007</t>
  </si>
  <si>
    <t>14601.0</t>
  </si>
  <si>
    <t>9.978</t>
  </si>
  <si>
    <t>509907.0</t>
  </si>
  <si>
    <t>308465.0</t>
  </si>
  <si>
    <t>201442.0</t>
  </si>
  <si>
    <t>3194226.0</t>
  </si>
  <si>
    <t>14715.0</t>
  </si>
  <si>
    <t>2182.944</t>
  </si>
  <si>
    <t>10.056</t>
  </si>
  <si>
    <t>9.948</t>
  </si>
  <si>
    <t>512420.0</t>
  </si>
  <si>
    <t>309741.0</t>
  </si>
  <si>
    <t>202679.0</t>
  </si>
  <si>
    <t>6352.0</t>
  </si>
  <si>
    <t>514559.0</t>
  </si>
  <si>
    <t>310644.0</t>
  </si>
  <si>
    <t>203915.0</t>
  </si>
  <si>
    <t>34.95</t>
  </si>
  <si>
    <t>13.85</t>
  </si>
  <si>
    <t>15192.0</t>
  </si>
  <si>
    <t>10.382</t>
  </si>
  <si>
    <t>517901.0</t>
  </si>
  <si>
    <t>311829.0</t>
  </si>
  <si>
    <t>206072.0</t>
  </si>
  <si>
    <t>15372.0</t>
  </si>
  <si>
    <t>520429.0</t>
  </si>
  <si>
    <t>312104.0</t>
  </si>
  <si>
    <t>208325.0</t>
  </si>
  <si>
    <t>35.35</t>
  </si>
  <si>
    <t>3259914.0</t>
  </si>
  <si>
    <t>2227.836</t>
  </si>
  <si>
    <t>522344.0</t>
  </si>
  <si>
    <t>312119.0</t>
  </si>
  <si>
    <t>210225.0</t>
  </si>
  <si>
    <t>711.0</t>
  </si>
  <si>
    <t>15542.0</t>
  </si>
  <si>
    <t>10.621</t>
  </si>
  <si>
    <t>534625.0</t>
  </si>
  <si>
    <t>322508.0</t>
  </si>
  <si>
    <t>212117.0</t>
  </si>
  <si>
    <t>15832.0</t>
  </si>
  <si>
    <t>551197.0</t>
  </si>
  <si>
    <t>337016.0</t>
  </si>
  <si>
    <t>214181.0</t>
  </si>
  <si>
    <t>16572.0</t>
  </si>
  <si>
    <t>22.89</t>
  </si>
  <si>
    <t>3305543.0</t>
  </si>
  <si>
    <t>2259.019</t>
  </si>
  <si>
    <t>15902.0</t>
  </si>
  <si>
    <t>10.867</t>
  </si>
  <si>
    <t>566796.0</t>
  </si>
  <si>
    <t>349970.0</t>
  </si>
  <si>
    <t>216826.0</t>
  </si>
  <si>
    <t>15599.0</t>
  </si>
  <si>
    <t>7768.0</t>
  </si>
  <si>
    <t>23.77</t>
  </si>
  <si>
    <t>5276.0</t>
  </si>
  <si>
    <t>10.812</t>
  </si>
  <si>
    <t>580539.0</t>
  </si>
  <si>
    <t>361241.0</t>
  </si>
  <si>
    <t>219298.0</t>
  </si>
  <si>
    <t>13743.0</t>
  </si>
  <si>
    <t>10.756</t>
  </si>
  <si>
    <t>597446.0</t>
  </si>
  <si>
    <t>374873.0</t>
  </si>
  <si>
    <t>222573.0</t>
  </si>
  <si>
    <t>16907.0</t>
  </si>
  <si>
    <t>11364.0</t>
  </si>
  <si>
    <t>40.58</t>
  </si>
  <si>
    <t>25.46</t>
  </si>
  <si>
    <t>7719.0</t>
  </si>
  <si>
    <t>15658.0</t>
  </si>
  <si>
    <t>613946.0</t>
  </si>
  <si>
    <t>386426.0</t>
  </si>
  <si>
    <t>227520.0</t>
  </si>
  <si>
    <t>16500.0</t>
  </si>
  <si>
    <t>13360.0</t>
  </si>
  <si>
    <t>26.25</t>
  </si>
  <si>
    <t>9075.0</t>
  </si>
  <si>
    <t>10617.0</t>
  </si>
  <si>
    <t>3368947.0</t>
  </si>
  <si>
    <t>2302.349</t>
  </si>
  <si>
    <t>15576.0</t>
  </si>
  <si>
    <t>10.645</t>
  </si>
  <si>
    <t>626751.0</t>
  </si>
  <si>
    <t>396356.0</t>
  </si>
  <si>
    <t>230395.0</t>
  </si>
  <si>
    <t>12805.0</t>
  </si>
  <si>
    <t>14915.0</t>
  </si>
  <si>
    <t>26.92</t>
  </si>
  <si>
    <t>12034.0</t>
  </si>
  <si>
    <t>15591.0</t>
  </si>
  <si>
    <t>10.655</t>
  </si>
  <si>
    <t>640104.0</t>
  </si>
  <si>
    <t>407322.0</t>
  </si>
  <si>
    <t>232782.0</t>
  </si>
  <si>
    <t>15068.0</t>
  </si>
  <si>
    <t>12116.0</t>
  </si>
  <si>
    <t>15606.0</t>
  </si>
  <si>
    <t>10.665</t>
  </si>
  <si>
    <t>653236.0</t>
  </si>
  <si>
    <t>417364.0</t>
  </si>
  <si>
    <t>235872.0</t>
  </si>
  <si>
    <t>13132.0</t>
  </si>
  <si>
    <t>9901.0</t>
  </si>
  <si>
    <t>11478.0</t>
  </si>
  <si>
    <t>3414888.0</t>
  </si>
  <si>
    <t>2333.745</t>
  </si>
  <si>
    <t>15621.0</t>
  </si>
  <si>
    <t>10.675</t>
  </si>
  <si>
    <t>667155.0</t>
  </si>
  <si>
    <t>428240.0</t>
  </si>
  <si>
    <t>238915.0</t>
  </si>
  <si>
    <t>13919.0</t>
  </si>
  <si>
    <t>14337.0</t>
  </si>
  <si>
    <t>45.32</t>
  </si>
  <si>
    <t>9738.0</t>
  </si>
  <si>
    <t>11181.0</t>
  </si>
  <si>
    <t>3430918.0</t>
  </si>
  <si>
    <t>16030.0</t>
  </si>
  <si>
    <t>2344.7</t>
  </si>
  <si>
    <t>10.955</t>
  </si>
  <si>
    <t>10.693</t>
  </si>
  <si>
    <t>680081.0</t>
  </si>
  <si>
    <t>439433.0</t>
  </si>
  <si>
    <t>240648.0</t>
  </si>
  <si>
    <t>14220.0</t>
  </si>
  <si>
    <t>46.19</t>
  </si>
  <si>
    <t>10.807</t>
  </si>
  <si>
    <t>0.0465</t>
  </si>
  <si>
    <t>694679.0</t>
  </si>
  <si>
    <t>452551.0</t>
  </si>
  <si>
    <t>242128.0</t>
  </si>
  <si>
    <t>14598.0</t>
  </si>
  <si>
    <t>13890.0</t>
  </si>
  <si>
    <t>9435.0</t>
  </si>
  <si>
    <t>3464973.0</t>
  </si>
  <si>
    <t>2367.974</t>
  </si>
  <si>
    <t>15982.0</t>
  </si>
  <si>
    <t>10.922</t>
  </si>
  <si>
    <t>707980.0</t>
  </si>
  <si>
    <t>464040.0</t>
  </si>
  <si>
    <t>243940.0</t>
  </si>
  <si>
    <t>13301.0</t>
  </si>
  <si>
    <t>13433.0</t>
  </si>
  <si>
    <t>16.57</t>
  </si>
  <si>
    <t>9124.0</t>
  </si>
  <si>
    <t>3483259.0</t>
  </si>
  <si>
    <t>18286.0</t>
  </si>
  <si>
    <t>2380.47</t>
  </si>
  <si>
    <t>12.497</t>
  </si>
  <si>
    <t>16330.0</t>
  </si>
  <si>
    <t>717408.0</t>
  </si>
  <si>
    <t>471927.0</t>
  </si>
  <si>
    <t>245481.0</t>
  </si>
  <si>
    <t>12951.0</t>
  </si>
  <si>
    <t>8797.0</t>
  </si>
  <si>
    <t>3499615.0</t>
  </si>
  <si>
    <t>16356.0</t>
  </si>
  <si>
    <t>2391.648</t>
  </si>
  <si>
    <t>11.178</t>
  </si>
  <si>
    <t>16479.0</t>
  </si>
  <si>
    <t>11.262</t>
  </si>
  <si>
    <t>724001.0</t>
  </si>
  <si>
    <t>478094.0</t>
  </si>
  <si>
    <t>245907.0</t>
  </si>
  <si>
    <t>6593.0</t>
  </si>
  <si>
    <t>11985.0</t>
  </si>
  <si>
    <t>49.18</t>
  </si>
  <si>
    <t>3514202.0</t>
  </si>
  <si>
    <t>14587.0</t>
  </si>
  <si>
    <t>2401.617</t>
  </si>
  <si>
    <t>9.969</t>
  </si>
  <si>
    <t>16375.0</t>
  </si>
  <si>
    <t>11.191</t>
  </si>
  <si>
    <t>735717.0</t>
  </si>
  <si>
    <t>487640.0</t>
  </si>
  <si>
    <t>248077.0</t>
  </si>
  <si>
    <t>11783.0</t>
  </si>
  <si>
    <t>3531022.0</t>
  </si>
  <si>
    <t>16820.0</t>
  </si>
  <si>
    <t>2413.112</t>
  </si>
  <si>
    <t>11.495</t>
  </si>
  <si>
    <t>16591.0</t>
  </si>
  <si>
    <t>11.338</t>
  </si>
  <si>
    <t>747008.0</t>
  </si>
  <si>
    <t>496492.0</t>
  </si>
  <si>
    <t>250516.0</t>
  </si>
  <si>
    <t>11408.0</t>
  </si>
  <si>
    <t>17.02</t>
  </si>
  <si>
    <t>7749.0</t>
  </si>
  <si>
    <t>9750.0</t>
  </si>
  <si>
    <t>3547638.0</t>
  </si>
  <si>
    <t>16616.0</t>
  </si>
  <si>
    <t>2424.467</t>
  </si>
  <si>
    <t>11.355</t>
  </si>
  <si>
    <t>16674.0</t>
  </si>
  <si>
    <t>11.395</t>
  </si>
  <si>
    <t>755549.0</t>
  </si>
  <si>
    <t>502541.0</t>
  </si>
  <si>
    <t>253008.0</t>
  </si>
  <si>
    <t>8541.0</t>
  </si>
  <si>
    <t>7323.0</t>
  </si>
  <si>
    <t>3563881.0</t>
  </si>
  <si>
    <t>16243.0</t>
  </si>
  <si>
    <t>2435.568</t>
  </si>
  <si>
    <t>11.101</t>
  </si>
  <si>
    <t>16562.0</t>
  </si>
  <si>
    <t>766317.0</t>
  </si>
  <si>
    <t>510877.0</t>
  </si>
  <si>
    <t>255440.0</t>
  </si>
  <si>
    <t>10768.0</t>
  </si>
  <si>
    <t>6951.0</t>
  </si>
  <si>
    <t>3581161.0</t>
  </si>
  <si>
    <t>17280.0</t>
  </si>
  <si>
    <t>2447.377</t>
  </si>
  <si>
    <t>11.809</t>
  </si>
  <si>
    <t>16598.0</t>
  </si>
  <si>
    <t>11.343</t>
  </si>
  <si>
    <t>775196.0</t>
  </si>
  <si>
    <t>517603.0</t>
  </si>
  <si>
    <t>257593.0</t>
  </si>
  <si>
    <t>3598553.0</t>
  </si>
  <si>
    <t>17392.0</t>
  </si>
  <si>
    <t>2459.263</t>
  </si>
  <si>
    <t>11.886</t>
  </si>
  <si>
    <t>16471.0</t>
  </si>
  <si>
    <t>11.256</t>
  </si>
  <si>
    <t>782530.0</t>
  </si>
  <si>
    <t>522955.0</t>
  </si>
  <si>
    <t>259575.0</t>
  </si>
  <si>
    <t>9303.0</t>
  </si>
  <si>
    <t>53.15</t>
  </si>
  <si>
    <t>35.52</t>
  </si>
  <si>
    <t>17.63</t>
  </si>
  <si>
    <t>7290.0</t>
  </si>
  <si>
    <t>3616388.0</t>
  </si>
  <si>
    <t>17835.0</t>
  </si>
  <si>
    <t>2471.451</t>
  </si>
  <si>
    <t>12.188</t>
  </si>
  <si>
    <t>16682.0</t>
  </si>
  <si>
    <t>11.401</t>
  </si>
  <si>
    <t>797924.0</t>
  </si>
  <si>
    <t>527339.0</t>
  </si>
  <si>
    <t>270585.0</t>
  </si>
  <si>
    <t>10560.0</t>
  </si>
  <si>
    <t>7035.0</t>
  </si>
  <si>
    <t>3633535.0</t>
  </si>
  <si>
    <t>17147.0</t>
  </si>
  <si>
    <t>2483.169</t>
  </si>
  <si>
    <t>11.718</t>
  </si>
  <si>
    <t>17048.0</t>
  </si>
  <si>
    <t>0.0584</t>
  </si>
  <si>
    <t>817379.0</t>
  </si>
  <si>
    <t>530415.0</t>
  </si>
  <si>
    <t>286964.0</t>
  </si>
  <si>
    <t>19455.0</t>
  </si>
  <si>
    <t>11666.0</t>
  </si>
  <si>
    <t>7924.0</t>
  </si>
  <si>
    <t>3651647.0</t>
  </si>
  <si>
    <t>18112.0</t>
  </si>
  <si>
    <t>2495.547</t>
  </si>
  <si>
    <t>12.378</t>
  </si>
  <si>
    <t>11.776</t>
  </si>
  <si>
    <t>836788.0</t>
  </si>
  <si>
    <t>534356.0</t>
  </si>
  <si>
    <t>302432.0</t>
  </si>
  <si>
    <t>19409.0</t>
  </si>
  <si>
    <t>12826.0</t>
  </si>
  <si>
    <t>8712.0</t>
  </si>
  <si>
    <t>5409.0</t>
  </si>
  <si>
    <t>3669293.0</t>
  </si>
  <si>
    <t>17646.0</t>
  </si>
  <si>
    <t>2507.607</t>
  </si>
  <si>
    <t>12.059</t>
  </si>
  <si>
    <t>17379.0</t>
  </si>
  <si>
    <t>11.877</t>
  </si>
  <si>
    <t>856326.0</t>
  </si>
  <si>
    <t>539956.0</t>
  </si>
  <si>
    <t>316370.0</t>
  </si>
  <si>
    <t>19538.0</t>
  </si>
  <si>
    <t>14397.0</t>
  </si>
  <si>
    <t>21.49</t>
  </si>
  <si>
    <t>9779.0</t>
  </si>
  <si>
    <t>3686624.0</t>
  </si>
  <si>
    <t>17331.0</t>
  </si>
  <si>
    <t>2519.451</t>
  </si>
  <si>
    <t>11.844</t>
  </si>
  <si>
    <t>17535.0</t>
  </si>
  <si>
    <t>11.983</t>
  </si>
  <si>
    <t>879825.0</t>
  </si>
  <si>
    <t>546540.0</t>
  </si>
  <si>
    <t>333285.0</t>
  </si>
  <si>
    <t>23499.0</t>
  </si>
  <si>
    <t>5095.0</t>
  </si>
  <si>
    <t>3704727.0</t>
  </si>
  <si>
    <t>18103.0</t>
  </si>
  <si>
    <t>2531.822</t>
  </si>
  <si>
    <t>12.372</t>
  </si>
  <si>
    <t>12.063</t>
  </si>
  <si>
    <t>900875.0</t>
  </si>
  <si>
    <t>552084.0</t>
  </si>
  <si>
    <t>348791.0</t>
  </si>
  <si>
    <t>21050.0</t>
  </si>
  <si>
    <t>17954.0</t>
  </si>
  <si>
    <t>12195.0</t>
  </si>
  <si>
    <t>3724104.0</t>
  </si>
  <si>
    <t>19377.0</t>
  </si>
  <si>
    <t>2545.065</t>
  </si>
  <si>
    <t>13.242</t>
  </si>
  <si>
    <t>17936.0</t>
  </si>
  <si>
    <t>12.258</t>
  </si>
  <si>
    <t>919222.0</t>
  </si>
  <si>
    <t>557298.0</t>
  </si>
  <si>
    <t>361924.0</t>
  </si>
  <si>
    <t>18347.0</t>
  </si>
  <si>
    <t>19527.0</t>
  </si>
  <si>
    <t>62.44</t>
  </si>
  <si>
    <t>37.85</t>
  </si>
  <si>
    <t>13263.0</t>
  </si>
  <si>
    <t>3744274.0</t>
  </si>
  <si>
    <t>20170.0</t>
  </si>
  <si>
    <t>2558.849</t>
  </si>
  <si>
    <t>13.784</t>
  </si>
  <si>
    <t>18269.0</t>
  </si>
  <si>
    <t>12.485</t>
  </si>
  <si>
    <t>0.0597</t>
  </si>
  <si>
    <t>939068.0</t>
  </si>
  <si>
    <t>562253.0</t>
  </si>
  <si>
    <t>376815.0</t>
  </si>
  <si>
    <t>19846.0</t>
  </si>
  <si>
    <t>20163.0</t>
  </si>
  <si>
    <t>13695.0</t>
  </si>
  <si>
    <t>3761531.0</t>
  </si>
  <si>
    <t>17257.0</t>
  </si>
  <si>
    <t>2570.642</t>
  </si>
  <si>
    <t>11.793</t>
  </si>
  <si>
    <t>18285.0</t>
  </si>
  <si>
    <t>12.496</t>
  </si>
  <si>
    <t>956471.0</t>
  </si>
  <si>
    <t>565171.0</t>
  </si>
  <si>
    <t>391300.0</t>
  </si>
  <si>
    <t>17403.0</t>
  </si>
  <si>
    <t>19870.0</t>
  </si>
  <si>
    <t>38.39</t>
  </si>
  <si>
    <t>13496.0</t>
  </si>
  <si>
    <t>3779766.0</t>
  </si>
  <si>
    <t>18235.0</t>
  </si>
  <si>
    <t>2583.104</t>
  </si>
  <si>
    <t>12.462</t>
  </si>
  <si>
    <t>18303.0</t>
  </si>
  <si>
    <t>12.508</t>
  </si>
  <si>
    <t>973982.0</t>
  </si>
  <si>
    <t>568892.0</t>
  </si>
  <si>
    <t>405090.0</t>
  </si>
  <si>
    <t>17511.0</t>
  </si>
  <si>
    <t>19599.0</t>
  </si>
  <si>
    <t>38.64</t>
  </si>
  <si>
    <t>27.52</t>
  </si>
  <si>
    <t>3798472.0</t>
  </si>
  <si>
    <t>2595.888</t>
  </si>
  <si>
    <t>12.784</t>
  </si>
  <si>
    <t>18454.0</t>
  </si>
  <si>
    <t>12.612</t>
  </si>
  <si>
    <t>989363.0</t>
  </si>
  <si>
    <t>573564.0</t>
  </si>
  <si>
    <t>415799.0</t>
  </si>
  <si>
    <t>15381.0</t>
  </si>
  <si>
    <t>19005.0</t>
  </si>
  <si>
    <t>67.2</t>
  </si>
  <si>
    <t>38.96</t>
  </si>
  <si>
    <t>28.24</t>
  </si>
  <si>
    <t>3815826.0</t>
  </si>
  <si>
    <t>17354.0</t>
  </si>
  <si>
    <t>2607.748</t>
  </si>
  <si>
    <t>12.614</t>
  </si>
  <si>
    <t>1008746.0</t>
  </si>
  <si>
    <t>578085.0</t>
  </si>
  <si>
    <t>430661.0</t>
  </si>
  <si>
    <t>19383.0</t>
  </si>
  <si>
    <t>18417.0</t>
  </si>
  <si>
    <t>12510.0</t>
  </si>
  <si>
    <t>3834581.0</t>
  </si>
  <si>
    <t>18755.0</t>
  </si>
  <si>
    <t>2620.565</t>
  </si>
  <si>
    <t>12.817</t>
  </si>
  <si>
    <t>18551.0</t>
  </si>
  <si>
    <t>12.678</t>
  </si>
  <si>
    <t>1028323.0</t>
  </si>
  <si>
    <t>582461.0</t>
  </si>
  <si>
    <t>445862.0</t>
  </si>
  <si>
    <t>18207.0</t>
  </si>
  <si>
    <t>30.28</t>
  </si>
  <si>
    <t>3852868.0</t>
  </si>
  <si>
    <t>18287.0</t>
  </si>
  <si>
    <t>2633.062</t>
  </si>
  <si>
    <t>12.571</t>
  </si>
  <si>
    <t>1042463.0</t>
  </si>
  <si>
    <t>586279.0</t>
  </si>
  <si>
    <t>456184.0</t>
  </si>
  <si>
    <t>17606.0</t>
  </si>
  <si>
    <t>39.82</t>
  </si>
  <si>
    <t>11959.0</t>
  </si>
  <si>
    <t>12.237</t>
  </si>
  <si>
    <t>1055050.0</t>
  </si>
  <si>
    <t>591761.0</t>
  </si>
  <si>
    <t>463289.0</t>
  </si>
  <si>
    <t>12587.0</t>
  </si>
  <si>
    <t>4215.0</t>
  </si>
  <si>
    <t>17833.0</t>
  </si>
  <si>
    <t>12.187</t>
  </si>
  <si>
    <t>1077488.0</t>
  </si>
  <si>
    <t>602644.0</t>
  </si>
  <si>
    <t>474844.0</t>
  </si>
  <si>
    <t>22438.0</t>
  </si>
  <si>
    <t>17288.0</t>
  </si>
  <si>
    <t>73.19</t>
  </si>
  <si>
    <t>11743.0</t>
  </si>
  <si>
    <t>3903112.0</t>
  </si>
  <si>
    <t>2667.399</t>
  </si>
  <si>
    <t>17621.0</t>
  </si>
  <si>
    <t>12.042</t>
  </si>
  <si>
    <t>1097352.0</t>
  </si>
  <si>
    <t>612834.0</t>
  </si>
  <si>
    <t>484518.0</t>
  </si>
  <si>
    <t>19864.0</t>
  </si>
  <si>
    <t>17624.0</t>
  </si>
  <si>
    <t>6277.0</t>
  </si>
  <si>
    <t>3918378.0</t>
  </si>
  <si>
    <t>15266.0</t>
  </si>
  <si>
    <t>2677.832</t>
  </si>
  <si>
    <t>17129.0</t>
  </si>
  <si>
    <t>11.706</t>
  </si>
  <si>
    <t>1118519.0</t>
  </si>
  <si>
    <t>627047.0</t>
  </si>
  <si>
    <t>491472.0</t>
  </si>
  <si>
    <t>21167.0</t>
  </si>
  <si>
    <t>18451.0</t>
  </si>
  <si>
    <t>42.59</t>
  </si>
  <si>
    <t>7640.0</t>
  </si>
  <si>
    <t>3934735.0</t>
  </si>
  <si>
    <t>16357.0</t>
  </si>
  <si>
    <t>2689.011</t>
  </si>
  <si>
    <t>16987.0</t>
  </si>
  <si>
    <t>11.609</t>
  </si>
  <si>
    <t>1137478.0</t>
  </si>
  <si>
    <t>637548.0</t>
  </si>
  <si>
    <t>499930.0</t>
  </si>
  <si>
    <t>18959.0</t>
  </si>
  <si>
    <t>18390.0</t>
  </si>
  <si>
    <t>33.96</t>
  </si>
  <si>
    <t>8495.0</t>
  </si>
  <si>
    <t>3949992.0</t>
  </si>
  <si>
    <t>2699.437</t>
  </si>
  <si>
    <t>10.427</t>
  </si>
  <si>
    <t>16487.0</t>
  </si>
  <si>
    <t>11.267</t>
  </si>
  <si>
    <t>1149633.0</t>
  </si>
  <si>
    <t>642572.0</t>
  </si>
  <si>
    <t>507061.0</t>
  </si>
  <si>
    <t>12155.0</t>
  </si>
  <si>
    <t>17330.0</t>
  </si>
  <si>
    <t>34.44</t>
  </si>
  <si>
    <t>11771.0</t>
  </si>
  <si>
    <t>3967761.0</t>
  </si>
  <si>
    <t>2711.581</t>
  </si>
  <si>
    <t>12.143</t>
  </si>
  <si>
    <t>16413.0</t>
  </si>
  <si>
    <t>1156806.0</t>
  </si>
  <si>
    <t>646919.0</t>
  </si>
  <si>
    <t>509887.0</t>
  </si>
  <si>
    <t>16335.0</t>
  </si>
  <si>
    <t>11095.0</t>
  </si>
  <si>
    <t>8663.0</t>
  </si>
  <si>
    <t>3983328.0</t>
  </si>
  <si>
    <t>15567.0</t>
  </si>
  <si>
    <t>2722.219</t>
  </si>
  <si>
    <t>10.639</t>
  </si>
  <si>
    <t>11.102</t>
  </si>
  <si>
    <t>1168650.0</t>
  </si>
  <si>
    <t>652170.0</t>
  </si>
  <si>
    <t>516480.0</t>
  </si>
  <si>
    <t>11844.0</t>
  </si>
  <si>
    <t>16229.0</t>
  </si>
  <si>
    <t>11023.0</t>
  </si>
  <si>
    <t>8630.0</t>
  </si>
  <si>
    <t>3997605.0</t>
  </si>
  <si>
    <t>14277.0</t>
  </si>
  <si>
    <t>2731.976</t>
  </si>
  <si>
    <t>9.757</t>
  </si>
  <si>
    <t>10.861</t>
  </si>
  <si>
    <t>1180735.0</t>
  </si>
  <si>
    <t>659990.0</t>
  </si>
  <si>
    <t>520745.0</t>
  </si>
  <si>
    <t>12085.0</t>
  </si>
  <si>
    <t>14750.0</t>
  </si>
  <si>
    <t>80.2</t>
  </si>
  <si>
    <t>44.83</t>
  </si>
  <si>
    <t>35.37</t>
  </si>
  <si>
    <t>10019.0</t>
  </si>
  <si>
    <t>8192.0</t>
  </si>
  <si>
    <t>4013356.0</t>
  </si>
  <si>
    <t>15751.0</t>
  </si>
  <si>
    <t>2742.74</t>
  </si>
  <si>
    <t>10.764</t>
  </si>
  <si>
    <t>15749.0</t>
  </si>
  <si>
    <t>10.763</t>
  </si>
  <si>
    <t>1193039.0</t>
  </si>
  <si>
    <t>667979.0</t>
  </si>
  <si>
    <t>525060.0</t>
  </si>
  <si>
    <t>12304.0</t>
  </si>
  <si>
    <t>9285.0</t>
  </si>
  <si>
    <t>7878.0</t>
  </si>
  <si>
    <t>4029661.0</t>
  </si>
  <si>
    <t>2753.883</t>
  </si>
  <si>
    <t>11.143</t>
  </si>
  <si>
    <t>15898.0</t>
  </si>
  <si>
    <t>10.865</t>
  </si>
  <si>
    <t>1206763.0</t>
  </si>
  <si>
    <t>676945.0</t>
  </si>
  <si>
    <t>529818.0</t>
  </si>
  <si>
    <t>12606.0</t>
  </si>
  <si>
    <t>8562.0</t>
  </si>
  <si>
    <t>4044433.0</t>
  </si>
  <si>
    <t>14772.0</t>
  </si>
  <si>
    <t>2763.979</t>
  </si>
  <si>
    <t>10.095</t>
  </si>
  <si>
    <t>1216359.0</t>
  </si>
  <si>
    <t>681686.0</t>
  </si>
  <si>
    <t>534673.0</t>
  </si>
  <si>
    <t>11269.0</t>
  </si>
  <si>
    <t>7654.0</t>
  </si>
  <si>
    <t>4060011.0</t>
  </si>
  <si>
    <t>15578.0</t>
  </si>
  <si>
    <t>2774.625</t>
  </si>
  <si>
    <t>15717.0</t>
  </si>
  <si>
    <t>10.741</t>
  </si>
  <si>
    <t>0.0686</t>
  </si>
  <si>
    <t>1224175.0</t>
  </si>
  <si>
    <t>685353.0</t>
  </si>
  <si>
    <t>538822.0</t>
  </si>
  <si>
    <t>7816.0</t>
  </si>
  <si>
    <t>10649.0</t>
  </si>
  <si>
    <t>7233.0</t>
  </si>
  <si>
    <t>4079066.0</t>
  </si>
  <si>
    <t>19055.0</t>
  </si>
  <si>
    <t>2787.647</t>
  </si>
  <si>
    <t>13.022</t>
  </si>
  <si>
    <t>15901.0</t>
  </si>
  <si>
    <t>1235170.0</t>
  </si>
  <si>
    <t>693423.0</t>
  </si>
  <si>
    <t>541747.0</t>
  </si>
  <si>
    <t>10995.0</t>
  </si>
  <si>
    <t>83.9</t>
  </si>
  <si>
    <t>47.1</t>
  </si>
  <si>
    <t>7604.0</t>
  </si>
  <si>
    <t>6643.0</t>
  </si>
  <si>
    <t>4094494.0</t>
  </si>
  <si>
    <t>2798.19</t>
  </si>
  <si>
    <t>10.544</t>
  </si>
  <si>
    <t>15881.0</t>
  </si>
  <si>
    <t>1246239.0</t>
  </si>
  <si>
    <t>701922.0</t>
  </si>
  <si>
    <t>544317.0</t>
  </si>
  <si>
    <t>11069.0</t>
  </si>
  <si>
    <t>11084.0</t>
  </si>
  <si>
    <t>36.97</t>
  </si>
  <si>
    <t>7529.0</t>
  </si>
  <si>
    <t>4108476.0</t>
  </si>
  <si>
    <t>13982.0</t>
  </si>
  <si>
    <t>2807.746</t>
  </si>
  <si>
    <t>9.555</t>
  </si>
  <si>
    <t>15839.0</t>
  </si>
  <si>
    <t>10.824</t>
  </si>
  <si>
    <t>1264087.0</t>
  </si>
  <si>
    <t>717024.0</t>
  </si>
  <si>
    <t>547063.0</t>
  </si>
  <si>
    <t>17848.0</t>
  </si>
  <si>
    <t>85.86</t>
  </si>
  <si>
    <t>8088.0</t>
  </si>
  <si>
    <t>4124188.0</t>
  </si>
  <si>
    <t>15712.0</t>
  </si>
  <si>
    <t>2818.483</t>
  </si>
  <si>
    <t>10.738</t>
  </si>
  <si>
    <t>15833.0</t>
  </si>
  <si>
    <t>1283303.0</t>
  </si>
  <si>
    <t>732644.0</t>
  </si>
  <si>
    <t>550659.0</t>
  </si>
  <si>
    <t>19216.0</t>
  </si>
  <si>
    <t>87.17</t>
  </si>
  <si>
    <t>49.76</t>
  </si>
  <si>
    <t>8759.0</t>
  </si>
  <si>
    <t>4139497.0</t>
  </si>
  <si>
    <t>2828.946</t>
  </si>
  <si>
    <t>10.462</t>
  </si>
  <si>
    <t>15691.0</t>
  </si>
  <si>
    <t>10.723</t>
  </si>
  <si>
    <t>1301773.0</t>
  </si>
  <si>
    <t>747409.0</t>
  </si>
  <si>
    <t>554364.0</t>
  </si>
  <si>
    <t>18470.0</t>
  </si>
  <si>
    <t>13573.0</t>
  </si>
  <si>
    <t>9219.0</t>
  </si>
  <si>
    <t>10066.0</t>
  </si>
  <si>
    <t>4155732.0</t>
  </si>
  <si>
    <t>2840.041</t>
  </si>
  <si>
    <t>11.095</t>
  </si>
  <si>
    <t>15900.0</t>
  </si>
  <si>
    <t>10.866</t>
  </si>
  <si>
    <t>0.0779</t>
  </si>
  <si>
    <t>1318506.0</t>
  </si>
  <si>
    <t>759975.0</t>
  </si>
  <si>
    <t>558531.0</t>
  </si>
  <si>
    <t>16733.0</t>
  </si>
  <si>
    <t>14592.0</t>
  </si>
  <si>
    <t>89.56</t>
  </si>
  <si>
    <t>11184.0</t>
  </si>
  <si>
    <t>4172056.0</t>
  </si>
  <si>
    <t>16324.0</t>
  </si>
  <si>
    <t>2851.196</t>
  </si>
  <si>
    <t>11.156</t>
  </si>
  <si>
    <t>16006.0</t>
  </si>
  <si>
    <t>10.939</t>
  </si>
  <si>
    <t>1334658.0</t>
  </si>
  <si>
    <t>772205.0</t>
  </si>
  <si>
    <t>562453.0</t>
  </si>
  <si>
    <t>16152.0</t>
  </si>
  <si>
    <t>15783.0</t>
  </si>
  <si>
    <t>12407.0</t>
  </si>
  <si>
    <t>4189757.0</t>
  </si>
  <si>
    <t>17701.0</t>
  </si>
  <si>
    <t>2863.293</t>
  </si>
  <si>
    <t>12.097</t>
  </si>
  <si>
    <t>0.0855</t>
  </si>
  <si>
    <t>1347062.0</t>
  </si>
  <si>
    <t>780894.0</t>
  </si>
  <si>
    <t>566168.0</t>
  </si>
  <si>
    <t>12404.0</t>
  </si>
  <si>
    <t>91.5</t>
  </si>
  <si>
    <t>53.04</t>
  </si>
  <si>
    <t>38.46</t>
  </si>
  <si>
    <t>12496.0</t>
  </si>
  <si>
    <t>4206579.0</t>
  </si>
  <si>
    <t>16822.0</t>
  </si>
  <si>
    <t>2874.79</t>
  </si>
  <si>
    <t>11.496</t>
  </si>
  <si>
    <t>16012.0</t>
  </si>
  <si>
    <t>10.943</t>
  </si>
  <si>
    <t>1357817.0</t>
  </si>
  <si>
    <t>787455.0</t>
  </si>
  <si>
    <t>570362.0</t>
  </si>
  <si>
    <t>10755.0</t>
  </si>
  <si>
    <t>15940.0</t>
  </si>
  <si>
    <t>38.74</t>
  </si>
  <si>
    <t>10827.0</t>
  </si>
  <si>
    <t>12219.0</t>
  </si>
  <si>
    <t>4222173.0</t>
  </si>
  <si>
    <t>15594.0</t>
  </si>
  <si>
    <t>2885.447</t>
  </si>
  <si>
    <t>10.657</t>
  </si>
  <si>
    <t>1375967.0</t>
  </si>
  <si>
    <t>797181.0</t>
  </si>
  <si>
    <t>578786.0</t>
  </si>
  <si>
    <t>18150.0</t>
  </si>
  <si>
    <t>93.46</t>
  </si>
  <si>
    <t>11451.0</t>
  </si>
  <si>
    <t>4238466.0</t>
  </si>
  <si>
    <t>16293.0</t>
  </si>
  <si>
    <t>2896.581</t>
  </si>
  <si>
    <t>11.135</t>
  </si>
  <si>
    <t>16325.0</t>
  </si>
  <si>
    <t>11.157</t>
  </si>
  <si>
    <t>1394873.0</t>
  </si>
  <si>
    <t>806143.0</t>
  </si>
  <si>
    <t>588730.0</t>
  </si>
  <si>
    <t>18906.0</t>
  </si>
  <si>
    <t>94.75</t>
  </si>
  <si>
    <t>10826.0</t>
  </si>
  <si>
    <t>10500.0</t>
  </si>
  <si>
    <t>4256020.0</t>
  </si>
  <si>
    <t>17554.0</t>
  </si>
  <si>
    <t>2908.578</t>
  </si>
  <si>
    <t>11.996</t>
  </si>
  <si>
    <t>16646.0</t>
  </si>
  <si>
    <t>11.376</t>
  </si>
  <si>
    <t>1416118.0</t>
  </si>
  <si>
    <t>813728.0</t>
  </si>
  <si>
    <t>602390.0</t>
  </si>
  <si>
    <t>21245.0</t>
  </si>
  <si>
    <t>96.19</t>
  </si>
  <si>
    <t>55.27</t>
  </si>
  <si>
    <t>40.92</t>
  </si>
  <si>
    <t>4273842.0</t>
  </si>
  <si>
    <t>17822.0</t>
  </si>
  <si>
    <t>2920.757</t>
  </si>
  <si>
    <t>16873.0</t>
  </si>
  <si>
    <t>11.531</t>
  </si>
  <si>
    <t>0.0928</t>
  </si>
  <si>
    <t>1434023.0</t>
  </si>
  <si>
    <t>821210.0</t>
  </si>
  <si>
    <t>612813.0</t>
  </si>
  <si>
    <t>17905.0</t>
  </si>
  <si>
    <t>97.4</t>
  </si>
  <si>
    <t>8748.0</t>
  </si>
  <si>
    <t>4292201.0</t>
  </si>
  <si>
    <t>18359.0</t>
  </si>
  <si>
    <t>2933.304</t>
  </si>
  <si>
    <t>12.547</t>
  </si>
  <si>
    <t>17164.0</t>
  </si>
  <si>
    <t>0.0949</t>
  </si>
  <si>
    <t>1440591.0</t>
  </si>
  <si>
    <t>823452.0</t>
  </si>
  <si>
    <t>617139.0</t>
  </si>
  <si>
    <t>6568.0</t>
  </si>
  <si>
    <t>97.85</t>
  </si>
  <si>
    <t>41.92</t>
  </si>
  <si>
    <t>10279.0</t>
  </si>
  <si>
    <t>7321.0</t>
  </si>
  <si>
    <t>4307946.0</t>
  </si>
  <si>
    <t>15745.0</t>
  </si>
  <si>
    <t>2944.064</t>
  </si>
  <si>
    <t>16884.0</t>
  </si>
  <si>
    <t>11.539</t>
  </si>
  <si>
    <t>0.0937</t>
  </si>
  <si>
    <t>1447963.0</t>
  </si>
  <si>
    <t>826748.0</t>
  </si>
  <si>
    <t>621215.0</t>
  </si>
  <si>
    <t>14414.0</t>
  </si>
  <si>
    <t>98.35</t>
  </si>
  <si>
    <t>4322199.0</t>
  </si>
  <si>
    <t>2953.805</t>
  </si>
  <si>
    <t>16517.0</t>
  </si>
  <si>
    <t>11.288</t>
  </si>
  <si>
    <t>0.0968</t>
  </si>
  <si>
    <t>1456417.0</t>
  </si>
  <si>
    <t>830033.0</t>
  </si>
  <si>
    <t>626384.0</t>
  </si>
  <si>
    <t>8454.0</t>
  </si>
  <si>
    <t>14086.0</t>
  </si>
  <si>
    <t>98.93</t>
  </si>
  <si>
    <t>56.38</t>
  </si>
  <si>
    <t>6083.0</t>
  </si>
  <si>
    <t>4336159.0</t>
  </si>
  <si>
    <t>13960.0</t>
  </si>
  <si>
    <t>2963.345</t>
  </si>
  <si>
    <t>16284.0</t>
  </si>
  <si>
    <t>11.129</t>
  </si>
  <si>
    <t>1472955.0</t>
  </si>
  <si>
    <t>838719.0</t>
  </si>
  <si>
    <t>634236.0</t>
  </si>
  <si>
    <t>16538.0</t>
  </si>
  <si>
    <t>56.97</t>
  </si>
  <si>
    <t>9411.0</t>
  </si>
  <si>
    <t>4353926.0</t>
  </si>
  <si>
    <t>17767.0</t>
  </si>
  <si>
    <t>2975.487</t>
  </si>
  <si>
    <t>12.142</t>
  </si>
  <si>
    <t>11.272</t>
  </si>
  <si>
    <t>1489951.0</t>
  </si>
  <si>
    <t>847764.0</t>
  </si>
  <si>
    <t>642187.0</t>
  </si>
  <si>
    <t>16996.0</t>
  </si>
  <si>
    <t>101.2</t>
  </si>
  <si>
    <t>57.58</t>
  </si>
  <si>
    <t>43.62</t>
  </si>
  <si>
    <t>9226.0</t>
  </si>
  <si>
    <t>5946.0</t>
  </si>
  <si>
    <t>4374017.0</t>
  </si>
  <si>
    <t>20091.0</t>
  </si>
  <si>
    <t>2989.217</t>
  </si>
  <si>
    <t>16857.0</t>
  </si>
  <si>
    <t>0.0998</t>
  </si>
  <si>
    <t>1506875.0</t>
  </si>
  <si>
    <t>855529.0</t>
  </si>
  <si>
    <t>651346.0</t>
  </si>
  <si>
    <t>16924.0</t>
  </si>
  <si>
    <t>12965.0</t>
  </si>
  <si>
    <t>102.35</t>
  </si>
  <si>
    <t>8806.0</t>
  </si>
  <si>
    <t>4393681.0</t>
  </si>
  <si>
    <t>19664.0</t>
  </si>
  <si>
    <t>3002.656</t>
  </si>
  <si>
    <t>13.438</t>
  </si>
  <si>
    <t>17120.0</t>
  </si>
  <si>
    <t>1519373.0</t>
  </si>
  <si>
    <t>861398.0</t>
  </si>
  <si>
    <t>657975.0</t>
  </si>
  <si>
    <t>103.2</t>
  </si>
  <si>
    <t>44.69</t>
  </si>
  <si>
    <t>8282.0</t>
  </si>
  <si>
    <t>4412989.0</t>
  </si>
  <si>
    <t>19308.0</t>
  </si>
  <si>
    <t>3015.851</t>
  </si>
  <si>
    <t>13.195</t>
  </si>
  <si>
    <t>17255.0</t>
  </si>
  <si>
    <t>11.792</t>
  </si>
  <si>
    <t>0.1092</t>
  </si>
  <si>
    <t>1531600.0</t>
  </si>
  <si>
    <t>868121.0</t>
  </si>
  <si>
    <t>663479.0</t>
  </si>
  <si>
    <t>12227.0</t>
  </si>
  <si>
    <t>13001.0</t>
  </si>
  <si>
    <t>104.03</t>
  </si>
  <si>
    <t>8831.0</t>
  </si>
  <si>
    <t>4432836.0</t>
  </si>
  <si>
    <t>3029.414</t>
  </si>
  <si>
    <t>13.564</t>
  </si>
  <si>
    <t>17841.0</t>
  </si>
  <si>
    <t>0.1175</t>
  </si>
  <si>
    <t>1545157.0</t>
  </si>
  <si>
    <t>872025.0</t>
  </si>
  <si>
    <t>673132.0</t>
  </si>
  <si>
    <t>13885.0</t>
  </si>
  <si>
    <t>104.95</t>
  </si>
  <si>
    <t>45.72</t>
  </si>
  <si>
    <t>9431.0</t>
  </si>
  <si>
    <t>6468.0</t>
  </si>
  <si>
    <t>4451037.0</t>
  </si>
  <si>
    <t>3041.853</t>
  </si>
  <si>
    <t>12.439</t>
  </si>
  <si>
    <t>18405.0</t>
  </si>
  <si>
    <t>12.578</t>
  </si>
  <si>
    <t>0.1225</t>
  </si>
  <si>
    <t>1559663.0</t>
  </si>
  <si>
    <t>876440.0</t>
  </si>
  <si>
    <t>683223.0</t>
  </si>
  <si>
    <t>14506.0</t>
  </si>
  <si>
    <t>14749.0</t>
  </si>
  <si>
    <t>105.94</t>
  </si>
  <si>
    <t>4468716.0</t>
  </si>
  <si>
    <t>17679.0</t>
  </si>
  <si>
    <t>3053.935</t>
  </si>
  <si>
    <t>12.082</t>
  </si>
  <si>
    <t>18937.0</t>
  </si>
  <si>
    <t>12.942</t>
  </si>
  <si>
    <t>0.1288</t>
  </si>
  <si>
    <t>1580103.0</t>
  </si>
  <si>
    <t>880795.0</t>
  </si>
  <si>
    <t>699308.0</t>
  </si>
  <si>
    <t>20440.0</t>
  </si>
  <si>
    <t>15307.0</t>
  </si>
  <si>
    <t>107.33</t>
  </si>
  <si>
    <t>10397.0</t>
  </si>
  <si>
    <t>4489530.0</t>
  </si>
  <si>
    <t>20814.0</t>
  </si>
  <si>
    <t>3068.159</t>
  </si>
  <si>
    <t>19372.0</t>
  </si>
  <si>
    <t>13.239</t>
  </si>
  <si>
    <t>1601682.0</t>
  </si>
  <si>
    <t>884922.0</t>
  </si>
  <si>
    <t>716760.0</t>
  </si>
  <si>
    <t>21579.0</t>
  </si>
  <si>
    <t>15962.0</t>
  </si>
  <si>
    <t>108.79</t>
  </si>
  <si>
    <t>48.69</t>
  </si>
  <si>
    <t>10842.0</t>
  </si>
  <si>
    <t>4509481.0</t>
  </si>
  <si>
    <t>19951.0</t>
  </si>
  <si>
    <t>3081.794</t>
  </si>
  <si>
    <t>13.635</t>
  </si>
  <si>
    <t>19352.0</t>
  </si>
  <si>
    <t>13.225</t>
  </si>
  <si>
    <t>1621198.0</t>
  </si>
  <si>
    <t>888488.0</t>
  </si>
  <si>
    <t>732710.0</t>
  </si>
  <si>
    <t>19516.0</t>
  </si>
  <si>
    <t>16332.0</t>
  </si>
  <si>
    <t>110.12</t>
  </si>
  <si>
    <t>11093.0</t>
  </si>
  <si>
    <t>4529080.0</t>
  </si>
  <si>
    <t>3095.188</t>
  </si>
  <si>
    <t>13.394</t>
  </si>
  <si>
    <t>19343.0</t>
  </si>
  <si>
    <t>13.219</t>
  </si>
  <si>
    <t>1638092.0</t>
  </si>
  <si>
    <t>892030.0</t>
  </si>
  <si>
    <t>746062.0</t>
  </si>
  <si>
    <t>16894.0</t>
  </si>
  <si>
    <t>16960.0</t>
  </si>
  <si>
    <t>111.27</t>
  </si>
  <si>
    <t>11520.0</t>
  </si>
  <si>
    <t>4548243.0</t>
  </si>
  <si>
    <t>19163.0</t>
  </si>
  <si>
    <t>3108.284</t>
  </si>
  <si>
    <t>13.205</t>
  </si>
  <si>
    <t>1655790.0</t>
  </si>
  <si>
    <t>897414.0</t>
  </si>
  <si>
    <t>758376.0</t>
  </si>
  <si>
    <t>17698.0</t>
  </si>
  <si>
    <t>17741.0</t>
  </si>
  <si>
    <t>112.47</t>
  </si>
  <si>
    <t>12050.0</t>
  </si>
  <si>
    <t>4568702.0</t>
  </si>
  <si>
    <t>20459.0</t>
  </si>
  <si>
    <t>3122.266</t>
  </si>
  <si>
    <t>13.264</t>
  </si>
  <si>
    <t>1671687.0</t>
  </si>
  <si>
    <t>905133.0</t>
  </si>
  <si>
    <t>766554.0</t>
  </si>
  <si>
    <t>15897.0</t>
  </si>
  <si>
    <t>18076.0</t>
  </si>
  <si>
    <t>113.55</t>
  </si>
  <si>
    <t>52.07</t>
  </si>
  <si>
    <t>12278.0</t>
  </si>
  <si>
    <t>4589012.0</t>
  </si>
  <si>
    <t>20310.0</t>
  </si>
  <si>
    <t>3136.146</t>
  </si>
  <si>
    <t>13.88</t>
  </si>
  <si>
    <t>19711.0</t>
  </si>
  <si>
    <t>13.471</t>
  </si>
  <si>
    <t>1684849.0</t>
  </si>
  <si>
    <t>911847.0</t>
  </si>
  <si>
    <t>13162.0</t>
  </si>
  <si>
    <t>114.44</t>
  </si>
  <si>
    <t>61.94</t>
  </si>
  <si>
    <t>4607670.0</t>
  </si>
  <si>
    <t>18658.0</t>
  </si>
  <si>
    <t>3148.896</t>
  </si>
  <si>
    <t>12.751</t>
  </si>
  <si>
    <t>19851.0</t>
  </si>
  <si>
    <t>13.566</t>
  </si>
  <si>
    <t>0.1447</t>
  </si>
  <si>
    <t>1706904.0</t>
  </si>
  <si>
    <t>924530.0</t>
  </si>
  <si>
    <t>782374.0</t>
  </si>
  <si>
    <t>22055.0</t>
  </si>
  <si>
    <t>18114.0</t>
  </si>
  <si>
    <t>62.8</t>
  </si>
  <si>
    <t>4626181.0</t>
  </si>
  <si>
    <t>18511.0</t>
  </si>
  <si>
    <t>3161.547</t>
  </si>
  <si>
    <t>12.65</t>
  </si>
  <si>
    <t>13.341</t>
  </si>
  <si>
    <t>1732728.0</t>
  </si>
  <si>
    <t>941674.0</t>
  </si>
  <si>
    <t>791054.0</t>
  </si>
  <si>
    <t>25824.0</t>
  </si>
  <si>
    <t>18721.0</t>
  </si>
  <si>
    <t>8107.0</t>
  </si>
  <si>
    <t>4643466.0</t>
  </si>
  <si>
    <t>17285.0</t>
  </si>
  <si>
    <t>3173.36</t>
  </si>
  <si>
    <t>11.813</t>
  </si>
  <si>
    <t>19141.0</t>
  </si>
  <si>
    <t>13.081</t>
  </si>
  <si>
    <t>0.1431</t>
  </si>
  <si>
    <t>1755570.0</t>
  </si>
  <si>
    <t>957173.0</t>
  </si>
  <si>
    <t>798397.0</t>
  </si>
  <si>
    <t>22842.0</t>
  </si>
  <si>
    <t>19196.0</t>
  </si>
  <si>
    <t>119.25</t>
  </si>
  <si>
    <t>4658664.0</t>
  </si>
  <si>
    <t>3183.746</t>
  </si>
  <si>
    <t>10.386</t>
  </si>
  <si>
    <t>18512.0</t>
  </si>
  <si>
    <t>12.651</t>
  </si>
  <si>
    <t>1775070.0</t>
  </si>
  <si>
    <t>969225.0</t>
  </si>
  <si>
    <t>805845.0</t>
  </si>
  <si>
    <t>19500.0</t>
  </si>
  <si>
    <t>19568.0</t>
  </si>
  <si>
    <t>120.57</t>
  </si>
  <si>
    <t>54.74</t>
  </si>
  <si>
    <t>13291.0</t>
  </si>
  <si>
    <t>11028.0</t>
  </si>
  <si>
    <t>4674108.0</t>
  </si>
  <si>
    <t>15444.0</t>
  </si>
  <si>
    <t>3194.3</t>
  </si>
  <si>
    <t>10.554</t>
  </si>
  <si>
    <t>17981.0</t>
  </si>
  <si>
    <t>12.288</t>
  </si>
  <si>
    <t>1788987.0</t>
  </si>
  <si>
    <t>980436.0</t>
  </si>
  <si>
    <t>808551.0</t>
  </si>
  <si>
    <t>13917.0</t>
  </si>
  <si>
    <t>19028.0</t>
  </si>
  <si>
    <t>121.51</t>
  </si>
  <si>
    <t>12925.0</t>
  </si>
  <si>
    <t>11860.0</t>
  </si>
  <si>
    <t>4689976.0</t>
  </si>
  <si>
    <t>15868.0</t>
  </si>
  <si>
    <t>3205.145</t>
  </si>
  <si>
    <t>10.844</t>
  </si>
  <si>
    <t>17325.0</t>
  </si>
  <si>
    <t>0.1297</t>
  </si>
  <si>
    <t>1804659.0</t>
  </si>
  <si>
    <t>992747.0</t>
  </si>
  <si>
    <t>811912.0</t>
  </si>
  <si>
    <t>15672.0</t>
  </si>
  <si>
    <t>18996.0</t>
  </si>
  <si>
    <t>122.58</t>
  </si>
  <si>
    <t>12903.0</t>
  </si>
  <si>
    <t>12516.0</t>
  </si>
  <si>
    <t>4702914.0</t>
  </si>
  <si>
    <t>12938.0</t>
  </si>
  <si>
    <t>3213.987</t>
  </si>
  <si>
    <t>8.842</t>
  </si>
  <si>
    <t>11.12</t>
  </si>
  <si>
    <t>0.1219</t>
  </si>
  <si>
    <t>1813734.0</t>
  </si>
  <si>
    <t>998504.0</t>
  </si>
  <si>
    <t>815230.0</t>
  </si>
  <si>
    <t>18412.0</t>
  </si>
  <si>
    <t>4716287.0</t>
  </si>
  <si>
    <t>3223.126</t>
  </si>
  <si>
    <t>9.139</t>
  </si>
  <si>
    <t>15517.0</t>
  </si>
  <si>
    <t>10.604</t>
  </si>
  <si>
    <t>1826466.0</t>
  </si>
  <si>
    <t>1002977.0</t>
  </si>
  <si>
    <t>823489.0</t>
  </si>
  <si>
    <t>12732.0</t>
  </si>
  <si>
    <t>124.06</t>
  </si>
  <si>
    <t>11207.0</t>
  </si>
  <si>
    <t>4730469.0</t>
  </si>
  <si>
    <t>14182.0</t>
  </si>
  <si>
    <t>3232.818</t>
  </si>
  <si>
    <t>9.692</t>
  </si>
  <si>
    <t>14898.0</t>
  </si>
  <si>
    <t>10.181</t>
  </si>
  <si>
    <t>0.1157</t>
  </si>
  <si>
    <t>1838561.0</t>
  </si>
  <si>
    <t>1006617.0</t>
  </si>
  <si>
    <t>831944.0</t>
  </si>
  <si>
    <t>12095.0</t>
  </si>
  <si>
    <t>15119.0</t>
  </si>
  <si>
    <t>124.88</t>
  </si>
  <si>
    <t>9278.0</t>
  </si>
  <si>
    <t>4742989.0</t>
  </si>
  <si>
    <t>12520.0</t>
  </si>
  <si>
    <t>3241.374</t>
  </si>
  <si>
    <t>8.556</t>
  </si>
  <si>
    <t>9.717</t>
  </si>
  <si>
    <t>1849847.0</t>
  </si>
  <si>
    <t>1010162.0</t>
  </si>
  <si>
    <t>839685.0</t>
  </si>
  <si>
    <t>13468.0</t>
  </si>
  <si>
    <t>125.65</t>
  </si>
  <si>
    <t>57.03</t>
  </si>
  <si>
    <t>9148.0</t>
  </si>
  <si>
    <t>4755524.0</t>
  </si>
  <si>
    <t>3249.94</t>
  </si>
  <si>
    <t>8.566</t>
  </si>
  <si>
    <t>13837.0</t>
  </si>
  <si>
    <t>9.456</t>
  </si>
  <si>
    <t>0.1052</t>
  </si>
  <si>
    <t>1859585.0</t>
  </si>
  <si>
    <t>1014105.0</t>
  </si>
  <si>
    <t>845480.0</t>
  </si>
  <si>
    <t>12074.0</t>
  </si>
  <si>
    <t>126.31</t>
  </si>
  <si>
    <t>6411.0</t>
  </si>
  <si>
    <t>4766952.0</t>
  </si>
  <si>
    <t>3257.75</t>
  </si>
  <si>
    <t>9.064</t>
  </si>
  <si>
    <t>1869888.0</t>
  </si>
  <si>
    <t>1017757.0</t>
  </si>
  <si>
    <t>852131.0</t>
  </si>
  <si>
    <t>10303.0</t>
  </si>
  <si>
    <t>11557.0</t>
  </si>
  <si>
    <t>127.01</t>
  </si>
  <si>
    <t>4780224.0</t>
  </si>
  <si>
    <t>3266.82</t>
  </si>
  <si>
    <t>12893.0</t>
  </si>
  <si>
    <t>8.811</t>
  </si>
  <si>
    <t>0.0972</t>
  </si>
  <si>
    <t>1876554.0</t>
  </si>
  <si>
    <t>1020656.0</t>
  </si>
  <si>
    <t>855898.0</t>
  </si>
  <si>
    <t>10271.0</t>
  </si>
  <si>
    <t>58.14</t>
  </si>
  <si>
    <t>6976.0</t>
  </si>
  <si>
    <t>3987.0</t>
  </si>
  <si>
    <t>4791070.0</t>
  </si>
  <si>
    <t>3274.233</t>
  </si>
  <si>
    <t>7.412</t>
  </si>
  <si>
    <t>12594.0</t>
  </si>
  <si>
    <t>8.607</t>
  </si>
  <si>
    <t>1883641.0</t>
  </si>
  <si>
    <t>1023463.0</t>
  </si>
  <si>
    <t>860178.0</t>
  </si>
  <si>
    <t>9987.0</t>
  </si>
  <si>
    <t>127.94</t>
  </si>
  <si>
    <t>69.52</t>
  </si>
  <si>
    <t>6784.0</t>
  </si>
  <si>
    <t>3566.0</t>
  </si>
  <si>
    <t>4803752.0</t>
  </si>
  <si>
    <t>12682.0</t>
  </si>
  <si>
    <t>3282.9</t>
  </si>
  <si>
    <t>8.667</t>
  </si>
  <si>
    <t>12495.0</t>
  </si>
  <si>
    <t>8.539</t>
  </si>
  <si>
    <t>1891596.0</t>
  </si>
  <si>
    <t>1026666.0</t>
  </si>
  <si>
    <t>864930.0</t>
  </si>
  <si>
    <t>9304.0</t>
  </si>
  <si>
    <t>128.48</t>
  </si>
  <si>
    <t>4817158.0</t>
  </si>
  <si>
    <t>13406.0</t>
  </si>
  <si>
    <t>3292.061</t>
  </si>
  <si>
    <t>9.162</t>
  </si>
  <si>
    <t>12384.0</t>
  </si>
  <si>
    <t>8.463</t>
  </si>
  <si>
    <t>0.0799</t>
  </si>
  <si>
    <t>1899552.0</t>
  </si>
  <si>
    <t>1030627.0</t>
  </si>
  <si>
    <t>868925.0</t>
  </si>
  <si>
    <t>7956.0</t>
  </si>
  <si>
    <t>129.02</t>
  </si>
  <si>
    <t>4831727.0</t>
  </si>
  <si>
    <t>3302.018</t>
  </si>
  <si>
    <t>9.957</t>
  </si>
  <si>
    <t>12677.0</t>
  </si>
  <si>
    <t>8.664</t>
  </si>
  <si>
    <t>1905340.0</t>
  </si>
  <si>
    <t>1032832.0</t>
  </si>
  <si>
    <t>872508.0</t>
  </si>
  <si>
    <t>70.15</t>
  </si>
  <si>
    <t>59.26</t>
  </si>
  <si>
    <t>5385.0</t>
  </si>
  <si>
    <t>4845013.0</t>
  </si>
  <si>
    <t>13286.0</t>
  </si>
  <si>
    <t>3311.097</t>
  </si>
  <si>
    <t>8.737</t>
  </si>
  <si>
    <t>1911076.0</t>
  </si>
  <si>
    <t>1034974.0</t>
  </si>
  <si>
    <t>876102.0</t>
  </si>
  <si>
    <t>5736.0</t>
  </si>
  <si>
    <t>7356.0</t>
  </si>
  <si>
    <t>129.81</t>
  </si>
  <si>
    <t>4858164.0</t>
  </si>
  <si>
    <t>3320.085</t>
  </si>
  <si>
    <t>8.905</t>
  </si>
  <si>
    <t>1917308.0</t>
  </si>
  <si>
    <t>1037162.0</t>
  </si>
  <si>
    <t>880146.0</t>
  </si>
  <si>
    <t>130.23</t>
  </si>
  <si>
    <t>4872668.0</t>
  </si>
  <si>
    <t>14504.0</t>
  </si>
  <si>
    <t>3329.997</t>
  </si>
  <si>
    <t>9.912</t>
  </si>
  <si>
    <t>9.025</t>
  </si>
  <si>
    <t>1925432.0</t>
  </si>
  <si>
    <t>1039962.0</t>
  </si>
  <si>
    <t>885470.0</t>
  </si>
  <si>
    <t>6983.0</t>
  </si>
  <si>
    <t>130.78</t>
  </si>
  <si>
    <t>4743.0</t>
  </si>
  <si>
    <t>4885243.0</t>
  </si>
  <si>
    <t>12575.0</t>
  </si>
  <si>
    <t>3338.591</t>
  </si>
  <si>
    <t>13453.0</t>
  </si>
  <si>
    <t>1932506.0</t>
  </si>
  <si>
    <t>1041584.0</t>
  </si>
  <si>
    <t>890922.0</t>
  </si>
  <si>
    <t>6981.0</t>
  </si>
  <si>
    <t>131.26</t>
  </si>
  <si>
    <t>4742.0</t>
  </si>
  <si>
    <t>2589.0</t>
  </si>
  <si>
    <t>4897598.0</t>
  </si>
  <si>
    <t>12355.0</t>
  </si>
  <si>
    <t>3347.034</t>
  </si>
  <si>
    <t>8.443</t>
  </si>
  <si>
    <t>13407.0</t>
  </si>
  <si>
    <t>1943301.0</t>
  </si>
  <si>
    <t>1043787.0</t>
  </si>
  <si>
    <t>899514.0</t>
  </si>
  <si>
    <t>5017.0</t>
  </si>
  <si>
    <t>4911205.0</t>
  </si>
  <si>
    <t>13607.0</t>
  </si>
  <si>
    <t>3356.333</t>
  </si>
  <si>
    <t>9.299</t>
  </si>
  <si>
    <t>13435.0</t>
  </si>
  <si>
    <t>1955753.0</t>
  </si>
  <si>
    <t>1045317.0</t>
  </si>
  <si>
    <t>910436.0</t>
  </si>
  <si>
    <t>12452.0</t>
  </si>
  <si>
    <t>8029.0</t>
  </si>
  <si>
    <t>5454.0</t>
  </si>
  <si>
    <t>4924454.0</t>
  </si>
  <si>
    <t>3365.388</t>
  </si>
  <si>
    <t>13247.0</t>
  </si>
  <si>
    <t>1968183.0</t>
  </si>
  <si>
    <t>1046710.0</t>
  </si>
  <si>
    <t>921473.0</t>
  </si>
  <si>
    <t>133.69</t>
  </si>
  <si>
    <t>62.59</t>
  </si>
  <si>
    <t>4937963.0</t>
  </si>
  <si>
    <t>13509.0</t>
  </si>
  <si>
    <t>3374.62</t>
  </si>
  <si>
    <t>9.232</t>
  </si>
  <si>
    <t>13279.0</t>
  </si>
  <si>
    <t>9.075</t>
  </si>
  <si>
    <t>1978826.0</t>
  </si>
  <si>
    <t>1048212.0</t>
  </si>
  <si>
    <t>930614.0</t>
  </si>
  <si>
    <t>134.41</t>
  </si>
  <si>
    <t>63.21</t>
  </si>
  <si>
    <t>4951227.0</t>
  </si>
  <si>
    <t>3383.684</t>
  </si>
  <si>
    <t>9.065</t>
  </si>
  <si>
    <t>13295.0</t>
  </si>
  <si>
    <t>9.086</t>
  </si>
  <si>
    <t>1993321.0</t>
  </si>
  <si>
    <t>1049228.0</t>
  </si>
  <si>
    <t>944093.0</t>
  </si>
  <si>
    <t>10859.0</t>
  </si>
  <si>
    <t>135.39</t>
  </si>
  <si>
    <t>7376.0</t>
  </si>
  <si>
    <t>4964087.0</t>
  </si>
  <si>
    <t>12860.0</t>
  </si>
  <si>
    <t>3392.473</t>
  </si>
  <si>
    <t>8.789</t>
  </si>
  <si>
    <t>13060.0</t>
  </si>
  <si>
    <t>8.925</t>
  </si>
  <si>
    <t>2009717.0</t>
  </si>
  <si>
    <t>1050190.0</t>
  </si>
  <si>
    <t>959527.0</t>
  </si>
  <si>
    <t>136.51</t>
  </si>
  <si>
    <t>8179.0</t>
  </si>
  <si>
    <t>4977204.0</t>
  </si>
  <si>
    <t>3401.437</t>
  </si>
  <si>
    <t>8.964</t>
  </si>
  <si>
    <t>8.978</t>
  </si>
  <si>
    <t>2019313.0</t>
  </si>
  <si>
    <t>1050788.0</t>
  </si>
  <si>
    <t>968525.0</t>
  </si>
  <si>
    <t>137.16</t>
  </si>
  <si>
    <t>8423.0</t>
  </si>
  <si>
    <t>4990387.0</t>
  </si>
  <si>
    <t>13183.0</t>
  </si>
  <si>
    <t>3410.447</t>
  </si>
  <si>
    <t>9.009</t>
  </si>
  <si>
    <t>13256.0</t>
  </si>
  <si>
    <t>9.059</t>
  </si>
  <si>
    <t>0.0254</t>
  </si>
  <si>
    <t>39.4</t>
  </si>
  <si>
    <t>2027964.0</t>
  </si>
  <si>
    <t>1052795.0</t>
  </si>
  <si>
    <t>975169.0</t>
  </si>
  <si>
    <t>8651.0</t>
  </si>
  <si>
    <t>5002880.0</t>
  </si>
  <si>
    <t>12493.0</t>
  </si>
  <si>
    <t>3418.984</t>
  </si>
  <si>
    <t>8.538</t>
  </si>
  <si>
    <t>13096.0</t>
  </si>
  <si>
    <t>2109775.0</t>
  </si>
  <si>
    <t>1054837.0</t>
  </si>
  <si>
    <t>979113.0</t>
  </si>
  <si>
    <t>81811.0</t>
  </si>
  <si>
    <t>14945.0</t>
  </si>
  <si>
    <t>5015001.0</t>
  </si>
  <si>
    <t>12121.0</t>
  </si>
  <si>
    <t>3427.268</t>
  </si>
  <si>
    <t>8.284</t>
  </si>
  <si>
    <t>12935.0</t>
  </si>
  <si>
    <t>2116497.0</t>
  </si>
  <si>
    <t>1056575.0</t>
  </si>
  <si>
    <t>983247.0</t>
  </si>
  <si>
    <t>21188.0</t>
  </si>
  <si>
    <t>143.76</t>
  </si>
  <si>
    <t>14392.0</t>
  </si>
  <si>
    <t>5026404.0</t>
  </si>
  <si>
    <t>11403.0</t>
  </si>
  <si>
    <t>3435.061</t>
  </si>
  <si>
    <t>8.634</t>
  </si>
  <si>
    <t>0.0194</t>
  </si>
  <si>
    <t>2122296.0</t>
  </si>
  <si>
    <t>1057888.0</t>
  </si>
  <si>
    <t>987140.0</t>
  </si>
  <si>
    <t>144.15</t>
  </si>
  <si>
    <t>13922.0</t>
  </si>
  <si>
    <t>5038697.0</t>
  </si>
  <si>
    <t>12293.0</t>
  </si>
  <si>
    <t>3443.462</t>
  </si>
  <si>
    <t>8.401</t>
  </si>
  <si>
    <t>2128340.0</t>
  </si>
  <si>
    <t>1059186.0</t>
  </si>
  <si>
    <t>991125.0</t>
  </si>
  <si>
    <t>19288.0</t>
  </si>
  <si>
    <t>144.57</t>
  </si>
  <si>
    <t>5052499.0</t>
  </si>
  <si>
    <t>13802.0</t>
  </si>
  <si>
    <t>3452.894</t>
  </si>
  <si>
    <t>9.432</t>
  </si>
  <si>
    <t>12630.0</t>
  </si>
  <si>
    <t>8.631</t>
  </si>
  <si>
    <t>2133703.0</t>
  </si>
  <si>
    <t>1061023.0</t>
  </si>
  <si>
    <t>993896.0</t>
  </si>
  <si>
    <t>5363.0</t>
  </si>
  <si>
    <t>144.93</t>
  </si>
  <si>
    <t>72.07</t>
  </si>
  <si>
    <t>67.51</t>
  </si>
  <si>
    <t>5064945.0</t>
  </si>
  <si>
    <t>12446.0</t>
  </si>
  <si>
    <t>3461.4</t>
  </si>
  <si>
    <t>8.506</t>
  </si>
  <si>
    <t>12534.0</t>
  </si>
  <si>
    <t>2139789.0</t>
  </si>
  <si>
    <t>1071685.0</t>
  </si>
  <si>
    <t>996404.0</t>
  </si>
  <si>
    <t>17211.0</t>
  </si>
  <si>
    <t>145.34</t>
  </si>
  <si>
    <t>11690.0</t>
  </si>
  <si>
    <t>5077225.0</t>
  </si>
  <si>
    <t>3469.792</t>
  </si>
  <si>
    <t>8.392</t>
  </si>
  <si>
    <t>2147153.0</t>
  </si>
  <si>
    <t>1074175.0</t>
  </si>
  <si>
    <t>1000567.0</t>
  </si>
  <si>
    <t>17027.0</t>
  </si>
  <si>
    <t>145.84</t>
  </si>
  <si>
    <t>72.96</t>
  </si>
  <si>
    <t>5089411.0</t>
  </si>
  <si>
    <t>3478.12</t>
  </si>
  <si>
    <t>8.328</t>
  </si>
  <si>
    <t>12362.0</t>
  </si>
  <si>
    <t>8.448</t>
  </si>
  <si>
    <t>80.1</t>
  </si>
  <si>
    <t>2154001.0</t>
  </si>
  <si>
    <t>1075940.0</t>
  </si>
  <si>
    <t>1005161.0</t>
  </si>
  <si>
    <t>6848.0</t>
  </si>
  <si>
    <t>146.31</t>
  </si>
  <si>
    <t>5100599.0</t>
  </si>
  <si>
    <t>11188.0</t>
  </si>
  <si>
    <t>3485.766</t>
  </si>
  <si>
    <t>7.646</t>
  </si>
  <si>
    <t>12228.0</t>
  </si>
  <si>
    <t>2159252.0</t>
  </si>
  <si>
    <t>1077727.0</t>
  </si>
  <si>
    <t>1008024.0</t>
  </si>
  <si>
    <t>146.66</t>
  </si>
  <si>
    <t>5113519.0</t>
  </si>
  <si>
    <t>12920.0</t>
  </si>
  <si>
    <t>3494.595</t>
  </si>
  <si>
    <t>12445.0</t>
  </si>
  <si>
    <t>8.505</t>
  </si>
  <si>
    <t>2166288.0</t>
  </si>
  <si>
    <t>1079873.0</t>
  </si>
  <si>
    <t>1010882.0</t>
  </si>
  <si>
    <t>7036.0</t>
  </si>
  <si>
    <t>147.14</t>
  </si>
  <si>
    <t>68.66</t>
  </si>
  <si>
    <t>4269.0</t>
  </si>
  <si>
    <t>5124535.0</t>
  </si>
  <si>
    <t>11016.0</t>
  </si>
  <si>
    <t>3502.124</t>
  </si>
  <si>
    <t>7.528</t>
  </si>
  <si>
    <t>8.381</t>
  </si>
  <si>
    <t>2173357.0</t>
  </si>
  <si>
    <t>1081364.0</t>
  </si>
  <si>
    <t>1013728.0</t>
  </si>
  <si>
    <t>6431.0</t>
  </si>
  <si>
    <t>68.86</t>
  </si>
  <si>
    <t>5137699.0</t>
  </si>
  <si>
    <t>13164.0</t>
  </si>
  <si>
    <t>3511.12</t>
  </si>
  <si>
    <t>8.996</t>
  </si>
  <si>
    <t>12171.0</t>
  </si>
  <si>
    <t>8.318</t>
  </si>
  <si>
    <t>94.9</t>
  </si>
  <si>
    <t>2180164.0</t>
  </si>
  <si>
    <t>1082604.0</t>
  </si>
  <si>
    <t>1017365.0</t>
  </si>
  <si>
    <t>6637.0</t>
  </si>
  <si>
    <t>148.09</t>
  </si>
  <si>
    <t>3083.0</t>
  </si>
  <si>
    <t>5148255.0</t>
  </si>
  <si>
    <t>10556.0</t>
  </si>
  <si>
    <t>3518.334</t>
  </si>
  <si>
    <t>7.214</t>
  </si>
  <si>
    <t>8.133</t>
  </si>
  <si>
    <t>2186552.0</t>
  </si>
  <si>
    <t>1085083.0</t>
  </si>
  <si>
    <t>1018988.0</t>
  </si>
  <si>
    <t>6388.0</t>
  </si>
  <si>
    <t>148.52</t>
  </si>
  <si>
    <t>5159425.0</t>
  </si>
  <si>
    <t>3525.968</t>
  </si>
  <si>
    <t>7.634</t>
  </si>
  <si>
    <t>8.025</t>
  </si>
  <si>
    <t>2193232.0</t>
  </si>
  <si>
    <t>1086557.0</t>
  </si>
  <si>
    <t>1021658.0</t>
  </si>
  <si>
    <t>148.97</t>
  </si>
  <si>
    <t>5172292.0</t>
  </si>
  <si>
    <t>12867.0</t>
  </si>
  <si>
    <t>3534.761</t>
  </si>
  <si>
    <t>8.793</t>
  </si>
  <si>
    <t>11840.0</t>
  </si>
  <si>
    <t>8.091</t>
  </si>
  <si>
    <t>2201080.0</t>
  </si>
  <si>
    <t>1088415.0</t>
  </si>
  <si>
    <t>1023415.0</t>
  </si>
  <si>
    <t>6726.0</t>
  </si>
  <si>
    <t>5186258.0</t>
  </si>
  <si>
    <t>13966.0</t>
  </si>
  <si>
    <t>3544.305</t>
  </si>
  <si>
    <t>9.544</t>
  </si>
  <si>
    <t>2208740.0</t>
  </si>
  <si>
    <t>1090109.0</t>
  </si>
  <si>
    <t>1025112.0</t>
  </si>
  <si>
    <t>7660.0</t>
  </si>
  <si>
    <t>150.03</t>
  </si>
  <si>
    <t>4802.0</t>
  </si>
  <si>
    <t>5200739.0</t>
  </si>
  <si>
    <t>3554.202</t>
  </si>
  <si>
    <t>9.896</t>
  </si>
  <si>
    <t>12460.0</t>
  </si>
  <si>
    <t>8.515</t>
  </si>
  <si>
    <t>2215966.0</t>
  </si>
  <si>
    <t>1091685.0</t>
  </si>
  <si>
    <t>1026749.0</t>
  </si>
  <si>
    <t>7226.0</t>
  </si>
  <si>
    <t>7097.0</t>
  </si>
  <si>
    <t>150.52</t>
  </si>
  <si>
    <t>5216429.0</t>
  </si>
  <si>
    <t>3564.924</t>
  </si>
  <si>
    <t>13128.0</t>
  </si>
  <si>
    <t>8.972</t>
  </si>
  <si>
    <t>131.3</t>
  </si>
  <si>
    <t>2224916.0</t>
  </si>
  <si>
    <t>1093021.0</t>
  </si>
  <si>
    <t>1028011.0</t>
  </si>
  <si>
    <t>151.12</t>
  </si>
  <si>
    <t>5230560.0</t>
  </si>
  <si>
    <t>14131.0</t>
  </si>
  <si>
    <t>3574.582</t>
  </si>
  <si>
    <t>9.657</t>
  </si>
  <si>
    <t>13266.0</t>
  </si>
  <si>
    <t>9.066</t>
  </si>
  <si>
    <t>134.8</t>
  </si>
  <si>
    <t>2230234.0</t>
  </si>
  <si>
    <t>1093905.0</t>
  </si>
  <si>
    <t>1029835.0</t>
  </si>
  <si>
    <t>151.49</t>
  </si>
  <si>
    <t>5245238.0</t>
  </si>
  <si>
    <t>14678.0</t>
  </si>
  <si>
    <t>3584.612</t>
  </si>
  <si>
    <t>10.031</t>
  </si>
  <si>
    <t>9.469</t>
  </si>
  <si>
    <t>141.8</t>
  </si>
  <si>
    <t>2235176.0</t>
  </si>
  <si>
    <t>1095036.0</t>
  </si>
  <si>
    <t>1030588.0</t>
  </si>
  <si>
    <t>151.82</t>
  </si>
  <si>
    <t>74.38</t>
  </si>
  <si>
    <t>4718.0</t>
  </si>
  <si>
    <t>5257729.0</t>
  </si>
  <si>
    <t>3593.149</t>
  </si>
  <si>
    <t>8.536</t>
  </si>
  <si>
    <t>14043.0</t>
  </si>
  <si>
    <t>9.597</t>
  </si>
  <si>
    <t>2241494.0</t>
  </si>
  <si>
    <t>1096309.0</t>
  </si>
  <si>
    <t>1032792.0</t>
  </si>
  <si>
    <t>6895.0</t>
  </si>
  <si>
    <t>152.25</t>
  </si>
  <si>
    <t>4683.0</t>
  </si>
  <si>
    <t>14205.0</t>
  </si>
  <si>
    <t>9.708</t>
  </si>
  <si>
    <t>159.1</t>
  </si>
  <si>
    <t>2245278.0</t>
  </si>
  <si>
    <t>1096716.0</t>
  </si>
  <si>
    <t>1034354.0</t>
  </si>
  <si>
    <t>5285722.0</t>
  </si>
  <si>
    <t>3612.279</t>
  </si>
  <si>
    <t>14209.0</t>
  </si>
  <si>
    <t>2248554.0</t>
  </si>
  <si>
    <t>1097355.0</t>
  </si>
  <si>
    <t>1035604.0</t>
  </si>
  <si>
    <t>152.73</t>
  </si>
  <si>
    <t>9.476</t>
  </si>
  <si>
    <t>165.4</t>
  </si>
  <si>
    <t>2252463.0</t>
  </si>
  <si>
    <t>1098334.0</t>
  </si>
  <si>
    <t>1036747.0</t>
  </si>
  <si>
    <t>13350.0</t>
  </si>
  <si>
    <t>2257391.0</t>
  </si>
  <si>
    <t>1099361.0</t>
  </si>
  <si>
    <t>1038168.0</t>
  </si>
  <si>
    <t>4928.0</t>
  </si>
  <si>
    <t>153.33</t>
  </si>
  <si>
    <t>5321957.0</t>
  </si>
  <si>
    <t>3637.043</t>
  </si>
  <si>
    <t>13057.0</t>
  </si>
  <si>
    <t>8.923</t>
  </si>
  <si>
    <t>2262698.0</t>
  </si>
  <si>
    <t>1100267.0</t>
  </si>
  <si>
    <t>1039944.0</t>
  </si>
  <si>
    <t>4638.0</t>
  </si>
  <si>
    <t>153.69</t>
  </si>
  <si>
    <t>12970.0</t>
  </si>
  <si>
    <t>8.864</t>
  </si>
  <si>
    <t>147.1</t>
  </si>
  <si>
    <t>2266289.0</t>
  </si>
  <si>
    <t>1101005.0</t>
  </si>
  <si>
    <t>1041059.0</t>
  </si>
  <si>
    <t>4445.0</t>
  </si>
  <si>
    <t>70.71</t>
  </si>
  <si>
    <t>13195.0</t>
  </si>
  <si>
    <t>9.018</t>
  </si>
  <si>
    <t>2274536.0</t>
  </si>
  <si>
    <t>1102454.0</t>
  </si>
  <si>
    <t>1044087.0</t>
  </si>
  <si>
    <t>0.0073</t>
  </si>
  <si>
    <t>136.5</t>
  </si>
  <si>
    <t>2278934.0</t>
  </si>
  <si>
    <t>1103611.0</t>
  </si>
  <si>
    <t>1045871.0</t>
  </si>
  <si>
    <t>154.79</t>
  </si>
  <si>
    <t>5378237.0</t>
  </si>
  <si>
    <t>3675.504</t>
  </si>
  <si>
    <t>13216.0</t>
  </si>
  <si>
    <t>9.032</t>
  </si>
  <si>
    <t>2283715.0</t>
  </si>
  <si>
    <t>1104678.0</t>
  </si>
  <si>
    <t>1047845.0</t>
  </si>
  <si>
    <t>155.12</t>
  </si>
  <si>
    <t>75.03</t>
  </si>
  <si>
    <t>13507.0</t>
  </si>
  <si>
    <t>9.231</t>
  </si>
  <si>
    <t>125.4</t>
  </si>
  <si>
    <t>2287637.0</t>
  </si>
  <si>
    <t>1105717.0</t>
  </si>
  <si>
    <t>1049663.0</t>
  </si>
  <si>
    <t>155.39</t>
  </si>
  <si>
    <t>13798.0</t>
  </si>
  <si>
    <t>9.43</t>
  </si>
  <si>
    <t>2291441.0</t>
  </si>
  <si>
    <t>1106716.0</t>
  </si>
  <si>
    <t>1051287.0</t>
  </si>
  <si>
    <t>155.64</t>
  </si>
  <si>
    <t>5420582.0</t>
  </si>
  <si>
    <t>3704.443</t>
  </si>
  <si>
    <t>9.628</t>
  </si>
  <si>
    <t>2297602.0</t>
  </si>
  <si>
    <t>1107217.0</t>
  </si>
  <si>
    <t>1052384.0</t>
  </si>
  <si>
    <t>156.06</t>
  </si>
  <si>
    <t>14137.0</t>
  </si>
  <si>
    <t>9.661</t>
  </si>
  <si>
    <t>2305354.0</t>
  </si>
  <si>
    <t>1108252.0</t>
  </si>
  <si>
    <t>1055185.0</t>
  </si>
  <si>
    <t>7752.0</t>
  </si>
  <si>
    <t>5581.0</t>
  </si>
  <si>
    <t>156.59</t>
  </si>
  <si>
    <t>3791.0</t>
  </si>
  <si>
    <t>14185.0</t>
  </si>
  <si>
    <t>9.694</t>
  </si>
  <si>
    <t>130.3</t>
  </si>
  <si>
    <t>2314773.0</t>
  </si>
  <si>
    <t>1109612.0</t>
  </si>
  <si>
    <t>157.23</t>
  </si>
  <si>
    <t>14233.0</t>
  </si>
  <si>
    <t>2323034.0</t>
  </si>
  <si>
    <t>1110867.0</t>
  </si>
  <si>
    <t>1058710.0</t>
  </si>
  <si>
    <t>6300.0</t>
  </si>
  <si>
    <t>157.79</t>
  </si>
  <si>
    <t>5478201.0</t>
  </si>
  <si>
    <t>3743.82</t>
  </si>
  <si>
    <t>14281.0</t>
  </si>
  <si>
    <t>130.8</t>
  </si>
  <si>
    <t>2334559.0</t>
  </si>
  <si>
    <t>1111826.0</t>
  </si>
  <si>
    <t>1059925.0</t>
  </si>
  <si>
    <t>11525.0</t>
  </si>
  <si>
    <t>7263.0</t>
  </si>
  <si>
    <t>9.945</t>
  </si>
  <si>
    <t>132.1</t>
  </si>
  <si>
    <t>2341693.0</t>
  </si>
  <si>
    <t>1113645.0</t>
  </si>
  <si>
    <t>1061122.0</t>
  </si>
  <si>
    <t>7722.0</t>
  </si>
  <si>
    <t>159.06</t>
  </si>
  <si>
    <t>72.08</t>
  </si>
  <si>
    <t>10.131</t>
  </si>
  <si>
    <t>2351581.0</t>
  </si>
  <si>
    <t>1114908.0</t>
  </si>
  <si>
    <t>1062237.0</t>
  </si>
  <si>
    <t>159.73</t>
  </si>
  <si>
    <t>5526251.0</t>
  </si>
  <si>
    <t>3776.658</t>
  </si>
  <si>
    <t>15096.0</t>
  </si>
  <si>
    <t>10.317</t>
  </si>
  <si>
    <t>137.6</t>
  </si>
  <si>
    <t>2357620.0</t>
  </si>
  <si>
    <t>1115550.0</t>
  </si>
  <si>
    <t>1062841.0</t>
  </si>
  <si>
    <t>160.14</t>
  </si>
  <si>
    <t>5553728.0</t>
  </si>
  <si>
    <t>27477.0</t>
  </si>
  <si>
    <t>3795.436</t>
  </si>
  <si>
    <t>18.778</t>
  </si>
  <si>
    <t>16963.0</t>
  </si>
  <si>
    <t>11.593</t>
  </si>
  <si>
    <t>2363305.0</t>
  </si>
  <si>
    <t>1117818.0</t>
  </si>
  <si>
    <t>1063519.0</t>
  </si>
  <si>
    <t>5685.0</t>
  </si>
  <si>
    <t>8279.0</t>
  </si>
  <si>
    <t>5570650.0</t>
  </si>
  <si>
    <t>16922.0</t>
  </si>
  <si>
    <t>11.565</t>
  </si>
  <si>
    <t>11.839</t>
  </si>
  <si>
    <t>160.2</t>
  </si>
  <si>
    <t>2372765.0</t>
  </si>
  <si>
    <t>1118900.0</t>
  </si>
  <si>
    <t>1064697.0</t>
  </si>
  <si>
    <t>9460.0</t>
  </si>
  <si>
    <t>8285.0</t>
  </si>
  <si>
    <t>161.17</t>
  </si>
  <si>
    <t>5585146.0</t>
  </si>
  <si>
    <t>14496.0</t>
  </si>
  <si>
    <t>3816.907</t>
  </si>
  <si>
    <t>9.907</t>
  </si>
  <si>
    <t>11.847</t>
  </si>
  <si>
    <t>2379542.0</t>
  </si>
  <si>
    <t>1119784.0</t>
  </si>
  <si>
    <t>1065187.0</t>
  </si>
  <si>
    <t>8073.0</t>
  </si>
  <si>
    <t>161.63</t>
  </si>
  <si>
    <t>5599901.0</t>
  </si>
  <si>
    <t>14755.0</t>
  </si>
  <si>
    <t>3826.99</t>
  </si>
  <si>
    <t>17386.0</t>
  </si>
  <si>
    <t>11.882</t>
  </si>
  <si>
    <t>153.1</t>
  </si>
  <si>
    <t>2388089.0</t>
  </si>
  <si>
    <t>1120943.0</t>
  </si>
  <si>
    <t>1066070.0</t>
  </si>
  <si>
    <t>8547.0</t>
  </si>
  <si>
    <t>162.21</t>
  </si>
  <si>
    <t>5194.0</t>
  </si>
  <si>
    <t>16254.0</t>
  </si>
  <si>
    <t>11.108</t>
  </si>
  <si>
    <t>136.4</t>
  </si>
  <si>
    <t>2398427.0</t>
  </si>
  <si>
    <t>1122139.0</t>
  </si>
  <si>
    <t>1067589.0</t>
  </si>
  <si>
    <t>162.91</t>
  </si>
  <si>
    <t>5616090.0</t>
  </si>
  <si>
    <t>3838.054</t>
  </si>
  <si>
    <t>15122.0</t>
  </si>
  <si>
    <t>10.334</t>
  </si>
  <si>
    <t>2407597.0</t>
  </si>
  <si>
    <t>1123384.0</t>
  </si>
  <si>
    <t>1068514.0</t>
  </si>
  <si>
    <t>9170.0</t>
  </si>
  <si>
    <t>72.58</t>
  </si>
  <si>
    <t>5631541.0</t>
  </si>
  <si>
    <t>15451.0</t>
  </si>
  <si>
    <t>3848.613</t>
  </si>
  <si>
    <t>10.559</t>
  </si>
  <si>
    <t>15041.0</t>
  </si>
  <si>
    <t>10.279</t>
  </si>
  <si>
    <t>2412624.0</t>
  </si>
  <si>
    <t>1124366.0</t>
  </si>
  <si>
    <t>1069185.0</t>
  </si>
  <si>
    <t>7858.0</t>
  </si>
  <si>
    <t>163.87</t>
  </si>
  <si>
    <t>5645928.0</t>
  </si>
  <si>
    <t>14387.0</t>
  </si>
  <si>
    <t>3858.445</t>
  </si>
  <si>
    <t>9.832</t>
  </si>
  <si>
    <t>9.001</t>
  </si>
  <si>
    <t>106.3</t>
  </si>
  <si>
    <t>2418313.0</t>
  </si>
  <si>
    <t>1125422.0</t>
  </si>
  <si>
    <t>1069945.0</t>
  </si>
  <si>
    <t>164.26</t>
  </si>
  <si>
    <t>72.67</t>
  </si>
  <si>
    <t>13013.0</t>
  </si>
  <si>
    <t>8.893</t>
  </si>
  <si>
    <t>2424960.0</t>
  </si>
  <si>
    <t>1126331.0</t>
  </si>
  <si>
    <t>1071350.0</t>
  </si>
  <si>
    <t>6647.0</t>
  </si>
  <si>
    <t>7456.0</t>
  </si>
  <si>
    <t>164.71</t>
  </si>
  <si>
    <t>5064.0</t>
  </si>
  <si>
    <t>13202.0</t>
  </si>
  <si>
    <t>9.022</t>
  </si>
  <si>
    <t>2429982.0</t>
  </si>
  <si>
    <t>1127298.0</t>
  </si>
  <si>
    <t>1072508.0</t>
  </si>
  <si>
    <t>165.05</t>
  </si>
  <si>
    <t>72.85</t>
  </si>
  <si>
    <t>5693371.0</t>
  </si>
  <si>
    <t>3890.868</t>
  </si>
  <si>
    <t>9.125</t>
  </si>
  <si>
    <t>2434005.0</t>
  </si>
  <si>
    <t>1128205.0</t>
  </si>
  <si>
    <t>1073383.0</t>
  </si>
  <si>
    <t>4023.0</t>
  </si>
  <si>
    <t>165.33</t>
  </si>
  <si>
    <t>5722724.0</t>
  </si>
  <si>
    <t>29353.0</t>
  </si>
  <si>
    <t>3910.928</t>
  </si>
  <si>
    <t>16390.0</t>
  </si>
  <si>
    <t>11.201</t>
  </si>
  <si>
    <t>142.3</t>
  </si>
  <si>
    <t>2436360.0</t>
  </si>
  <si>
    <t>1129009.0</t>
  </si>
  <si>
    <t>1074086.0</t>
  </si>
  <si>
    <t>5419.0</t>
  </si>
  <si>
    <t>165.49</t>
  </si>
  <si>
    <t>11.044</t>
  </si>
  <si>
    <t>148.3</t>
  </si>
  <si>
    <t>2438316.0</t>
  </si>
  <si>
    <t>1129629.0</t>
  </si>
  <si>
    <t>1074838.0</t>
  </si>
  <si>
    <t>165.62</t>
  </si>
  <si>
    <t>5735703.0</t>
  </si>
  <si>
    <t>3919.798</t>
  </si>
  <si>
    <t>10.169</t>
  </si>
  <si>
    <t>140.8</t>
  </si>
  <si>
    <t>2441022.0</t>
  </si>
  <si>
    <t>1130698.0</t>
  </si>
  <si>
    <t>1075461.0</t>
  </si>
  <si>
    <t>165.8</t>
  </si>
  <si>
    <t>73.05</t>
  </si>
  <si>
    <t>5748703.0</t>
  </si>
  <si>
    <t>13000.0</t>
  </si>
  <si>
    <t>3928.682</t>
  </si>
  <si>
    <t>8.884</t>
  </si>
  <si>
    <t>14682.0</t>
  </si>
  <si>
    <t>143.1</t>
  </si>
  <si>
    <t>2443855.0</t>
  </si>
  <si>
    <t>1131465.0</t>
  </si>
  <si>
    <t>1076282.0</t>
  </si>
  <si>
    <t>14759.0</t>
  </si>
  <si>
    <t>10.086</t>
  </si>
  <si>
    <t>2449543.0</t>
  </si>
  <si>
    <t>1133403.0</t>
  </si>
  <si>
    <t>1077833.0</t>
  </si>
  <si>
    <t>166.38</t>
  </si>
  <si>
    <t>73.21</t>
  </si>
  <si>
    <t>5781405.0</t>
  </si>
  <si>
    <t>3951.031</t>
  </si>
  <si>
    <t>14835.0</t>
  </si>
  <si>
    <t>10.138</t>
  </si>
  <si>
    <t>150.5</t>
  </si>
  <si>
    <t>2456927.0</t>
  </si>
  <si>
    <t>1135011.0</t>
  </si>
  <si>
    <t>1078986.0</t>
  </si>
  <si>
    <t>166.88</t>
  </si>
  <si>
    <t>2614.0</t>
  </si>
  <si>
    <t>5814582.0</t>
  </si>
  <si>
    <t>33177.0</t>
  </si>
  <si>
    <t>3973.704</t>
  </si>
  <si>
    <t>22.673</t>
  </si>
  <si>
    <t>17316.0</t>
  </si>
  <si>
    <t>11.834</t>
  </si>
  <si>
    <t>180.1</t>
  </si>
  <si>
    <t>2461918.0</t>
  </si>
  <si>
    <t>1136983.0</t>
  </si>
  <si>
    <t>1079950.0</t>
  </si>
  <si>
    <t>4991.0</t>
  </si>
  <si>
    <t>3988.0</t>
  </si>
  <si>
    <t>167.22</t>
  </si>
  <si>
    <t>5832213.0</t>
  </si>
  <si>
    <t>3985.753</t>
  </si>
  <si>
    <t>12.049</t>
  </si>
  <si>
    <t>15641.0</t>
  </si>
  <si>
    <t>10.689</t>
  </si>
  <si>
    <t>2466040.0</t>
  </si>
  <si>
    <t>1138225.0</t>
  </si>
  <si>
    <t>1081480.0</t>
  </si>
  <si>
    <t>4122.0</t>
  </si>
  <si>
    <t>167.5</t>
  </si>
  <si>
    <t>5850590.0</t>
  </si>
  <si>
    <t>18377.0</t>
  </si>
  <si>
    <t>3998.312</t>
  </si>
  <si>
    <t>12.559</t>
  </si>
  <si>
    <t>17340.0</t>
  </si>
  <si>
    <t>2470771.0</t>
  </si>
  <si>
    <t>1139666.0</t>
  </si>
  <si>
    <t>1082616.0</t>
  </si>
  <si>
    <t>4731.0</t>
  </si>
  <si>
    <t>167.82</t>
  </si>
  <si>
    <t>77.41</t>
  </si>
  <si>
    <t>5865829.0</t>
  </si>
  <si>
    <t>15239.0</t>
  </si>
  <si>
    <t>4008.726</t>
  </si>
  <si>
    <t>10.414</t>
  </si>
  <si>
    <t>12.704</t>
  </si>
  <si>
    <t>181.7</t>
  </si>
  <si>
    <t>2473468.0</t>
  </si>
  <si>
    <t>1140968.0</t>
  </si>
  <si>
    <t>1083108.0</t>
  </si>
  <si>
    <t>2697.0</t>
  </si>
  <si>
    <t>168.01</t>
  </si>
  <si>
    <t>5882304.0</t>
  </si>
  <si>
    <t>4019.985</t>
  </si>
  <si>
    <t>11.259</t>
  </si>
  <si>
    <t>19086.0</t>
  </si>
  <si>
    <t>13.043</t>
  </si>
  <si>
    <t>187.6</t>
  </si>
  <si>
    <t>2477016.0</t>
  </si>
  <si>
    <t>1142176.0</t>
  </si>
  <si>
    <t>1085079.0</t>
  </si>
  <si>
    <t>5900926.0</t>
  </si>
  <si>
    <t>18622.0</t>
  </si>
  <si>
    <t>4032.712</t>
  </si>
  <si>
    <t>12.726</t>
  </si>
  <si>
    <t>13.265</t>
  </si>
  <si>
    <t>2481843.0</t>
  </si>
  <si>
    <t>1143653.0</t>
  </si>
  <si>
    <t>1086651.0</t>
  </si>
  <si>
    <t>4827.0</t>
  </si>
  <si>
    <t>168.58</t>
  </si>
  <si>
    <t>77.68</t>
  </si>
  <si>
    <t>5916779.0</t>
  </si>
  <si>
    <t>15853.0</t>
  </si>
  <si>
    <t>4043.546</t>
  </si>
  <si>
    <t>10.834</t>
  </si>
  <si>
    <t>19339.0</t>
  </si>
  <si>
    <t>13.216</t>
  </si>
  <si>
    <t>2485464.0</t>
  </si>
  <si>
    <t>1145386.0</t>
  </si>
  <si>
    <t>1087473.0</t>
  </si>
  <si>
    <t>168.82</t>
  </si>
  <si>
    <t>5933836.0</t>
  </si>
  <si>
    <t>17057.0</t>
  </si>
  <si>
    <t>4055.203</t>
  </si>
  <si>
    <t>11.657</t>
  </si>
  <si>
    <t>17036.0</t>
  </si>
  <si>
    <t>11.642</t>
  </si>
  <si>
    <t>161.8</t>
  </si>
  <si>
    <t>2489109.0</t>
  </si>
  <si>
    <t>1146939.0</t>
  </si>
  <si>
    <t>1088446.0</t>
  </si>
  <si>
    <t>3884.0</t>
  </si>
  <si>
    <t>169.07</t>
  </si>
  <si>
    <t>2638.0</t>
  </si>
  <si>
    <t>5951437.0</t>
  </si>
  <si>
    <t>17601.0</t>
  </si>
  <si>
    <t>4067.231</t>
  </si>
  <si>
    <t>12.029</t>
  </si>
  <si>
    <t>17032.0</t>
  </si>
  <si>
    <t>169.8</t>
  </si>
  <si>
    <t>2492774.0</t>
  </si>
  <si>
    <t>1147647.0</t>
  </si>
  <si>
    <t>1089404.0</t>
  </si>
  <si>
    <t>3665.0</t>
  </si>
  <si>
    <t>77.95</t>
  </si>
  <si>
    <t>5967724.0</t>
  </si>
  <si>
    <t>16287.0</t>
  </si>
  <si>
    <t>4078.362</t>
  </si>
  <si>
    <t>11.131</t>
  </si>
  <si>
    <t>11.435</t>
  </si>
  <si>
    <t>175.6</t>
  </si>
  <si>
    <t>2497458.0</t>
  </si>
  <si>
    <t>1149200.0</t>
  </si>
  <si>
    <t>1090455.0</t>
  </si>
  <si>
    <t>4684.0</t>
  </si>
  <si>
    <t>169.64</t>
  </si>
  <si>
    <t>6004130.0</t>
  </si>
  <si>
    <t>36406.0</t>
  </si>
  <si>
    <t>4103.242</t>
  </si>
  <si>
    <t>13.502</t>
  </si>
  <si>
    <t>2499774.0</t>
  </si>
  <si>
    <t>1149512.0</t>
  </si>
  <si>
    <t>1091132.0</t>
  </si>
  <si>
    <t>169.79</t>
  </si>
  <si>
    <t>6023709.0</t>
  </si>
  <si>
    <t>4116.622</t>
  </si>
  <si>
    <t>13.805</t>
  </si>
  <si>
    <t>2502017.0</t>
  </si>
  <si>
    <t>1150055.0</t>
  </si>
  <si>
    <t>1091839.0</t>
  </si>
  <si>
    <t>169.95</t>
  </si>
  <si>
    <t>74.16</t>
  </si>
  <si>
    <t>12.882</t>
  </si>
  <si>
    <t>197.8</t>
  </si>
  <si>
    <t>2505447.0</t>
  </si>
  <si>
    <t>1151100.0</t>
  </si>
  <si>
    <t>1092728.0</t>
  </si>
  <si>
    <t>74.22</t>
  </si>
  <si>
    <t>6042041.0</t>
  </si>
  <si>
    <t>4129.15</t>
  </si>
  <si>
    <t>189.8</t>
  </si>
  <si>
    <t>2508943.0</t>
  </si>
  <si>
    <t>1152040.0</t>
  </si>
  <si>
    <t>1093547.0</t>
  </si>
  <si>
    <t>3496.0</t>
  </si>
  <si>
    <t>170.42</t>
  </si>
  <si>
    <t>74.28</t>
  </si>
  <si>
    <t>17996.0</t>
  </si>
  <si>
    <t>12.299</t>
  </si>
  <si>
    <t>2511551.0</t>
  </si>
  <si>
    <t>1152893.0</t>
  </si>
  <si>
    <t>1094297.0</t>
  </si>
  <si>
    <t>170.59</t>
  </si>
  <si>
    <t>6077573.0</t>
  </si>
  <si>
    <t>4153.433</t>
  </si>
  <si>
    <t>18019.0</t>
  </si>
  <si>
    <t>172.5</t>
  </si>
  <si>
    <t>2514027.0</t>
  </si>
  <si>
    <t>1153858.0</t>
  </si>
  <si>
    <t>1094977.0</t>
  </si>
  <si>
    <t>6096900.0</t>
  </si>
  <si>
    <t>19327.0</t>
  </si>
  <si>
    <t>4166.641</t>
  </si>
  <si>
    <t>13.208</t>
  </si>
  <si>
    <t>2515690.0</t>
  </si>
  <si>
    <t>1154586.0</t>
  </si>
  <si>
    <t>1095573.0</t>
  </si>
  <si>
    <t>170.88</t>
  </si>
  <si>
    <t>6114627.0</t>
  </si>
  <si>
    <t>17727.0</t>
  </si>
  <si>
    <t>4178.756</t>
  </si>
  <si>
    <t>12.115</t>
  </si>
  <si>
    <t>15785.0</t>
  </si>
  <si>
    <t>10.788</t>
  </si>
  <si>
    <t>2517671.0</t>
  </si>
  <si>
    <t>1155065.0</t>
  </si>
  <si>
    <t>1096079.0</t>
  </si>
  <si>
    <t>171.01</t>
  </si>
  <si>
    <t>6133321.0</t>
  </si>
  <si>
    <t>18694.0</t>
  </si>
  <si>
    <t>4191.531</t>
  </si>
  <si>
    <t>12.776</t>
  </si>
  <si>
    <t>15659.0</t>
  </si>
  <si>
    <t>155.3</t>
  </si>
  <si>
    <t>2519137.0</t>
  </si>
  <si>
    <t>1155692.0</t>
  </si>
  <si>
    <t>1096582.0</t>
  </si>
  <si>
    <t>171.11</t>
  </si>
  <si>
    <t>6152114.0</t>
  </si>
  <si>
    <t>18793.0</t>
  </si>
  <si>
    <t>4204.374</t>
  </si>
  <si>
    <t>12.843</t>
  </si>
  <si>
    <t>11.641</t>
  </si>
  <si>
    <t>2522055.0</t>
  </si>
  <si>
    <t>1156523.0</t>
  </si>
  <si>
    <t>1097982.0</t>
  </si>
  <si>
    <t>171.31</t>
  </si>
  <si>
    <t>6168885.0</t>
  </si>
  <si>
    <t>16771.0</t>
  </si>
  <si>
    <t>4215.836</t>
  </si>
  <si>
    <t>11.461</t>
  </si>
  <si>
    <t>18121.0</t>
  </si>
  <si>
    <t>12.384</t>
  </si>
  <si>
    <t>175.7</t>
  </si>
  <si>
    <t>2525212.0</t>
  </si>
  <si>
    <t>1157435.0</t>
  </si>
  <si>
    <t>1099143.0</t>
  </si>
  <si>
    <t>171.52</t>
  </si>
  <si>
    <t>189.6</t>
  </si>
  <si>
    <t>2527943.0</t>
  </si>
  <si>
    <t>1158123.0</t>
  </si>
  <si>
    <t>1100565.0</t>
  </si>
  <si>
    <t>2731.0</t>
  </si>
  <si>
    <t>171.71</t>
  </si>
  <si>
    <t>6202466.0</t>
  </si>
  <si>
    <t>4238.785</t>
  </si>
  <si>
    <t>17842.0</t>
  </si>
  <si>
    <t>2530475.0</t>
  </si>
  <si>
    <t>1159039.0</t>
  </si>
  <si>
    <t>1101552.0</t>
  </si>
  <si>
    <t>171.88</t>
  </si>
  <si>
    <t>6219122.0</t>
  </si>
  <si>
    <t>16656.0</t>
  </si>
  <si>
    <t>4250.168</t>
  </si>
  <si>
    <t>11.383</t>
  </si>
  <si>
    <t>17460.0</t>
  </si>
  <si>
    <t>11.932</t>
  </si>
  <si>
    <t>208.2</t>
  </si>
  <si>
    <t>2532879.0</t>
  </si>
  <si>
    <t>1159722.0</t>
  </si>
  <si>
    <t>1102610.0</t>
  </si>
  <si>
    <t>172.04</t>
  </si>
  <si>
    <t>6234277.0</t>
  </si>
  <si>
    <t>4260.525</t>
  </si>
  <si>
    <t>10.357</t>
  </si>
  <si>
    <t>17093.0</t>
  </si>
  <si>
    <t>11.681</t>
  </si>
  <si>
    <t>211.8</t>
  </si>
  <si>
    <t>2534296.0</t>
  </si>
  <si>
    <t>1159989.0</t>
  </si>
  <si>
    <t>1103361.0</t>
  </si>
  <si>
    <t>172.14</t>
  </si>
  <si>
    <t>1613.0</t>
  </si>
  <si>
    <t>6251034.0</t>
  </si>
  <si>
    <t>16757.0</t>
  </si>
  <si>
    <t>4271.977</t>
  </si>
  <si>
    <t>11.452</t>
  </si>
  <si>
    <t>16816.0</t>
  </si>
  <si>
    <t>11.492</t>
  </si>
  <si>
    <t>211.3</t>
  </si>
  <si>
    <t>2535900.0</t>
  </si>
  <si>
    <t>1160375.0</t>
  </si>
  <si>
    <t>1104103.0</t>
  </si>
  <si>
    <t>6268158.0</t>
  </si>
  <si>
    <t>17124.0</t>
  </si>
  <si>
    <t>4283.679</t>
  </si>
  <si>
    <t>11.703</t>
  </si>
  <si>
    <t>11.329</t>
  </si>
  <si>
    <t>222.7</t>
  </si>
  <si>
    <t>2538291.0</t>
  </si>
  <si>
    <t>1160955.0</t>
  </si>
  <si>
    <t>1105321.0</t>
  </si>
  <si>
    <t>172.41</t>
  </si>
  <si>
    <t>6283910.0</t>
  </si>
  <si>
    <t>4294.444</t>
  </si>
  <si>
    <t>10.765</t>
  </si>
  <si>
    <t>2540329.0</t>
  </si>
  <si>
    <t>1161519.0</t>
  </si>
  <si>
    <t>1106254.0</t>
  </si>
  <si>
    <t>172.55</t>
  </si>
  <si>
    <t>6300057.0</t>
  </si>
  <si>
    <t>16147.0</t>
  </si>
  <si>
    <t>4305.479</t>
  </si>
  <si>
    <t>11.035</t>
  </si>
  <si>
    <t>11.167</t>
  </si>
  <si>
    <t>213.4</t>
  </si>
  <si>
    <t>2540605.0</t>
  </si>
  <si>
    <t>1161576.0</t>
  </si>
  <si>
    <t>1106426.0</t>
  </si>
  <si>
    <t>6315994.0</t>
  </si>
  <si>
    <t>4316.371</t>
  </si>
  <si>
    <t>16218.0</t>
  </si>
  <si>
    <t>11.083</t>
  </si>
  <si>
    <t>2543817.0</t>
  </si>
  <si>
    <t>1162457.0</t>
  </si>
  <si>
    <t>1107911.0</t>
  </si>
  <si>
    <t>172.79</t>
  </si>
  <si>
    <t>78.96</t>
  </si>
  <si>
    <t>1295.0</t>
  </si>
  <si>
    <t>6333485.0</t>
  </si>
  <si>
    <t>17491.0</t>
  </si>
  <si>
    <t>4328.324</t>
  </si>
  <si>
    <t>11.953</t>
  </si>
  <si>
    <t>16338.0</t>
  </si>
  <si>
    <t>11.165</t>
  </si>
  <si>
    <t>199.6</t>
  </si>
  <si>
    <t>2545834.0</t>
  </si>
  <si>
    <t>1162821.0</t>
  </si>
  <si>
    <t>1108896.0</t>
  </si>
  <si>
    <t>172.92</t>
  </si>
  <si>
    <t>75.32</t>
  </si>
  <si>
    <t>6348728.0</t>
  </si>
  <si>
    <t>15243.0</t>
  </si>
  <si>
    <t>4338.741</t>
  </si>
  <si>
    <t>10.417</t>
  </si>
  <si>
    <t>16350.0</t>
  </si>
  <si>
    <t>11.174</t>
  </si>
  <si>
    <t>201.1</t>
  </si>
  <si>
    <t>2549298.0</t>
  </si>
  <si>
    <t>1162976.0</t>
  </si>
  <si>
    <t>1109327.0</t>
  </si>
  <si>
    <t>173.16</t>
  </si>
  <si>
    <t>78.99</t>
  </si>
  <si>
    <t>6382878.0</t>
  </si>
  <si>
    <t>34150.0</t>
  </si>
  <si>
    <t>4362.079</t>
  </si>
  <si>
    <t>23.338</t>
  </si>
  <si>
    <t>18835.0</t>
  </si>
  <si>
    <t>12.872</t>
  </si>
  <si>
    <t>232.9</t>
  </si>
  <si>
    <t>2553691.0</t>
  </si>
  <si>
    <t>1163222.0</t>
  </si>
  <si>
    <t>1109912.0</t>
  </si>
  <si>
    <t>4393.0</t>
  </si>
  <si>
    <t>173.46</t>
  </si>
  <si>
    <t>79.01</t>
  </si>
  <si>
    <t>17470.0</t>
  </si>
  <si>
    <t>11.939</t>
  </si>
  <si>
    <t>2561756.0</t>
  </si>
  <si>
    <t>1163701.0</t>
  </si>
  <si>
    <t>1111146.0</t>
  </si>
  <si>
    <t>79.04</t>
  </si>
  <si>
    <t>6398019.0</t>
  </si>
  <si>
    <t>4372.427</t>
  </si>
  <si>
    <t>16301.0</t>
  </si>
  <si>
    <t>2568320.0</t>
  </si>
  <si>
    <t>1164122.0</t>
  </si>
  <si>
    <t>1112687.0</t>
  </si>
  <si>
    <t>79.07</t>
  </si>
  <si>
    <t>6411883.0</t>
  </si>
  <si>
    <t>4381.901</t>
  </si>
  <si>
    <t>9.475</t>
  </si>
  <si>
    <t>15975.0</t>
  </si>
  <si>
    <t>10.917</t>
  </si>
  <si>
    <t>2574524.0</t>
  </si>
  <si>
    <t>1164311.0</t>
  </si>
  <si>
    <t>1114621.0</t>
  </si>
  <si>
    <t>4846.0</t>
  </si>
  <si>
    <t>174.87</t>
  </si>
  <si>
    <t>6427427.0</t>
  </si>
  <si>
    <t>15544.0</t>
  </si>
  <si>
    <t>4392.524</t>
  </si>
  <si>
    <t>10.623</t>
  </si>
  <si>
    <t>15919.0</t>
  </si>
  <si>
    <t>10.879</t>
  </si>
  <si>
    <t>2582168.0</t>
  </si>
  <si>
    <t>1164760.0</t>
  </si>
  <si>
    <t>1117524.0</t>
  </si>
  <si>
    <t>7644.0</t>
  </si>
  <si>
    <t>5479.0</t>
  </si>
  <si>
    <t>79.11</t>
  </si>
  <si>
    <t>75.91</t>
  </si>
  <si>
    <t>15756.0</t>
  </si>
  <si>
    <t>10.768</t>
  </si>
  <si>
    <t>2590143.0</t>
  </si>
  <si>
    <t>1165178.0</t>
  </si>
  <si>
    <t>1119298.0</t>
  </si>
  <si>
    <t>7975.0</t>
  </si>
  <si>
    <t>6330.0</t>
  </si>
  <si>
    <t>175.93</t>
  </si>
  <si>
    <t>79.14</t>
  </si>
  <si>
    <t>6460127.0</t>
  </si>
  <si>
    <t>4414.872</t>
  </si>
  <si>
    <t>15914.0</t>
  </si>
  <si>
    <t>10.876</t>
  </si>
  <si>
    <t>245.4</t>
  </si>
  <si>
    <t>2594634.0</t>
  </si>
  <si>
    <t>1165374.0</t>
  </si>
  <si>
    <t>1119996.0</t>
  </si>
  <si>
    <t>176.24</t>
  </si>
  <si>
    <t>79.16</t>
  </si>
  <si>
    <t>13305.0</t>
  </si>
  <si>
    <t>2600931.0</t>
  </si>
  <si>
    <t>1165652.0</t>
  </si>
  <si>
    <t>1120796.0</t>
  </si>
  <si>
    <t>6297.0</t>
  </si>
  <si>
    <t>6749.0</t>
  </si>
  <si>
    <t>176.67</t>
  </si>
  <si>
    <t>79.18</t>
  </si>
  <si>
    <t>4584.0</t>
  </si>
  <si>
    <t>6491902.0</t>
  </si>
  <si>
    <t>4436.587</t>
  </si>
  <si>
    <t>9.905</t>
  </si>
  <si>
    <t>2607646.0</t>
  </si>
  <si>
    <t>1166068.0</t>
  </si>
  <si>
    <t>1122149.0</t>
  </si>
  <si>
    <t>6715.0</t>
  </si>
  <si>
    <t>177.12</t>
  </si>
  <si>
    <t>6506778.0</t>
  </si>
  <si>
    <t>4446.753</t>
  </si>
  <si>
    <t>10.166</t>
  </si>
  <si>
    <t>15537.0</t>
  </si>
  <si>
    <t>10.618</t>
  </si>
  <si>
    <t>270.5</t>
  </si>
  <si>
    <t>2616019.0</t>
  </si>
  <si>
    <t>1166419.0</t>
  </si>
  <si>
    <t>1123426.0</t>
  </si>
  <si>
    <t>6814.0</t>
  </si>
  <si>
    <t>177.69</t>
  </si>
  <si>
    <t>6520656.0</t>
  </si>
  <si>
    <t>4456.237</t>
  </si>
  <si>
    <t>9.484</t>
  </si>
  <si>
    <t>15539.0</t>
  </si>
  <si>
    <t>10.619</t>
  </si>
  <si>
    <t>256.5</t>
  </si>
  <si>
    <t>2623682.0</t>
  </si>
  <si>
    <t>1166715.0</t>
  </si>
  <si>
    <t>1124459.0</t>
  </si>
  <si>
    <t>7663.0</t>
  </si>
  <si>
    <t>178.21</t>
  </si>
  <si>
    <t>4770.0</t>
  </si>
  <si>
    <t>6535641.0</t>
  </si>
  <si>
    <t>14985.0</t>
  </si>
  <si>
    <t>4466.478</t>
  </si>
  <si>
    <t>10.241</t>
  </si>
  <si>
    <t>15459.0</t>
  </si>
  <si>
    <t>10.565</t>
  </si>
  <si>
    <t>2630725.0</t>
  </si>
  <si>
    <t>1166815.0</t>
  </si>
  <si>
    <t>1125718.0</t>
  </si>
  <si>
    <t>7043.0</t>
  </si>
  <si>
    <t>6937.0</t>
  </si>
  <si>
    <t>178.69</t>
  </si>
  <si>
    <t>4712.0</t>
  </si>
  <si>
    <t>6550461.0</t>
  </si>
  <si>
    <t>14820.0</t>
  </si>
  <si>
    <t>4476.606</t>
  </si>
  <si>
    <t>10.128</t>
  </si>
  <si>
    <t>10.416</t>
  </si>
  <si>
    <t>266.1</t>
  </si>
  <si>
    <t>2639743.0</t>
  </si>
  <si>
    <t>1167546.0</t>
  </si>
  <si>
    <t>1126932.0</t>
  </si>
  <si>
    <t>9018.0</t>
  </si>
  <si>
    <t>7086.0</t>
  </si>
  <si>
    <t>179.3</t>
  </si>
  <si>
    <t>6565857.0</t>
  </si>
  <si>
    <t>4487.128</t>
  </si>
  <si>
    <t>15104.0</t>
  </si>
  <si>
    <t>10.322</t>
  </si>
  <si>
    <t>259.1</t>
  </si>
  <si>
    <t>2645484.0</t>
  </si>
  <si>
    <t>1167797.0</t>
  </si>
  <si>
    <t>1127282.0</t>
  </si>
  <si>
    <t>79.32</t>
  </si>
  <si>
    <t>6580669.0</t>
  </si>
  <si>
    <t>4497.25</t>
  </si>
  <si>
    <t>10.218</t>
  </si>
  <si>
    <t>2651709.0</t>
  </si>
  <si>
    <t>1167980.0</t>
  </si>
  <si>
    <t>1127864.0</t>
  </si>
  <si>
    <t>6225.0</t>
  </si>
  <si>
    <t>180.11</t>
  </si>
  <si>
    <t>79.33</t>
  </si>
  <si>
    <t>6597180.0</t>
  </si>
  <si>
    <t>16511.0</t>
  </si>
  <si>
    <t>4508.534</t>
  </si>
  <si>
    <t>11.284</t>
  </si>
  <si>
    <t>10.278</t>
  </si>
  <si>
    <t>252.5</t>
  </si>
  <si>
    <t>2660632.0</t>
  </si>
  <si>
    <t>1168404.0</t>
  </si>
  <si>
    <t>1128869.0</t>
  </si>
  <si>
    <t>8923.0</t>
  </si>
  <si>
    <t>7569.0</t>
  </si>
  <si>
    <t>180.72</t>
  </si>
  <si>
    <t>79.36</t>
  </si>
  <si>
    <t>6612314.0</t>
  </si>
  <si>
    <t>15134.0</t>
  </si>
  <si>
    <t>4518.877</t>
  </si>
  <si>
    <t>10.343</t>
  </si>
  <si>
    <t>2669575.0</t>
  </si>
  <si>
    <t>1168806.0</t>
  </si>
  <si>
    <t>1129802.0</t>
  </si>
  <si>
    <t>8943.0</t>
  </si>
  <si>
    <t>7651.0</t>
  </si>
  <si>
    <t>181.33</t>
  </si>
  <si>
    <t>5197.0</t>
  </si>
  <si>
    <t>6625936.0</t>
  </si>
  <si>
    <t>13622.0</t>
  </si>
  <si>
    <t>4528.186</t>
  </si>
  <si>
    <t>9.309</t>
  </si>
  <si>
    <t>231.9</t>
  </si>
  <si>
    <t>2677073.0</t>
  </si>
  <si>
    <t>1169414.0</t>
  </si>
  <si>
    <t>1130624.0</t>
  </si>
  <si>
    <t>7498.0</t>
  </si>
  <si>
    <t>181.84</t>
  </si>
  <si>
    <t>6640843.0</t>
  </si>
  <si>
    <t>4538.373</t>
  </si>
  <si>
    <t>10.187</t>
  </si>
  <si>
    <t>15029.0</t>
  </si>
  <si>
    <t>10.271</t>
  </si>
  <si>
    <t>2684265.0</t>
  </si>
  <si>
    <t>1169744.0</t>
  </si>
  <si>
    <t>1131303.0</t>
  </si>
  <si>
    <t>7649.0</t>
  </si>
  <si>
    <t>182.33</t>
  </si>
  <si>
    <t>6657852.0</t>
  </si>
  <si>
    <t>4549.997</t>
  </si>
  <si>
    <t>11.624</t>
  </si>
  <si>
    <t>10.485</t>
  </si>
  <si>
    <t>236.6</t>
  </si>
  <si>
    <t>2691511.0</t>
  </si>
  <si>
    <t>1170200.0</t>
  </si>
  <si>
    <t>1132032.0</t>
  </si>
  <si>
    <t>182.82</t>
  </si>
  <si>
    <t>10.915</t>
  </si>
  <si>
    <t>255.8</t>
  </si>
  <si>
    <t>2695771.0</t>
  </si>
  <si>
    <t>1170371.0</t>
  </si>
  <si>
    <t>1132352.0</t>
  </si>
  <si>
    <t>7184.0</t>
  </si>
  <si>
    <t>183.11</t>
  </si>
  <si>
    <t>4880.0</t>
  </si>
  <si>
    <t>16686.0</t>
  </si>
  <si>
    <t>11.403</t>
  </si>
  <si>
    <t>269.8</t>
  </si>
  <si>
    <t>2700105.0</t>
  </si>
  <si>
    <t>1170546.0</t>
  </si>
  <si>
    <t>1132855.0</t>
  </si>
  <si>
    <t>79.51</t>
  </si>
  <si>
    <t>6717283.0</t>
  </si>
  <si>
    <t>4590.613</t>
  </si>
  <si>
    <t>17158.0</t>
  </si>
  <si>
    <t>11.726</t>
  </si>
  <si>
    <t>258.8</t>
  </si>
  <si>
    <t>2708159.0</t>
  </si>
  <si>
    <t>1171032.0</t>
  </si>
  <si>
    <t>1133745.0</t>
  </si>
  <si>
    <t>8054.0</t>
  </si>
  <si>
    <t>79.54</t>
  </si>
  <si>
    <t>16025.0</t>
  </si>
  <si>
    <t>10.952</t>
  </si>
  <si>
    <t>247.1</t>
  </si>
  <si>
    <t>2711191.0</t>
  </si>
  <si>
    <t>1171211.0</t>
  </si>
  <si>
    <t>1134060.0</t>
  </si>
  <si>
    <t>3032.0</t>
  </si>
  <si>
    <t>184.15</t>
  </si>
  <si>
    <t>79.55</t>
  </si>
  <si>
    <t>4038.0</t>
  </si>
  <si>
    <t>6731697.0</t>
  </si>
  <si>
    <t>4600.463</t>
  </si>
  <si>
    <t>10.326</t>
  </si>
  <si>
    <t>230.4</t>
  </si>
  <si>
    <t>2717213.0</t>
  </si>
  <si>
    <t>1171634.0</t>
  </si>
  <si>
    <t>1134813.0</t>
  </si>
  <si>
    <t>184.56</t>
  </si>
  <si>
    <t>79.58</t>
  </si>
  <si>
    <t>6747276.0</t>
  </si>
  <si>
    <t>15579.0</t>
  </si>
  <si>
    <t>4611.11</t>
  </si>
  <si>
    <t>10.647</t>
  </si>
  <si>
    <t>15205.0</t>
  </si>
  <si>
    <t>10.391</t>
  </si>
  <si>
    <t>224.5</t>
  </si>
  <si>
    <t>2723459.0</t>
  </si>
  <si>
    <t>1172051.0</t>
  </si>
  <si>
    <t>1135484.0</t>
  </si>
  <si>
    <t>6246.0</t>
  </si>
  <si>
    <t>3803.0</t>
  </si>
  <si>
    <t>6763961.0</t>
  </si>
  <si>
    <t>4622.513</t>
  </si>
  <si>
    <t>2729703.0</t>
  </si>
  <si>
    <t>1172465.0</t>
  </si>
  <si>
    <t>1136247.0</t>
  </si>
  <si>
    <t>185.41</t>
  </si>
  <si>
    <t>79.64</t>
  </si>
  <si>
    <t>77.18</t>
  </si>
  <si>
    <t>10.029</t>
  </si>
  <si>
    <t>2733001.0</t>
  </si>
  <si>
    <t>1172664.0</t>
  </si>
  <si>
    <t>1136552.0</t>
  </si>
  <si>
    <t>185.64</t>
  </si>
  <si>
    <t>79.65</t>
  </si>
  <si>
    <t>6796811.0</t>
  </si>
  <si>
    <t>4644.962</t>
  </si>
  <si>
    <t>200.3</t>
  </si>
  <si>
    <t>2735992.0</t>
  </si>
  <si>
    <t>1172869.0</t>
  </si>
  <si>
    <t>1137010.0</t>
  </si>
  <si>
    <t>6812218.0</t>
  </si>
  <si>
    <t>15407.0</t>
  </si>
  <si>
    <t>4655.492</t>
  </si>
  <si>
    <t>10.529</t>
  </si>
  <si>
    <t>209.6</t>
  </si>
  <si>
    <t>2741537.0</t>
  </si>
  <si>
    <t>1173266.0</t>
  </si>
  <si>
    <t>1137725.0</t>
  </si>
  <si>
    <t>4768.0</t>
  </si>
  <si>
    <t>79.69</t>
  </si>
  <si>
    <t>6826271.0</t>
  </si>
  <si>
    <t>4665.096</t>
  </si>
  <si>
    <t>9.604</t>
  </si>
  <si>
    <t>14540.0</t>
  </si>
  <si>
    <t>9.937</t>
  </si>
  <si>
    <t>242.3</t>
  </si>
  <si>
    <t>2746461.0</t>
  </si>
  <si>
    <t>1173571.0</t>
  </si>
  <si>
    <t>1138329.0</t>
  </si>
  <si>
    <t>4924.0</t>
  </si>
  <si>
    <t>186.55</t>
  </si>
  <si>
    <t>6840598.0</t>
  </si>
  <si>
    <t>14327.0</t>
  </si>
  <si>
    <t>4674.887</t>
  </si>
  <si>
    <t>9.791</t>
  </si>
  <si>
    <t>10.632</t>
  </si>
  <si>
    <t>2750639.0</t>
  </si>
  <si>
    <t>1173883.0</t>
  </si>
  <si>
    <t>1138835.0</t>
  </si>
  <si>
    <t>186.83</t>
  </si>
  <si>
    <t>6856151.0</t>
  </si>
  <si>
    <t>15553.0</t>
  </si>
  <si>
    <t>4685.516</t>
  </si>
  <si>
    <t>10.629</t>
  </si>
  <si>
    <t>15554.0</t>
  </si>
  <si>
    <t>2754752.0</t>
  </si>
  <si>
    <t>1174447.0</t>
  </si>
  <si>
    <t>1139199.0</t>
  </si>
  <si>
    <t>187.11</t>
  </si>
  <si>
    <t>79.77</t>
  </si>
  <si>
    <t>77.38</t>
  </si>
  <si>
    <t>6872519.0</t>
  </si>
  <si>
    <t>16368.0</t>
  </si>
  <si>
    <t>4696.702</t>
  </si>
  <si>
    <t>10.598</t>
  </si>
  <si>
    <t>336.1</t>
  </si>
  <si>
    <t>2760368.0</t>
  </si>
  <si>
    <t>1175246.0</t>
  </si>
  <si>
    <t>1140103.0</t>
  </si>
  <si>
    <t>77.44</t>
  </si>
  <si>
    <t>15532.0</t>
  </si>
  <si>
    <t>10.615</t>
  </si>
  <si>
    <t>377.5</t>
  </si>
  <si>
    <t>2763633.0</t>
  </si>
  <si>
    <t>1176019.0</t>
  </si>
  <si>
    <t>1140418.0</t>
  </si>
  <si>
    <t>3265.0</t>
  </si>
  <si>
    <t>406.3</t>
  </si>
  <si>
    <t>2766392.0</t>
  </si>
  <si>
    <t>1176773.0</t>
  </si>
  <si>
    <t>1140760.0</t>
  </si>
  <si>
    <t>187.9</t>
  </si>
  <si>
    <t>79.93</t>
  </si>
  <si>
    <t>6922283.0</t>
  </si>
  <si>
    <t>4730.71</t>
  </si>
  <si>
    <t>15724.0</t>
  </si>
  <si>
    <t>10.746</t>
  </si>
  <si>
    <t>426.6</t>
  </si>
  <si>
    <t>2771330.0</t>
  </si>
  <si>
    <t>1177521.0</t>
  </si>
  <si>
    <t>1141443.0</t>
  </si>
  <si>
    <t>188.24</t>
  </si>
  <si>
    <t>79.98</t>
  </si>
  <si>
    <t>6937881.0</t>
  </si>
  <si>
    <t>4741.37</t>
  </si>
  <si>
    <t>10.896</t>
  </si>
  <si>
    <t>419.6</t>
  </si>
  <si>
    <t>2774965.0</t>
  </si>
  <si>
    <t>1177889.0</t>
  </si>
  <si>
    <t>1142016.0</t>
  </si>
  <si>
    <t>4072.0</t>
  </si>
  <si>
    <t>188.49</t>
  </si>
  <si>
    <t>80.01</t>
  </si>
  <si>
    <t>77.57</t>
  </si>
  <si>
    <t>6952933.0</t>
  </si>
  <si>
    <t>15052.0</t>
  </si>
  <si>
    <t>4751.657</t>
  </si>
  <si>
    <t>10.287</t>
  </si>
  <si>
    <t>16048.0</t>
  </si>
  <si>
    <t>10.967</t>
  </si>
  <si>
    <t>398.4</t>
  </si>
  <si>
    <t>2780756.0</t>
  </si>
  <si>
    <t>1178664.0</t>
  </si>
  <si>
    <t>1142746.0</t>
  </si>
  <si>
    <t>188.88</t>
  </si>
  <si>
    <t>80.06</t>
  </si>
  <si>
    <t>6967617.0</t>
  </si>
  <si>
    <t>14684.0</t>
  </si>
  <si>
    <t>4761.692</t>
  </si>
  <si>
    <t>10.035</t>
  </si>
  <si>
    <t>15924.0</t>
  </si>
  <si>
    <t>10.883</t>
  </si>
  <si>
    <t>411.3</t>
  </si>
  <si>
    <t>2785040.0</t>
  </si>
  <si>
    <t>1179040.0</t>
  </si>
  <si>
    <t>1143330.0</t>
  </si>
  <si>
    <t>189.17</t>
  </si>
  <si>
    <t>80.08</t>
  </si>
  <si>
    <t>6985211.0</t>
  </si>
  <si>
    <t>17594.0</t>
  </si>
  <si>
    <t>4773.716</t>
  </si>
  <si>
    <t>12.024</t>
  </si>
  <si>
    <t>16099.0</t>
  </si>
  <si>
    <t>425.3</t>
  </si>
  <si>
    <t>2789813.0</t>
  </si>
  <si>
    <t>1179908.0</t>
  </si>
  <si>
    <t>1144005.0</t>
  </si>
  <si>
    <t>189.49</t>
  </si>
  <si>
    <t>80.14</t>
  </si>
  <si>
    <t>7001240.0</t>
  </si>
  <si>
    <t>16029.0</t>
  </si>
  <si>
    <t>4784.67</t>
  </si>
  <si>
    <t>10.954</t>
  </si>
  <si>
    <t>16019.0</t>
  </si>
  <si>
    <t>10.947</t>
  </si>
  <si>
    <t>2793284.0</t>
  </si>
  <si>
    <t>1180702.0</t>
  </si>
  <si>
    <t>1144261.0</t>
  </si>
  <si>
    <t>189.73</t>
  </si>
  <si>
    <t>7018050.0</t>
  </si>
  <si>
    <t>4796.158</t>
  </si>
  <si>
    <t>11.488</t>
  </si>
  <si>
    <t>16051.0</t>
  </si>
  <si>
    <t>454.9</t>
  </si>
  <si>
    <t>2795851.0</t>
  </si>
  <si>
    <t>1181179.0</t>
  </si>
  <si>
    <t>1144534.0</t>
  </si>
  <si>
    <t>4208.0</t>
  </si>
  <si>
    <t>189.9</t>
  </si>
  <si>
    <t>7034780.0</t>
  </si>
  <si>
    <t>4807.591</t>
  </si>
  <si>
    <t>11.433</t>
  </si>
  <si>
    <t>16071.0</t>
  </si>
  <si>
    <t>10.983</t>
  </si>
  <si>
    <t>446.4</t>
  </si>
  <si>
    <t>2800525.0</t>
  </si>
  <si>
    <t>1181548.0</t>
  </si>
  <si>
    <t>1145266.0</t>
  </si>
  <si>
    <t>4171.0</t>
  </si>
  <si>
    <t>190.22</t>
  </si>
  <si>
    <t>7050321.0</t>
  </si>
  <si>
    <t>4818.212</t>
  </si>
  <si>
    <t>16063.0</t>
  </si>
  <si>
    <t>10.978</t>
  </si>
  <si>
    <t>2804342.0</t>
  </si>
  <si>
    <t>1181886.0</t>
  </si>
  <si>
    <t>1145696.0</t>
  </si>
  <si>
    <t>190.48</t>
  </si>
  <si>
    <t>7064562.0</t>
  </si>
  <si>
    <t>4827.944</t>
  </si>
  <si>
    <t>569.5</t>
  </si>
  <si>
    <t>2808112.0</t>
  </si>
  <si>
    <t>1182176.0</t>
  </si>
  <si>
    <t>1146272.0</t>
  </si>
  <si>
    <t>190.74</t>
  </si>
  <si>
    <t>7079231.0</t>
  </si>
  <si>
    <t>14669.0</t>
  </si>
  <si>
    <t>4837.969</t>
  </si>
  <si>
    <t>10.025</t>
  </si>
  <si>
    <t>10.897</t>
  </si>
  <si>
    <t>613.3</t>
  </si>
  <si>
    <t>2811711.0</t>
  </si>
  <si>
    <t>1182470.0</t>
  </si>
  <si>
    <t>1146822.0</t>
  </si>
  <si>
    <t>3810.0</t>
  </si>
  <si>
    <t>190.98</t>
  </si>
  <si>
    <t>7095041.0</t>
  </si>
  <si>
    <t>15810.0</t>
  </si>
  <si>
    <t>4848.774</t>
  </si>
  <si>
    <t>10.805</t>
  </si>
  <si>
    <t>603.5</t>
  </si>
  <si>
    <t>2817356.0</t>
  </si>
  <si>
    <t>1182852.0</t>
  </si>
  <si>
    <t>1147441.0</t>
  </si>
  <si>
    <t>5645.0</t>
  </si>
  <si>
    <t>191.37</t>
  </si>
  <si>
    <t>80.34</t>
  </si>
  <si>
    <t>16462.0</t>
  </si>
  <si>
    <t>666.1</t>
  </si>
  <si>
    <t>2820266.0</t>
  </si>
  <si>
    <t>1183119.0</t>
  </si>
  <si>
    <t>1147695.0</t>
  </si>
  <si>
    <t>191.56</t>
  </si>
  <si>
    <t>80.36</t>
  </si>
  <si>
    <t>17121.0</t>
  </si>
  <si>
    <t>11.701</t>
  </si>
  <si>
    <t>2822857.0</t>
  </si>
  <si>
    <t>1183392.0</t>
  </si>
  <si>
    <t>1147983.0</t>
  </si>
  <si>
    <t>191.74</t>
  </si>
  <si>
    <t>80.38</t>
  </si>
  <si>
    <t>7159330.0</t>
  </si>
  <si>
    <t>4892.709</t>
  </si>
  <si>
    <t>17793.0</t>
  </si>
  <si>
    <t>877.1</t>
  </si>
  <si>
    <t>2827533.0</t>
  </si>
  <si>
    <t>1183775.0</t>
  </si>
  <si>
    <t>1148496.0</t>
  </si>
  <si>
    <t>192.06</t>
  </si>
  <si>
    <t>80.41</t>
  </si>
  <si>
    <t>17828.0</t>
  </si>
  <si>
    <t>12.184</t>
  </si>
  <si>
    <t>843.2</t>
  </si>
  <si>
    <t>2831475.0</t>
  </si>
  <si>
    <t>1184081.0</t>
  </si>
  <si>
    <t>1148965.0</t>
  </si>
  <si>
    <t>3942.0</t>
  </si>
  <si>
    <t>192.32</t>
  </si>
  <si>
    <t>18049.0</t>
  </si>
  <si>
    <t>12.335</t>
  </si>
  <si>
    <t>847.9</t>
  </si>
  <si>
    <t>2835443.0</t>
  </si>
  <si>
    <t>1184366.0</t>
  </si>
  <si>
    <t>1149475.0</t>
  </si>
  <si>
    <t>192.59</t>
  </si>
  <si>
    <t>80.45</t>
  </si>
  <si>
    <t>7206695.0</t>
  </si>
  <si>
    <t>4925.079</t>
  </si>
  <si>
    <t>12.444</t>
  </si>
  <si>
    <t>885.2</t>
  </si>
  <si>
    <t>2839674.0</t>
  </si>
  <si>
    <t>1184670.0</t>
  </si>
  <si>
    <t>1150159.0</t>
  </si>
  <si>
    <t>192.88</t>
  </si>
  <si>
    <t>7222351.0</t>
  </si>
  <si>
    <t>15656.0</t>
  </si>
  <si>
    <t>4935.778</t>
  </si>
  <si>
    <t>10.699</t>
  </si>
  <si>
    <t>18187.0</t>
  </si>
  <si>
    <t>12.429</t>
  </si>
  <si>
    <t>915.9</t>
  </si>
  <si>
    <t>2844921.0</t>
  </si>
  <si>
    <t>1185037.0</t>
  </si>
  <si>
    <t>1151132.0</t>
  </si>
  <si>
    <t>193.24</t>
  </si>
  <si>
    <t>80.49</t>
  </si>
  <si>
    <t>2675.0</t>
  </si>
  <si>
    <t>16205.0</t>
  </si>
  <si>
    <t>11.075</t>
  </si>
  <si>
    <t>2848049.0</t>
  </si>
  <si>
    <t>1185249.0</t>
  </si>
  <si>
    <t>1151780.0</t>
  </si>
  <si>
    <t>3128.0</t>
  </si>
  <si>
    <t>193.45</t>
  </si>
  <si>
    <t>7237467.0</t>
  </si>
  <si>
    <t>4946.108</t>
  </si>
  <si>
    <t>14224.0</t>
  </si>
  <si>
    <t>9.721</t>
  </si>
  <si>
    <t>677.3</t>
  </si>
  <si>
    <t>2851438.0</t>
  </si>
  <si>
    <t>1185455.0</t>
  </si>
  <si>
    <t>1152538.0</t>
  </si>
  <si>
    <t>3389.0</t>
  </si>
  <si>
    <t>193.68</t>
  </si>
  <si>
    <t>13502.0</t>
  </si>
  <si>
    <t>569.4</t>
  </si>
  <si>
    <t>2858015.0</t>
  </si>
  <si>
    <t>1185754.0</t>
  </si>
  <si>
    <t>1153488.0</t>
  </si>
  <si>
    <t>4355.0</t>
  </si>
  <si>
    <t>194.13</t>
  </si>
  <si>
    <t>80.54</t>
  </si>
  <si>
    <t>7270221.0</t>
  </si>
  <si>
    <t>4968.492</t>
  </si>
  <si>
    <t>13586.0</t>
  </si>
  <si>
    <t>543.4</t>
  </si>
  <si>
    <t>2864598.0</t>
  </si>
  <si>
    <t>1186049.0</t>
  </si>
  <si>
    <t>1154054.0</t>
  </si>
  <si>
    <t>4732.0</t>
  </si>
  <si>
    <t>194.57</t>
  </si>
  <si>
    <t>80.56</t>
  </si>
  <si>
    <t>7283971.0</t>
  </si>
  <si>
    <t>13750.0</t>
  </si>
  <si>
    <t>4977.889</t>
  </si>
  <si>
    <t>9.397</t>
  </si>
  <si>
    <t>511.3</t>
  </si>
  <si>
    <t>2871643.0</t>
  </si>
  <si>
    <t>1186294.0</t>
  </si>
  <si>
    <t>1154943.0</t>
  </si>
  <si>
    <t>195.05</t>
  </si>
  <si>
    <t>7299418.0</t>
  </si>
  <si>
    <t>15447.0</t>
  </si>
  <si>
    <t>4988.446</t>
  </si>
  <si>
    <t>10.557</t>
  </si>
  <si>
    <t>9.052</t>
  </si>
  <si>
    <t>465.9</t>
  </si>
  <si>
    <t>2878762.0</t>
  </si>
  <si>
    <t>1186647.0</t>
  </si>
  <si>
    <t>1155518.0</t>
  </si>
  <si>
    <t>195.54</t>
  </si>
  <si>
    <t>7315243.0</t>
  </si>
  <si>
    <t>15825.0</t>
  </si>
  <si>
    <t>4999.261</t>
  </si>
  <si>
    <t>10.815</t>
  </si>
  <si>
    <t>450.9</t>
  </si>
  <si>
    <t>2887715.0</t>
  </si>
  <si>
    <t>1186967.0</t>
  </si>
  <si>
    <t>1156449.0</t>
  </si>
  <si>
    <t>196.14</t>
  </si>
  <si>
    <t>7332209.0</t>
  </si>
  <si>
    <t>16966.0</t>
  </si>
  <si>
    <t>5010.855</t>
  </si>
  <si>
    <t>11.595</t>
  </si>
  <si>
    <t>14614.0</t>
  </si>
  <si>
    <t>9.987</t>
  </si>
  <si>
    <t>2894455.0</t>
  </si>
  <si>
    <t>1187171.0</t>
  </si>
  <si>
    <t>1157193.0</t>
  </si>
  <si>
    <t>6740.0</t>
  </si>
  <si>
    <t>196.6</t>
  </si>
  <si>
    <t>80.64</t>
  </si>
  <si>
    <t>16017.0</t>
  </si>
  <si>
    <t>2899607.0</t>
  </si>
  <si>
    <t>1187429.0</t>
  </si>
  <si>
    <t>1157799.0</t>
  </si>
  <si>
    <t>5152.0</t>
  </si>
  <si>
    <t>196.95</t>
  </si>
  <si>
    <t>80.65</t>
  </si>
  <si>
    <t>11.043</t>
  </si>
  <si>
    <t>577.1</t>
  </si>
  <si>
    <t>2908925.0</t>
  </si>
  <si>
    <t>1187780.0</t>
  </si>
  <si>
    <t>1158438.0</t>
  </si>
  <si>
    <t>7273.0</t>
  </si>
  <si>
    <t>197.59</t>
  </si>
  <si>
    <t>80.68</t>
  </si>
  <si>
    <t>11.141</t>
  </si>
  <si>
    <t>551.3</t>
  </si>
  <si>
    <t>2919095.0</t>
  </si>
  <si>
    <t>1188152.0</t>
  </si>
  <si>
    <t>1159016.0</t>
  </si>
  <si>
    <t>10170.0</t>
  </si>
  <si>
    <t>198.28</t>
  </si>
  <si>
    <t>7401706.0</t>
  </si>
  <si>
    <t>5058.35</t>
  </si>
  <si>
    <t>16819.0</t>
  </si>
  <si>
    <t>11.494</t>
  </si>
  <si>
    <t>478.6</t>
  </si>
  <si>
    <t>2928259.0</t>
  </si>
  <si>
    <t>1188539.0</t>
  </si>
  <si>
    <t>1159574.0</t>
  </si>
  <si>
    <t>9164.0</t>
  </si>
  <si>
    <t>80.73</t>
  </si>
  <si>
    <t>7421582.0</t>
  </si>
  <si>
    <t>19876.0</t>
  </si>
  <si>
    <t>5071.933</t>
  </si>
  <si>
    <t>13.583</t>
  </si>
  <si>
    <t>17452.0</t>
  </si>
  <si>
    <t>11.927</t>
  </si>
  <si>
    <t>2936188.0</t>
  </si>
  <si>
    <t>1188870.0</t>
  </si>
  <si>
    <t>1160067.0</t>
  </si>
  <si>
    <t>7929.0</t>
  </si>
  <si>
    <t>199.44</t>
  </si>
  <si>
    <t>5572.0</t>
  </si>
  <si>
    <t>11.278</t>
  </si>
  <si>
    <t>2948897.0</t>
  </si>
  <si>
    <t>1189274.0</t>
  </si>
  <si>
    <t>1160681.0</t>
  </si>
  <si>
    <t>12709.0</t>
  </si>
  <si>
    <t>8740.0</t>
  </si>
  <si>
    <t>80.78</t>
  </si>
  <si>
    <t>5937.0</t>
  </si>
  <si>
    <t>7439950.0</t>
  </si>
  <si>
    <t>5084.486</t>
  </si>
  <si>
    <t>15392.0</t>
  </si>
  <si>
    <t>10.519</t>
  </si>
  <si>
    <t>456.5</t>
  </si>
  <si>
    <t>2960243.0</t>
  </si>
  <si>
    <t>1189605.0</t>
  </si>
  <si>
    <t>1161049.0</t>
  </si>
  <si>
    <t>11346.0</t>
  </si>
  <si>
    <t>80.8</t>
  </si>
  <si>
    <t>2970073.0</t>
  </si>
  <si>
    <t>1189949.0</t>
  </si>
  <si>
    <t>1161594.0</t>
  </si>
  <si>
    <t>10067.0</t>
  </si>
  <si>
    <t>201.74</t>
  </si>
  <si>
    <t>80.83</t>
  </si>
  <si>
    <t>15683.0</t>
  </si>
  <si>
    <t>10.718</t>
  </si>
  <si>
    <t>446.3</t>
  </si>
  <si>
    <t>2982080.0</t>
  </si>
  <si>
    <t>1190410.0</t>
  </si>
  <si>
    <t>1162095.0</t>
  </si>
  <si>
    <t>12007.0</t>
  </si>
  <si>
    <t>10451.0</t>
  </si>
  <si>
    <t>202.55</t>
  </si>
  <si>
    <t>7099.0</t>
  </si>
  <si>
    <t>7495132.0</t>
  </si>
  <si>
    <t>5122.197</t>
  </si>
  <si>
    <t>15829.0</t>
  </si>
  <si>
    <t>10.818</t>
  </si>
  <si>
    <t>2993471.0</t>
  </si>
  <si>
    <t>1190802.0</t>
  </si>
  <si>
    <t>1162716.0</t>
  </si>
  <si>
    <t>11391.0</t>
  </si>
  <si>
    <t>203.33</t>
  </si>
  <si>
    <t>80.88</t>
  </si>
  <si>
    <t>7217.0</t>
  </si>
  <si>
    <t>15689.0</t>
  </si>
  <si>
    <t>10.722</t>
  </si>
  <si>
    <t>538.3</t>
  </si>
  <si>
    <t>3003420.0</t>
  </si>
  <si>
    <t>1191152.0</t>
  </si>
  <si>
    <t>1163310.0</t>
  </si>
  <si>
    <t>9949.0</t>
  </si>
  <si>
    <t>10737.0</t>
  </si>
  <si>
    <t>79.02</t>
  </si>
  <si>
    <t>7293.0</t>
  </si>
  <si>
    <t>7527923.0</t>
  </si>
  <si>
    <t>5144.607</t>
  </si>
  <si>
    <t>496.9</t>
  </si>
  <si>
    <t>3013291.0</t>
  </si>
  <si>
    <t>1191497.0</t>
  </si>
  <si>
    <t>1163885.0</t>
  </si>
  <si>
    <t>204.67</t>
  </si>
  <si>
    <t>80.93</t>
  </si>
  <si>
    <t>16904.0</t>
  </si>
  <si>
    <t>11.552</t>
  </si>
  <si>
    <t>558.1</t>
  </si>
  <si>
    <t>3024358.0</t>
  </si>
  <si>
    <t>1191857.0</t>
  </si>
  <si>
    <t>1164525.0</t>
  </si>
  <si>
    <t>10780.0</t>
  </si>
  <si>
    <t>80.96</t>
  </si>
  <si>
    <t>79.1</t>
  </si>
  <si>
    <t>7322.0</t>
  </si>
  <si>
    <t>7570260.0</t>
  </si>
  <si>
    <t>5173.54</t>
  </si>
  <si>
    <t>18616.0</t>
  </si>
  <si>
    <t>12.722</t>
  </si>
  <si>
    <t>579.2</t>
  </si>
  <si>
    <t>3031046.0</t>
  </si>
  <si>
    <t>1192110.0</t>
  </si>
  <si>
    <t>1164880.0</t>
  </si>
  <si>
    <t>79.12</t>
  </si>
  <si>
    <t>6870.0</t>
  </si>
  <si>
    <t>18673.0</t>
  </si>
  <si>
    <t>12.761</t>
  </si>
  <si>
    <t>558.6</t>
  </si>
  <si>
    <t>3037016.0</t>
  </si>
  <si>
    <t>1192600.0</t>
  </si>
  <si>
    <t>1165232.0</t>
  </si>
  <si>
    <t>5970.0</t>
  </si>
  <si>
    <t>79.15</t>
  </si>
  <si>
    <t>6496.0</t>
  </si>
  <si>
    <t>18731.0</t>
  </si>
  <si>
    <t>12.801</t>
  </si>
  <si>
    <t>560.3</t>
  </si>
  <si>
    <t>3047351.0</t>
  </si>
  <si>
    <t>1192979.0</t>
  </si>
  <si>
    <t>1165797.0</t>
  </si>
  <si>
    <t>9324.0</t>
  </si>
  <si>
    <t>206.99</t>
  </si>
  <si>
    <t>79.19</t>
  </si>
  <si>
    <t>7626655.0</t>
  </si>
  <si>
    <t>5212.081</t>
  </si>
  <si>
    <t>18789.0</t>
  </si>
  <si>
    <t>629.3</t>
  </si>
  <si>
    <t>3055893.0</t>
  </si>
  <si>
    <t>1193306.0</t>
  </si>
  <si>
    <t>1166321.0</t>
  </si>
  <si>
    <t>8917.0</t>
  </si>
  <si>
    <t>207.57</t>
  </si>
  <si>
    <t>19649.0</t>
  </si>
  <si>
    <t>539.4</t>
  </si>
  <si>
    <t>3065753.0</t>
  </si>
  <si>
    <t>1193660.0</t>
  </si>
  <si>
    <t>1166844.0</t>
  </si>
  <si>
    <t>8905.0</t>
  </si>
  <si>
    <t>208.24</t>
  </si>
  <si>
    <t>79.26</t>
  </si>
  <si>
    <t>7671491.0</t>
  </si>
  <si>
    <t>5242.722</t>
  </si>
  <si>
    <t>20510.0</t>
  </si>
  <si>
    <t>14.017</t>
  </si>
  <si>
    <t>537.7</t>
  </si>
  <si>
    <t>3078535.0</t>
  </si>
  <si>
    <t>1194132.0</t>
  </si>
  <si>
    <t>1167558.0</t>
  </si>
  <si>
    <t>12782.0</t>
  </si>
  <si>
    <t>209.11</t>
  </si>
  <si>
    <t>6331.0</t>
  </si>
  <si>
    <t>20880.0</t>
  </si>
  <si>
    <t>14.269</t>
  </si>
  <si>
    <t>498.8</t>
  </si>
  <si>
    <t>3086119.0</t>
  </si>
  <si>
    <t>1194469.0</t>
  </si>
  <si>
    <t>1167982.0</t>
  </si>
  <si>
    <t>7584.0</t>
  </si>
  <si>
    <t>8823.0</t>
  </si>
  <si>
    <t>209.62</t>
  </si>
  <si>
    <t>7719013.0</t>
  </si>
  <si>
    <t>5275.198</t>
  </si>
  <si>
    <t>21250.0</t>
  </si>
  <si>
    <t>14.522</t>
  </si>
  <si>
    <t>476.8</t>
  </si>
  <si>
    <t>3091503.0</t>
  </si>
  <si>
    <t>1194664.0</t>
  </si>
  <si>
    <t>1168298.0</t>
  </si>
  <si>
    <t>209.99</t>
  </si>
  <si>
    <t>21244.0</t>
  </si>
  <si>
    <t>14.518</t>
  </si>
  <si>
    <t>398.7</t>
  </si>
  <si>
    <t>3097455.0</t>
  </si>
  <si>
    <t>1194968.0</t>
  </si>
  <si>
    <t>1168676.0</t>
  </si>
  <si>
    <t>5952.0</t>
  </si>
  <si>
    <t>8634.0</t>
  </si>
  <si>
    <t>210.39</t>
  </si>
  <si>
    <t>81.17</t>
  </si>
  <si>
    <t>5865.0</t>
  </si>
  <si>
    <t>21237.0</t>
  </si>
  <si>
    <t>14.513</t>
  </si>
  <si>
    <t>342.5</t>
  </si>
  <si>
    <t>3106701.0</t>
  </si>
  <si>
    <t>1195481.0</t>
  </si>
  <si>
    <t>1169267.0</t>
  </si>
  <si>
    <t>9246.0</t>
  </si>
  <si>
    <t>211.02</t>
  </si>
  <si>
    <t>79.42</t>
  </si>
  <si>
    <t>7775271.0</t>
  </si>
  <si>
    <t>5313.645</t>
  </si>
  <si>
    <t>21231.0</t>
  </si>
  <si>
    <t>14.509</t>
  </si>
  <si>
    <t>3122142.0</t>
  </si>
  <si>
    <t>1196261.0</t>
  </si>
  <si>
    <t>1170160.0</t>
  </si>
  <si>
    <t>212.07</t>
  </si>
  <si>
    <t>81.25</t>
  </si>
  <si>
    <t>21030.0</t>
  </si>
  <si>
    <t>14.372</t>
  </si>
  <si>
    <t>260.5</t>
  </si>
  <si>
    <t>3136603.0</t>
  </si>
  <si>
    <t>1197082.0</t>
  </si>
  <si>
    <t>1171095.0</t>
  </si>
  <si>
    <t>768426.0</t>
  </si>
  <si>
    <t>14461.0</t>
  </si>
  <si>
    <t>10121.0</t>
  </si>
  <si>
    <t>213.05</t>
  </si>
  <si>
    <t>6875.0</t>
  </si>
  <si>
    <t>7817292.0</t>
  </si>
  <si>
    <t>5342.362</t>
  </si>
  <si>
    <t>20829.0</t>
  </si>
  <si>
    <t>14.235</t>
  </si>
  <si>
    <t>3148529.0</t>
  </si>
  <si>
    <t>1197788.0</t>
  </si>
  <si>
    <t>1171969.0</t>
  </si>
  <si>
    <t>778772.0</t>
  </si>
  <si>
    <t>9999.0</t>
  </si>
  <si>
    <t>81.36</t>
  </si>
  <si>
    <t>79.6</t>
  </si>
  <si>
    <t>20318.0</t>
  </si>
  <si>
    <t>13.885</t>
  </si>
  <si>
    <t>3160177.0</t>
  </si>
  <si>
    <t>1198502.0</t>
  </si>
  <si>
    <t>1172783.0</t>
  </si>
  <si>
    <t>788892.0</t>
  </si>
  <si>
    <t>214.65</t>
  </si>
  <si>
    <t>7857660.0</t>
  </si>
  <si>
    <t>5369.95</t>
  </si>
  <si>
    <t>19807.0</t>
  </si>
  <si>
    <t>13.536</t>
  </si>
  <si>
    <t>143.2</t>
  </si>
  <si>
    <t>3166491.0</t>
  </si>
  <si>
    <t>1198777.0</t>
  </si>
  <si>
    <t>1172954.0</t>
  </si>
  <si>
    <t>794760.0</t>
  </si>
  <si>
    <t>10713.0</t>
  </si>
  <si>
    <t>81.43</t>
  </si>
  <si>
    <t>53.98</t>
  </si>
  <si>
    <t>20010.0</t>
  </si>
  <si>
    <t>13.675</t>
  </si>
  <si>
    <t>126.4</t>
  </si>
  <si>
    <t>3173498.0</t>
  </si>
  <si>
    <t>1199648.0</t>
  </si>
  <si>
    <t>1173836.0</t>
  </si>
  <si>
    <t>800014.0</t>
  </si>
  <si>
    <t>54.34</t>
  </si>
  <si>
    <t>13.814</t>
  </si>
  <si>
    <t>108.3</t>
  </si>
  <si>
    <t>3184626.0</t>
  </si>
  <si>
    <t>1200396.0</t>
  </si>
  <si>
    <t>1174698.0</t>
  </si>
  <si>
    <t>809532.0</t>
  </si>
  <si>
    <t>11128.0</t>
  </si>
  <si>
    <t>81.54</t>
  </si>
  <si>
    <t>79.79</t>
  </si>
  <si>
    <t>7918187.0</t>
  </si>
  <si>
    <t>5411.314</t>
  </si>
  <si>
    <t>20417.0</t>
  </si>
  <si>
    <t>13.953</t>
  </si>
  <si>
    <t>94.7</t>
  </si>
  <si>
    <t>3195080.0</t>
  </si>
  <si>
    <t>1201092.0</t>
  </si>
  <si>
    <t>1175465.0</t>
  </si>
  <si>
    <t>818523.0</t>
  </si>
  <si>
    <t>10454.0</t>
  </si>
  <si>
    <t>10420.0</t>
  </si>
  <si>
    <t>217.02</t>
  </si>
  <si>
    <t>79.84</t>
  </si>
  <si>
    <t>20499.0</t>
  </si>
  <si>
    <t>14.009</t>
  </si>
  <si>
    <t>3204347.0</t>
  </si>
  <si>
    <t>1201721.0</t>
  </si>
  <si>
    <t>1176171.0</t>
  </si>
  <si>
    <t>826455.0</t>
  </si>
  <si>
    <t>9267.0</t>
  </si>
  <si>
    <t>9678.0</t>
  </si>
  <si>
    <t>79.89</t>
  </si>
  <si>
    <t>7961368.0</t>
  </si>
  <si>
    <t>5440.824</t>
  </si>
  <si>
    <t>20582.0</t>
  </si>
  <si>
    <t>14.066</t>
  </si>
  <si>
    <t>3212489.0</t>
  </si>
  <si>
    <t>1202281.0</t>
  </si>
  <si>
    <t>1176890.0</t>
  </si>
  <si>
    <t>833318.0</t>
  </si>
  <si>
    <t>9137.0</t>
  </si>
  <si>
    <t>218.2</t>
  </si>
  <si>
    <t>81.66</t>
  </si>
  <si>
    <t>20861.0</t>
  </si>
  <si>
    <t>14.256</t>
  </si>
  <si>
    <t>3221556.0</t>
  </si>
  <si>
    <t>1202849.0</t>
  </si>
  <si>
    <t>1177631.0</t>
  </si>
  <si>
    <t>841076.0</t>
  </si>
  <si>
    <t>8768.0</t>
  </si>
  <si>
    <t>218.82</t>
  </si>
  <si>
    <t>57.13</t>
  </si>
  <si>
    <t>8005638.0</t>
  </si>
  <si>
    <t>5471.079</t>
  </si>
  <si>
    <t>21140.0</t>
  </si>
  <si>
    <t>14.447</t>
  </si>
  <si>
    <t>3226201.0</t>
  </si>
  <si>
    <t>1203146.0</t>
  </si>
  <si>
    <t>1177993.0</t>
  </si>
  <si>
    <t>845062.0</t>
  </si>
  <si>
    <t>219.14</t>
  </si>
  <si>
    <t>81.72</t>
  </si>
  <si>
    <t>5794.0</t>
  </si>
  <si>
    <t>21320.0</t>
  </si>
  <si>
    <t>3229937.0</t>
  </si>
  <si>
    <t>1203427.0</t>
  </si>
  <si>
    <t>1178471.0</t>
  </si>
  <si>
    <t>848039.0</t>
  </si>
  <si>
    <t>3736.0</t>
  </si>
  <si>
    <t>8063.0</t>
  </si>
  <si>
    <t>219.39</t>
  </si>
  <si>
    <t>5477.0</t>
  </si>
  <si>
    <t>21501.0</t>
  </si>
  <si>
    <t>14.694</t>
  </si>
  <si>
    <t>3234433.0</t>
  </si>
  <si>
    <t>1203782.0</t>
  </si>
  <si>
    <t>1178914.0</t>
  </si>
  <si>
    <t>851737.0</t>
  </si>
  <si>
    <t>7115.0</t>
  </si>
  <si>
    <t>81.77</t>
  </si>
  <si>
    <t>8069956.0</t>
  </si>
  <si>
    <t>5515.034</t>
  </si>
  <si>
    <t>21681.0</t>
  </si>
  <si>
    <t>14.817</t>
  </si>
  <si>
    <t>3242189.0</t>
  </si>
  <si>
    <t>1204389.0</t>
  </si>
  <si>
    <t>1179608.0</t>
  </si>
  <si>
    <t>858192.0</t>
  </si>
  <si>
    <t>7756.0</t>
  </si>
  <si>
    <t>220.22</t>
  </si>
  <si>
    <t>80.12</t>
  </si>
  <si>
    <t>58.29</t>
  </si>
  <si>
    <t>4571.0</t>
  </si>
  <si>
    <t>21941.0</t>
  </si>
  <si>
    <t>3248421.0</t>
  </si>
  <si>
    <t>1204852.0</t>
  </si>
  <si>
    <t>1180260.0</t>
  </si>
  <si>
    <t>863309.0</t>
  </si>
  <si>
    <t>220.65</t>
  </si>
  <si>
    <t>80.17</t>
  </si>
  <si>
    <t>22201.0</t>
  </si>
  <si>
    <t>15.172</t>
  </si>
  <si>
    <t>3254676.0</t>
  </si>
  <si>
    <t>1205353.0</t>
  </si>
  <si>
    <t>1180996.0</t>
  </si>
  <si>
    <t>868327.0</t>
  </si>
  <si>
    <t>6255.0</t>
  </si>
  <si>
    <t>221.07</t>
  </si>
  <si>
    <t>15.297</t>
  </si>
  <si>
    <t>3261544.0</t>
  </si>
  <si>
    <t>1205953.0</t>
  </si>
  <si>
    <t>1181661.0</t>
  </si>
  <si>
    <t>873930.0</t>
  </si>
  <si>
    <t>221.54</t>
  </si>
  <si>
    <t>3880.0</t>
  </si>
  <si>
    <t>22565.0</t>
  </si>
  <si>
    <t>3264743.0</t>
  </si>
  <si>
    <t>1206256.0</t>
  </si>
  <si>
    <t>1181778.0</t>
  </si>
  <si>
    <t>876709.0</t>
  </si>
  <si>
    <t>221.75</t>
  </si>
  <si>
    <t>80.27</t>
  </si>
  <si>
    <t>59.55</t>
  </si>
  <si>
    <t>8187000.0</t>
  </si>
  <si>
    <t>5595.022</t>
  </si>
  <si>
    <t>22846.0</t>
  </si>
  <si>
    <t>15.613</t>
  </si>
  <si>
    <t>3268403.0</t>
  </si>
  <si>
    <t>1206577.0</t>
  </si>
  <si>
    <t>1182340.0</t>
  </si>
  <si>
    <t>879486.0</t>
  </si>
  <si>
    <t>23105.0</t>
  </si>
  <si>
    <t>3274860.0</t>
  </si>
  <si>
    <t>1207231.0</t>
  </si>
  <si>
    <t>1183058.0</t>
  </si>
  <si>
    <t>884571.0</t>
  </si>
  <si>
    <t>5775.0</t>
  </si>
  <si>
    <t>222.44</t>
  </si>
  <si>
    <t>60.08</t>
  </si>
  <si>
    <t>8233498.0</t>
  </si>
  <si>
    <t>5626.799</t>
  </si>
  <si>
    <t>23363.0</t>
  </si>
  <si>
    <t>15.966</t>
  </si>
  <si>
    <t>3280276.0</t>
  </si>
  <si>
    <t>1207776.0</t>
  </si>
  <si>
    <t>1183947.0</t>
  </si>
  <si>
    <t>888553.0</t>
  </si>
  <si>
    <t>5441.0</t>
  </si>
  <si>
    <t>80.42</t>
  </si>
  <si>
    <t>16.119</t>
  </si>
  <si>
    <t>0.0654</t>
  </si>
  <si>
    <t>3285403.0</t>
  </si>
  <si>
    <t>1208214.0</t>
  </si>
  <si>
    <t>1184839.0</t>
  </si>
  <si>
    <t>892350.0</t>
  </si>
  <si>
    <t>82.07</t>
  </si>
  <si>
    <t>23810.0</t>
  </si>
  <si>
    <t>16.272</t>
  </si>
  <si>
    <t>3290761.0</t>
  </si>
  <si>
    <t>1208688.0</t>
  </si>
  <si>
    <t>1185685.0</t>
  </si>
  <si>
    <t>896388.0</t>
  </si>
  <si>
    <t>5358.0</t>
  </si>
  <si>
    <t>5155.0</t>
  </si>
  <si>
    <t>223.52</t>
  </si>
  <si>
    <t>60.89</t>
  </si>
  <si>
    <t>8308417.0</t>
  </si>
  <si>
    <t>5677.999</t>
  </si>
  <si>
    <t>24034.0</t>
  </si>
  <si>
    <t>16.425</t>
  </si>
  <si>
    <t>3296707.0</t>
  </si>
  <si>
    <t>1209173.0</t>
  </si>
  <si>
    <t>1186507.0</t>
  </si>
  <si>
    <t>901027.0</t>
  </si>
  <si>
    <t>223.93</t>
  </si>
  <si>
    <t>80.59</t>
  </si>
  <si>
    <t>16.595</t>
  </si>
  <si>
    <t>0.0789</t>
  </si>
  <si>
    <t>3299722.0</t>
  </si>
  <si>
    <t>1209456.0</t>
  </si>
  <si>
    <t>1186954.0</t>
  </si>
  <si>
    <t>903312.0</t>
  </si>
  <si>
    <t>4997.0</t>
  </si>
  <si>
    <t>224.13</t>
  </si>
  <si>
    <t>61.36</t>
  </si>
  <si>
    <t>3394.0</t>
  </si>
  <si>
    <t>24532.0</t>
  </si>
  <si>
    <t>16.765</t>
  </si>
  <si>
    <t>3302634.0</t>
  </si>
  <si>
    <t>1209714.0</t>
  </si>
  <si>
    <t>1187632.0</t>
  </si>
  <si>
    <t>905288.0</t>
  </si>
  <si>
    <t>224.33</t>
  </si>
  <si>
    <t>82.17</t>
  </si>
  <si>
    <t>80.67</t>
  </si>
  <si>
    <t>61.49</t>
  </si>
  <si>
    <t>24804.0</t>
  </si>
  <si>
    <t>16.951</t>
  </si>
  <si>
    <t>3306303.0</t>
  </si>
  <si>
    <t>1210108.0</t>
  </si>
  <si>
    <t>1188253.0</t>
  </si>
  <si>
    <t>907942.0</t>
  </si>
  <si>
    <t>224.58</t>
  </si>
  <si>
    <t>80.71</t>
  </si>
  <si>
    <t>61.67</t>
  </si>
  <si>
    <t>8409027.0</t>
  </si>
  <si>
    <t>5746.756</t>
  </si>
  <si>
    <t>25076.0</t>
  </si>
  <si>
    <t>17.137</t>
  </si>
  <si>
    <t>3311811.0</t>
  </si>
  <si>
    <t>1210730.0</t>
  </si>
  <si>
    <t>1189210.0</t>
  </si>
  <si>
    <t>911871.0</t>
  </si>
  <si>
    <t>5508.0</t>
  </si>
  <si>
    <t>224.95</t>
  </si>
  <si>
    <t>3060.0</t>
  </si>
  <si>
    <t>24792.0</t>
  </si>
  <si>
    <t>16.943</t>
  </si>
  <si>
    <t>0.1018</t>
  </si>
  <si>
    <t>3315785.0</t>
  </si>
  <si>
    <t>1211163.0</t>
  </si>
  <si>
    <t>1189959.0</t>
  </si>
  <si>
    <t>914663.0</t>
  </si>
  <si>
    <t>225.22</t>
  </si>
  <si>
    <t>24508.0</t>
  </si>
  <si>
    <t>16.749</t>
  </si>
  <si>
    <t>3318855.0</t>
  </si>
  <si>
    <t>1211478.0</t>
  </si>
  <si>
    <t>1190556.0</t>
  </si>
  <si>
    <t>916821.0</t>
  </si>
  <si>
    <t>225.43</t>
  </si>
  <si>
    <t>80.87</t>
  </si>
  <si>
    <t>24224.0</t>
  </si>
  <si>
    <t>16.555</t>
  </si>
  <si>
    <t>0.1183</t>
  </si>
  <si>
    <t>3322349.0</t>
  </si>
  <si>
    <t>1211835.0</t>
  </si>
  <si>
    <t>1190757.0</t>
  </si>
  <si>
    <t>919757.0</t>
  </si>
  <si>
    <t>3494.0</t>
  </si>
  <si>
    <t>225.67</t>
  </si>
  <si>
    <t>2488.0</t>
  </si>
  <si>
    <t>8500970.0</t>
  </si>
  <si>
    <t>5809.59</t>
  </si>
  <si>
    <t>23914.0</t>
  </si>
  <si>
    <t>16.343</t>
  </si>
  <si>
    <t>3323673.0</t>
  </si>
  <si>
    <t>1211964.0</t>
  </si>
  <si>
    <t>1190856.0</t>
  </si>
  <si>
    <t>920853.0</t>
  </si>
  <si>
    <t>225.76</t>
  </si>
  <si>
    <t>80.89</t>
  </si>
  <si>
    <t>24620.0</t>
  </si>
  <si>
    <t>16.825</t>
  </si>
  <si>
    <t>3324636.0</t>
  </si>
  <si>
    <t>1212058.0</t>
  </si>
  <si>
    <t>1190909.0</t>
  </si>
  <si>
    <t>921669.0</t>
  </si>
  <si>
    <t>225.82</t>
  </si>
  <si>
    <t>25326.0</t>
  </si>
  <si>
    <t>17.308</t>
  </si>
  <si>
    <t>3329649.0</t>
  </si>
  <si>
    <t>1212541.0</t>
  </si>
  <si>
    <t>1191589.0</t>
  </si>
  <si>
    <t>925519.0</t>
  </si>
  <si>
    <t>80.94</t>
  </si>
  <si>
    <t>2265.0</t>
  </si>
  <si>
    <t>8591245.0</t>
  </si>
  <si>
    <t>5871.284</t>
  </si>
  <si>
    <t>26031.0</t>
  </si>
  <si>
    <t>3332640.0</t>
  </si>
  <si>
    <t>1212867.0</t>
  </si>
  <si>
    <t>1192108.0</t>
  </si>
  <si>
    <t>927665.0</t>
  </si>
  <si>
    <t>226.37</t>
  </si>
  <si>
    <t>26091.0</t>
  </si>
  <si>
    <t>17.831</t>
  </si>
  <si>
    <t>3341262.0</t>
  </si>
  <si>
    <t>1219265.0</t>
  </si>
  <si>
    <t>1192261.0</t>
  </si>
  <si>
    <t>929736.0</t>
  </si>
  <si>
    <t>3640.0</t>
  </si>
  <si>
    <t>226.95</t>
  </si>
  <si>
    <t>8638049.0</t>
  </si>
  <si>
    <t>5903.27</t>
  </si>
  <si>
    <t>26150.0</t>
  </si>
  <si>
    <t>17.871</t>
  </si>
  <si>
    <t>3343978.0</t>
  </si>
  <si>
    <t>1219977.0</t>
  </si>
  <si>
    <t>1192408.0</t>
  </si>
  <si>
    <t>931593.0</t>
  </si>
  <si>
    <t>227.14</t>
  </si>
  <si>
    <t>63.28</t>
  </si>
  <si>
    <t>24867.0</t>
  </si>
  <si>
    <t>16.994</t>
  </si>
  <si>
    <t>0.1607</t>
  </si>
  <si>
    <t>3346805.0</t>
  </si>
  <si>
    <t>1220718.0</t>
  </si>
  <si>
    <t>1192572.0</t>
  </si>
  <si>
    <t>933515.0</t>
  </si>
  <si>
    <t>227.33</t>
  </si>
  <si>
    <t>8666060.0</t>
  </si>
  <si>
    <t>5922.413</t>
  </si>
  <si>
    <t>23584.0</t>
  </si>
  <si>
    <t>16.117</t>
  </si>
  <si>
    <t>3348895.0</t>
  </si>
  <si>
    <t>1221632.0</t>
  </si>
  <si>
    <t>1192627.0</t>
  </si>
  <si>
    <t>934636.0</t>
  </si>
  <si>
    <t>227.47</t>
  </si>
  <si>
    <t>25387.0</t>
  </si>
  <si>
    <t>0.1945</t>
  </si>
  <si>
    <t>3350645.0</t>
  </si>
  <si>
    <t>1222439.0</t>
  </si>
  <si>
    <t>1192679.0</t>
  </si>
  <si>
    <t>935527.0</t>
  </si>
  <si>
    <t>227.59</t>
  </si>
  <si>
    <t>8751478.0</t>
  </si>
  <si>
    <t>5980.788</t>
  </si>
  <si>
    <t>27189.0</t>
  </si>
  <si>
    <t>18.581</t>
  </si>
  <si>
    <t>0.2004</t>
  </si>
  <si>
    <t>3354745.0</t>
  </si>
  <si>
    <t>1223635.0</t>
  </si>
  <si>
    <t>1193541.0</t>
  </si>
  <si>
    <t>937569.0</t>
  </si>
  <si>
    <t>4100.0</t>
  </si>
  <si>
    <t>227.87</t>
  </si>
  <si>
    <t>8780381.0</t>
  </si>
  <si>
    <t>28903.0</t>
  </si>
  <si>
    <t>6000.541</t>
  </si>
  <si>
    <t>19.752</t>
  </si>
  <si>
    <t>27019.0</t>
  </si>
  <si>
    <t>18.465</t>
  </si>
  <si>
    <t>3357017.0</t>
  </si>
  <si>
    <t>1223859.0</t>
  </si>
  <si>
    <t>1193959.0</t>
  </si>
  <si>
    <t>939199.0</t>
  </si>
  <si>
    <t>2272.0</t>
  </si>
  <si>
    <t>228.02</t>
  </si>
  <si>
    <t>25715.0</t>
  </si>
  <si>
    <t>0.2457</t>
  </si>
  <si>
    <t>3359327.0</t>
  </si>
  <si>
    <t>1224287.0</t>
  </si>
  <si>
    <t>1194409.0</t>
  </si>
  <si>
    <t>940631.0</t>
  </si>
  <si>
    <t>228.18</t>
  </si>
  <si>
    <t>63.89</t>
  </si>
  <si>
    <t>8808927.0</t>
  </si>
  <si>
    <t>6020.049</t>
  </si>
  <si>
    <t>24411.0</t>
  </si>
  <si>
    <t>16.683</t>
  </si>
  <si>
    <t>3361689.0</t>
  </si>
  <si>
    <t>1224705.0</t>
  </si>
  <si>
    <t>1194909.0</t>
  </si>
  <si>
    <t>942075.0</t>
  </si>
  <si>
    <t>228.34</t>
  </si>
  <si>
    <t>81.16</t>
  </si>
  <si>
    <t>63.99</t>
  </si>
  <si>
    <t>675.0</t>
  </si>
  <si>
    <t>8840015.0</t>
  </si>
  <si>
    <t>31088.0</t>
  </si>
  <si>
    <t>6041.295</t>
  </si>
  <si>
    <t>21.246</t>
  </si>
  <si>
    <t>26852.0</t>
  </si>
  <si>
    <t>18.351</t>
  </si>
  <si>
    <t>0.2661</t>
  </si>
  <si>
    <t>3364593.0</t>
  </si>
  <si>
    <t>1225330.0</t>
  </si>
  <si>
    <t>1195382.0</t>
  </si>
  <si>
    <t>943881.0</t>
  </si>
  <si>
    <t>228.54</t>
  </si>
  <si>
    <t>81.19</t>
  </si>
  <si>
    <t>8873645.0</t>
  </si>
  <si>
    <t>33630.0</t>
  </si>
  <si>
    <t>6064.277</t>
  </si>
  <si>
    <t>22.983</t>
  </si>
  <si>
    <t>29655.0</t>
  </si>
  <si>
    <t>20.266</t>
  </si>
  <si>
    <t>0.2439</t>
  </si>
  <si>
    <t>3365901.0</t>
  </si>
  <si>
    <t>1225770.0</t>
  </si>
  <si>
    <t>1195535.0</t>
  </si>
  <si>
    <t>944596.0</t>
  </si>
  <si>
    <t>228.62</t>
  </si>
  <si>
    <t>81.21</t>
  </si>
  <si>
    <t>27921.0</t>
  </si>
  <si>
    <t>19.081</t>
  </si>
  <si>
    <t>3367147.0</t>
  </si>
  <si>
    <t>1226114.0</t>
  </si>
  <si>
    <t>1195735.0</t>
  </si>
  <si>
    <t>945298.0</t>
  </si>
  <si>
    <t>228.71</t>
  </si>
  <si>
    <t>26187.0</t>
  </si>
  <si>
    <t>17.896</t>
  </si>
  <si>
    <t>0.2854</t>
  </si>
  <si>
    <t>3369863.0</t>
  </si>
  <si>
    <t>1226496.0</t>
  </si>
  <si>
    <t>1196371.0</t>
  </si>
  <si>
    <t>946996.0</t>
  </si>
  <si>
    <t>228.89</t>
  </si>
  <si>
    <t>8965358.0</t>
  </si>
  <si>
    <t>6126.954</t>
  </si>
  <si>
    <t>26425.0</t>
  </si>
  <si>
    <t>0.2895</t>
  </si>
  <si>
    <t>3371825.0</t>
  </si>
  <si>
    <t>1226797.0</t>
  </si>
  <si>
    <t>1196788.0</t>
  </si>
  <si>
    <t>948240.0</t>
  </si>
  <si>
    <t>229.03</t>
  </si>
  <si>
    <t>28529.0</t>
  </si>
  <si>
    <t>19.497</t>
  </si>
  <si>
    <t>0.2629</t>
  </si>
  <si>
    <t>3373657.0</t>
  </si>
  <si>
    <t>1227083.0</t>
  </si>
  <si>
    <t>1197203.0</t>
  </si>
  <si>
    <t>949371.0</t>
  </si>
  <si>
    <t>229.15</t>
  </si>
  <si>
    <t>81.32</t>
  </si>
  <si>
    <t>30633.0</t>
  </si>
  <si>
    <t>20.935</t>
  </si>
  <si>
    <t>3375361.0</t>
  </si>
  <si>
    <t>1227305.0</t>
  </si>
  <si>
    <t>1197343.0</t>
  </si>
  <si>
    <t>950713.0</t>
  </si>
  <si>
    <t>229.27</t>
  </si>
  <si>
    <t>30334.0</t>
  </si>
  <si>
    <t>0.2331</t>
  </si>
  <si>
    <t>9081352.0</t>
  </si>
  <si>
    <t>6206.225</t>
  </si>
  <si>
    <t>29672.0</t>
  </si>
  <si>
    <t>20.278</t>
  </si>
  <si>
    <t>1189.0</t>
  </si>
  <si>
    <t>28959.0</t>
  </si>
  <si>
    <t>19.791</t>
  </si>
  <si>
    <t>0.2228</t>
  </si>
  <si>
    <t>1772.0</t>
  </si>
  <si>
    <t>28246.0</t>
  </si>
  <si>
    <t>19.303</t>
  </si>
  <si>
    <t>9158089.0</t>
  </si>
  <si>
    <t>6258.667</t>
  </si>
  <si>
    <t>27533.0</t>
  </si>
  <si>
    <t>18.816</t>
  </si>
  <si>
    <t>26690.0</t>
  </si>
  <si>
    <t>0.2046</t>
  </si>
  <si>
    <t>9204288.0</t>
  </si>
  <si>
    <t>6290.24</t>
  </si>
  <si>
    <t>25848.0</t>
  </si>
  <si>
    <t>17.665</t>
  </si>
  <si>
    <t>0.1972</t>
  </si>
  <si>
    <t>26125.0</t>
  </si>
  <si>
    <t>17.854</t>
  </si>
  <si>
    <t>0.1823</t>
  </si>
  <si>
    <t>9266163.0</t>
  </si>
  <si>
    <t>6332.526</t>
  </si>
  <si>
    <t>26402.0</t>
  </si>
  <si>
    <t>18.043</t>
  </si>
  <si>
    <t>24405.0</t>
  </si>
  <si>
    <t>22407.0</t>
  </si>
  <si>
    <t>15.313</t>
  </si>
  <si>
    <t>0.1818</t>
  </si>
  <si>
    <t>9300962.0</t>
  </si>
  <si>
    <t>6356.307</t>
  </si>
  <si>
    <t>13.948</t>
  </si>
  <si>
    <t>0.1861</t>
  </si>
  <si>
    <t>18928.0</t>
  </si>
  <si>
    <t>12.935</t>
  </si>
  <si>
    <t>9326413.0</t>
  </si>
  <si>
    <t>6373.701</t>
  </si>
  <si>
    <t>11.923</t>
  </si>
  <si>
    <t>9338809.0</t>
  </si>
  <si>
    <t>12396.0</t>
  </si>
  <si>
    <t>6382.172</t>
  </si>
  <si>
    <t>8.471</t>
  </si>
  <si>
    <t>14798.0</t>
  </si>
  <si>
    <t>10.113</t>
  </si>
  <si>
    <t>9351953.0</t>
  </si>
  <si>
    <t>13144.0</t>
  </si>
  <si>
    <t>6391.155</t>
  </si>
  <si>
    <t>12256.0</t>
  </si>
  <si>
    <t>0.2542</t>
  </si>
  <si>
    <t>9362877.0</t>
  </si>
  <si>
    <t>6398.62</t>
  </si>
  <si>
    <t>12159.0</t>
  </si>
  <si>
    <t>8.309</t>
  </si>
  <si>
    <t>9373559.0</t>
  </si>
  <si>
    <t>10682.0</t>
  </si>
  <si>
    <t>6405.92</t>
  </si>
  <si>
    <t>12028.0</t>
  </si>
  <si>
    <t>8.235</t>
  </si>
  <si>
    <t>9397068.0</t>
  </si>
  <si>
    <t>6421.986</t>
  </si>
  <si>
    <t>11912.0</t>
  </si>
  <si>
    <t>8.141</t>
  </si>
  <si>
    <t>0.2278</t>
  </si>
  <si>
    <t>9408484.0</t>
  </si>
  <si>
    <t>6429.788</t>
  </si>
  <si>
    <t>11724.0</t>
  </si>
  <si>
    <t>8.012</t>
  </si>
  <si>
    <t>0.2186</t>
  </si>
  <si>
    <t>9418465.0</t>
  </si>
  <si>
    <t>6436.609</t>
  </si>
  <si>
    <t>6.821</t>
  </si>
  <si>
    <t>11379.0</t>
  </si>
  <si>
    <t>7.776</t>
  </si>
  <si>
    <t>9429334.0</t>
  </si>
  <si>
    <t>10869.0</t>
  </si>
  <si>
    <t>6444.037</t>
  </si>
  <si>
    <t>7.428</t>
  </si>
  <si>
    <t>0.2156</t>
  </si>
  <si>
    <t>7.213</t>
  </si>
  <si>
    <t>0.2136</t>
  </si>
  <si>
    <t>9444181.0</t>
  </si>
  <si>
    <t>6454.184</t>
  </si>
  <si>
    <t>6.895</t>
  </si>
  <si>
    <t>3410306.0</t>
  </si>
  <si>
    <t>1231321.0</t>
  </si>
  <si>
    <t>1212914.0</t>
  </si>
  <si>
    <t>231.64</t>
  </si>
  <si>
    <t>9453634.0</t>
  </si>
  <si>
    <t>9453.0</t>
  </si>
  <si>
    <t>6460.644</t>
  </si>
  <si>
    <t>9760.0</t>
  </si>
  <si>
    <t>0.2042</t>
  </si>
  <si>
    <t>9461498.0</t>
  </si>
  <si>
    <t>6466.018</t>
  </si>
  <si>
    <t>5.374</t>
  </si>
  <si>
    <t>9204.0</t>
  </si>
  <si>
    <t>9469207.0</t>
  </si>
  <si>
    <t>7709.0</t>
  </si>
  <si>
    <t>6471.286</t>
  </si>
  <si>
    <t>5.268</t>
  </si>
  <si>
    <t>0.2088</t>
  </si>
  <si>
    <t>9484931.0</t>
  </si>
  <si>
    <t>6482.032</t>
  </si>
  <si>
    <t>9495.0</t>
  </si>
  <si>
    <t>6.489</t>
  </si>
  <si>
    <t>0.1826</t>
  </si>
  <si>
    <t>9490280.0</t>
  </si>
  <si>
    <t>6485.688</t>
  </si>
  <si>
    <t>3.656</t>
  </si>
  <si>
    <t>8069.0</t>
  </si>
  <si>
    <t>5.514</t>
  </si>
  <si>
    <t>9496204.0</t>
  </si>
  <si>
    <t>6489.736</t>
  </si>
  <si>
    <t>7432.0</t>
  </si>
  <si>
    <t>5.079</t>
  </si>
  <si>
    <t>9503419.0</t>
  </si>
  <si>
    <t>7215.0</t>
  </si>
  <si>
    <t>6494.667</t>
  </si>
  <si>
    <t>4.931</t>
  </si>
  <si>
    <t>6845.0</t>
  </si>
  <si>
    <t>4.678</t>
  </si>
  <si>
    <t>0.1932</t>
  </si>
  <si>
    <t>6599.0</t>
  </si>
  <si>
    <t>0.1931</t>
  </si>
  <si>
    <t>3417600.0</t>
  </si>
  <si>
    <t>1232237.0</t>
  </si>
  <si>
    <t>1215156.0</t>
  </si>
  <si>
    <t>0.2347</t>
  </si>
  <si>
    <t>5301.0</t>
  </si>
  <si>
    <t>0.2162</t>
  </si>
  <si>
    <t>3.919</t>
  </si>
  <si>
    <t>6167.0</t>
  </si>
  <si>
    <t>4.215</t>
  </si>
  <si>
    <t>9545364.0</t>
  </si>
  <si>
    <t>6523.332</t>
  </si>
  <si>
    <t>4.095</t>
  </si>
  <si>
    <t>6007.0</t>
  </si>
  <si>
    <t>4.105</t>
  </si>
  <si>
    <t>4.115</t>
  </si>
  <si>
    <t>3421273.0</t>
  </si>
  <si>
    <t>1232740.0</t>
  </si>
  <si>
    <t>1216033.0</t>
  </si>
  <si>
    <t>972500.0</t>
  </si>
  <si>
    <t>66.06</t>
  </si>
  <si>
    <t>9569757.0</t>
  </si>
  <si>
    <t>6540.003</t>
  </si>
  <si>
    <t>4.137</t>
  </si>
  <si>
    <t>0.1565</t>
  </si>
  <si>
    <t>0.1569</t>
  </si>
  <si>
    <t>3.984</t>
  </si>
  <si>
    <t>9585397.0</t>
  </si>
  <si>
    <t>6550.691</t>
  </si>
  <si>
    <t>5719.0</t>
  </si>
  <si>
    <t>0.1597</t>
  </si>
  <si>
    <t>5630.0</t>
  </si>
  <si>
    <t>3.848</t>
  </si>
  <si>
    <t>0.1471</t>
  </si>
  <si>
    <t>3.817</t>
  </si>
  <si>
    <t>0.1433</t>
  </si>
  <si>
    <t>9608542.0</t>
  </si>
  <si>
    <t>6566.508</t>
  </si>
  <si>
    <t>0.1363</t>
  </si>
  <si>
    <t>3.683</t>
  </si>
  <si>
    <t>5237.0</t>
  </si>
  <si>
    <t>3.579</t>
  </si>
  <si>
    <t>0.1336</t>
  </si>
  <si>
    <t>3426136.0</t>
  </si>
  <si>
    <t>1233412.0</t>
  </si>
  <si>
    <t>1217102.0</t>
  </si>
  <si>
    <t>975622.0</t>
  </si>
  <si>
    <t>232.72</t>
  </si>
  <si>
    <t>9620989.0</t>
  </si>
  <si>
    <t>6575.015</t>
  </si>
  <si>
    <t>3.325</t>
  </si>
  <si>
    <t>0.1321</t>
  </si>
  <si>
    <t>3.174</t>
  </si>
  <si>
    <t>0.1309</t>
  </si>
  <si>
    <t>4425.0</t>
  </si>
  <si>
    <t>0.1337</t>
  </si>
  <si>
    <t>9637979.0</t>
  </si>
  <si>
    <t>6586.626</t>
  </si>
  <si>
    <t>2.792</t>
  </si>
  <si>
    <t>0.1323</t>
  </si>
  <si>
    <t>9649168.0</t>
  </si>
  <si>
    <t>6594.272</t>
  </si>
  <si>
    <t>4026.0</t>
  </si>
  <si>
    <t>2.751</t>
  </si>
  <si>
    <t>0.1344</t>
  </si>
  <si>
    <t>2.764</t>
  </si>
  <si>
    <t>0.1299</t>
  </si>
  <si>
    <t>2.777</t>
  </si>
  <si>
    <t>0.1166</t>
  </si>
  <si>
    <t>3429038.0</t>
  </si>
  <si>
    <t>1233801.0</t>
  </si>
  <si>
    <t>1217811.0</t>
  </si>
  <si>
    <t>977426.0</t>
  </si>
  <si>
    <t>232.91</t>
  </si>
  <si>
    <t>66.39</t>
  </si>
  <si>
    <t>9666687.0</t>
  </si>
  <si>
    <t>6606.245</t>
  </si>
  <si>
    <t>4101.0</t>
  </si>
  <si>
    <t>0.1172</t>
  </si>
  <si>
    <t>0.1177</t>
  </si>
  <si>
    <t>0.1135</t>
  </si>
  <si>
    <t>9676557.0</t>
  </si>
  <si>
    <t>6612.99</t>
  </si>
  <si>
    <t>0.1107</t>
  </si>
  <si>
    <t>3430347.0</t>
  </si>
  <si>
    <t>1233991.0</t>
  </si>
  <si>
    <t>1218140.0</t>
  </si>
  <si>
    <t>978216.0</t>
  </si>
  <si>
    <t>2.496</t>
  </si>
  <si>
    <t>2.406</t>
  </si>
  <si>
    <t>9690419.0</t>
  </si>
  <si>
    <t>6622.463</t>
  </si>
  <si>
    <t>2.317</t>
  </si>
  <si>
    <t>9699812.0</t>
  </si>
  <si>
    <t>6628.883</t>
  </si>
  <si>
    <t>0.1331</t>
  </si>
  <si>
    <t>2.321</t>
  </si>
  <si>
    <t>0.1261</t>
  </si>
  <si>
    <t>3433142.0</t>
  </si>
  <si>
    <t>1234333.0</t>
  </si>
  <si>
    <t>1218565.0</t>
  </si>
  <si>
    <t>980244.0</t>
  </si>
  <si>
    <t>233.19</t>
  </si>
  <si>
    <t>2.371</t>
  </si>
  <si>
    <t>3433683.0</t>
  </si>
  <si>
    <t>1234388.0</t>
  </si>
  <si>
    <t>1218620.0</t>
  </si>
  <si>
    <t>980675.0</t>
  </si>
  <si>
    <t>233.23</t>
  </si>
  <si>
    <t>3544.0</t>
  </si>
  <si>
    <t>2.422</t>
  </si>
  <si>
    <t>0.1174</t>
  </si>
  <si>
    <t>9715743.0</t>
  </si>
  <si>
    <t>6639.77</t>
  </si>
  <si>
    <t>0.1146</t>
  </si>
  <si>
    <t>3610.0</t>
  </si>
  <si>
    <t>2.462</t>
  </si>
  <si>
    <t>0.1118</t>
  </si>
  <si>
    <t>9724966.0</t>
  </si>
  <si>
    <t>6646.073</t>
  </si>
  <si>
    <t>2.455</t>
  </si>
  <si>
    <t>9733630.0</t>
  </si>
  <si>
    <t>6651.994</t>
  </si>
  <si>
    <t>3435857.0</t>
  </si>
  <si>
    <t>1234699.0</t>
  </si>
  <si>
    <t>1218923.0</t>
  </si>
  <si>
    <t>982235.0</t>
  </si>
  <si>
    <t>233.38</t>
  </si>
  <si>
    <t>2.183</t>
  </si>
  <si>
    <t>2.457</t>
  </si>
  <si>
    <t>3436743.0</t>
  </si>
  <si>
    <t>1234889.0</t>
  </si>
  <si>
    <t>1219122.0</t>
  </si>
  <si>
    <t>982732.0</t>
  </si>
  <si>
    <t>233.44</t>
  </si>
  <si>
    <t>83.88</t>
  </si>
  <si>
    <t>9751534.0</t>
  </si>
  <si>
    <t>6664.23</t>
  </si>
  <si>
    <t>2.813</t>
  </si>
  <si>
    <t>3437604.0</t>
  </si>
  <si>
    <t>1235076.0</t>
  </si>
  <si>
    <t>1219273.0</t>
  </si>
  <si>
    <t>983255.0</t>
  </si>
  <si>
    <t>233.5</t>
  </si>
  <si>
    <t>9766940.0</t>
  </si>
  <si>
    <t>6674.758</t>
  </si>
  <si>
    <t>3.252</t>
  </si>
  <si>
    <t>0.1453</t>
  </si>
  <si>
    <t>3439499.0</t>
  </si>
  <si>
    <t>1235552.0</t>
  </si>
  <si>
    <t>1219598.0</t>
  </si>
  <si>
    <t>984349.0</t>
  </si>
  <si>
    <t>233.62</t>
  </si>
  <si>
    <t>9784846.0</t>
  </si>
  <si>
    <t>6686.995</t>
  </si>
  <si>
    <t>3.253</t>
  </si>
  <si>
    <t>0.1285</t>
  </si>
  <si>
    <t>9800264.0</t>
  </si>
  <si>
    <t>6697.532</t>
  </si>
  <si>
    <t>3.254</t>
  </si>
  <si>
    <t>0.1251</t>
  </si>
  <si>
    <t>3.198</t>
  </si>
  <si>
    <t>3.142</t>
  </si>
  <si>
    <t>4515.0</t>
  </si>
  <si>
    <t>9815874.0</t>
  </si>
  <si>
    <t>6708.2</t>
  </si>
  <si>
    <t>4433.0</t>
  </si>
  <si>
    <t>3.03</t>
  </si>
  <si>
    <t>0.1164</t>
  </si>
  <si>
    <t>3442141.0</t>
  </si>
  <si>
    <t>1236306.0</t>
  </si>
  <si>
    <t>1220056.0</t>
  </si>
  <si>
    <t>985779.0</t>
  </si>
  <si>
    <t>2.887</t>
  </si>
  <si>
    <t>0.1163</t>
  </si>
  <si>
    <t>2.744</t>
  </si>
  <si>
    <t>9826906.0</t>
  </si>
  <si>
    <t>6715.739</t>
  </si>
  <si>
    <t>2.601</t>
  </si>
  <si>
    <t>2.572</t>
  </si>
  <si>
    <t>0.1209</t>
  </si>
  <si>
    <t>3443663.0</t>
  </si>
  <si>
    <t>1236676.0</t>
  </si>
  <si>
    <t>1220319.0</t>
  </si>
  <si>
    <t>986668.0</t>
  </si>
  <si>
    <t>233.91</t>
  </si>
  <si>
    <t>67.02</t>
  </si>
  <si>
    <t>0.1224</t>
  </si>
  <si>
    <t>3443878.0</t>
  </si>
  <si>
    <t>1236731.0</t>
  </si>
  <si>
    <t>1220392.0</t>
  </si>
  <si>
    <t>986755.0</t>
  </si>
  <si>
    <t>233.92</t>
  </si>
  <si>
    <t>0.1241</t>
  </si>
  <si>
    <t>3444236.0</t>
  </si>
  <si>
    <t>1236792.0</t>
  </si>
  <si>
    <t>1220508.0</t>
  </si>
  <si>
    <t>986936.0</t>
  </si>
  <si>
    <t>233.95</t>
  </si>
  <si>
    <t>67.04</t>
  </si>
  <si>
    <t>9841317.0</t>
  </si>
  <si>
    <t>6725.588</t>
  </si>
  <si>
    <t>0.1264</t>
  </si>
  <si>
    <t>3444526.0</t>
  </si>
  <si>
    <t>1236844.0</t>
  </si>
  <si>
    <t>1220575.0</t>
  </si>
  <si>
    <t>987107.0</t>
  </si>
  <si>
    <t>233.97</t>
  </si>
  <si>
    <t>3734.0</t>
  </si>
  <si>
    <t>2.552</t>
  </si>
  <si>
    <t>3444799.0</t>
  </si>
  <si>
    <t>1236895.0</t>
  </si>
  <si>
    <t>1220655.0</t>
  </si>
  <si>
    <t>987249.0</t>
  </si>
  <si>
    <t>233.98</t>
  </si>
  <si>
    <t>67.06</t>
  </si>
  <si>
    <t>3833.0</t>
  </si>
  <si>
    <t>0.1332</t>
  </si>
  <si>
    <t>3445516.0</t>
  </si>
  <si>
    <t>1237003.0</t>
  </si>
  <si>
    <t>1220832.0</t>
  </si>
  <si>
    <t>987681.0</t>
  </si>
  <si>
    <t>234.03</t>
  </si>
  <si>
    <t>67.09</t>
  </si>
  <si>
    <t>9858801.0</t>
  </si>
  <si>
    <t>6737.536</t>
  </si>
  <si>
    <t>2.762</t>
  </si>
  <si>
    <t>0.1388</t>
  </si>
  <si>
    <t>3445782.0</t>
  </si>
  <si>
    <t>1237061.0</t>
  </si>
  <si>
    <t>1220944.0</t>
  </si>
  <si>
    <t>987777.0</t>
  </si>
  <si>
    <t>234.05</t>
  </si>
  <si>
    <t>2.851</t>
  </si>
  <si>
    <t>3446037.0</t>
  </si>
  <si>
    <t>1237106.0</t>
  </si>
  <si>
    <t>1221042.0</t>
  </si>
  <si>
    <t>987889.0</t>
  </si>
  <si>
    <t>234.07</t>
  </si>
  <si>
    <t>67.1</t>
  </si>
  <si>
    <t>4303.0</t>
  </si>
  <si>
    <t>0.1406</t>
  </si>
  <si>
    <t>3446398.0</t>
  </si>
  <si>
    <t>1237175.0</t>
  </si>
  <si>
    <t>1221140.0</t>
  </si>
  <si>
    <t>988083.0</t>
  </si>
  <si>
    <t>234.09</t>
  </si>
  <si>
    <t>9872348.0</t>
  </si>
  <si>
    <t>6746.794</t>
  </si>
  <si>
    <t>0.1523</t>
  </si>
  <si>
    <t>3446693.0</t>
  </si>
  <si>
    <t>1237225.0</t>
  </si>
  <si>
    <t>1221225.0</t>
  </si>
  <si>
    <t>988243.0</t>
  </si>
  <si>
    <t>3.135</t>
  </si>
  <si>
    <t>0.1601</t>
  </si>
  <si>
    <t>3446945.0</t>
  </si>
  <si>
    <t>1237264.0</t>
  </si>
  <si>
    <t>1221306.0</t>
  </si>
  <si>
    <t>988375.0</t>
  </si>
  <si>
    <t>234.13</t>
  </si>
  <si>
    <t>3.241</t>
  </si>
  <si>
    <t>0.1634</t>
  </si>
  <si>
    <t>3447199.0</t>
  </si>
  <si>
    <t>1237304.0</t>
  </si>
  <si>
    <t>1221372.0</t>
  </si>
  <si>
    <t>988523.0</t>
  </si>
  <si>
    <t>234.15</t>
  </si>
  <si>
    <t>9888703.0</t>
  </si>
  <si>
    <t>6757.971</t>
  </si>
  <si>
    <t>3.346</t>
  </si>
  <si>
    <t>3447581.0</t>
  </si>
  <si>
    <t>1237359.0</t>
  </si>
  <si>
    <t>1221455.0</t>
  </si>
  <si>
    <t>988767.0</t>
  </si>
  <si>
    <t>234.17</t>
  </si>
  <si>
    <t>84.05</t>
  </si>
  <si>
    <t>3.425</t>
  </si>
  <si>
    <t>0.1767</t>
  </si>
  <si>
    <t>3447875.0</t>
  </si>
  <si>
    <t>1237395.0</t>
  </si>
  <si>
    <t>1221586.0</t>
  </si>
  <si>
    <t>234.19</t>
  </si>
  <si>
    <t>0.1832</t>
  </si>
  <si>
    <t>3448088.0</t>
  </si>
  <si>
    <t>1237441.0</t>
  </si>
  <si>
    <t>1221666.0</t>
  </si>
  <si>
    <t>988981.0</t>
  </si>
  <si>
    <t>234.21</t>
  </si>
  <si>
    <t>67.18</t>
  </si>
  <si>
    <t>3448436.0</t>
  </si>
  <si>
    <t>1237504.0</t>
  </si>
  <si>
    <t>1221776.0</t>
  </si>
  <si>
    <t>989156.0</t>
  </si>
  <si>
    <t>234.23</t>
  </si>
  <si>
    <t>9909427.0</t>
  </si>
  <si>
    <t>6772.134</t>
  </si>
  <si>
    <t>3448767.0</t>
  </si>
  <si>
    <t>1237554.0</t>
  </si>
  <si>
    <t>1221883.0</t>
  </si>
  <si>
    <t>989330.0</t>
  </si>
  <si>
    <t>234.25</t>
  </si>
  <si>
    <t>0.2093</t>
  </si>
  <si>
    <t>3449026.0</t>
  </si>
  <si>
    <t>1237587.0</t>
  </si>
  <si>
    <t>1221950.0</t>
  </si>
  <si>
    <t>989489.0</t>
  </si>
  <si>
    <t>234.27</t>
  </si>
  <si>
    <t>5274.0</t>
  </si>
  <si>
    <t>3.604</t>
  </si>
  <si>
    <t>9925545.0</t>
  </si>
  <si>
    <t>6783.149</t>
  </si>
  <si>
    <t>3.597</t>
  </si>
  <si>
    <t>0.2614</t>
  </si>
  <si>
    <t>3449762.0</t>
  </si>
  <si>
    <t>1237702.0</t>
  </si>
  <si>
    <t>1222125.0</t>
  </si>
  <si>
    <t>989935.0</t>
  </si>
  <si>
    <t>234.32</t>
  </si>
  <si>
    <t>5295.0</t>
  </si>
  <si>
    <t>3.619</t>
  </si>
  <si>
    <t>0.2377</t>
  </si>
  <si>
    <t>3450025.0</t>
  </si>
  <si>
    <t>1237735.0</t>
  </si>
  <si>
    <t>1222205.0</t>
  </si>
  <si>
    <t>990085.0</t>
  </si>
  <si>
    <t>234.34</t>
  </si>
  <si>
    <t>0.2475</t>
  </si>
  <si>
    <t>3450284.0</t>
  </si>
  <si>
    <t>1237778.0</t>
  </si>
  <si>
    <t>1222296.0</t>
  </si>
  <si>
    <t>990210.0</t>
  </si>
  <si>
    <t>234.36</t>
  </si>
  <si>
    <t>67.26</t>
  </si>
  <si>
    <t>3.662</t>
  </si>
  <si>
    <t>0.2658</t>
  </si>
  <si>
    <t>3450654.0</t>
  </si>
  <si>
    <t>1237838.0</t>
  </si>
  <si>
    <t>1222378.0</t>
  </si>
  <si>
    <t>990438.0</t>
  </si>
  <si>
    <t>234.38</t>
  </si>
  <si>
    <t>67.27</t>
  </si>
  <si>
    <t>9947156.0</t>
  </si>
  <si>
    <t>6797.918</t>
  </si>
  <si>
    <t>3451015.0</t>
  </si>
  <si>
    <t>1237898.0</t>
  </si>
  <si>
    <t>1222438.0</t>
  </si>
  <si>
    <t>990679.0</t>
  </si>
  <si>
    <t>234.41</t>
  </si>
  <si>
    <t>67.29</t>
  </si>
  <si>
    <t>0.2774</t>
  </si>
  <si>
    <t>0.2814</t>
  </si>
  <si>
    <t>3451589.0</t>
  </si>
  <si>
    <t>1237986.0</t>
  </si>
  <si>
    <t>1222554.0</t>
  </si>
  <si>
    <t>991049.0</t>
  </si>
  <si>
    <t>234.45</t>
  </si>
  <si>
    <t>9969082.0</t>
  </si>
  <si>
    <t>6812.903</t>
  </si>
  <si>
    <t>3452045.0</t>
  </si>
  <si>
    <t>1238034.0</t>
  </si>
  <si>
    <t>1222637.0</t>
  </si>
  <si>
    <t>991374.0</t>
  </si>
  <si>
    <t>234.48</t>
  </si>
  <si>
    <t>3452238.0</t>
  </si>
  <si>
    <t>1238074.0</t>
  </si>
  <si>
    <t>1222688.0</t>
  </si>
  <si>
    <t>991476.0</t>
  </si>
  <si>
    <t>234.49</t>
  </si>
  <si>
    <t>3452508.0</t>
  </si>
  <si>
    <t>1238119.0</t>
  </si>
  <si>
    <t>1222745.0</t>
  </si>
  <si>
    <t>991644.0</t>
  </si>
  <si>
    <t>3452870.0</t>
  </si>
  <si>
    <t>1238189.0</t>
  </si>
  <si>
    <t>1222834.0</t>
  </si>
  <si>
    <t>991847.0</t>
  </si>
  <si>
    <t>234.53</t>
  </si>
  <si>
    <t>3453414.0</t>
  </si>
  <si>
    <t>1238289.0</t>
  </si>
  <si>
    <t>1222944.0</t>
  </si>
  <si>
    <t>992181.0</t>
  </si>
  <si>
    <t>234.57</t>
  </si>
  <si>
    <t>3453636.0</t>
  </si>
  <si>
    <t>1238324.0</t>
  </si>
  <si>
    <t>1222999.0</t>
  </si>
  <si>
    <t>992313.0</t>
  </si>
  <si>
    <t>234.58</t>
  </si>
  <si>
    <t>3454217.0</t>
  </si>
  <si>
    <t>1238413.0</t>
  </si>
  <si>
    <t>1223091.0</t>
  </si>
  <si>
    <t>992713.0</t>
  </si>
  <si>
    <t>3454391.0</t>
  </si>
  <si>
    <t>1238442.0</t>
  </si>
  <si>
    <t>1223147.0</t>
  </si>
  <si>
    <t>992802.0</t>
  </si>
  <si>
    <t>234.64</t>
  </si>
  <si>
    <t>3454831.0</t>
  </si>
  <si>
    <t>1238496.0</t>
  </si>
  <si>
    <t>1223225.0</t>
  </si>
  <si>
    <t>993110.0</t>
  </si>
  <si>
    <t>234.67</t>
  </si>
  <si>
    <t>3455214.0</t>
  </si>
  <si>
    <t>1238564.0</t>
  </si>
  <si>
    <t>1223277.0</t>
  </si>
  <si>
    <t>993373.0</t>
  </si>
  <si>
    <t>234.69</t>
  </si>
  <si>
    <t>3455455.0</t>
  </si>
  <si>
    <t>1238600.0</t>
  </si>
  <si>
    <t>1223324.0</t>
  </si>
  <si>
    <t>993531.0</t>
  </si>
  <si>
    <t>3455703.0</t>
  </si>
  <si>
    <t>1238630.0</t>
  </si>
  <si>
    <t>1223363.0</t>
  </si>
  <si>
    <t>993710.0</t>
  </si>
  <si>
    <t>234.72</t>
  </si>
  <si>
    <t>3456041.0</t>
  </si>
  <si>
    <t>1238670.0</t>
  </si>
  <si>
    <t>1223421.0</t>
  </si>
  <si>
    <t>993950.0</t>
  </si>
  <si>
    <t>234.75</t>
  </si>
  <si>
    <t>3456237.0</t>
  </si>
  <si>
    <t>1238688.0</t>
  </si>
  <si>
    <t>1223475.0</t>
  </si>
  <si>
    <t>994074.0</t>
  </si>
  <si>
    <t>234.76</t>
  </si>
  <si>
    <t>3456344.0</t>
  </si>
  <si>
    <t>1238703.0</t>
  </si>
  <si>
    <t>1223497.0</t>
  </si>
  <si>
    <t>994144.0</t>
  </si>
  <si>
    <t>234.77</t>
  </si>
  <si>
    <t>3456455.0</t>
  </si>
  <si>
    <t>1238724.0</t>
  </si>
  <si>
    <t>1223530.0</t>
  </si>
  <si>
    <t>994201.0</t>
  </si>
  <si>
    <t>234.78</t>
  </si>
  <si>
    <t>3456619.0</t>
  </si>
  <si>
    <t>1238738.0</t>
  </si>
  <si>
    <t>1223557.0</t>
  </si>
  <si>
    <t>994324.0</t>
  </si>
  <si>
    <t>234.79</t>
  </si>
  <si>
    <t>3456934.0</t>
  </si>
  <si>
    <t>1238776.0</t>
  </si>
  <si>
    <t>1223634.0</t>
  </si>
  <si>
    <t>994524.0</t>
  </si>
  <si>
    <t>234.81</t>
  </si>
  <si>
    <t>3457284.0</t>
  </si>
  <si>
    <t>1238825.0</t>
  </si>
  <si>
    <t>1223689.0</t>
  </si>
  <si>
    <t>994770.0</t>
  </si>
  <si>
    <t>234.83</t>
  </si>
  <si>
    <t>67.57</t>
  </si>
  <si>
    <t>3457506.0</t>
  </si>
  <si>
    <t>1238853.0</t>
  </si>
  <si>
    <t>1223733.0</t>
  </si>
  <si>
    <t>994920.0</t>
  </si>
  <si>
    <t>234.85</t>
  </si>
  <si>
    <t>3457644.0</t>
  </si>
  <si>
    <t>1238878.0</t>
  </si>
  <si>
    <t>1223775.0</t>
  </si>
  <si>
    <t>994991.0</t>
  </si>
  <si>
    <t>234.86</t>
  </si>
  <si>
    <t>3457672.0</t>
  </si>
  <si>
    <t>1223780.0</t>
  </si>
  <si>
    <t>995014.0</t>
  </si>
  <si>
    <t>3458595.0</t>
  </si>
  <si>
    <t>1239019.0</t>
  </si>
  <si>
    <t>1223892.0</t>
  </si>
  <si>
    <t>995684.0</t>
  </si>
  <si>
    <t>3458937.0</t>
  </si>
  <si>
    <t>1239063.0</t>
  </si>
  <si>
    <t>995931.0</t>
  </si>
  <si>
    <t>234.94</t>
  </si>
  <si>
    <t>67.65</t>
  </si>
  <si>
    <t>3459128.0</t>
  </si>
  <si>
    <t>1239087.0</t>
  </si>
  <si>
    <t>1223981.0</t>
  </si>
  <si>
    <t>996060.0</t>
  </si>
  <si>
    <t>234.96</t>
  </si>
  <si>
    <t>3459302.0</t>
  </si>
  <si>
    <t>1239118.0</t>
  </si>
  <si>
    <t>1224014.0</t>
  </si>
  <si>
    <t>996170.0</t>
  </si>
  <si>
    <t>234.97</t>
  </si>
  <si>
    <t>84.17</t>
  </si>
  <si>
    <t>3459641.0</t>
  </si>
  <si>
    <t>1239164.0</t>
  </si>
  <si>
    <t>1224069.0</t>
  </si>
  <si>
    <t>996408.0</t>
  </si>
  <si>
    <t>234.99</t>
  </si>
  <si>
    <t>3460149.0</t>
  </si>
  <si>
    <t>1239237.0</t>
  </si>
  <si>
    <t>1224180.0</t>
  </si>
  <si>
    <t>996732.0</t>
  </si>
  <si>
    <t>3460604.0</t>
  </si>
  <si>
    <t>1239293.0</t>
  </si>
  <si>
    <t>1224264.0</t>
  </si>
  <si>
    <t>997047.0</t>
  </si>
  <si>
    <t>235.06</t>
  </si>
  <si>
    <t>3460784.0</t>
  </si>
  <si>
    <t>1239303.0</t>
  </si>
  <si>
    <t>1224278.0</t>
  </si>
  <si>
    <t>997203.0</t>
  </si>
  <si>
    <t>235.07</t>
  </si>
  <si>
    <t>3461096.0</t>
  </si>
  <si>
    <t>1239333.0</t>
  </si>
  <si>
    <t>1224301.0</t>
  </si>
  <si>
    <t>997462.0</t>
  </si>
  <si>
    <t>235.09</t>
  </si>
  <si>
    <t>3461412.0</t>
  </si>
  <si>
    <t>1239354.0</t>
  </si>
  <si>
    <t>1224333.0</t>
  </si>
  <si>
    <t>997725.0</t>
  </si>
  <si>
    <t>235.11</t>
  </si>
  <si>
    <t>3461650.0</t>
  </si>
  <si>
    <t>1239384.0</t>
  </si>
  <si>
    <t>1224353.0</t>
  </si>
  <si>
    <t>997913.0</t>
  </si>
  <si>
    <t>235.13</t>
  </si>
  <si>
    <t>3461910.0</t>
  </si>
  <si>
    <t>1239422.0</t>
  </si>
  <si>
    <t>1224396.0</t>
  </si>
  <si>
    <t>998092.0</t>
  </si>
  <si>
    <t>235.15</t>
  </si>
  <si>
    <t>67.79</t>
  </si>
  <si>
    <t>3462411.0</t>
  </si>
  <si>
    <t>1239480.0</t>
  </si>
  <si>
    <t>1224451.0</t>
  </si>
  <si>
    <t>998480.0</t>
  </si>
  <si>
    <t>235.18</t>
  </si>
  <si>
    <t>3462515.0</t>
  </si>
  <si>
    <t>1239504.0</t>
  </si>
  <si>
    <t>1224473.0</t>
  </si>
  <si>
    <t>998538.0</t>
  </si>
  <si>
    <t>3462651.0</t>
  </si>
  <si>
    <t>1239519.0</t>
  </si>
  <si>
    <t>1224505.0</t>
  </si>
  <si>
    <t>998627.0</t>
  </si>
  <si>
    <t>235.2</t>
  </si>
  <si>
    <t>3462975.0</t>
  </si>
  <si>
    <t>1239565.0</t>
  </si>
  <si>
    <t>1224548.0</t>
  </si>
  <si>
    <t>998862.0</t>
  </si>
  <si>
    <t>235.22</t>
  </si>
  <si>
    <t>67.85</t>
  </si>
  <si>
    <t>3463085.0</t>
  </si>
  <si>
    <t>1239583.0</t>
  </si>
  <si>
    <t>1224567.0</t>
  </si>
  <si>
    <t>998935.0</t>
  </si>
  <si>
    <t>235.23</t>
  </si>
  <si>
    <t>3463158.0</t>
  </si>
  <si>
    <t>1239597.0</t>
  </si>
  <si>
    <t>1224575.0</t>
  </si>
  <si>
    <t>998986.0</t>
  </si>
  <si>
    <t>3463393.0</t>
  </si>
  <si>
    <t>1239636.0</t>
  </si>
  <si>
    <t>1224632.0</t>
  </si>
  <si>
    <t>999125.0</t>
  </si>
  <si>
    <t>235.25</t>
  </si>
  <si>
    <t>3463732.0</t>
  </si>
  <si>
    <t>1239680.0</t>
  </si>
  <si>
    <t>1224679.0</t>
  </si>
  <si>
    <t>999373.0</t>
  </si>
  <si>
    <t>235.27</t>
  </si>
  <si>
    <t>67.88</t>
  </si>
  <si>
    <t>3463822.0</t>
  </si>
  <si>
    <t>1239697.0</t>
  </si>
  <si>
    <t>999420.0</t>
  </si>
  <si>
    <t>235.28</t>
  </si>
  <si>
    <t>3463921.0</t>
  </si>
  <si>
    <t>1239709.0</t>
  </si>
  <si>
    <t>1224725.0</t>
  </si>
  <si>
    <t>999487.0</t>
  </si>
  <si>
    <t>67.89</t>
  </si>
  <si>
    <t>3464152.0</t>
  </si>
  <si>
    <t>1239740.0</t>
  </si>
  <si>
    <t>1224776.0</t>
  </si>
  <si>
    <t>999636.0</t>
  </si>
  <si>
    <t>235.3</t>
  </si>
  <si>
    <t>3464355.0</t>
  </si>
  <si>
    <t>1239768.0</t>
  </si>
  <si>
    <t>1224822.0</t>
  </si>
  <si>
    <t>999765.0</t>
  </si>
  <si>
    <t>235.31</t>
  </si>
  <si>
    <t>3464530.0</t>
  </si>
  <si>
    <t>1239804.0</t>
  </si>
  <si>
    <t>1224850.0</t>
  </si>
  <si>
    <t>999876.0</t>
  </si>
  <si>
    <t>235.32</t>
  </si>
  <si>
    <t>67.92</t>
  </si>
  <si>
    <t>3464725.0</t>
  </si>
  <si>
    <t>1239847.0</t>
  </si>
  <si>
    <t>1224883.0</t>
  </si>
  <si>
    <t>999995.0</t>
  </si>
  <si>
    <t>235.34</t>
  </si>
  <si>
    <t>3465080.0</t>
  </si>
  <si>
    <t>1239882.0</t>
  </si>
  <si>
    <t>1224919.0</t>
  </si>
  <si>
    <t>1000279.0</t>
  </si>
  <si>
    <t>3465183.0</t>
  </si>
  <si>
    <t>1239893.0</t>
  </si>
  <si>
    <t>1224933.0</t>
  </si>
  <si>
    <t>1000357.0</t>
  </si>
  <si>
    <t>235.37</t>
  </si>
  <si>
    <t>3465358.0</t>
  </si>
  <si>
    <t>1239924.0</t>
  </si>
  <si>
    <t>1224960.0</t>
  </si>
  <si>
    <t>1000474.0</t>
  </si>
  <si>
    <t>235.38</t>
  </si>
  <si>
    <t>3465615.0</t>
  </si>
  <si>
    <t>1239972.0</t>
  </si>
  <si>
    <t>1224984.0</t>
  </si>
  <si>
    <t>1000659.0</t>
  </si>
  <si>
    <t>235.4</t>
  </si>
  <si>
    <t>3465836.0</t>
  </si>
  <si>
    <t>1239993.0</t>
  </si>
  <si>
    <t>1225023.0</t>
  </si>
  <si>
    <t>1000820.0</t>
  </si>
  <si>
    <t>235.41</t>
  </si>
  <si>
    <t>3466040.0</t>
  </si>
  <si>
    <t>1240017.0</t>
  </si>
  <si>
    <t>1225059.0</t>
  </si>
  <si>
    <t>1000964.0</t>
  </si>
  <si>
    <t>235.43</t>
  </si>
  <si>
    <t>3466227.0</t>
  </si>
  <si>
    <t>1240048.0</t>
  </si>
  <si>
    <t>1225100.0</t>
  </si>
  <si>
    <t>1001079.0</t>
  </si>
  <si>
    <t>3466537.0</t>
  </si>
  <si>
    <t>1240075.0</t>
  </si>
  <si>
    <t>1225161.0</t>
  </si>
  <si>
    <t>1001301.0</t>
  </si>
  <si>
    <t>235.46</t>
  </si>
  <si>
    <t>3466610.0</t>
  </si>
  <si>
    <t>1240085.0</t>
  </si>
  <si>
    <t>1225182.0</t>
  </si>
  <si>
    <t>1001343.0</t>
  </si>
  <si>
    <t>235.47</t>
  </si>
  <si>
    <t>3466698.0</t>
  </si>
  <si>
    <t>1240103.0</t>
  </si>
  <si>
    <t>1225201.0</t>
  </si>
  <si>
    <t>1001394.0</t>
  </si>
  <si>
    <t>3466865.0</t>
  </si>
  <si>
    <t>1240127.0</t>
  </si>
  <si>
    <t>1225251.0</t>
  </si>
  <si>
    <t>1001487.0</t>
  </si>
  <si>
    <t>235.48</t>
  </si>
  <si>
    <t>3467037.0</t>
  </si>
  <si>
    <t>1240151.0</t>
  </si>
  <si>
    <t>1225289.0</t>
  </si>
  <si>
    <t>1001597.0</t>
  </si>
  <si>
    <t>235.49</t>
  </si>
  <si>
    <t>68.03</t>
  </si>
  <si>
    <t>3467188.0</t>
  </si>
  <si>
    <t>1240181.0</t>
  </si>
  <si>
    <t>1225309.0</t>
  </si>
  <si>
    <t>1001698.0</t>
  </si>
  <si>
    <t>235.5</t>
  </si>
  <si>
    <t>3467355.0</t>
  </si>
  <si>
    <t>1225349.0</t>
  </si>
  <si>
    <t>1001802.0</t>
  </si>
  <si>
    <t>235.52</t>
  </si>
  <si>
    <t>3467632.0</t>
  </si>
  <si>
    <t>1240227.0</t>
  </si>
  <si>
    <t>1225397.0</t>
  </si>
  <si>
    <t>1002008.0</t>
  </si>
  <si>
    <t>235.53</t>
  </si>
  <si>
    <t>68.06</t>
  </si>
  <si>
    <t>3467713.0</t>
  </si>
  <si>
    <t>1240243.0</t>
  </si>
  <si>
    <t>1225416.0</t>
  </si>
  <si>
    <t>1002054.0</t>
  </si>
  <si>
    <t>3467811.0</t>
  </si>
  <si>
    <t>1240262.0</t>
  </si>
  <si>
    <t>1225428.0</t>
  </si>
  <si>
    <t>1002121.0</t>
  </si>
  <si>
    <t>235.55</t>
  </si>
  <si>
    <t>3467957.0</t>
  </si>
  <si>
    <t>1240287.0</t>
  </si>
  <si>
    <t>1225452.0</t>
  </si>
  <si>
    <t>1002218.0</t>
  </si>
  <si>
    <t>235.56</t>
  </si>
  <si>
    <t>3468131.0</t>
  </si>
  <si>
    <t>1240302.0</t>
  </si>
  <si>
    <t>1225478.0</t>
  </si>
  <si>
    <t>1002351.0</t>
  </si>
  <si>
    <t>235.57</t>
  </si>
  <si>
    <t>3468246.0</t>
  </si>
  <si>
    <t>1240318.0</t>
  </si>
  <si>
    <t>1225502.0</t>
  </si>
  <si>
    <t>1002426.0</t>
  </si>
  <si>
    <t>235.58</t>
  </si>
  <si>
    <t>3468405.0</t>
  </si>
  <si>
    <t>1240324.0</t>
  </si>
  <si>
    <t>1225541.0</t>
  </si>
  <si>
    <t>1002540.0</t>
  </si>
  <si>
    <t>235.59</t>
  </si>
  <si>
    <t>1240346.0</t>
  </si>
  <si>
    <t>1225577.0</t>
  </si>
  <si>
    <t>1002692.0</t>
  </si>
  <si>
    <t>235.6</t>
  </si>
  <si>
    <t>3468666.0</t>
  </si>
  <si>
    <t>1240356.0</t>
  </si>
  <si>
    <t>1225590.0</t>
  </si>
  <si>
    <t>1002720.0</t>
  </si>
  <si>
    <t>235.61</t>
  </si>
  <si>
    <t>3468753.0</t>
  </si>
  <si>
    <t>1240368.0</t>
  </si>
  <si>
    <t>1225623.0</t>
  </si>
  <si>
    <t>1002762.0</t>
  </si>
  <si>
    <t>3468872.0</t>
  </si>
  <si>
    <t>1240373.0</t>
  </si>
  <si>
    <t>1225659.0</t>
  </si>
  <si>
    <t>1002840.0</t>
  </si>
  <si>
    <t>235.62</t>
  </si>
  <si>
    <t>3468988.0</t>
  </si>
  <si>
    <t>1240382.0</t>
  </si>
  <si>
    <t>1225676.0</t>
  </si>
  <si>
    <t>1002930.0</t>
  </si>
  <si>
    <t>235.63</t>
  </si>
  <si>
    <t>3469101.0</t>
  </si>
  <si>
    <t>1240393.0</t>
  </si>
  <si>
    <t>1225700.0</t>
  </si>
  <si>
    <t>1003008.0</t>
  </si>
  <si>
    <t>3469197.0</t>
  </si>
  <si>
    <t>1240402.0</t>
  </si>
  <si>
    <t>1225730.0</t>
  </si>
  <si>
    <t>1003065.0</t>
  </si>
  <si>
    <t>235.64</t>
  </si>
  <si>
    <t>3469364.0</t>
  </si>
  <si>
    <t>1240421.0</t>
  </si>
  <si>
    <t>1225759.0</t>
  </si>
  <si>
    <t>1003184.0</t>
  </si>
  <si>
    <t>235.65</t>
  </si>
  <si>
    <t>3469440.0</t>
  </si>
  <si>
    <t>1240436.0</t>
  </si>
  <si>
    <t>1225782.0</t>
  </si>
  <si>
    <t>1003222.0</t>
  </si>
  <si>
    <t>235.66</t>
  </si>
  <si>
    <t>3469514.0</t>
  </si>
  <si>
    <t>1240446.0</t>
  </si>
  <si>
    <t>1225800.0</t>
  </si>
  <si>
    <t>1003268.0</t>
  </si>
  <si>
    <t>3469643.0</t>
  </si>
  <si>
    <t>1240458.0</t>
  </si>
  <si>
    <t>1225826.0</t>
  </si>
  <si>
    <t>1003359.0</t>
  </si>
  <si>
    <t>235.67</t>
  </si>
  <si>
    <t>3469753.0</t>
  </si>
  <si>
    <t>1240463.0</t>
  </si>
  <si>
    <t>1225839.0</t>
  </si>
  <si>
    <t>1003451.0</t>
  </si>
  <si>
    <t>235.68</t>
  </si>
  <si>
    <t>3469877.0</t>
  </si>
  <si>
    <t>1240478.0</t>
  </si>
  <si>
    <t>1225869.0</t>
  </si>
  <si>
    <t>1003530.0</t>
  </si>
  <si>
    <t>235.69</t>
  </si>
  <si>
    <t>3469977.0</t>
  </si>
  <si>
    <t>1240494.0</t>
  </si>
  <si>
    <t>1225886.0</t>
  </si>
  <si>
    <t>1003597.0</t>
  </si>
  <si>
    <t>3470138.0</t>
  </si>
  <si>
    <t>1240505.0</t>
  </si>
  <si>
    <t>1225914.0</t>
  </si>
  <si>
    <t>1003719.0</t>
  </si>
  <si>
    <t>235.71</t>
  </si>
  <si>
    <t>3470235.0</t>
  </si>
  <si>
    <t>1240513.0</t>
  </si>
  <si>
    <t>1225937.0</t>
  </si>
  <si>
    <t>1003785.0</t>
  </si>
  <si>
    <t>3470319.0</t>
  </si>
  <si>
    <t>1240525.0</t>
  </si>
  <si>
    <t>1225955.0</t>
  </si>
  <si>
    <t>1003839.0</t>
  </si>
  <si>
    <t>3470505.0</t>
  </si>
  <si>
    <t>1240533.0</t>
  </si>
  <si>
    <t>1225976.0</t>
  </si>
  <si>
    <t>1003996.0</t>
  </si>
  <si>
    <t>235.73</t>
  </si>
  <si>
    <t>3470619.0</t>
  </si>
  <si>
    <t>1240564.0</t>
  </si>
  <si>
    <t>1225999.0</t>
  </si>
  <si>
    <t>1004056.0</t>
  </si>
  <si>
    <t>235.74</t>
  </si>
  <si>
    <t>3470735.0</t>
  </si>
  <si>
    <t>1240576.0</t>
  </si>
  <si>
    <t>1226015.0</t>
  </si>
  <si>
    <t>1004144.0</t>
  </si>
  <si>
    <t>235.75</t>
  </si>
  <si>
    <t>3470831.0</t>
  </si>
  <si>
    <t>1240586.0</t>
  </si>
  <si>
    <t>1226026.0</t>
  </si>
  <si>
    <t>1004219.0</t>
  </si>
  <si>
    <t>3471024.0</t>
  </si>
  <si>
    <t>1240599.0</t>
  </si>
  <si>
    <t>1226039.0</t>
  </si>
  <si>
    <t>1004386.0</t>
  </si>
  <si>
    <t>235.77</t>
  </si>
  <si>
    <t>3471077.0</t>
  </si>
  <si>
    <t>1240612.0</t>
  </si>
  <si>
    <t>1226049.0</t>
  </si>
  <si>
    <t>1004416.0</t>
  </si>
  <si>
    <t>3471134.0</t>
  </si>
  <si>
    <t>1240615.0</t>
  </si>
  <si>
    <t>1226055.0</t>
  </si>
  <si>
    <t>1004464.0</t>
  </si>
  <si>
    <t>3471256.0</t>
  </si>
  <si>
    <t>1240625.0</t>
  </si>
  <si>
    <t>1226068.0</t>
  </si>
  <si>
    <t>1004563.0</t>
  </si>
  <si>
    <t>235.78</t>
  </si>
  <si>
    <t>3471358.0</t>
  </si>
  <si>
    <t>1240631.0</t>
  </si>
  <si>
    <t>1226078.0</t>
  </si>
  <si>
    <t>1004649.0</t>
  </si>
  <si>
    <t>235.79</t>
  </si>
  <si>
    <t>3471430.0</t>
  </si>
  <si>
    <t>1240636.0</t>
  </si>
  <si>
    <t>1226091.0</t>
  </si>
  <si>
    <t>1004703.0</t>
  </si>
  <si>
    <t>3471512.0</t>
  </si>
  <si>
    <t>1240649.0</t>
  </si>
  <si>
    <t>1226100.0</t>
  </si>
  <si>
    <t>1004763.0</t>
  </si>
  <si>
    <t>235.8</t>
  </si>
  <si>
    <t>3471687.0</t>
  </si>
  <si>
    <t>1240670.0</t>
  </si>
  <si>
    <t>1226118.0</t>
  </si>
  <si>
    <t>1004899.0</t>
  </si>
  <si>
    <t>235.81</t>
  </si>
  <si>
    <t>3471784.0</t>
  </si>
  <si>
    <t>1240679.0</t>
  </si>
  <si>
    <t>1226136.0</t>
  </si>
  <si>
    <t>1004969.0</t>
  </si>
  <si>
    <t>235.82</t>
  </si>
  <si>
    <t>3471825.0</t>
  </si>
  <si>
    <t>1240684.0</t>
  </si>
  <si>
    <t>1226150.0</t>
  </si>
  <si>
    <t>1004991.0</t>
  </si>
  <si>
    <t>3471858.0</t>
  </si>
  <si>
    <t>1240687.0</t>
  </si>
  <si>
    <t>1226153.0</t>
  </si>
  <si>
    <t>1005018.0</t>
  </si>
  <si>
    <t>3471946.0</t>
  </si>
  <si>
    <t>1240697.0</t>
  </si>
  <si>
    <t>1226163.0</t>
  </si>
  <si>
    <t>1005086.0</t>
  </si>
  <si>
    <t>235.83</t>
  </si>
  <si>
    <t>3472078.0</t>
  </si>
  <si>
    <t>1240705.0</t>
  </si>
  <si>
    <t>1226175.0</t>
  </si>
  <si>
    <t>1005198.0</t>
  </si>
  <si>
    <t>3472274.0</t>
  </si>
  <si>
    <t>1240726.0</t>
  </si>
  <si>
    <t>1226208.0</t>
  </si>
  <si>
    <t>1005340.0</t>
  </si>
  <si>
    <t>235.85</t>
  </si>
  <si>
    <t>3472344.0</t>
  </si>
  <si>
    <t>1240733.0</t>
  </si>
  <si>
    <t>1226215.0</t>
  </si>
  <si>
    <t>1005396.0</t>
  </si>
  <si>
    <t>3472387.0</t>
  </si>
  <si>
    <t>1240734.0</t>
  </si>
  <si>
    <t>1226224.0</t>
  </si>
  <si>
    <t>1005429.0</t>
  </si>
  <si>
    <t>235.86</t>
  </si>
  <si>
    <t>3472481.0</t>
  </si>
  <si>
    <t>1240743.0</t>
  </si>
  <si>
    <t>1226235.0</t>
  </si>
  <si>
    <t>1005503.0</t>
  </si>
  <si>
    <t>3472587.0</t>
  </si>
  <si>
    <t>1240765.0</t>
  </si>
  <si>
    <t>1226248.0</t>
  </si>
  <si>
    <t>1005574.0</t>
  </si>
  <si>
    <t>235.87</t>
  </si>
  <si>
    <t>3472679.0</t>
  </si>
  <si>
    <t>1240772.0</t>
  </si>
  <si>
    <t>1226259.0</t>
  </si>
  <si>
    <t>1005648.0</t>
  </si>
  <si>
    <t>3472758.0</t>
  </si>
  <si>
    <t>1240781.0</t>
  </si>
  <si>
    <t>1226269.0</t>
  </si>
  <si>
    <t>1005708.0</t>
  </si>
  <si>
    <t>3472876.0</t>
  </si>
  <si>
    <t>1240801.0</t>
  </si>
  <si>
    <t>1226283.0</t>
  </si>
  <si>
    <t>1005792.0</t>
  </si>
  <si>
    <t>235.89</t>
  </si>
  <si>
    <t>3472956.0</t>
  </si>
  <si>
    <t>1240806.0</t>
  </si>
  <si>
    <t>1226294.0</t>
  </si>
  <si>
    <t>1005856.0</t>
  </si>
  <si>
    <t>235.9</t>
  </si>
  <si>
    <t>3473000.0</t>
  </si>
  <si>
    <t>1240816.0</t>
  </si>
  <si>
    <t>1226306.0</t>
  </si>
  <si>
    <t>1005878.0</t>
  </si>
  <si>
    <t>3473111.0</t>
  </si>
  <si>
    <t>1240835.0</t>
  </si>
  <si>
    <t>1226317.0</t>
  </si>
  <si>
    <t>1005959.0</t>
  </si>
  <si>
    <t>235.91</t>
  </si>
  <si>
    <t>3473218.0</t>
  </si>
  <si>
    <t>1240847.0</t>
  </si>
  <si>
    <t>1226330.0</t>
  </si>
  <si>
    <t>1006041.0</t>
  </si>
  <si>
    <t>3473312.0</t>
  </si>
  <si>
    <t>1240850.0</t>
  </si>
  <si>
    <t>1226339.0</t>
  </si>
  <si>
    <t>1006123.0</t>
  </si>
  <si>
    <t>235.92</t>
  </si>
  <si>
    <t>3473406.0</t>
  </si>
  <si>
    <t>1240855.0</t>
  </si>
  <si>
    <t>1226350.0</t>
  </si>
  <si>
    <t>1006201.0</t>
  </si>
  <si>
    <t>235.93</t>
  </si>
  <si>
    <t>3473529.0</t>
  </si>
  <si>
    <t>1240864.0</t>
  </si>
  <si>
    <t>1226373.0</t>
  </si>
  <si>
    <t>1006292.0</t>
  </si>
  <si>
    <t>235.94</t>
  </si>
  <si>
    <t>3473578.0</t>
  </si>
  <si>
    <t>1240870.0</t>
  </si>
  <si>
    <t>1226385.0</t>
  </si>
  <si>
    <t>1006323.0</t>
  </si>
  <si>
    <t>3473606.0</t>
  </si>
  <si>
    <t>1226389.0</t>
  </si>
  <si>
    <t>1006347.0</t>
  </si>
  <si>
    <t>3473779.0</t>
  </si>
  <si>
    <t>1240891.0</t>
  </si>
  <si>
    <t>1226411.0</t>
  </si>
  <si>
    <t>1006477.0</t>
  </si>
  <si>
    <t>235.95</t>
  </si>
  <si>
    <t>3473855.0</t>
  </si>
  <si>
    <t>1240903.0</t>
  </si>
  <si>
    <t>1226421.0</t>
  </si>
  <si>
    <t>1006531.0</t>
  </si>
  <si>
    <t>235.96</t>
  </si>
  <si>
    <t>3473923.0</t>
  </si>
  <si>
    <t>1240911.0</t>
  </si>
  <si>
    <t>1006591.0</t>
  </si>
  <si>
    <t>3474002.0</t>
  </si>
  <si>
    <t>1240914.0</t>
  </si>
  <si>
    <t>1226439.0</t>
  </si>
  <si>
    <t>1006649.0</t>
  </si>
  <si>
    <t>235.97</t>
  </si>
  <si>
    <t>3474086.0</t>
  </si>
  <si>
    <t>1240925.0</t>
  </si>
  <si>
    <t>1226447.0</t>
  </si>
  <si>
    <t>1006714.0</t>
  </si>
  <si>
    <t>3474118.0</t>
  </si>
  <si>
    <t>1240927.0</t>
  </si>
  <si>
    <t>1226453.0</t>
  </si>
  <si>
    <t>1006738.0</t>
  </si>
  <si>
    <t>235.98</t>
  </si>
  <si>
    <t>3474226.0</t>
  </si>
  <si>
    <t>1240936.0</t>
  </si>
  <si>
    <t>1226465.0</t>
  </si>
  <si>
    <t>1006825.0</t>
  </si>
  <si>
    <t>3474324.0</t>
  </si>
  <si>
    <t>1240946.0</t>
  </si>
  <si>
    <t>1226478.0</t>
  </si>
  <si>
    <t>1006900.0</t>
  </si>
  <si>
    <t>235.99</t>
  </si>
  <si>
    <t>3474412.0</t>
  </si>
  <si>
    <t>1240952.0</t>
  </si>
  <si>
    <t>1226493.0</t>
  </si>
  <si>
    <t>1006967.0</t>
  </si>
  <si>
    <t>3474497.0</t>
  </si>
  <si>
    <t>1240963.0</t>
  </si>
  <si>
    <t>1226501.0</t>
  </si>
  <si>
    <t>1007033.0</t>
  </si>
  <si>
    <t>3474586.0</t>
  </si>
  <si>
    <t>1240969.0</t>
  </si>
  <si>
    <t>1226523.0</t>
  </si>
  <si>
    <t>1007094.0</t>
  </si>
  <si>
    <t>3474652.0</t>
  </si>
  <si>
    <t>1240972.0</t>
  </si>
  <si>
    <t>1226530.0</t>
  </si>
  <si>
    <t>1007150.0</t>
  </si>
  <si>
    <t>3474687.0</t>
  </si>
  <si>
    <t>1240974.0</t>
  </si>
  <si>
    <t>1226540.0</t>
  </si>
  <si>
    <t>1007173.0</t>
  </si>
  <si>
    <t>3474789.0</t>
  </si>
  <si>
    <t>1240986.0</t>
  </si>
  <si>
    <t>1226556.0</t>
  </si>
  <si>
    <t>1007247.0</t>
  </si>
  <si>
    <t>236.02</t>
  </si>
  <si>
    <t>3474865.0</t>
  </si>
  <si>
    <t>1240998.0</t>
  </si>
  <si>
    <t>1226564.0</t>
  </si>
  <si>
    <t>1007303.0</t>
  </si>
  <si>
    <t>236.03</t>
  </si>
  <si>
    <t>3474920.0</t>
  </si>
  <si>
    <t>1241008.0</t>
  </si>
  <si>
    <t>1226569.0</t>
  </si>
  <si>
    <t>1007343.0</t>
  </si>
  <si>
    <t>3474985.0</t>
  </si>
  <si>
    <t>1241015.0</t>
  </si>
  <si>
    <t>1226577.0</t>
  </si>
  <si>
    <t>1007393.0</t>
  </si>
  <si>
    <t>3475101.0</t>
  </si>
  <si>
    <t>1241025.0</t>
  </si>
  <si>
    <t>1226588.0</t>
  </si>
  <si>
    <t>1007488.0</t>
  </si>
  <si>
    <t>3475182.0</t>
  </si>
  <si>
    <t>1241029.0</t>
  </si>
  <si>
    <t>1226597.0</t>
  </si>
  <si>
    <t>1007556.0</t>
  </si>
  <si>
    <t>236.05</t>
  </si>
  <si>
    <t>3475215.0</t>
  </si>
  <si>
    <t>1241038.0</t>
  </si>
  <si>
    <t>1226603.0</t>
  </si>
  <si>
    <t>1007574.0</t>
  </si>
  <si>
    <t>3475295.0</t>
  </si>
  <si>
    <t>1241047.0</t>
  </si>
  <si>
    <t>1226614.0</t>
  </si>
  <si>
    <t>1007634.0</t>
  </si>
  <si>
    <t>236.06</t>
  </si>
  <si>
    <t>3475379.0</t>
  </si>
  <si>
    <t>1241050.0</t>
  </si>
  <si>
    <t>1226633.0</t>
  </si>
  <si>
    <t>1007696.0</t>
  </si>
  <si>
    <t>68.45</t>
  </si>
  <si>
    <t>3475433.0</t>
  </si>
  <si>
    <t>1241058.0</t>
  </si>
  <si>
    <t>1226642.0</t>
  </si>
  <si>
    <t>1007733.0</t>
  </si>
  <si>
    <t>3475491.0</t>
  </si>
  <si>
    <t>1241063.0</t>
  </si>
  <si>
    <t>1226653.0</t>
  </si>
  <si>
    <t>1007775.0</t>
  </si>
  <si>
    <t>3475558.0</t>
  </si>
  <si>
    <t>1241068.0</t>
  </si>
  <si>
    <t>1226660.0</t>
  </si>
  <si>
    <t>1007830.0</t>
  </si>
  <si>
    <t>68.46</t>
  </si>
  <si>
    <t>3475626.0</t>
  </si>
  <si>
    <t>1241072.0</t>
  </si>
  <si>
    <t>1226670.0</t>
  </si>
  <si>
    <t>1007884.0</t>
  </si>
  <si>
    <t>236.08</t>
  </si>
  <si>
    <t>3475665.0</t>
  </si>
  <si>
    <t>1241074.0</t>
  </si>
  <si>
    <t>1226676.0</t>
  </si>
  <si>
    <t>1007915.0</t>
  </si>
  <si>
    <t>3475735.0</t>
  </si>
  <si>
    <t>1241082.0</t>
  </si>
  <si>
    <t>1226691.0</t>
  </si>
  <si>
    <t>1007962.0</t>
  </si>
  <si>
    <t>3475783.0</t>
  </si>
  <si>
    <t>1241084.0</t>
  </si>
  <si>
    <t>1226696.0</t>
  </si>
  <si>
    <t>1008003.0</t>
  </si>
  <si>
    <t>3475851.0</t>
  </si>
  <si>
    <t>1241093.0</t>
  </si>
  <si>
    <t>1226701.0</t>
  </si>
  <si>
    <t>1008057.0</t>
  </si>
  <si>
    <t>3476024.0</t>
  </si>
  <si>
    <t>1241104.0</t>
  </si>
  <si>
    <t>1226717.0</t>
  </si>
  <si>
    <t>1008203.0</t>
  </si>
  <si>
    <t>236.1</t>
  </si>
  <si>
    <t>3476633.0</t>
  </si>
  <si>
    <t>1241174.0</t>
  </si>
  <si>
    <t>1226796.0</t>
  </si>
  <si>
    <t>1008663.0</t>
  </si>
  <si>
    <t>236.15</t>
  </si>
  <si>
    <t>BGD</t>
  </si>
  <si>
    <t>Bangladesh</t>
  </si>
  <si>
    <t>7515.0</t>
  </si>
  <si>
    <t>0.0819</t>
  </si>
  <si>
    <t>0.0893</t>
  </si>
  <si>
    <t>10990.0</t>
  </si>
  <si>
    <t>12730.0</t>
  </si>
  <si>
    <t>0.1056</t>
  </si>
  <si>
    <t>16939.0</t>
  </si>
  <si>
    <t>0.1207</t>
  </si>
  <si>
    <t>19053.0</t>
  </si>
  <si>
    <t>21687.0</t>
  </si>
  <si>
    <t>24466.0</t>
  </si>
  <si>
    <t>27440.0</t>
  </si>
  <si>
    <t>30536.0</t>
  </si>
  <si>
    <t>33952.0</t>
  </si>
  <si>
    <t>37638.0</t>
  </si>
  <si>
    <t>40975.0</t>
  </si>
  <si>
    <t>0.1302</t>
  </si>
  <si>
    <t>44451.0</t>
  </si>
  <si>
    <t>3252.0</t>
  </si>
  <si>
    <t>48263.0</t>
  </si>
  <si>
    <t>52595.0</t>
  </si>
  <si>
    <t>4332.0</t>
  </si>
  <si>
    <t>0.1232</t>
  </si>
  <si>
    <t>62528.0</t>
  </si>
  <si>
    <t>0.1218</t>
  </si>
  <si>
    <t>68101.0</t>
  </si>
  <si>
    <t>4352.0</t>
  </si>
  <si>
    <t>0.1165</t>
  </si>
  <si>
    <t>73928.0</t>
  </si>
  <si>
    <t>5827.0</t>
  </si>
  <si>
    <t>0.1151</t>
  </si>
  <si>
    <t>79296.0</t>
  </si>
  <si>
    <t>0.1159</t>
  </si>
  <si>
    <t>6260.0</t>
  </si>
  <si>
    <t>91267.0</t>
  </si>
  <si>
    <t>97508.0</t>
  </si>
  <si>
    <t>0.1156</t>
  </si>
  <si>
    <t>103375.0</t>
  </si>
  <si>
    <t>109316.0</t>
  </si>
  <si>
    <t>114781.0</t>
  </si>
  <si>
    <t>5465.0</t>
  </si>
  <si>
    <t>120419.0</t>
  </si>
  <si>
    <t>0.1265</t>
  </si>
  <si>
    <t>127627.0</t>
  </si>
  <si>
    <t>7208.0</t>
  </si>
  <si>
    <t>134400.0</t>
  </si>
  <si>
    <t>6773.0</t>
  </si>
  <si>
    <t>142300.0</t>
  </si>
  <si>
    <t>6399.0</t>
  </si>
  <si>
    <t>149692.0</t>
  </si>
  <si>
    <t>7392.0</t>
  </si>
  <si>
    <t>158274.0</t>
  </si>
  <si>
    <t>8582.0</t>
  </si>
  <si>
    <t>6994.0</t>
  </si>
  <si>
    <t>0.1416</t>
  </si>
  <si>
    <t>165056.0</t>
  </si>
  <si>
    <t>7182.0</t>
  </si>
  <si>
    <t>0.1437</t>
  </si>
  <si>
    <t>173240.0</t>
  </si>
  <si>
    <t>8184.0</t>
  </si>
  <si>
    <t>183028.0</t>
  </si>
  <si>
    <t>9788.0</t>
  </si>
  <si>
    <t>191477.0</t>
  </si>
  <si>
    <t>8449.0</t>
  </si>
  <si>
    <t>8154.0</t>
  </si>
  <si>
    <t>201684.0</t>
  </si>
  <si>
    <t>10207.0</t>
  </si>
  <si>
    <t>8483.0</t>
  </si>
  <si>
    <t>211946.0</t>
  </si>
  <si>
    <t>8893.0</t>
  </si>
  <si>
    <t>221673.0</t>
  </si>
  <si>
    <t>9727.0</t>
  </si>
  <si>
    <t>9057.0</t>
  </si>
  <si>
    <t>232507.0</t>
  </si>
  <si>
    <t>9636.0</t>
  </si>
  <si>
    <t>241415.0</t>
  </si>
  <si>
    <t>8908.0</t>
  </si>
  <si>
    <t>9739.0</t>
  </si>
  <si>
    <t>250866.0</t>
  </si>
  <si>
    <t>256273.0</t>
  </si>
  <si>
    <t>0.1795</t>
  </si>
  <si>
    <t>264288.0</t>
  </si>
  <si>
    <t>273598.0</t>
  </si>
  <si>
    <t>1.616</t>
  </si>
  <si>
    <t>8807.0</t>
  </si>
  <si>
    <t>0.1916</t>
  </si>
  <si>
    <t>284899.0</t>
  </si>
  <si>
    <t>11301.0</t>
  </si>
  <si>
    <t>9032.0</t>
  </si>
  <si>
    <t>0.1999</t>
  </si>
  <si>
    <t>294886.0</t>
  </si>
  <si>
    <t>8911.0</t>
  </si>
  <si>
    <t>306762.0</t>
  </si>
  <si>
    <t>11876.0</t>
  </si>
  <si>
    <t>9335.0</t>
  </si>
  <si>
    <t>0.2073</t>
  </si>
  <si>
    <t>318201.0</t>
  </si>
  <si>
    <t>11439.0</t>
  </si>
  <si>
    <t>9619.0</t>
  </si>
  <si>
    <t>0.2072</t>
  </si>
  <si>
    <t>330905.0</t>
  </si>
  <si>
    <t>12704.0</t>
  </si>
  <si>
    <t>10662.0</t>
  </si>
  <si>
    <t>0.2103</t>
  </si>
  <si>
    <t>11304.0</t>
  </si>
  <si>
    <t>0.2129</t>
  </si>
  <si>
    <t>356109.0</t>
  </si>
  <si>
    <t>11787.0</t>
  </si>
  <si>
    <t>370197.0</t>
  </si>
  <si>
    <t>0.2057</t>
  </si>
  <si>
    <t>382683.0</t>
  </si>
  <si>
    <t>12486.0</t>
  </si>
  <si>
    <t>0.2098</t>
  </si>
  <si>
    <t>395819.0</t>
  </si>
  <si>
    <t>13136.0</t>
  </si>
  <si>
    <t>12722.0</t>
  </si>
  <si>
    <t>408763.0</t>
  </si>
  <si>
    <t>0.2095</t>
  </si>
  <si>
    <t>423431.0</t>
  </si>
  <si>
    <t>14668.0</t>
  </si>
  <si>
    <t>439396.0</t>
  </si>
  <si>
    <t>2.595</t>
  </si>
  <si>
    <t>13712.0</t>
  </si>
  <si>
    <t>0.2055</t>
  </si>
  <si>
    <t>455168.0</t>
  </si>
  <si>
    <t>15772.0</t>
  </si>
  <si>
    <t>2.688</t>
  </si>
  <si>
    <t>14151.0</t>
  </si>
  <si>
    <t>0.2068</t>
  </si>
  <si>
    <t>471158.0</t>
  </si>
  <si>
    <t>2.782</t>
  </si>
  <si>
    <t>14423.0</t>
  </si>
  <si>
    <t>487796.0</t>
  </si>
  <si>
    <t>16638.0</t>
  </si>
  <si>
    <t>15016.0</t>
  </si>
  <si>
    <t>502301.0</t>
  </si>
  <si>
    <t>14505.0</t>
  </si>
  <si>
    <t>2.966</t>
  </si>
  <si>
    <t>15212.0</t>
  </si>
  <si>
    <t>0.2043</t>
  </si>
  <si>
    <t>517339.0</t>
  </si>
  <si>
    <t>15038.0</t>
  </si>
  <si>
    <t>534553.0</t>
  </si>
  <si>
    <t>17214.0</t>
  </si>
  <si>
    <t>3.156</t>
  </si>
  <si>
    <t>15875.0</t>
  </si>
  <si>
    <t>0.2052</t>
  </si>
  <si>
    <t>552080.0</t>
  </si>
  <si>
    <t>17527.0</t>
  </si>
  <si>
    <t>16098.0</t>
  </si>
  <si>
    <t>0.2096</t>
  </si>
  <si>
    <t>568339.0</t>
  </si>
  <si>
    <t>16259.0</t>
  </si>
  <si>
    <t>16167.0</t>
  </si>
  <si>
    <t>0.2142</t>
  </si>
  <si>
    <t>583384.0</t>
  </si>
  <si>
    <t>16032.0</t>
  </si>
  <si>
    <t>597415.0</t>
  </si>
  <si>
    <t>14031.0</t>
  </si>
  <si>
    <t>3.528</t>
  </si>
  <si>
    <t>15660.0</t>
  </si>
  <si>
    <t>0.2226</t>
  </si>
  <si>
    <t>15585.0</t>
  </si>
  <si>
    <t>0.2239</t>
  </si>
  <si>
    <t>628555.0</t>
  </si>
  <si>
    <t>3.711</t>
  </si>
  <si>
    <t>15888.0</t>
  </si>
  <si>
    <t>644847.0</t>
  </si>
  <si>
    <t>3.808</t>
  </si>
  <si>
    <t>661280.0</t>
  </si>
  <si>
    <t>16433.0</t>
  </si>
  <si>
    <t>3.905</t>
  </si>
  <si>
    <t>0.2213</t>
  </si>
  <si>
    <t>679279.0</t>
  </si>
  <si>
    <t>17999.0</t>
  </si>
  <si>
    <t>15849.0</t>
  </si>
  <si>
    <t>0.2192</t>
  </si>
  <si>
    <t>697777.0</t>
  </si>
  <si>
    <t>18498.0</t>
  </si>
  <si>
    <t>16342.0</t>
  </si>
  <si>
    <t>712934.0</t>
  </si>
  <si>
    <t>0.2182</t>
  </si>
  <si>
    <t>731033.0</t>
  </si>
  <si>
    <t>18099.0</t>
  </si>
  <si>
    <t>16862.0</t>
  </si>
  <si>
    <t>748870.0</t>
  </si>
  <si>
    <t>17837.0</t>
  </si>
  <si>
    <t>4.422</t>
  </si>
  <si>
    <t>17188.0</t>
  </si>
  <si>
    <t>767296.0</t>
  </si>
  <si>
    <t>18426.0</t>
  </si>
  <si>
    <t>4.531</t>
  </si>
  <si>
    <t>17493.0</t>
  </si>
  <si>
    <t>785171.0</t>
  </si>
  <si>
    <t>4.636</t>
  </si>
  <si>
    <t>17699.0</t>
  </si>
  <si>
    <t>803533.0</t>
  </si>
  <si>
    <t>18362.0</t>
  </si>
  <si>
    <t>17751.0</t>
  </si>
  <si>
    <t>818183.0</t>
  </si>
  <si>
    <t>14650.0</t>
  </si>
  <si>
    <t>4.831</t>
  </si>
  <si>
    <t>17201.0</t>
  </si>
  <si>
    <t>0.2152</t>
  </si>
  <si>
    <t>832910.0</t>
  </si>
  <si>
    <t>14727.0</t>
  </si>
  <si>
    <t>4.918</t>
  </si>
  <si>
    <t>846898.0</t>
  </si>
  <si>
    <t>13988.0</t>
  </si>
  <si>
    <t>861143.0</t>
  </si>
  <si>
    <t>14245.0</t>
  </si>
  <si>
    <t>5.085</t>
  </si>
  <si>
    <t>16039.0</t>
  </si>
  <si>
    <t>874316.0</t>
  </si>
  <si>
    <t>13173.0</t>
  </si>
  <si>
    <t>5.163</t>
  </si>
  <si>
    <t>15289.0</t>
  </si>
  <si>
    <t>889988.0</t>
  </si>
  <si>
    <t>5.255</t>
  </si>
  <si>
    <t>14974.0</t>
  </si>
  <si>
    <t>905620.0</t>
  </si>
  <si>
    <t>5.347</t>
  </si>
  <si>
    <t>14584.0</t>
  </si>
  <si>
    <t>0.2176</t>
  </si>
  <si>
    <t>919108.0</t>
  </si>
  <si>
    <t>13488.0</t>
  </si>
  <si>
    <t>5.427</t>
  </si>
  <si>
    <t>14418.0</t>
  </si>
  <si>
    <t>0.2185</t>
  </si>
  <si>
    <t>930301.0</t>
  </si>
  <si>
    <t>11193.0</t>
  </si>
  <si>
    <t>5.493</t>
  </si>
  <si>
    <t>13913.0</t>
  </si>
  <si>
    <t>0.2202</t>
  </si>
  <si>
    <t>941360.0</t>
  </si>
  <si>
    <t>5.558</t>
  </si>
  <si>
    <t>13495.0</t>
  </si>
  <si>
    <t>953783.0</t>
  </si>
  <si>
    <t>5.632</t>
  </si>
  <si>
    <t>13234.0</t>
  </si>
  <si>
    <t>0.2297</t>
  </si>
  <si>
    <t>967236.0</t>
  </si>
  <si>
    <t>5.711</t>
  </si>
  <si>
    <t>13274.0</t>
  </si>
  <si>
    <t>0.2304</t>
  </si>
  <si>
    <t>981238.0</t>
  </si>
  <si>
    <t>5.794</t>
  </si>
  <si>
    <t>0.2351</t>
  </si>
  <si>
    <t>994127.0</t>
  </si>
  <si>
    <t>12889.0</t>
  </si>
  <si>
    <t>0.2353</t>
  </si>
  <si>
    <t>1007587.0</t>
  </si>
  <si>
    <t>0.2364</t>
  </si>
  <si>
    <t>1018510.0</t>
  </si>
  <si>
    <t>1029135.0</t>
  </si>
  <si>
    <t>6.077</t>
  </si>
  <si>
    <t>12539.0</t>
  </si>
  <si>
    <t>0.2362</t>
  </si>
  <si>
    <t>1042497.0</t>
  </si>
  <si>
    <t>6.156</t>
  </si>
  <si>
    <t>12673.0</t>
  </si>
  <si>
    <t>0.2318</t>
  </si>
  <si>
    <t>1055395.0</t>
  </si>
  <si>
    <t>12898.0</t>
  </si>
  <si>
    <t>6.232</t>
  </si>
  <si>
    <t>1067445.0</t>
  </si>
  <si>
    <t>12315.0</t>
  </si>
  <si>
    <t>0.2281</t>
  </si>
  <si>
    <t>1079843.0</t>
  </si>
  <si>
    <t>12398.0</t>
  </si>
  <si>
    <t>12245.0</t>
  </si>
  <si>
    <t>1091870.0</t>
  </si>
  <si>
    <t>12027.0</t>
  </si>
  <si>
    <t>6.447</t>
  </si>
  <si>
    <t>12040.0</t>
  </si>
  <si>
    <t>1102316.0</t>
  </si>
  <si>
    <t>6.509</t>
  </si>
  <si>
    <t>11972.0</t>
  </si>
  <si>
    <t>1112394.0</t>
  </si>
  <si>
    <t>6.568</t>
  </si>
  <si>
    <t>11894.0</t>
  </si>
  <si>
    <t>0.2273</t>
  </si>
  <si>
    <t>1125253.0</t>
  </si>
  <si>
    <t>6.644</t>
  </si>
  <si>
    <t>11822.0</t>
  </si>
  <si>
    <t>1137967.0</t>
  </si>
  <si>
    <t>11796.0</t>
  </si>
  <si>
    <t>0.2262</t>
  </si>
  <si>
    <t>1152094.0</t>
  </si>
  <si>
    <t>6.803</t>
  </si>
  <si>
    <t>0.2237</t>
  </si>
  <si>
    <t>1165031.0</t>
  </si>
  <si>
    <t>6.879</t>
  </si>
  <si>
    <t>12170.0</t>
  </si>
  <si>
    <t>1177645.0</t>
  </si>
  <si>
    <t>12614.0</t>
  </si>
  <si>
    <t>12254.0</t>
  </si>
  <si>
    <t>1186447.0</t>
  </si>
  <si>
    <t>12019.0</t>
  </si>
  <si>
    <t>1190131.0</t>
  </si>
  <si>
    <t>7.027</t>
  </si>
  <si>
    <t>11105.0</t>
  </si>
  <si>
    <t>1194380.0</t>
  </si>
  <si>
    <t>7.052</t>
  </si>
  <si>
    <t>1202092.0</t>
  </si>
  <si>
    <t>9161.0</t>
  </si>
  <si>
    <t>0.2313</t>
  </si>
  <si>
    <t>1213252.0</t>
  </si>
  <si>
    <t>11160.0</t>
  </si>
  <si>
    <t>7.164</t>
  </si>
  <si>
    <t>1225960.0</t>
  </si>
  <si>
    <t>12708.0</t>
  </si>
  <si>
    <t>7.239</t>
  </si>
  <si>
    <t>8704.0</t>
  </si>
  <si>
    <t>1238659.0</t>
  </si>
  <si>
    <t>12699.0</t>
  </si>
  <si>
    <t>7.314</t>
  </si>
  <si>
    <t>8716.0</t>
  </si>
  <si>
    <t>0.2432</t>
  </si>
  <si>
    <t>1250396.0</t>
  </si>
  <si>
    <t>0.2385</t>
  </si>
  <si>
    <t>1261155.0</t>
  </si>
  <si>
    <t>7.447</t>
  </si>
  <si>
    <t>1274004.0</t>
  </si>
  <si>
    <t>12849.0</t>
  </si>
  <si>
    <t>7.523</t>
  </si>
  <si>
    <t>11375.0</t>
  </si>
  <si>
    <t>1288824.0</t>
  </si>
  <si>
    <t>12390.0</t>
  </si>
  <si>
    <t>1303575.0</t>
  </si>
  <si>
    <t>14751.0</t>
  </si>
  <si>
    <t>7.697</t>
  </si>
  <si>
    <t>0.2195</t>
  </si>
  <si>
    <t>1316737.0</t>
  </si>
  <si>
    <t>12968.0</t>
  </si>
  <si>
    <t>1329593.0</t>
  </si>
  <si>
    <t>12856.0</t>
  </si>
  <si>
    <t>7.851</t>
  </si>
  <si>
    <t>12991.0</t>
  </si>
  <si>
    <t>1342484.0</t>
  </si>
  <si>
    <t>12891.0</t>
  </si>
  <si>
    <t>7.927</t>
  </si>
  <si>
    <t>13155.0</t>
  </si>
  <si>
    <t>0.2108</t>
  </si>
  <si>
    <t>1352502.0</t>
  </si>
  <si>
    <t>7.986</t>
  </si>
  <si>
    <t>13050.0</t>
  </si>
  <si>
    <t>1365025.0</t>
  </si>
  <si>
    <t>12523.0</t>
  </si>
  <si>
    <t>13003.0</t>
  </si>
  <si>
    <t>1379655.0</t>
  </si>
  <si>
    <t>14630.0</t>
  </si>
  <si>
    <t>8.146</t>
  </si>
  <si>
    <t>12976.0</t>
  </si>
  <si>
    <t>1394333.0</t>
  </si>
  <si>
    <t>8.233</t>
  </si>
  <si>
    <t>1408392.0</t>
  </si>
  <si>
    <t>8.316</t>
  </si>
  <si>
    <t>13094.0</t>
  </si>
  <si>
    <t>1421335.0</t>
  </si>
  <si>
    <t>12943.0</t>
  </si>
  <si>
    <t>8.393</t>
  </si>
  <si>
    <t>13106.0</t>
  </si>
  <si>
    <t>0.2014</t>
  </si>
  <si>
    <t>1432691.0</t>
  </si>
  <si>
    <t>12887.0</t>
  </si>
  <si>
    <t>0.2006</t>
  </si>
  <si>
    <t>1443492.0</t>
  </si>
  <si>
    <t>10801.0</t>
  </si>
  <si>
    <t>8.523</t>
  </si>
  <si>
    <t>0.1984</t>
  </si>
  <si>
    <t>1456874.0</t>
  </si>
  <si>
    <t>8.602</t>
  </si>
  <si>
    <t>13121.0</t>
  </si>
  <si>
    <t>1471027.0</t>
  </si>
  <si>
    <t>8.686</t>
  </si>
  <si>
    <t>1486097.0</t>
  </si>
  <si>
    <t>8.775</t>
  </si>
  <si>
    <t>13109.0</t>
  </si>
  <si>
    <t>1501221.0</t>
  </si>
  <si>
    <t>15124.0</t>
  </si>
  <si>
    <t>13261.0</t>
  </si>
  <si>
    <t>0.1791</t>
  </si>
  <si>
    <t>1514962.0</t>
  </si>
  <si>
    <t>13741.0</t>
  </si>
  <si>
    <t>8.945</t>
  </si>
  <si>
    <t>0.1755</t>
  </si>
  <si>
    <t>1526651.0</t>
  </si>
  <si>
    <t>9.014</t>
  </si>
  <si>
    <t>0.1735</t>
  </si>
  <si>
    <t>1538585.0</t>
  </si>
  <si>
    <t>9.085</t>
  </si>
  <si>
    <t>13585.0</t>
  </si>
  <si>
    <t>1551039.0</t>
  </si>
  <si>
    <t>12454.0</t>
  </si>
  <si>
    <t>9.158</t>
  </si>
  <si>
    <t>13452.0</t>
  </si>
  <si>
    <t>1563248.0</t>
  </si>
  <si>
    <t>12209.0</t>
  </si>
  <si>
    <t>13174.0</t>
  </si>
  <si>
    <t>1578452.0</t>
  </si>
  <si>
    <t>15204.0</t>
  </si>
  <si>
    <t>13194.0</t>
  </si>
  <si>
    <t>1592874.0</t>
  </si>
  <si>
    <t>14422.0</t>
  </si>
  <si>
    <t>9.405</t>
  </si>
  <si>
    <t>1605947.0</t>
  </si>
  <si>
    <t>9.483</t>
  </si>
  <si>
    <t>12998.0</t>
  </si>
  <si>
    <t>1618794.0</t>
  </si>
  <si>
    <t>9.559</t>
  </si>
  <si>
    <t>1630148.0</t>
  </si>
  <si>
    <t>9.626</t>
  </si>
  <si>
    <t>13080.0</t>
  </si>
  <si>
    <t>1645560.0</t>
  </si>
  <si>
    <t>15412.0</t>
  </si>
  <si>
    <t>13503.0</t>
  </si>
  <si>
    <t>1660533.0</t>
  </si>
  <si>
    <t>14973.0</t>
  </si>
  <si>
    <t>9.805</t>
  </si>
  <si>
    <t>13898.0</t>
  </si>
  <si>
    <t>1675288.0</t>
  </si>
  <si>
    <t>9.892</t>
  </si>
  <si>
    <t>13834.0</t>
  </si>
  <si>
    <t>1690847.0</t>
  </si>
  <si>
    <t>9.984</t>
  </si>
  <si>
    <t>13996.0</t>
  </si>
  <si>
    <t>1705594.0</t>
  </si>
  <si>
    <t>14747.0</t>
  </si>
  <si>
    <t>10.071</t>
  </si>
  <si>
    <t>14235.0</t>
  </si>
  <si>
    <t>1716317.0</t>
  </si>
  <si>
    <t>10723.0</t>
  </si>
  <si>
    <t>10.134</t>
  </si>
  <si>
    <t>13932.0</t>
  </si>
  <si>
    <t>1729316.0</t>
  </si>
  <si>
    <t>10.211</t>
  </si>
  <si>
    <t>14167.0</t>
  </si>
  <si>
    <t>0.1247</t>
  </si>
  <si>
    <t>1743532.0</t>
  </si>
  <si>
    <t>14216.0</t>
  </si>
  <si>
    <t>10.295</t>
  </si>
  <si>
    <t>0.1222</t>
  </si>
  <si>
    <t>1757582.0</t>
  </si>
  <si>
    <t>14050.0</t>
  </si>
  <si>
    <t>0.1216</t>
  </si>
  <si>
    <t>1770942.0</t>
  </si>
  <si>
    <t>10.457</t>
  </si>
  <si>
    <t>13665.0</t>
  </si>
  <si>
    <t>1784615.0</t>
  </si>
  <si>
    <t>10.538</t>
  </si>
  <si>
    <t>13395.0</t>
  </si>
  <si>
    <t>0.1205</t>
  </si>
  <si>
    <t>1797345.0</t>
  </si>
  <si>
    <t>10.613</t>
  </si>
  <si>
    <t>0.1204</t>
  </si>
  <si>
    <t>1810515.0</t>
  </si>
  <si>
    <t>13170.0</t>
  </si>
  <si>
    <t>10.691</t>
  </si>
  <si>
    <t>13457.0</t>
  </si>
  <si>
    <t>0.1203</t>
  </si>
  <si>
    <t>1822106.0</t>
  </si>
  <si>
    <t>11591.0</t>
  </si>
  <si>
    <t>10.759</t>
  </si>
  <si>
    <t>1835159.0</t>
  </si>
  <si>
    <t>10.836</t>
  </si>
  <si>
    <t>1849323.0</t>
  </si>
  <si>
    <t>14164.0</t>
  </si>
  <si>
    <t>1863473.0</t>
  </si>
  <si>
    <t>11.003</t>
  </si>
  <si>
    <t>13219.0</t>
  </si>
  <si>
    <t>1876373.0</t>
  </si>
  <si>
    <t>11.079</t>
  </si>
  <si>
    <t>13108.0</t>
  </si>
  <si>
    <t>1888846.0</t>
  </si>
  <si>
    <t>12473.0</t>
  </si>
  <si>
    <t>11.153</t>
  </si>
  <si>
    <t>13072.0</t>
  </si>
  <si>
    <t>0.1198</t>
  </si>
  <si>
    <t>1899611.0</t>
  </si>
  <si>
    <t>10765.0</t>
  </si>
  <si>
    <t>12728.0</t>
  </si>
  <si>
    <t>0.1179</t>
  </si>
  <si>
    <t>1910296.0</t>
  </si>
  <si>
    <t>1922218.0</t>
  </si>
  <si>
    <t>11922.0</t>
  </si>
  <si>
    <t>12437.0</t>
  </si>
  <si>
    <t>0.1141</t>
  </si>
  <si>
    <t>1935087.0</t>
  </si>
  <si>
    <t>11.426</t>
  </si>
  <si>
    <t>12252.0</t>
  </si>
  <si>
    <t>1948491.0</t>
  </si>
  <si>
    <t>11.505</t>
  </si>
  <si>
    <t>12145.0</t>
  </si>
  <si>
    <t>0.1133</t>
  </si>
  <si>
    <t>1959911.0</t>
  </si>
  <si>
    <t>11420.0</t>
  </si>
  <si>
    <t>1971087.0</t>
  </si>
  <si>
    <t>11.639</t>
  </si>
  <si>
    <t>1980641.0</t>
  </si>
  <si>
    <t>9554.0</t>
  </si>
  <si>
    <t>11.695</t>
  </si>
  <si>
    <t>0.1196</t>
  </si>
  <si>
    <t>1990500.0</t>
  </si>
  <si>
    <t>9859.0</t>
  </si>
  <si>
    <t>11.753</t>
  </si>
  <si>
    <t>11458.0</t>
  </si>
  <si>
    <t>2002267.0</t>
  </si>
  <si>
    <t>11767.0</t>
  </si>
  <si>
    <t>11.823</t>
  </si>
  <si>
    <t>11436.0</t>
  </si>
  <si>
    <t>2014612.0</t>
  </si>
  <si>
    <t>12345.0</t>
  </si>
  <si>
    <t>11.896</t>
  </si>
  <si>
    <t>11361.0</t>
  </si>
  <si>
    <t>2027644.0</t>
  </si>
  <si>
    <t>11.973</t>
  </si>
  <si>
    <t>11308.0</t>
  </si>
  <si>
    <t>2040249.0</t>
  </si>
  <si>
    <t>12605.0</t>
  </si>
  <si>
    <t>12.047</t>
  </si>
  <si>
    <t>11477.0</t>
  </si>
  <si>
    <t>2051505.0</t>
  </si>
  <si>
    <t>11256.0</t>
  </si>
  <si>
    <t>12.114</t>
  </si>
  <si>
    <t>2062364.0</t>
  </si>
  <si>
    <t>12.178</t>
  </si>
  <si>
    <t>11675.0</t>
  </si>
  <si>
    <t>2071831.0</t>
  </si>
  <si>
    <t>12.234</t>
  </si>
  <si>
    <t>11619.0</t>
  </si>
  <si>
    <t>2085058.0</t>
  </si>
  <si>
    <t>13227.0</t>
  </si>
  <si>
    <t>12.312</t>
  </si>
  <si>
    <t>2098873.0</t>
  </si>
  <si>
    <t>13815.0</t>
  </si>
  <si>
    <t>12.393</t>
  </si>
  <si>
    <t>12037.0</t>
  </si>
  <si>
    <t>0.1145</t>
  </si>
  <si>
    <t>2113284.0</t>
  </si>
  <si>
    <t>14411.0</t>
  </si>
  <si>
    <t>12.478</t>
  </si>
  <si>
    <t>12234.0</t>
  </si>
  <si>
    <t>2127388.0</t>
  </si>
  <si>
    <t>12.562</t>
  </si>
  <si>
    <t>12448.0</t>
  </si>
  <si>
    <t>2140965.0</t>
  </si>
  <si>
    <t>13577.0</t>
  </si>
  <si>
    <t>12.642</t>
  </si>
  <si>
    <t>12780.0</t>
  </si>
  <si>
    <t>2152538.0</t>
  </si>
  <si>
    <t>12882.0</t>
  </si>
  <si>
    <t>2164404.0</t>
  </si>
  <si>
    <t>11866.0</t>
  </si>
  <si>
    <t>13225.0</t>
  </si>
  <si>
    <t>2179550.0</t>
  </si>
  <si>
    <t>15146.0</t>
  </si>
  <si>
    <t>13499.0</t>
  </si>
  <si>
    <t>2193161.0</t>
  </si>
  <si>
    <t>13611.0</t>
  </si>
  <si>
    <t>13470.0</t>
  </si>
  <si>
    <t>0.1094</t>
  </si>
  <si>
    <t>2207247.0</t>
  </si>
  <si>
    <t>13.033</t>
  </si>
  <si>
    <t>2222205.0</t>
  </si>
  <si>
    <t>14958.0</t>
  </si>
  <si>
    <t>13.121</t>
  </si>
  <si>
    <t>13545.0</t>
  </si>
  <si>
    <t>2236324.0</t>
  </si>
  <si>
    <t>14119.0</t>
  </si>
  <si>
    <t>13623.0</t>
  </si>
  <si>
    <t>2247322.0</t>
  </si>
  <si>
    <t>10998.0</t>
  </si>
  <si>
    <t>13541.0</t>
  </si>
  <si>
    <t>0.1077</t>
  </si>
  <si>
    <t>2258425.0</t>
  </si>
  <si>
    <t>11103.0</t>
  </si>
  <si>
    <t>13.335</t>
  </si>
  <si>
    <t>13432.0</t>
  </si>
  <si>
    <t>2272183.0</t>
  </si>
  <si>
    <t>13758.0</t>
  </si>
  <si>
    <t>13.417</t>
  </si>
  <si>
    <t>13233.0</t>
  </si>
  <si>
    <t>2284800.0</t>
  </si>
  <si>
    <t>12617.0</t>
  </si>
  <si>
    <t>13091.0</t>
  </si>
  <si>
    <t>2297157.0</t>
  </si>
  <si>
    <t>12357.0</t>
  </si>
  <si>
    <t>12844.0</t>
  </si>
  <si>
    <t>2311425.0</t>
  </si>
  <si>
    <t>13.648</t>
  </si>
  <si>
    <t>2325566.0</t>
  </si>
  <si>
    <t>14141.0</t>
  </si>
  <si>
    <t>13.732</t>
  </si>
  <si>
    <t>12749.0</t>
  </si>
  <si>
    <t>0.1115</t>
  </si>
  <si>
    <t>2337098.0</t>
  </si>
  <si>
    <t>11532.0</t>
  </si>
  <si>
    <t>12825.0</t>
  </si>
  <si>
    <t>2349647.0</t>
  </si>
  <si>
    <t>12549.0</t>
  </si>
  <si>
    <t>13.874</t>
  </si>
  <si>
    <t>2362538.0</t>
  </si>
  <si>
    <t>12908.0</t>
  </si>
  <si>
    <t>2376599.0</t>
  </si>
  <si>
    <t>2390513.0</t>
  </si>
  <si>
    <t>13914.0</t>
  </si>
  <si>
    <t>14.115</t>
  </si>
  <si>
    <t>13337.0</t>
  </si>
  <si>
    <t>2405738.0</t>
  </si>
  <si>
    <t>15225.0</t>
  </si>
  <si>
    <t>14.205</t>
  </si>
  <si>
    <t>13473.0</t>
  </si>
  <si>
    <t>2419259.0</t>
  </si>
  <si>
    <t>13521.0</t>
  </si>
  <si>
    <t>14.285</t>
  </si>
  <si>
    <t>2430678.0</t>
  </si>
  <si>
    <t>11419.0</t>
  </si>
  <si>
    <t>14.352</t>
  </si>
  <si>
    <t>13369.0</t>
  </si>
  <si>
    <t>0.1184</t>
  </si>
  <si>
    <t>2443438.0</t>
  </si>
  <si>
    <t>12760.0</t>
  </si>
  <si>
    <t>14.428</t>
  </si>
  <si>
    <t>13399.0</t>
  </si>
  <si>
    <t>2457480.0</t>
  </si>
  <si>
    <t>14042.0</t>
  </si>
  <si>
    <t>14.511</t>
  </si>
  <si>
    <t>2471000.0</t>
  </si>
  <si>
    <t>13520.0</t>
  </si>
  <si>
    <t>14.591</t>
  </si>
  <si>
    <t>0.1162</t>
  </si>
  <si>
    <t>2485524.0</t>
  </si>
  <si>
    <t>14524.0</t>
  </si>
  <si>
    <t>14.676</t>
  </si>
  <si>
    <t>0.1178</t>
  </si>
  <si>
    <t>2502636.0</t>
  </si>
  <si>
    <t>17112.0</t>
  </si>
  <si>
    <t>14.777</t>
  </si>
  <si>
    <t>13843.0</t>
  </si>
  <si>
    <t>2516175.0</t>
  </si>
  <si>
    <t>14.857</t>
  </si>
  <si>
    <t>13845.0</t>
  </si>
  <si>
    <t>2527970.0</t>
  </si>
  <si>
    <t>14.927</t>
  </si>
  <si>
    <t>13899.0</t>
  </si>
  <si>
    <t>2542030.0</t>
  </si>
  <si>
    <t>14060.0</t>
  </si>
  <si>
    <t>14085.0</t>
  </si>
  <si>
    <t>0.1227</t>
  </si>
  <si>
    <t>2557798.0</t>
  </si>
  <si>
    <t>15768.0</t>
  </si>
  <si>
    <t>15.103</t>
  </si>
  <si>
    <t>2573788.0</t>
  </si>
  <si>
    <t>15.197</t>
  </si>
  <si>
    <t>2590257.0</t>
  </si>
  <si>
    <t>16469.0</t>
  </si>
  <si>
    <t>15.295</t>
  </si>
  <si>
    <t>0.1283</t>
  </si>
  <si>
    <t>2607788.0</t>
  </si>
  <si>
    <t>17531.0</t>
  </si>
  <si>
    <t>15.398</t>
  </si>
  <si>
    <t>15022.0</t>
  </si>
  <si>
    <t>0.1328</t>
  </si>
  <si>
    <t>2623395.0</t>
  </si>
  <si>
    <t>15607.0</t>
  </si>
  <si>
    <t>15.49</t>
  </si>
  <si>
    <t>2636038.0</t>
  </si>
  <si>
    <t>12643.0</t>
  </si>
  <si>
    <t>15.565</t>
  </si>
  <si>
    <t>15438.0</t>
  </si>
  <si>
    <t>0.1368</t>
  </si>
  <si>
    <t>2649908.0</t>
  </si>
  <si>
    <t>13870.0</t>
  </si>
  <si>
    <t>15.647</t>
  </si>
  <si>
    <t>15411.0</t>
  </si>
  <si>
    <t>0.1391</t>
  </si>
  <si>
    <t>2665967.0</t>
  </si>
  <si>
    <t>16059.0</t>
  </si>
  <si>
    <t>15.742</t>
  </si>
  <si>
    <t>15453.0</t>
  </si>
  <si>
    <t>2680985.0</t>
  </si>
  <si>
    <t>15018.0</t>
  </si>
  <si>
    <t>15314.0</t>
  </si>
  <si>
    <t>0.1428</t>
  </si>
  <si>
    <t>2696986.0</t>
  </si>
  <si>
    <t>16001.0</t>
  </si>
  <si>
    <t>15.925</t>
  </si>
  <si>
    <t>0.1438</t>
  </si>
  <si>
    <t>2714038.0</t>
  </si>
  <si>
    <t>16.026</t>
  </si>
  <si>
    <t>15179.0</t>
  </si>
  <si>
    <t>2730416.0</t>
  </si>
  <si>
    <t>16378.0</t>
  </si>
  <si>
    <t>16.122</t>
  </si>
  <si>
    <t>2744428.0</t>
  </si>
  <si>
    <t>14012.0</t>
  </si>
  <si>
    <t>16.205</t>
  </si>
  <si>
    <t>15484.0</t>
  </si>
  <si>
    <t>0.1415</t>
  </si>
  <si>
    <t>2758165.0</t>
  </si>
  <si>
    <t>16.286</t>
  </si>
  <si>
    <t>2773537.0</t>
  </si>
  <si>
    <t>16.377</t>
  </si>
  <si>
    <t>15367.0</t>
  </si>
  <si>
    <t>2789038.0</t>
  </si>
  <si>
    <t>15501.0</t>
  </si>
  <si>
    <t>16.468</t>
  </si>
  <si>
    <t>2805010.0</t>
  </si>
  <si>
    <t>16.563</t>
  </si>
  <si>
    <t>15432.0</t>
  </si>
  <si>
    <t>2821817.0</t>
  </si>
  <si>
    <t>16807.0</t>
  </si>
  <si>
    <t>16.662</t>
  </si>
  <si>
    <t>15397.0</t>
  </si>
  <si>
    <t>2837247.0</t>
  </si>
  <si>
    <t>15430.0</t>
  </si>
  <si>
    <t>16.753</t>
  </si>
  <si>
    <t>15262.0</t>
  </si>
  <si>
    <t>2850787.0</t>
  </si>
  <si>
    <t>13540.0</t>
  </si>
  <si>
    <t>16.833</t>
  </si>
  <si>
    <t>15194.0</t>
  </si>
  <si>
    <t>0.1426</t>
  </si>
  <si>
    <t>2864005.0</t>
  </si>
  <si>
    <t>16.911</t>
  </si>
  <si>
    <t>2878374.0</t>
  </si>
  <si>
    <t>14369.0</t>
  </si>
  <si>
    <t>16.996</t>
  </si>
  <si>
    <t>2895458.0</t>
  </si>
  <si>
    <t>17084.0</t>
  </si>
  <si>
    <t>17.097</t>
  </si>
  <si>
    <t>15203.0</t>
  </si>
  <si>
    <t>0.1383</t>
  </si>
  <si>
    <t>2912500.0</t>
  </si>
  <si>
    <t>17042.0</t>
  </si>
  <si>
    <t>17.197</t>
  </si>
  <si>
    <t>15356.0</t>
  </si>
  <si>
    <t>2928765.0</t>
  </si>
  <si>
    <t>16265.0</t>
  </si>
  <si>
    <t>17.294</t>
  </si>
  <si>
    <t>15278.0</t>
  </si>
  <si>
    <t>2945088.0</t>
  </si>
  <si>
    <t>16323.0</t>
  </si>
  <si>
    <t>15406.0</t>
  </si>
  <si>
    <t>2957718.0</t>
  </si>
  <si>
    <t>17.464</t>
  </si>
  <si>
    <t>15276.0</t>
  </si>
  <si>
    <t>0.1252</t>
  </si>
  <si>
    <t>2970466.0</t>
  </si>
  <si>
    <t>12748.0</t>
  </si>
  <si>
    <t>15209.0</t>
  </si>
  <si>
    <t>2987294.0</t>
  </si>
  <si>
    <t>16828.0</t>
  </si>
  <si>
    <t>17.639</t>
  </si>
  <si>
    <t>15560.0</t>
  </si>
  <si>
    <t>3006348.0</t>
  </si>
  <si>
    <t>19054.0</t>
  </si>
  <si>
    <t>15841.0</t>
  </si>
  <si>
    <t>3023373.0</t>
  </si>
  <si>
    <t>17025.0</t>
  </si>
  <si>
    <t>17.852</t>
  </si>
  <si>
    <t>3036564.0</t>
  </si>
  <si>
    <t>13191.0</t>
  </si>
  <si>
    <t>15400.0</t>
  </si>
  <si>
    <t>3050900.0</t>
  </si>
  <si>
    <t>14336.0</t>
  </si>
  <si>
    <t>18.015</t>
  </si>
  <si>
    <t>15116.0</t>
  </si>
  <si>
    <t>3063200.0</t>
  </si>
  <si>
    <t>12300.0</t>
  </si>
  <si>
    <t>18.087</t>
  </si>
  <si>
    <t>15069.0</t>
  </si>
  <si>
    <t>0.0984</t>
  </si>
  <si>
    <t>3076516.0</t>
  </si>
  <si>
    <t>13316.0</t>
  </si>
  <si>
    <t>18.166</t>
  </si>
  <si>
    <t>15150.0</t>
  </si>
  <si>
    <t>3092185.0</t>
  </si>
  <si>
    <t>18.258</t>
  </si>
  <si>
    <t>14984.0</t>
  </si>
  <si>
    <t>0.0939</t>
  </si>
  <si>
    <t>3107330.0</t>
  </si>
  <si>
    <t>15145.0</t>
  </si>
  <si>
    <t>18.348</t>
  </si>
  <si>
    <t>14426.0</t>
  </si>
  <si>
    <t>3123262.0</t>
  </si>
  <si>
    <t>18.442</t>
  </si>
  <si>
    <t>14270.0</t>
  </si>
  <si>
    <t>3136489.0</t>
  </si>
  <si>
    <t>14275.0</t>
  </si>
  <si>
    <t>3150184.0</t>
  </si>
  <si>
    <t>18.601</t>
  </si>
  <si>
    <t>14183.0</t>
  </si>
  <si>
    <t>3160096.0</t>
  </si>
  <si>
    <t>18.659</t>
  </si>
  <si>
    <t>13842.0</t>
  </si>
  <si>
    <t>0.0881</t>
  </si>
  <si>
    <t>3172746.0</t>
  </si>
  <si>
    <t>12650.0</t>
  </si>
  <si>
    <t>18.734</t>
  </si>
  <si>
    <t>13747.0</t>
  </si>
  <si>
    <t>0.0877</t>
  </si>
  <si>
    <t>3185363.0</t>
  </si>
  <si>
    <t>18.809</t>
  </si>
  <si>
    <t>3199951.0</t>
  </si>
  <si>
    <t>14588.0</t>
  </si>
  <si>
    <t>18.895</t>
  </si>
  <si>
    <t>0.0838</t>
  </si>
  <si>
    <t>3215180.0</t>
  </si>
  <si>
    <t>15229.0</t>
  </si>
  <si>
    <t>18.985</t>
  </si>
  <si>
    <t>3228434.0</t>
  </si>
  <si>
    <t>19.063</t>
  </si>
  <si>
    <t>3240537.0</t>
  </si>
  <si>
    <t>12103.0</t>
  </si>
  <si>
    <t>19.134</t>
  </si>
  <si>
    <t>3250238.0</t>
  </si>
  <si>
    <t>9701.0</t>
  </si>
  <si>
    <t>19.192</t>
  </si>
  <si>
    <t>12877.0</t>
  </si>
  <si>
    <t>3261163.0</t>
  </si>
  <si>
    <t>19.256</t>
  </si>
  <si>
    <t>12631.0</t>
  </si>
  <si>
    <t>0.0777</t>
  </si>
  <si>
    <t>3273259.0</t>
  </si>
  <si>
    <t>12096.0</t>
  </si>
  <si>
    <t>19.328</t>
  </si>
  <si>
    <t>12557.0</t>
  </si>
  <si>
    <t>3287721.0</t>
  </si>
  <si>
    <t>14462.0</t>
  </si>
  <si>
    <t>3303265.0</t>
  </si>
  <si>
    <t>19.505</t>
  </si>
  <si>
    <t>3318646.0</t>
  </si>
  <si>
    <t>19.596</t>
  </si>
  <si>
    <t>0.0709</t>
  </si>
  <si>
    <t>3332327.0</t>
  </si>
  <si>
    <t>13681.0</t>
  </si>
  <si>
    <t>13113.0</t>
  </si>
  <si>
    <t>3345235.0</t>
  </si>
  <si>
    <t>19.753</t>
  </si>
  <si>
    <t>13571.0</t>
  </si>
  <si>
    <t>0.0652</t>
  </si>
  <si>
    <t>3358155.0</t>
  </si>
  <si>
    <t>19.829</t>
  </si>
  <si>
    <t>13856.0</t>
  </si>
  <si>
    <t>3372252.0</t>
  </si>
  <si>
    <t>14097.0</t>
  </si>
  <si>
    <t>19.912</t>
  </si>
  <si>
    <t>14142.0</t>
  </si>
  <si>
    <t>3386615.0</t>
  </si>
  <si>
    <t>14363.0</t>
  </si>
  <si>
    <t>19.997</t>
  </si>
  <si>
    <t>0.0617</t>
  </si>
  <si>
    <t>3402342.0</t>
  </si>
  <si>
    <t>15727.0</t>
  </si>
  <si>
    <t>3418950.0</t>
  </si>
  <si>
    <t>20.188</t>
  </si>
  <si>
    <t>14329.0</t>
  </si>
  <si>
    <t>3432628.0</t>
  </si>
  <si>
    <t>13678.0</t>
  </si>
  <si>
    <t>20.269</t>
  </si>
  <si>
    <t>3444843.0</t>
  </si>
  <si>
    <t>20.341</t>
  </si>
  <si>
    <t>14230.0</t>
  </si>
  <si>
    <t>3458289.0</t>
  </si>
  <si>
    <t>13446.0</t>
  </si>
  <si>
    <t>14305.0</t>
  </si>
  <si>
    <t>3470996.0</t>
  </si>
  <si>
    <t>12707.0</t>
  </si>
  <si>
    <t>20.495</t>
  </si>
  <si>
    <t>14106.0</t>
  </si>
  <si>
    <t>3486093.0</t>
  </si>
  <si>
    <t>15097.0</t>
  </si>
  <si>
    <t>20.584</t>
  </si>
  <si>
    <t>14211.0</t>
  </si>
  <si>
    <t>3501503.0</t>
  </si>
  <si>
    <t>15410.0</t>
  </si>
  <si>
    <t>20.675</t>
  </si>
  <si>
    <t>14166.0</t>
  </si>
  <si>
    <t>3516264.0</t>
  </si>
  <si>
    <t>14761.0</t>
  </si>
  <si>
    <t>20.763</t>
  </si>
  <si>
    <t>13902.0</t>
  </si>
  <si>
    <t>3531110.0</t>
  </si>
  <si>
    <t>14069.0</t>
  </si>
  <si>
    <t>3542225.0</t>
  </si>
  <si>
    <t>11115.0</t>
  </si>
  <si>
    <t>20.916</t>
  </si>
  <si>
    <t>3556394.0</t>
  </si>
  <si>
    <t>14169.0</t>
  </si>
  <si>
    <t>20.999</t>
  </si>
  <si>
    <t>14015.0</t>
  </si>
  <si>
    <t>3571223.0</t>
  </si>
  <si>
    <t>14829.0</t>
  </si>
  <si>
    <t>21.087</t>
  </si>
  <si>
    <t>14318.0</t>
  </si>
  <si>
    <t>3585624.0</t>
  </si>
  <si>
    <t>14401.0</t>
  </si>
  <si>
    <t>21.172</t>
  </si>
  <si>
    <t>14219.0</t>
  </si>
  <si>
    <t>3601344.0</t>
  </si>
  <si>
    <t>15720.0</t>
  </si>
  <si>
    <t>21.265</t>
  </si>
  <si>
    <t>0.0376</t>
  </si>
  <si>
    <t>3616174.0</t>
  </si>
  <si>
    <t>21.352</t>
  </si>
  <si>
    <t>14273.0</t>
  </si>
  <si>
    <t>3628249.0</t>
  </si>
  <si>
    <t>21.424</t>
  </si>
  <si>
    <t>13877.0</t>
  </si>
  <si>
    <t>3640333.0</t>
  </si>
  <si>
    <t>12084.0</t>
  </si>
  <si>
    <t>21.495</t>
  </si>
  <si>
    <t>1671.0</t>
  </si>
  <si>
    <t>3652558.0</t>
  </si>
  <si>
    <t>21.567</t>
  </si>
  <si>
    <t>13738.0</t>
  </si>
  <si>
    <t>3665033.0</t>
  </si>
  <si>
    <t>12475.0</t>
  </si>
  <si>
    <t>21.641</t>
  </si>
  <si>
    <t>13401.0</t>
  </si>
  <si>
    <t>3679485.0</t>
  </si>
  <si>
    <t>14452.0</t>
  </si>
  <si>
    <t>21.726</t>
  </si>
  <si>
    <t>13409.0</t>
  </si>
  <si>
    <t>3694470.0</t>
  </si>
  <si>
    <t>21.815</t>
  </si>
  <si>
    <t>3709743.0</t>
  </si>
  <si>
    <t>15273.0</t>
  </si>
  <si>
    <t>21.905</t>
  </si>
  <si>
    <t>13367.0</t>
  </si>
  <si>
    <t>3059.0</t>
  </si>
  <si>
    <t>3725309.0</t>
  </si>
  <si>
    <t>21.997</t>
  </si>
  <si>
    <t>3737444.0</t>
  </si>
  <si>
    <t>22.069</t>
  </si>
  <si>
    <t>0.0309</t>
  </si>
  <si>
    <t>3749848.0</t>
  </si>
  <si>
    <t>22.142</t>
  </si>
  <si>
    <t>31160.0</t>
  </si>
  <si>
    <t>3763610.0</t>
  </si>
  <si>
    <t>13762.0</t>
  </si>
  <si>
    <t>22.223</t>
  </si>
  <si>
    <t>14082.0</t>
  </si>
  <si>
    <t>13205.0</t>
  </si>
  <si>
    <t>3778078.0</t>
  </si>
  <si>
    <t>14468.0</t>
  </si>
  <si>
    <t>22.308</t>
  </si>
  <si>
    <t>179318.0</t>
  </si>
  <si>
    <t>3793077.0</t>
  </si>
  <si>
    <t>14999.0</t>
  </si>
  <si>
    <t>22.397</t>
  </si>
  <si>
    <t>14087.0</t>
  </si>
  <si>
    <t>337769.0</t>
  </si>
  <si>
    <t>158451.0</t>
  </si>
  <si>
    <t>45549.0</t>
  </si>
  <si>
    <t>3808853.0</t>
  </si>
  <si>
    <t>22.49</t>
  </si>
  <si>
    <t>0.0252</t>
  </si>
  <si>
    <t>64108.0</t>
  </si>
  <si>
    <t>3823181.0</t>
  </si>
  <si>
    <t>22.575</t>
  </si>
  <si>
    <t>0.0256</t>
  </si>
  <si>
    <t>82667.0</t>
  </si>
  <si>
    <t>3836052.0</t>
  </si>
  <si>
    <t>12871.0</t>
  </si>
  <si>
    <t>22.651</t>
  </si>
  <si>
    <t>736680.0</t>
  </si>
  <si>
    <t>101226.0</t>
  </si>
  <si>
    <t>3848952.0</t>
  </si>
  <si>
    <t>22.727</t>
  </si>
  <si>
    <t>14158.0</t>
  </si>
  <si>
    <t>906033.0</t>
  </si>
  <si>
    <t>169353.0</t>
  </si>
  <si>
    <t>124982.0</t>
  </si>
  <si>
    <t>3863090.0</t>
  </si>
  <si>
    <t>14138.0</t>
  </si>
  <si>
    <t>1132711.0</t>
  </si>
  <si>
    <t>226678.0</t>
  </si>
  <si>
    <t>146782.0</t>
  </si>
  <si>
    <t>3877878.0</t>
  </si>
  <si>
    <t>14788.0</t>
  </si>
  <si>
    <t>22.898</t>
  </si>
  <si>
    <t>14257.0</t>
  </si>
  <si>
    <t>1359613.0</t>
  </si>
  <si>
    <t>226902.0</t>
  </si>
  <si>
    <t>168614.0</t>
  </si>
  <si>
    <t>3894490.0</t>
  </si>
  <si>
    <t>16612.0</t>
  </si>
  <si>
    <t>22.996</t>
  </si>
  <si>
    <t>1586368.0</t>
  </si>
  <si>
    <t>226755.0</t>
  </si>
  <si>
    <t>178371.0</t>
  </si>
  <si>
    <t>3909093.0</t>
  </si>
  <si>
    <t>23.082</t>
  </si>
  <si>
    <t>14320.0</t>
  </si>
  <si>
    <t>1848313.0</t>
  </si>
  <si>
    <t>261945.0</t>
  </si>
  <si>
    <t>196796.0</t>
  </si>
  <si>
    <t>3923325.0</t>
  </si>
  <si>
    <t>23.166</t>
  </si>
  <si>
    <t>14306.0</t>
  </si>
  <si>
    <t>194555.0</t>
  </si>
  <si>
    <t>3934473.0</t>
  </si>
  <si>
    <t>11148.0</t>
  </si>
  <si>
    <t>23.232</t>
  </si>
  <si>
    <t>2082877.0</t>
  </si>
  <si>
    <t>192314.0</t>
  </si>
  <si>
    <t>3948509.0</t>
  </si>
  <si>
    <t>14036.0</t>
  </si>
  <si>
    <t>23.315</t>
  </si>
  <si>
    <t>14222.0</t>
  </si>
  <si>
    <t>184212.0</t>
  </si>
  <si>
    <t>3959612.0</t>
  </si>
  <si>
    <t>2308157.0</t>
  </si>
  <si>
    <t>167921.0</t>
  </si>
  <si>
    <t>3972360.0</t>
  </si>
  <si>
    <t>23.456</t>
  </si>
  <si>
    <t>13497.0</t>
  </si>
  <si>
    <t>2491053.0</t>
  </si>
  <si>
    <t>182896.0</t>
  </si>
  <si>
    <t>161634.0</t>
  </si>
  <si>
    <t>3988512.0</t>
  </si>
  <si>
    <t>23.551</t>
  </si>
  <si>
    <t>2673038.0</t>
  </si>
  <si>
    <t>181985.0</t>
  </si>
  <si>
    <t>155239.0</t>
  </si>
  <si>
    <t>4004072.0</t>
  </si>
  <si>
    <t>13568.0</t>
  </si>
  <si>
    <t>2850940.0</t>
  </si>
  <si>
    <t>177902.0</t>
  </si>
  <si>
    <t>143232.0</t>
  </si>
  <si>
    <t>4019104.0</t>
  </si>
  <si>
    <t>15032.0</t>
  </si>
  <si>
    <t>23.732</t>
  </si>
  <si>
    <t>13683.0</t>
  </si>
  <si>
    <t>136037.0</t>
  </si>
  <si>
    <t>4031452.0</t>
  </si>
  <si>
    <t>12348.0</t>
  </si>
  <si>
    <t>23.805</t>
  </si>
  <si>
    <t>2984773.0</t>
  </si>
  <si>
    <t>128842.0</t>
  </si>
  <si>
    <t>4044863.0</t>
  </si>
  <si>
    <t>13411.0</t>
  </si>
  <si>
    <t>23.884</t>
  </si>
  <si>
    <t>13765.0</t>
  </si>
  <si>
    <t>3110525.0</t>
  </si>
  <si>
    <t>125752.0</t>
  </si>
  <si>
    <t>130715.0</t>
  </si>
  <si>
    <t>4058433.0</t>
  </si>
  <si>
    <t>23.964</t>
  </si>
  <si>
    <t>14117.0</t>
  </si>
  <si>
    <t>131123.0</t>
  </si>
  <si>
    <t>4073758.0</t>
  </si>
  <si>
    <t>15325.0</t>
  </si>
  <si>
    <t>24.054</t>
  </si>
  <si>
    <t>14485.0</t>
  </si>
  <si>
    <t>3341505.0</t>
  </si>
  <si>
    <t>121493.0</t>
  </si>
  <si>
    <t>4090172.0</t>
  </si>
  <si>
    <t>16414.0</t>
  </si>
  <si>
    <t>24.151</t>
  </si>
  <si>
    <t>14523.0</t>
  </si>
  <si>
    <t>112614.0</t>
  </si>
  <si>
    <t>4106157.0</t>
  </si>
  <si>
    <t>24.246</t>
  </si>
  <si>
    <t>3581169.0</t>
  </si>
  <si>
    <t>104318.0</t>
  </si>
  <si>
    <t>4119867.0</t>
  </si>
  <si>
    <t>13710.0</t>
  </si>
  <si>
    <t>24.327</t>
  </si>
  <si>
    <t>14395.0</t>
  </si>
  <si>
    <t>99568.0</t>
  </si>
  <si>
    <t>4132949.0</t>
  </si>
  <si>
    <t>24.404</t>
  </si>
  <si>
    <t>14500.0</t>
  </si>
  <si>
    <t>94817.0</t>
  </si>
  <si>
    <t>4147041.0</t>
  </si>
  <si>
    <t>14092.0</t>
  </si>
  <si>
    <t>14597.0</t>
  </si>
  <si>
    <t>3682152.0</t>
  </si>
  <si>
    <t>81661.0</t>
  </si>
  <si>
    <t>4163999.0</t>
  </si>
  <si>
    <t>16958.0</t>
  </si>
  <si>
    <t>24.587</t>
  </si>
  <si>
    <t>15081.0</t>
  </si>
  <si>
    <t>88863.0</t>
  </si>
  <si>
    <t>4181774.0</t>
  </si>
  <si>
    <t>17775.0</t>
  </si>
  <si>
    <t>24.692</t>
  </si>
  <si>
    <t>15431.0</t>
  </si>
  <si>
    <t>4013963.0</t>
  </si>
  <si>
    <t>96065.0</t>
  </si>
  <si>
    <t>4198806.0</t>
  </si>
  <si>
    <t>15519.0</t>
  </si>
  <si>
    <t>93530.0</t>
  </si>
  <si>
    <t>4216864.0</t>
  </si>
  <si>
    <t>18058.0</t>
  </si>
  <si>
    <t>24.899</t>
  </si>
  <si>
    <t>4218127.0</t>
  </si>
  <si>
    <t>90994.0</t>
  </si>
  <si>
    <t>4232975.0</t>
  </si>
  <si>
    <t>24.995</t>
  </si>
  <si>
    <t>16158.0</t>
  </si>
  <si>
    <t>0.0534</t>
  </si>
  <si>
    <t>94755.0</t>
  </si>
  <si>
    <t>4249181.0</t>
  </si>
  <si>
    <t>25.09</t>
  </si>
  <si>
    <t>16605.0</t>
  </si>
  <si>
    <t>98516.0</t>
  </si>
  <si>
    <t>4265387.0</t>
  </si>
  <si>
    <t>25.186</t>
  </si>
  <si>
    <t>4398094.0</t>
  </si>
  <si>
    <t>102277.0</t>
  </si>
  <si>
    <t>4284082.0</t>
  </si>
  <si>
    <t>18695.0</t>
  </si>
  <si>
    <t>25.296</t>
  </si>
  <si>
    <t>17155.0</t>
  </si>
  <si>
    <t>91598.0</t>
  </si>
  <si>
    <t>4304830.0</t>
  </si>
  <si>
    <t>20748.0</t>
  </si>
  <si>
    <t>25.419</t>
  </si>
  <si>
    <t>17579.0</t>
  </si>
  <si>
    <t>4580391.0</t>
  </si>
  <si>
    <t>80918.0</t>
  </si>
  <si>
    <t>4329105.0</t>
  </si>
  <si>
    <t>24275.0</t>
  </si>
  <si>
    <t>25.562</t>
  </si>
  <si>
    <t>18614.0</t>
  </si>
  <si>
    <t>74009.0</t>
  </si>
  <si>
    <t>4350030.0</t>
  </si>
  <si>
    <t>20925.0</t>
  </si>
  <si>
    <t>25.686</t>
  </si>
  <si>
    <t>19024.0</t>
  </si>
  <si>
    <t>4687824.0</t>
  </si>
  <si>
    <t>67100.0</t>
  </si>
  <si>
    <t>4368947.0</t>
  </si>
  <si>
    <t>18917.0</t>
  </si>
  <si>
    <t>25.797</t>
  </si>
  <si>
    <t>19425.0</t>
  </si>
  <si>
    <t>63738.0</t>
  </si>
  <si>
    <t>4388847.0</t>
  </si>
  <si>
    <t>19900.0</t>
  </si>
  <si>
    <t>25.915</t>
  </si>
  <si>
    <t>19952.0</t>
  </si>
  <si>
    <t>4760747.0</t>
  </si>
  <si>
    <t>60377.0</t>
  </si>
  <si>
    <t>4409955.0</t>
  </si>
  <si>
    <t>20653.0</t>
  </si>
  <si>
    <t>62604.0</t>
  </si>
  <si>
    <t>4435066.0</t>
  </si>
  <si>
    <t>25111.0</t>
  </si>
  <si>
    <t>26.188</t>
  </si>
  <si>
    <t>21569.0</t>
  </si>
  <si>
    <t>0.0962</t>
  </si>
  <si>
    <t>4911902.0</t>
  </si>
  <si>
    <t>60380.0</t>
  </si>
  <si>
    <t>4461020.0</t>
  </si>
  <si>
    <t>25954.0</t>
  </si>
  <si>
    <t>26.341</t>
  </si>
  <si>
    <t>22313.0</t>
  </si>
  <si>
    <t>0.1047</t>
  </si>
  <si>
    <t>58584.0</t>
  </si>
  <si>
    <t>4488522.0</t>
  </si>
  <si>
    <t>27502.0</t>
  </si>
  <si>
    <t>26.503</t>
  </si>
  <si>
    <t>22774.0</t>
  </si>
  <si>
    <t>5069049.0</t>
  </si>
  <si>
    <t>62134.0</t>
  </si>
  <si>
    <t>4515567.0</t>
  </si>
  <si>
    <t>27045.0</t>
  </si>
  <si>
    <t>26.663</t>
  </si>
  <si>
    <t>23648.0</t>
  </si>
  <si>
    <t>5139456.0</t>
  </si>
  <si>
    <t>70407.0</t>
  </si>
  <si>
    <t>64519.0</t>
  </si>
  <si>
    <t>4542866.0</t>
  </si>
  <si>
    <t>27299.0</t>
  </si>
  <si>
    <t>26.824</t>
  </si>
  <si>
    <t>24846.0</t>
  </si>
  <si>
    <t>65747.0</t>
  </si>
  <si>
    <t>4567530.0</t>
  </si>
  <si>
    <t>24664.0</t>
  </si>
  <si>
    <t>26.97</t>
  </si>
  <si>
    <t>25526.0</t>
  </si>
  <si>
    <t>0.1293</t>
  </si>
  <si>
    <t>66974.0</t>
  </si>
  <si>
    <t>4589666.0</t>
  </si>
  <si>
    <t>22136.0</t>
  </si>
  <si>
    <t>27.101</t>
  </si>
  <si>
    <t>25673.0</t>
  </si>
  <si>
    <t>62614.0</t>
  </si>
  <si>
    <t>4617861.0</t>
  </si>
  <si>
    <t>28195.0</t>
  </si>
  <si>
    <t>27.267</t>
  </si>
  <si>
    <t>26114.0</t>
  </si>
  <si>
    <t>0.1488</t>
  </si>
  <si>
    <t>5319679.0</t>
  </si>
  <si>
    <t>58254.0</t>
  </si>
  <si>
    <t>4644481.0</t>
  </si>
  <si>
    <t>26620.0</t>
  </si>
  <si>
    <t>27.424</t>
  </si>
  <si>
    <t>26209.0</t>
  </si>
  <si>
    <t>0.1564</t>
  </si>
  <si>
    <t>50654.0</t>
  </si>
  <si>
    <t>4671412.0</t>
  </si>
  <si>
    <t>27.583</t>
  </si>
  <si>
    <t>0.1667</t>
  </si>
  <si>
    <t>5370431.0</t>
  </si>
  <si>
    <t>43055.0</t>
  </si>
  <si>
    <t>4699603.0</t>
  </si>
  <si>
    <t>28191.0</t>
  </si>
  <si>
    <t>26291.0</t>
  </si>
  <si>
    <t>5412691.0</t>
  </si>
  <si>
    <t>42260.0</t>
  </si>
  <si>
    <t>39034.0</t>
  </si>
  <si>
    <t>4729896.0</t>
  </si>
  <si>
    <t>27.929</t>
  </si>
  <si>
    <t>26719.0</t>
  </si>
  <si>
    <t>0.1949</t>
  </si>
  <si>
    <t>35450.0</t>
  </si>
  <si>
    <t>4753996.0</t>
  </si>
  <si>
    <t>24100.0</t>
  </si>
  <si>
    <t>28.071</t>
  </si>
  <si>
    <t>26638.0</t>
  </si>
  <si>
    <t>0.2063</t>
  </si>
  <si>
    <t>5452634.0</t>
  </si>
  <si>
    <t>31867.0</t>
  </si>
  <si>
    <t>4784720.0</t>
  </si>
  <si>
    <t>30724.0</t>
  </si>
  <si>
    <t>28.252</t>
  </si>
  <si>
    <t>5498172.0</t>
  </si>
  <si>
    <t>45538.0</t>
  </si>
  <si>
    <t>31936.0</t>
  </si>
  <si>
    <t>4814959.0</t>
  </si>
  <si>
    <t>30239.0</t>
  </si>
  <si>
    <t>28.431</t>
  </si>
  <si>
    <t>28157.0</t>
  </si>
  <si>
    <t>5539494.0</t>
  </si>
  <si>
    <t>41322.0</t>
  </si>
  <si>
    <t>31402.0</t>
  </si>
  <si>
    <t>4849270.0</t>
  </si>
  <si>
    <t>34311.0</t>
  </si>
  <si>
    <t>28.634</t>
  </si>
  <si>
    <t>29256.0</t>
  </si>
  <si>
    <t>0.2232</t>
  </si>
  <si>
    <t>29863.0</t>
  </si>
  <si>
    <t>4883900.0</t>
  </si>
  <si>
    <t>28.838</t>
  </si>
  <si>
    <t>30355.0</t>
  </si>
  <si>
    <t>5568703.0</t>
  </si>
  <si>
    <t>28325.0</t>
  </si>
  <si>
    <t>4917093.0</t>
  </si>
  <si>
    <t>33193.0</t>
  </si>
  <si>
    <t>29.034</t>
  </si>
  <si>
    <t>31070.0</t>
  </si>
  <si>
    <t>5664830.0</t>
  </si>
  <si>
    <t>5583507.0</t>
  </si>
  <si>
    <t>81323.0</t>
  </si>
  <si>
    <t>96127.0</t>
  </si>
  <si>
    <t>36020.0</t>
  </si>
  <si>
    <t>24402.0</t>
  </si>
  <si>
    <t>4948747.0</t>
  </si>
  <si>
    <t>31654.0</t>
  </si>
  <si>
    <t>29.221</t>
  </si>
  <si>
    <t>44356.0</t>
  </si>
  <si>
    <t>22974.0</t>
  </si>
  <si>
    <t>4974824.0</t>
  </si>
  <si>
    <t>26077.0</t>
  </si>
  <si>
    <t>29.375</t>
  </si>
  <si>
    <t>5821476.0</t>
  </si>
  <si>
    <t>5603450.0</t>
  </si>
  <si>
    <t>218026.0</t>
  </si>
  <si>
    <t>52692.0</t>
  </si>
  <si>
    <t>21545.0</t>
  </si>
  <si>
    <t>5004200.0</t>
  </si>
  <si>
    <t>29376.0</t>
  </si>
  <si>
    <t>29.548</t>
  </si>
  <si>
    <t>31354.0</t>
  </si>
  <si>
    <t>6010824.0</t>
  </si>
  <si>
    <t>5627107.0</t>
  </si>
  <si>
    <t>383717.0</t>
  </si>
  <si>
    <t>189348.0</t>
  </si>
  <si>
    <t>73236.0</t>
  </si>
  <si>
    <t>18419.0</t>
  </si>
  <si>
    <t>5039168.0</t>
  </si>
  <si>
    <t>34968.0</t>
  </si>
  <si>
    <t>32030.0</t>
  </si>
  <si>
    <t>6172159.0</t>
  </si>
  <si>
    <t>5649563.0</t>
  </si>
  <si>
    <t>522596.0</t>
  </si>
  <si>
    <t>161335.0</t>
  </si>
  <si>
    <t>90381.0</t>
  </si>
  <si>
    <t>528.0</t>
  </si>
  <si>
    <t>5072123.0</t>
  </si>
  <si>
    <t>32955.0</t>
  </si>
  <si>
    <t>29.949</t>
  </si>
  <si>
    <t>109479.0</t>
  </si>
  <si>
    <t>15415.0</t>
  </si>
  <si>
    <t>5096948.0</t>
  </si>
  <si>
    <t>24825.0</t>
  </si>
  <si>
    <t>30.096</t>
  </si>
  <si>
    <t>30435.0</t>
  </si>
  <si>
    <t>128577.0</t>
  </si>
  <si>
    <t>15106.0</t>
  </si>
  <si>
    <t>5116907.0</t>
  </si>
  <si>
    <t>19959.0</t>
  </si>
  <si>
    <t>30.214</t>
  </si>
  <si>
    <t>28545.0</t>
  </si>
  <si>
    <t>6617036.0</t>
  </si>
  <si>
    <t>5686885.0</t>
  </si>
  <si>
    <t>930151.0</t>
  </si>
  <si>
    <t>136029.0</t>
  </si>
  <si>
    <t>14768.0</t>
  </si>
  <si>
    <t>5135813.0</t>
  </si>
  <si>
    <t>30.326</t>
  </si>
  <si>
    <t>26724.0</t>
  </si>
  <si>
    <t>0.2041</t>
  </si>
  <si>
    <t>146920.0</t>
  </si>
  <si>
    <t>14639.0</t>
  </si>
  <si>
    <t>5151998.0</t>
  </si>
  <si>
    <t>16185.0</t>
  </si>
  <si>
    <t>30.421</t>
  </si>
  <si>
    <t>25311.0</t>
  </si>
  <si>
    <t>157810.0</t>
  </si>
  <si>
    <t>14510.0</t>
  </si>
  <si>
    <t>5171402.0</t>
  </si>
  <si>
    <t>19404.0</t>
  </si>
  <si>
    <t>30.536</t>
  </si>
  <si>
    <t>23886.0</t>
  </si>
  <si>
    <t>0.2045</t>
  </si>
  <si>
    <t>7080699.0</t>
  </si>
  <si>
    <t>5714090.0</t>
  </si>
  <si>
    <t>1366609.0</t>
  </si>
  <si>
    <t>152839.0</t>
  </si>
  <si>
    <t>12426.0</t>
  </si>
  <si>
    <t>5195554.0</t>
  </si>
  <si>
    <t>24152.0</t>
  </si>
  <si>
    <t>30.678</t>
  </si>
  <si>
    <t>22341.0</t>
  </si>
  <si>
    <t>154261.0</t>
  </si>
  <si>
    <t>11432.0</t>
  </si>
  <si>
    <t>5222610.0</t>
  </si>
  <si>
    <t>27056.0</t>
  </si>
  <si>
    <t>30.838</t>
  </si>
  <si>
    <t>21498.0</t>
  </si>
  <si>
    <t>7423274.0</t>
  </si>
  <si>
    <t>5745085.0</t>
  </si>
  <si>
    <t>1678189.0</t>
  </si>
  <si>
    <t>157546.0</t>
  </si>
  <si>
    <t>11869.0</t>
  </si>
  <si>
    <t>5251018.0</t>
  </si>
  <si>
    <t>28408.0</t>
  </si>
  <si>
    <t>31.006</t>
  </si>
  <si>
    <t>22010.0</t>
  </si>
  <si>
    <t>159461.0</t>
  </si>
  <si>
    <t>5278447.0</t>
  </si>
  <si>
    <t>27429.0</t>
  </si>
  <si>
    <t>31.168</t>
  </si>
  <si>
    <t>7746661.0</t>
  </si>
  <si>
    <t>5778686.0</t>
  </si>
  <si>
    <t>1967975.0</t>
  </si>
  <si>
    <t>161375.0</t>
  </si>
  <si>
    <t>3.38</t>
  </si>
  <si>
    <t>5304343.0</t>
  </si>
  <si>
    <t>25896.0</t>
  </si>
  <si>
    <t>24076.0</t>
  </si>
  <si>
    <t>0.1657</t>
  </si>
  <si>
    <t>154118.0</t>
  </si>
  <si>
    <t>5324914.0</t>
  </si>
  <si>
    <t>20571.0</t>
  </si>
  <si>
    <t>31.442</t>
  </si>
  <si>
    <t>7954176.0</t>
  </si>
  <si>
    <t>5798880.0</t>
  </si>
  <si>
    <t>2155296.0</t>
  </si>
  <si>
    <t>146862.0</t>
  </si>
  <si>
    <t>13408.0</t>
  </si>
  <si>
    <t>5346836.0</t>
  </si>
  <si>
    <t>21922.0</t>
  </si>
  <si>
    <t>31.572</t>
  </si>
  <si>
    <t>25062.0</t>
  </si>
  <si>
    <t>0.1503</t>
  </si>
  <si>
    <t>8145266.0</t>
  </si>
  <si>
    <t>5818400.0</t>
  </si>
  <si>
    <t>2326866.0</t>
  </si>
  <si>
    <t>191090.0</t>
  </si>
  <si>
    <t>152081.0</t>
  </si>
  <si>
    <t>5372622.0</t>
  </si>
  <si>
    <t>25786.0</t>
  </si>
  <si>
    <t>31.724</t>
  </si>
  <si>
    <t>25295.0</t>
  </si>
  <si>
    <t>8277514.0</t>
  </si>
  <si>
    <t>5819291.0</t>
  </si>
  <si>
    <t>2458223.0</t>
  </si>
  <si>
    <t>132248.0</t>
  </si>
  <si>
    <t>146504.0</t>
  </si>
  <si>
    <t>5396859.0</t>
  </si>
  <si>
    <t>24237.0</t>
  </si>
  <si>
    <t>31.867</t>
  </si>
  <si>
    <t>24893.0</t>
  </si>
  <si>
    <t>8398700.0</t>
  </si>
  <si>
    <t>5819616.0</t>
  </si>
  <si>
    <t>2579084.0</t>
  </si>
  <si>
    <t>121186.0</t>
  </si>
  <si>
    <t>139347.0</t>
  </si>
  <si>
    <t>10647.0</t>
  </si>
  <si>
    <t>5425065.0</t>
  </si>
  <si>
    <t>28206.0</t>
  </si>
  <si>
    <t>32.033</t>
  </si>
  <si>
    <t>24864.0</t>
  </si>
  <si>
    <t>8517801.0</t>
  </si>
  <si>
    <t>5819646.0</t>
  </si>
  <si>
    <t>2698155.0</t>
  </si>
  <si>
    <t>119101.0</t>
  </si>
  <si>
    <t>133262.0</t>
  </si>
  <si>
    <t>8252.0</t>
  </si>
  <si>
    <t>5449993.0</t>
  </si>
  <si>
    <t>24928.0</t>
  </si>
  <si>
    <t>24507.0</t>
  </si>
  <si>
    <t>0.1217</t>
  </si>
  <si>
    <t>8625350.0</t>
  </si>
  <si>
    <t>5819656.0</t>
  </si>
  <si>
    <t>2805694.0</t>
  </si>
  <si>
    <t>107549.0</t>
  </si>
  <si>
    <t>125527.0</t>
  </si>
  <si>
    <t>5853.0</t>
  </si>
  <si>
    <t>5471039.0</t>
  </si>
  <si>
    <t>32.305</t>
  </si>
  <si>
    <t>23814.0</t>
  </si>
  <si>
    <t>116924.0</t>
  </si>
  <si>
    <t>4413.0</t>
  </si>
  <si>
    <t>5486156.0</t>
  </si>
  <si>
    <t>32.394</t>
  </si>
  <si>
    <t>23035.0</t>
  </si>
  <si>
    <t>0.1128</t>
  </si>
  <si>
    <t>108320.0</t>
  </si>
  <si>
    <t>5500314.0</t>
  </si>
  <si>
    <t>32.478</t>
  </si>
  <si>
    <t>21925.0</t>
  </si>
  <si>
    <t>8755950.0</t>
  </si>
  <si>
    <t>5819709.0</t>
  </si>
  <si>
    <t>2936241.0</t>
  </si>
  <si>
    <t>87241.0</t>
  </si>
  <si>
    <t>5519745.0</t>
  </si>
  <si>
    <t>32.593</t>
  </si>
  <si>
    <t>21018.0</t>
  </si>
  <si>
    <t>0.1023</t>
  </si>
  <si>
    <t>8842888.0</t>
  </si>
  <si>
    <t>5819719.0</t>
  </si>
  <si>
    <t>3023169.0</t>
  </si>
  <si>
    <t>86938.0</t>
  </si>
  <si>
    <t>80768.0</t>
  </si>
  <si>
    <t>5541729.0</t>
  </si>
  <si>
    <t>21984.0</t>
  </si>
  <si>
    <t>32.722</t>
  </si>
  <si>
    <t>20696.0</t>
  </si>
  <si>
    <t>8926466.0</t>
  </si>
  <si>
    <t>5819757.0</t>
  </si>
  <si>
    <t>3106709.0</t>
  </si>
  <si>
    <t>83578.0</t>
  </si>
  <si>
    <t>75395.0</t>
  </si>
  <si>
    <t>5562013.0</t>
  </si>
  <si>
    <t>32.842</t>
  </si>
  <si>
    <t>19564.0</t>
  </si>
  <si>
    <t>0.0929</t>
  </si>
  <si>
    <t>9030320.0</t>
  </si>
  <si>
    <t>5819811.0</t>
  </si>
  <si>
    <t>3210509.0</t>
  </si>
  <si>
    <t>103854.0</t>
  </si>
  <si>
    <t>73217.0</t>
  </si>
  <si>
    <t>5583598.0</t>
  </si>
  <si>
    <t>21585.0</t>
  </si>
  <si>
    <t>0.0914</t>
  </si>
  <si>
    <t>9133278.0</t>
  </si>
  <si>
    <t>5819854.0</t>
  </si>
  <si>
    <t>3313424.0</t>
  </si>
  <si>
    <t>102958.0</t>
  </si>
  <si>
    <t>72561.0</t>
  </si>
  <si>
    <t>5600611.0</t>
  </si>
  <si>
    <t>17013.0</t>
  </si>
  <si>
    <t>18510.0</t>
  </si>
  <si>
    <t>72636.0</t>
  </si>
  <si>
    <t>5615314.0</t>
  </si>
  <si>
    <t>14703.0</t>
  </si>
  <si>
    <t>33.157</t>
  </si>
  <si>
    <t>9221387.0</t>
  </si>
  <si>
    <t>5819856.0</t>
  </si>
  <si>
    <t>3401531.0</t>
  </si>
  <si>
    <t>72710.0</t>
  </si>
  <si>
    <t>5632229.0</t>
  </si>
  <si>
    <t>33.257</t>
  </si>
  <si>
    <t>18845.0</t>
  </si>
  <si>
    <t>9316086.0</t>
  </si>
  <si>
    <t>5819900.0</t>
  </si>
  <si>
    <t>3496186.0</t>
  </si>
  <si>
    <t>94699.0</t>
  </si>
  <si>
    <t>80019.0</t>
  </si>
  <si>
    <t>5649077.0</t>
  </si>
  <si>
    <t>33.356</t>
  </si>
  <si>
    <t>18476.0</t>
  </si>
  <si>
    <t>74553.0</t>
  </si>
  <si>
    <t>5663261.0</t>
  </si>
  <si>
    <t>14184.0</t>
  </si>
  <si>
    <t>17362.0</t>
  </si>
  <si>
    <t>9413433.0</t>
  </si>
  <si>
    <t>5819910.0</t>
  </si>
  <si>
    <t>3593523.0</t>
  </si>
  <si>
    <t>69567.0</t>
  </si>
  <si>
    <t>5678557.0</t>
  </si>
  <si>
    <t>15296.0</t>
  </si>
  <si>
    <t>16649.0</t>
  </si>
  <si>
    <t>9471065.0</t>
  </si>
  <si>
    <t>5819912.0</t>
  </si>
  <si>
    <t>3651153.0</t>
  </si>
  <si>
    <t>57632.0</t>
  </si>
  <si>
    <t>62964.0</t>
  </si>
  <si>
    <t>5692028.0</t>
  </si>
  <si>
    <t>13471.0</t>
  </si>
  <si>
    <t>33.61</t>
  </si>
  <si>
    <t>15490.0</t>
  </si>
  <si>
    <t>50003.0</t>
  </si>
  <si>
    <t>5699863.0</t>
  </si>
  <si>
    <t>7835.0</t>
  </si>
  <si>
    <t>33.656</t>
  </si>
  <si>
    <t>14179.0</t>
  </si>
  <si>
    <t>5703621.0</t>
  </si>
  <si>
    <t>33.678</t>
  </si>
  <si>
    <t>12615.0</t>
  </si>
  <si>
    <t>0.0868</t>
  </si>
  <si>
    <t>40911.0</t>
  </si>
  <si>
    <t>5709051.0</t>
  </si>
  <si>
    <t>10975.0</t>
  </si>
  <si>
    <t>9519995.0</t>
  </si>
  <si>
    <t>3700083.0</t>
  </si>
  <si>
    <t>29130.0</t>
  </si>
  <si>
    <t>5719398.0</t>
  </si>
  <si>
    <t>33.771</t>
  </si>
  <si>
    <t>10046.0</t>
  </si>
  <si>
    <t>9576935.0</t>
  </si>
  <si>
    <t>3757023.0</t>
  </si>
  <si>
    <t>56940.0</t>
  </si>
  <si>
    <t>30311.0</t>
  </si>
  <si>
    <t>5736253.0</t>
  </si>
  <si>
    <t>16855.0</t>
  </si>
  <si>
    <t>33.871</t>
  </si>
  <si>
    <t>9639289.0</t>
  </si>
  <si>
    <t>5823201.0</t>
  </si>
  <si>
    <t>3816088.0</t>
  </si>
  <si>
    <t>62354.0</t>
  </si>
  <si>
    <t>32265.0</t>
  </si>
  <si>
    <t>5756781.0</t>
  </si>
  <si>
    <t>20528.0</t>
  </si>
  <si>
    <t>33.992</t>
  </si>
  <si>
    <t>11175.0</t>
  </si>
  <si>
    <t>9650852.0</t>
  </si>
  <si>
    <t>3827651.0</t>
  </si>
  <si>
    <t>11563.0</t>
  </si>
  <si>
    <t>5776218.0</t>
  </si>
  <si>
    <t>19437.0</t>
  </si>
  <si>
    <t>34.107</t>
  </si>
  <si>
    <t>9748408.0</t>
  </si>
  <si>
    <t>3925207.0</t>
  </si>
  <si>
    <t>97556.0</t>
  </si>
  <si>
    <t>37873.0</t>
  </si>
  <si>
    <t>5794512.0</t>
  </si>
  <si>
    <t>18294.0</t>
  </si>
  <si>
    <t>34.215</t>
  </si>
  <si>
    <t>39087.0</t>
  </si>
  <si>
    <t>5806742.0</t>
  </si>
  <si>
    <t>12230.0</t>
  </si>
  <si>
    <t>34.287</t>
  </si>
  <si>
    <t>9789875.0</t>
  </si>
  <si>
    <t>3966674.0</t>
  </si>
  <si>
    <t>40302.0</t>
  </si>
  <si>
    <t>5821947.0</t>
  </si>
  <si>
    <t>34.377</t>
  </si>
  <si>
    <t>16128.0</t>
  </si>
  <si>
    <t>44139.0</t>
  </si>
  <si>
    <t>5839630.0</t>
  </si>
  <si>
    <t>17683.0</t>
  </si>
  <si>
    <t>34.481</t>
  </si>
  <si>
    <t>17176.0</t>
  </si>
  <si>
    <t>9868062.0</t>
  </si>
  <si>
    <t>5823231.0</t>
  </si>
  <si>
    <t>4044831.0</t>
  </si>
  <si>
    <t>41590.0</t>
  </si>
  <si>
    <t>5856254.0</t>
  </si>
  <si>
    <t>16624.0</t>
  </si>
  <si>
    <t>34.579</t>
  </si>
  <si>
    <t>17143.0</t>
  </si>
  <si>
    <t>0.0839</t>
  </si>
  <si>
    <t>9901717.0</t>
  </si>
  <si>
    <t>4078486.0</t>
  </si>
  <si>
    <t>33655.0</t>
  </si>
  <si>
    <t>37490.0</t>
  </si>
  <si>
    <t>5.78</t>
  </si>
  <si>
    <t>5872688.0</t>
  </si>
  <si>
    <t>34.677</t>
  </si>
  <si>
    <t>16558.0</t>
  </si>
  <si>
    <t>38502.0</t>
  </si>
  <si>
    <t>5888603.0</t>
  </si>
  <si>
    <t>15915.0</t>
  </si>
  <si>
    <t>34.771</t>
  </si>
  <si>
    <t>16055.0</t>
  </si>
  <si>
    <t>9939018.0</t>
  </si>
  <si>
    <t>5823245.0</t>
  </si>
  <si>
    <t>4115773.0</t>
  </si>
  <si>
    <t>27230.0</t>
  </si>
  <si>
    <t>5903209.0</t>
  </si>
  <si>
    <t>14606.0</t>
  </si>
  <si>
    <t>34.857</t>
  </si>
  <si>
    <t>25763.0</t>
  </si>
  <si>
    <t>5916393.0</t>
  </si>
  <si>
    <t>9959947.0</t>
  </si>
  <si>
    <t>4136702.0</t>
  </si>
  <si>
    <t>24296.0</t>
  </si>
  <si>
    <t>5.82</t>
  </si>
  <si>
    <t>5930670.0</t>
  </si>
  <si>
    <t>35.019</t>
  </si>
  <si>
    <t>0.0897</t>
  </si>
  <si>
    <t>9979415.0</t>
  </si>
  <si>
    <t>4156170.0</t>
  </si>
  <si>
    <t>19468.0</t>
  </si>
  <si>
    <t>21492.0</t>
  </si>
  <si>
    <t>5948848.0</t>
  </si>
  <si>
    <t>18178.0</t>
  </si>
  <si>
    <t>35.126</t>
  </si>
  <si>
    <t>15603.0</t>
  </si>
  <si>
    <t>9991671.0</t>
  </si>
  <si>
    <t>4168426.0</t>
  </si>
  <si>
    <t>17658.0</t>
  </si>
  <si>
    <t>5967098.0</t>
  </si>
  <si>
    <t>18250.0</t>
  </si>
  <si>
    <t>35.234</t>
  </si>
  <si>
    <t>15835.0</t>
  </si>
  <si>
    <t>0.0912</t>
  </si>
  <si>
    <t>9992849.0</t>
  </si>
  <si>
    <t>4169604.0</t>
  </si>
  <si>
    <t>13019.0</t>
  </si>
  <si>
    <t>5987357.0</t>
  </si>
  <si>
    <t>20259.0</t>
  </si>
  <si>
    <t>35.354</t>
  </si>
  <si>
    <t>16381.0</t>
  </si>
  <si>
    <t>12361.0</t>
  </si>
  <si>
    <t>6004329.0</t>
  </si>
  <si>
    <t>16972.0</t>
  </si>
  <si>
    <t>35.454</t>
  </si>
  <si>
    <t>16532.0</t>
  </si>
  <si>
    <t>10020942.0</t>
  </si>
  <si>
    <t>4197697.0</t>
  </si>
  <si>
    <t>11703.0</t>
  </si>
  <si>
    <t>6022480.0</t>
  </si>
  <si>
    <t>18151.0</t>
  </si>
  <si>
    <t>35.561</t>
  </si>
  <si>
    <t>17039.0</t>
  </si>
  <si>
    <t>6035595.0</t>
  </si>
  <si>
    <t>13115.0</t>
  </si>
  <si>
    <t>35.638</t>
  </si>
  <si>
    <t>17029.0</t>
  </si>
  <si>
    <t>10021634.0</t>
  </si>
  <si>
    <t>4198389.0</t>
  </si>
  <si>
    <t>8812.0</t>
  </si>
  <si>
    <t>6051208.0</t>
  </si>
  <si>
    <t>15613.0</t>
  </si>
  <si>
    <t>35.731</t>
  </si>
  <si>
    <t>17220.0</t>
  </si>
  <si>
    <t>0.1009</t>
  </si>
  <si>
    <t>10034502.0</t>
  </si>
  <si>
    <t>4211257.0</t>
  </si>
  <si>
    <t>12868.0</t>
  </si>
  <si>
    <t>7870.0</t>
  </si>
  <si>
    <t>6068377.0</t>
  </si>
  <si>
    <t>17169.0</t>
  </si>
  <si>
    <t>35.832</t>
  </si>
  <si>
    <t>10040964.0</t>
  </si>
  <si>
    <t>4217719.0</t>
  </si>
  <si>
    <t>7042.0</t>
  </si>
  <si>
    <t>6087542.0</t>
  </si>
  <si>
    <t>35.945</t>
  </si>
  <si>
    <t>17206.0</t>
  </si>
  <si>
    <t>10046528.0</t>
  </si>
  <si>
    <t>4223283.0</t>
  </si>
  <si>
    <t>6108126.0</t>
  </si>
  <si>
    <t>36.067</t>
  </si>
  <si>
    <t>17253.0</t>
  </si>
  <si>
    <t>6127573.0</t>
  </si>
  <si>
    <t>19447.0</t>
  </si>
  <si>
    <t>36.182</t>
  </si>
  <si>
    <t>10058643.0</t>
  </si>
  <si>
    <t>4235398.0</t>
  </si>
  <si>
    <t>5.88</t>
  </si>
  <si>
    <t>6146108.0</t>
  </si>
  <si>
    <t>36.291</t>
  </si>
  <si>
    <t>17661.0</t>
  </si>
  <si>
    <t>5632.0</t>
  </si>
  <si>
    <t>6157698.0</t>
  </si>
  <si>
    <t>11590.0</t>
  </si>
  <si>
    <t>36.359</t>
  </si>
  <si>
    <t>0.1243</t>
  </si>
  <si>
    <t>10062784.0</t>
  </si>
  <si>
    <t>4239539.0</t>
  </si>
  <si>
    <t>6176447.0</t>
  </si>
  <si>
    <t>18749.0</t>
  </si>
  <si>
    <t>17891.0</t>
  </si>
  <si>
    <t>6197049.0</t>
  </si>
  <si>
    <t>20602.0</t>
  </si>
  <si>
    <t>36.592</t>
  </si>
  <si>
    <t>0.1322</t>
  </si>
  <si>
    <t>10071313.0</t>
  </si>
  <si>
    <t>4248068.0</t>
  </si>
  <si>
    <t>4336.0</t>
  </si>
  <si>
    <t>6220314.0</t>
  </si>
  <si>
    <t>23265.0</t>
  </si>
  <si>
    <t>36.729</t>
  </si>
  <si>
    <t>18967.0</t>
  </si>
  <si>
    <t>6244121.0</t>
  </si>
  <si>
    <t>23807.0</t>
  </si>
  <si>
    <t>19428.0</t>
  </si>
  <si>
    <t>0.1429</t>
  </si>
  <si>
    <t>10078366.0</t>
  </si>
  <si>
    <t>4255121.0</t>
  </si>
  <si>
    <t>3683.0</t>
  </si>
  <si>
    <t>6268992.0</t>
  </si>
  <si>
    <t>24871.0</t>
  </si>
  <si>
    <t>20203.0</t>
  </si>
  <si>
    <t>0.1463</t>
  </si>
  <si>
    <t>10079471.0</t>
  </si>
  <si>
    <t>4256226.0</t>
  </si>
  <si>
    <t>6289874.0</t>
  </si>
  <si>
    <t>20882.0</t>
  </si>
  <si>
    <t>20538.0</t>
  </si>
  <si>
    <t>0.1539</t>
  </si>
  <si>
    <t>6306838.0</t>
  </si>
  <si>
    <t>21306.0</t>
  </si>
  <si>
    <t>0.1578</t>
  </si>
  <si>
    <t>10083608.0</t>
  </si>
  <si>
    <t>4260363.0</t>
  </si>
  <si>
    <t>6329069.0</t>
  </si>
  <si>
    <t>22231.0</t>
  </si>
  <si>
    <t>37.371</t>
  </si>
  <si>
    <t>21803.0</t>
  </si>
  <si>
    <t>10086979.0</t>
  </si>
  <si>
    <t>4263734.0</t>
  </si>
  <si>
    <t>6353126.0</t>
  </si>
  <si>
    <t>24057.0</t>
  </si>
  <si>
    <t>37.513</t>
  </si>
  <si>
    <t>22297.0</t>
  </si>
  <si>
    <t>0.1687</t>
  </si>
  <si>
    <t>10089982.0</t>
  </si>
  <si>
    <t>4266737.0</t>
  </si>
  <si>
    <t>6378154.0</t>
  </si>
  <si>
    <t>25028.0</t>
  </si>
  <si>
    <t>37.661</t>
  </si>
  <si>
    <t>22549.0</t>
  </si>
  <si>
    <t>0.1765</t>
  </si>
  <si>
    <t>10090206.0</t>
  </si>
  <si>
    <t>4266961.0</t>
  </si>
  <si>
    <t>6406410.0</t>
  </si>
  <si>
    <t>28256.0</t>
  </si>
  <si>
    <t>37.828</t>
  </si>
  <si>
    <t>23184.0</t>
  </si>
  <si>
    <t>10090433.0</t>
  </si>
  <si>
    <t>4267188.0</t>
  </si>
  <si>
    <t>6436801.0</t>
  </si>
  <si>
    <t>30391.0</t>
  </si>
  <si>
    <t>23973.0</t>
  </si>
  <si>
    <t>0.1898</t>
  </si>
  <si>
    <t>10095579.0</t>
  </si>
  <si>
    <t>4272334.0</t>
  </si>
  <si>
    <t>6464454.0</t>
  </si>
  <si>
    <t>27653.0</t>
  </si>
  <si>
    <t>38.171</t>
  </si>
  <si>
    <t>24940.0</t>
  </si>
  <si>
    <t>6483716.0</t>
  </si>
  <si>
    <t>38.284</t>
  </si>
  <si>
    <t>25268.0</t>
  </si>
  <si>
    <t>10097645.0</t>
  </si>
  <si>
    <t>4274400.0</t>
  </si>
  <si>
    <t>2005.0</t>
  </si>
  <si>
    <t>6508116.0</t>
  </si>
  <si>
    <t>24400.0</t>
  </si>
  <si>
    <t>38.429</t>
  </si>
  <si>
    <t>25578.0</t>
  </si>
  <si>
    <t>6543175.0</t>
  </si>
  <si>
    <t>38.636</t>
  </si>
  <si>
    <t>27150.0</t>
  </si>
  <si>
    <t>10099562.0</t>
  </si>
  <si>
    <t>4276317.0</t>
  </si>
  <si>
    <t>6575157.0</t>
  </si>
  <si>
    <t>31982.0</t>
  </si>
  <si>
    <t>38.824</t>
  </si>
  <si>
    <t>28143.0</t>
  </si>
  <si>
    <t>10101143.0</t>
  </si>
  <si>
    <t>4277898.0</t>
  </si>
  <si>
    <t>6610262.0</t>
  </si>
  <si>
    <t>35105.0</t>
  </si>
  <si>
    <t>39.032</t>
  </si>
  <si>
    <t>29122.0</t>
  </si>
  <si>
    <t>0.2275</t>
  </si>
  <si>
    <t>10103015.0</t>
  </si>
  <si>
    <t>4279770.0</t>
  </si>
  <si>
    <t>6642317.0</t>
  </si>
  <si>
    <t>32055.0</t>
  </si>
  <si>
    <t>39.221</t>
  </si>
  <si>
    <t>0.2366</t>
  </si>
  <si>
    <t>6672329.0</t>
  </si>
  <si>
    <t>30012.0</t>
  </si>
  <si>
    <t>39.398</t>
  </si>
  <si>
    <t>29696.0</t>
  </si>
  <si>
    <t>0.2465</t>
  </si>
  <si>
    <t>6695016.0</t>
  </si>
  <si>
    <t>22687.0</t>
  </si>
  <si>
    <t>39.532</t>
  </si>
  <si>
    <t>30186.0</t>
  </si>
  <si>
    <t>10104748.0</t>
  </si>
  <si>
    <t>4281503.0</t>
  </si>
  <si>
    <t>6724895.0</t>
  </si>
  <si>
    <t>29879.0</t>
  </si>
  <si>
    <t>39.709</t>
  </si>
  <si>
    <t>30968.0</t>
  </si>
  <si>
    <t>0.2607</t>
  </si>
  <si>
    <t>6758897.0</t>
  </si>
  <si>
    <t>34002.0</t>
  </si>
  <si>
    <t>39.909</t>
  </si>
  <si>
    <t>30817.0</t>
  </si>
  <si>
    <t>0.2694</t>
  </si>
  <si>
    <t>10106136.0</t>
  </si>
  <si>
    <t>4282891.0</t>
  </si>
  <si>
    <t>6795528.0</t>
  </si>
  <si>
    <t>40.126</t>
  </si>
  <si>
    <t>31482.0</t>
  </si>
  <si>
    <t>6831167.0</t>
  </si>
  <si>
    <t>35639.0</t>
  </si>
  <si>
    <t>40.336</t>
  </si>
  <si>
    <t>31558.0</t>
  </si>
  <si>
    <t>0.2911</t>
  </si>
  <si>
    <t>6868017.0</t>
  </si>
  <si>
    <t>36850.0</t>
  </si>
  <si>
    <t>40.554</t>
  </si>
  <si>
    <t>32243.0</t>
  </si>
  <si>
    <t>0.2998</t>
  </si>
  <si>
    <t>10107557.0</t>
  </si>
  <si>
    <t>4284312.0</t>
  </si>
  <si>
    <t>6904603.0</t>
  </si>
  <si>
    <t>36586.0</t>
  </si>
  <si>
    <t>40.77</t>
  </si>
  <si>
    <t>33182.0</t>
  </si>
  <si>
    <t>0.3035</t>
  </si>
  <si>
    <t>6932487.0</t>
  </si>
  <si>
    <t>27884.0</t>
  </si>
  <si>
    <t>40.934</t>
  </si>
  <si>
    <t>33924.0</t>
  </si>
  <si>
    <t>6972502.0</t>
  </si>
  <si>
    <t>40015.0</t>
  </si>
  <si>
    <t>41.171</t>
  </si>
  <si>
    <t>35372.0</t>
  </si>
  <si>
    <t>7016569.0</t>
  </si>
  <si>
    <t>44067.0</t>
  </si>
  <si>
    <t>41.431</t>
  </si>
  <si>
    <t>36810.0</t>
  </si>
  <si>
    <t>0.3108</t>
  </si>
  <si>
    <t>7058324.0</t>
  </si>
  <si>
    <t>41755.0</t>
  </si>
  <si>
    <t>41.677</t>
  </si>
  <si>
    <t>37542.0</t>
  </si>
  <si>
    <t>0.3073</t>
  </si>
  <si>
    <t>10108224.0</t>
  </si>
  <si>
    <t>5823265.0</t>
  </si>
  <si>
    <t>4284959.0</t>
  </si>
  <si>
    <t>7100814.0</t>
  </si>
  <si>
    <t>41.928</t>
  </si>
  <si>
    <t>38521.0</t>
  </si>
  <si>
    <t>7145755.0</t>
  </si>
  <si>
    <t>44941.0</t>
  </si>
  <si>
    <t>42.194</t>
  </si>
  <si>
    <t>39677.0</t>
  </si>
  <si>
    <t>0.2972</t>
  </si>
  <si>
    <t>7187702.0</t>
  </si>
  <si>
    <t>41947.0</t>
  </si>
  <si>
    <t>42.441</t>
  </si>
  <si>
    <t>40443.0</t>
  </si>
  <si>
    <t>0.2945</t>
  </si>
  <si>
    <t>7216916.0</t>
  </si>
  <si>
    <t>29214.0</t>
  </si>
  <si>
    <t>42.614</t>
  </si>
  <si>
    <t>40633.0</t>
  </si>
  <si>
    <t>0.2921</t>
  </si>
  <si>
    <t>7256722.0</t>
  </si>
  <si>
    <t>39806.0</t>
  </si>
  <si>
    <t>42.849</t>
  </si>
  <si>
    <t>40603.0</t>
  </si>
  <si>
    <t>0.2913</t>
  </si>
  <si>
    <t>7301734.0</t>
  </si>
  <si>
    <t>45012.0</t>
  </si>
  <si>
    <t>43.115</t>
  </si>
  <si>
    <t>40738.0</t>
  </si>
  <si>
    <t>0.2888</t>
  </si>
  <si>
    <t>7341244.0</t>
  </si>
  <si>
    <t>39510.0</t>
  </si>
  <si>
    <t>43.348</t>
  </si>
  <si>
    <t>0.2889</t>
  </si>
  <si>
    <t>7366223.0</t>
  </si>
  <si>
    <t>24979.0</t>
  </si>
  <si>
    <t>43.495</t>
  </si>
  <si>
    <t>37916.0</t>
  </si>
  <si>
    <t>10112604.0</t>
  </si>
  <si>
    <t>4289339.0</t>
  </si>
  <si>
    <t>7377709.0</t>
  </si>
  <si>
    <t>11486.0</t>
  </si>
  <si>
    <t>43.563</t>
  </si>
  <si>
    <t>33136.0</t>
  </si>
  <si>
    <t>10320579.0</t>
  </si>
  <si>
    <t>6031105.0</t>
  </si>
  <si>
    <t>4289474.0</t>
  </si>
  <si>
    <t>207975.0</t>
  </si>
  <si>
    <t>30180.0</t>
  </si>
  <si>
    <t>29691.0</t>
  </si>
  <si>
    <t>7398202.0</t>
  </si>
  <si>
    <t>20493.0</t>
  </si>
  <si>
    <t>43.684</t>
  </si>
  <si>
    <t>30071.0</t>
  </si>
  <si>
    <t>0.2976</t>
  </si>
  <si>
    <t>29858.0</t>
  </si>
  <si>
    <t>7419029.0</t>
  </si>
  <si>
    <t>43.807</t>
  </si>
  <si>
    <t>0.3015</t>
  </si>
  <si>
    <t>10322957.0</t>
  </si>
  <si>
    <t>6033439.0</t>
  </si>
  <si>
    <t>4289518.0</t>
  </si>
  <si>
    <t>30363.0</t>
  </si>
  <si>
    <t>7456616.0</t>
  </si>
  <si>
    <t>37587.0</t>
  </si>
  <si>
    <t>44.029</t>
  </si>
  <si>
    <t>28556.0</t>
  </si>
  <si>
    <t>0.3034</t>
  </si>
  <si>
    <t>10366468.0</t>
  </si>
  <si>
    <t>6076310.0</t>
  </si>
  <si>
    <t>4290158.0</t>
  </si>
  <si>
    <t>43511.0</t>
  </si>
  <si>
    <t>36149.0</t>
  </si>
  <si>
    <t>7507568.0</t>
  </si>
  <si>
    <t>50952.0</t>
  </si>
  <si>
    <t>29405.0</t>
  </si>
  <si>
    <t>0.3037</t>
  </si>
  <si>
    <t>10404676.0</t>
  </si>
  <si>
    <t>6114127.0</t>
  </si>
  <si>
    <t>4290549.0</t>
  </si>
  <si>
    <t>38208.0</t>
  </si>
  <si>
    <t>41881.0</t>
  </si>
  <si>
    <t>41552.0</t>
  </si>
  <si>
    <t>7560046.0</t>
  </si>
  <si>
    <t>31257.0</t>
  </si>
  <si>
    <t>10472964.0</t>
  </si>
  <si>
    <t>6181065.0</t>
  </si>
  <si>
    <t>4291899.0</t>
  </si>
  <si>
    <t>68288.0</t>
  </si>
  <si>
    <t>51558.0</t>
  </si>
  <si>
    <t>51114.0</t>
  </si>
  <si>
    <t>7613923.0</t>
  </si>
  <si>
    <t>53877.0</t>
  </si>
  <si>
    <t>44.958</t>
  </si>
  <si>
    <t>35386.0</t>
  </si>
  <si>
    <t>10920876.0</t>
  </si>
  <si>
    <t>6622525.0</t>
  </si>
  <si>
    <t>4298351.0</t>
  </si>
  <si>
    <t>447912.0</t>
  </si>
  <si>
    <t>115467.0</t>
  </si>
  <si>
    <t>114180.0</t>
  </si>
  <si>
    <t>7666205.0</t>
  </si>
  <si>
    <t>52282.0</t>
  </si>
  <si>
    <t>45.267</t>
  </si>
  <si>
    <t>41214.0</t>
  </si>
  <si>
    <t>11189663.0</t>
  </si>
  <si>
    <t>6883277.0</t>
  </si>
  <si>
    <t>4306386.0</t>
  </si>
  <si>
    <t>268787.0</t>
  </si>
  <si>
    <t>124155.0</t>
  </si>
  <si>
    <t>121739.0</t>
  </si>
  <si>
    <t>7711249.0</t>
  </si>
  <si>
    <t>45044.0</t>
  </si>
  <si>
    <t>45.533</t>
  </si>
  <si>
    <t>44721.0</t>
  </si>
  <si>
    <t>0.2988</t>
  </si>
  <si>
    <t>11734447.0</t>
  </si>
  <si>
    <t>7428061.0</t>
  </si>
  <si>
    <t>544784.0</t>
  </si>
  <si>
    <t>201811.0</t>
  </si>
  <si>
    <t>199398.0</t>
  </si>
  <si>
    <t>7742229.0</t>
  </si>
  <si>
    <t>30980.0</t>
  </si>
  <si>
    <t>45.716</t>
  </si>
  <si>
    <t>46171.0</t>
  </si>
  <si>
    <t>12849265.0</t>
  </si>
  <si>
    <t>8520221.0</t>
  </si>
  <si>
    <t>4329044.0</t>
  </si>
  <si>
    <t>1114818.0</t>
  </si>
  <si>
    <t>360901.0</t>
  </si>
  <si>
    <t>355255.0</t>
  </si>
  <si>
    <t>7791758.0</t>
  </si>
  <si>
    <t>49529.0</t>
  </si>
  <si>
    <t>46.008</t>
  </si>
  <si>
    <t>47877.0</t>
  </si>
  <si>
    <t>13141815.0</t>
  </si>
  <si>
    <t>8803650.0</t>
  </si>
  <si>
    <t>4338165.0</t>
  </si>
  <si>
    <t>292550.0</t>
  </si>
  <si>
    <t>396478.0</t>
  </si>
  <si>
    <t>389620.0</t>
  </si>
  <si>
    <t>7845220.0</t>
  </si>
  <si>
    <t>53462.0</t>
  </si>
  <si>
    <t>46.324</t>
  </si>
  <si>
    <t>48236.0</t>
  </si>
  <si>
    <t>13455373.0</t>
  </si>
  <si>
    <t>9105713.0</t>
  </si>
  <si>
    <t>4349660.0</t>
  </si>
  <si>
    <t>313558.0</t>
  </si>
  <si>
    <t>435814.0</t>
  </si>
  <si>
    <t>427369.0</t>
  </si>
  <si>
    <t>7900504.0</t>
  </si>
  <si>
    <t>55284.0</t>
  </si>
  <si>
    <t>48637.0</t>
  </si>
  <si>
    <t>14103674.0</t>
  </si>
  <si>
    <t>9715105.0</t>
  </si>
  <si>
    <t>4388569.0</t>
  </si>
  <si>
    <t>648301.0</t>
  </si>
  <si>
    <t>518673.0</t>
  </si>
  <si>
    <t>504863.0</t>
  </si>
  <si>
    <t>7950018.0</t>
  </si>
  <si>
    <t>49514.0</t>
  </si>
  <si>
    <t>46.943</t>
  </si>
  <si>
    <t>48014.0</t>
  </si>
  <si>
    <t>0.2943</t>
  </si>
  <si>
    <t>483749.0</t>
  </si>
  <si>
    <t>466495.0</t>
  </si>
  <si>
    <t>7997013.0</t>
  </si>
  <si>
    <t>46995.0</t>
  </si>
  <si>
    <t>47258.0</t>
  </si>
  <si>
    <t>14510568.0</t>
  </si>
  <si>
    <t>10060879.0</t>
  </si>
  <si>
    <t>4449689.0</t>
  </si>
  <si>
    <t>474415.0</t>
  </si>
  <si>
    <t>453943.0</t>
  </si>
  <si>
    <t>8045028.0</t>
  </si>
  <si>
    <t>48015.0</t>
  </si>
  <si>
    <t>47.504</t>
  </si>
  <si>
    <t>47683.0</t>
  </si>
  <si>
    <t>410090.0</t>
  </si>
  <si>
    <t>388587.0</t>
  </si>
  <si>
    <t>8076742.0</t>
  </si>
  <si>
    <t>31714.0</t>
  </si>
  <si>
    <t>47788.0</t>
  </si>
  <si>
    <t>0.2807</t>
  </si>
  <si>
    <t>14699590.0</t>
  </si>
  <si>
    <t>10235458.0</t>
  </si>
  <si>
    <t>4464132.0</t>
  </si>
  <si>
    <t>264332.0</t>
  </si>
  <si>
    <t>245034.0</t>
  </si>
  <si>
    <t>8118745.0</t>
  </si>
  <si>
    <t>42003.0</t>
  </si>
  <si>
    <t>47.939</t>
  </si>
  <si>
    <t>46712.0</t>
  </si>
  <si>
    <t>0.2733</t>
  </si>
  <si>
    <t>17678802.0</t>
  </si>
  <si>
    <t>13159099.0</t>
  </si>
  <si>
    <t>4519703.0</t>
  </si>
  <si>
    <t>2979212.0</t>
  </si>
  <si>
    <t>648141.0</t>
  </si>
  <si>
    <t>7.69</t>
  </si>
  <si>
    <t>622207.0</t>
  </si>
  <si>
    <t>8165952.0</t>
  </si>
  <si>
    <t>47207.0</t>
  </si>
  <si>
    <t>48.218</t>
  </si>
  <si>
    <t>45819.0</t>
  </si>
  <si>
    <t>0.2645</t>
  </si>
  <si>
    <t>18675672.0</t>
  </si>
  <si>
    <t>14062404.0</t>
  </si>
  <si>
    <t>4613268.0</t>
  </si>
  <si>
    <t>996870.0</t>
  </si>
  <si>
    <t>745757.0</t>
  </si>
  <si>
    <t>708099.0</t>
  </si>
  <si>
    <t>8213376.0</t>
  </si>
  <si>
    <t>47424.0</t>
  </si>
  <si>
    <t>48.498</t>
  </si>
  <si>
    <t>44696.0</t>
  </si>
  <si>
    <t>19288874.0</t>
  </si>
  <si>
    <t>14556745.0</t>
  </si>
  <si>
    <t>4732129.0</t>
  </si>
  <si>
    <t>613202.0</t>
  </si>
  <si>
    <t>740743.0</t>
  </si>
  <si>
    <t>691663.0</t>
  </si>
  <si>
    <t>8257806.0</t>
  </si>
  <si>
    <t>44430.0</t>
  </si>
  <si>
    <t>43970.0</t>
  </si>
  <si>
    <t>0.2496</t>
  </si>
  <si>
    <t>19785800.0</t>
  </si>
  <si>
    <t>14875182.0</t>
  </si>
  <si>
    <t>4910618.0</t>
  </si>
  <si>
    <t>496926.0</t>
  </si>
  <si>
    <t>782668.0</t>
  </si>
  <si>
    <t>712456.0</t>
  </si>
  <si>
    <t>8302884.0</t>
  </si>
  <si>
    <t>45078.0</t>
  </si>
  <si>
    <t>49.026</t>
  </si>
  <si>
    <t>43696.0</t>
  </si>
  <si>
    <t>0.2426</t>
  </si>
  <si>
    <t>20198481.0</t>
  </si>
  <si>
    <t>15128897.0</t>
  </si>
  <si>
    <t>5069584.0</t>
  </si>
  <si>
    <t>412681.0</t>
  </si>
  <si>
    <t>812559.0</t>
  </si>
  <si>
    <t>724003.0</t>
  </si>
  <si>
    <t>8343525.0</t>
  </si>
  <si>
    <t>49.266</t>
  </si>
  <si>
    <t>42642.0</t>
  </si>
  <si>
    <t>0.2348</t>
  </si>
  <si>
    <t>20362016.0</t>
  </si>
  <si>
    <t>15210889.0</t>
  </si>
  <si>
    <t>5151127.0</t>
  </si>
  <si>
    <t>163535.0</t>
  </si>
  <si>
    <t>822420.0</t>
  </si>
  <si>
    <t>723246.0</t>
  </si>
  <si>
    <t>8376855.0</t>
  </si>
  <si>
    <t>33330.0</t>
  </si>
  <si>
    <t>49.463</t>
  </si>
  <si>
    <t>42873.0</t>
  </si>
  <si>
    <t>0.2293</t>
  </si>
  <si>
    <t>20641652.0</t>
  </si>
  <si>
    <t>15417404.0</t>
  </si>
  <si>
    <t>5224248.0</t>
  </si>
  <si>
    <t>279636.0</t>
  </si>
  <si>
    <t>848866.0</t>
  </si>
  <si>
    <t>4959.0</t>
  </si>
  <si>
    <t>740278.0</t>
  </si>
  <si>
    <t>8409856.0</t>
  </si>
  <si>
    <t>33001.0</t>
  </si>
  <si>
    <t>49.658</t>
  </si>
  <si>
    <t>41587.0</t>
  </si>
  <si>
    <t>20918340.0</t>
  </si>
  <si>
    <t>15567318.0</t>
  </si>
  <si>
    <t>5351022.0</t>
  </si>
  <si>
    <t>276688.0</t>
  </si>
  <si>
    <t>462791.0</t>
  </si>
  <si>
    <t>344031.0</t>
  </si>
  <si>
    <t>8442871.0</t>
  </si>
  <si>
    <t>33015.0</t>
  </si>
  <si>
    <t>49.853</t>
  </si>
  <si>
    <t>39560.0</t>
  </si>
  <si>
    <t>20992637.0</t>
  </si>
  <si>
    <t>5425319.0</t>
  </si>
  <si>
    <t>74297.0</t>
  </si>
  <si>
    <t>330995.0</t>
  </si>
  <si>
    <t>214988.0</t>
  </si>
  <si>
    <t>8482149.0</t>
  </si>
  <si>
    <t>39278.0</t>
  </si>
  <si>
    <t>50.085</t>
  </si>
  <si>
    <t>38396.0</t>
  </si>
  <si>
    <t>0.2124</t>
  </si>
  <si>
    <t>21432342.0</t>
  </si>
  <si>
    <t>15742198.0</t>
  </si>
  <si>
    <t>5690144.0</t>
  </si>
  <si>
    <t>439705.0</t>
  </si>
  <si>
    <t>306210.0</t>
  </si>
  <si>
    <t>169350.0</t>
  </si>
  <si>
    <t>8523163.0</t>
  </si>
  <si>
    <t>41014.0</t>
  </si>
  <si>
    <t>50.327</t>
  </si>
  <si>
    <t>37908.0</t>
  </si>
  <si>
    <t>21767854.0</t>
  </si>
  <si>
    <t>15898019.0</t>
  </si>
  <si>
    <t>5869835.0</t>
  </si>
  <si>
    <t>335512.0</t>
  </si>
  <si>
    <t>283151.0</t>
  </si>
  <si>
    <t>9.29</t>
  </si>
  <si>
    <t>146120.0</t>
  </si>
  <si>
    <t>8560389.0</t>
  </si>
  <si>
    <t>50.547</t>
  </si>
  <si>
    <t>36786.0</t>
  </si>
  <si>
    <t>22166720.0</t>
  </si>
  <si>
    <t>16083447.0</t>
  </si>
  <si>
    <t>6083273.0</t>
  </si>
  <si>
    <t>398866.0</t>
  </si>
  <si>
    <t>281177.0</t>
  </si>
  <si>
    <t>136364.0</t>
  </si>
  <si>
    <t>8595281.0</t>
  </si>
  <si>
    <t>34892.0</t>
  </si>
  <si>
    <t>50.753</t>
  </si>
  <si>
    <t>35965.0</t>
  </si>
  <si>
    <t>0.1901</t>
  </si>
  <si>
    <t>275584.0</t>
  </si>
  <si>
    <t>137173.0</t>
  </si>
  <si>
    <t>8619163.0</t>
  </si>
  <si>
    <t>23882.0</t>
  </si>
  <si>
    <t>50.894</t>
  </si>
  <si>
    <t>22415481.0</t>
  </si>
  <si>
    <t>16258753.0</t>
  </si>
  <si>
    <t>6156728.0</t>
  </si>
  <si>
    <t>253404.0</t>
  </si>
  <si>
    <t>120193.0</t>
  </si>
  <si>
    <t>8650852.0</t>
  </si>
  <si>
    <t>31689.0</t>
  </si>
  <si>
    <t>51.081</t>
  </si>
  <si>
    <t>34428.0</t>
  </si>
  <si>
    <t>22813877.0</t>
  </si>
  <si>
    <t>16491181.0</t>
  </si>
  <si>
    <t>6322696.0</t>
  </si>
  <si>
    <t>398396.0</t>
  </si>
  <si>
    <t>270791.0</t>
  </si>
  <si>
    <t>131980.0</t>
  </si>
  <si>
    <t>8687641.0</t>
  </si>
  <si>
    <t>36789.0</t>
  </si>
  <si>
    <t>51.298</t>
  </si>
  <si>
    <t>34967.0</t>
  </si>
  <si>
    <t>23267430.0</t>
  </si>
  <si>
    <t>16765756.0</t>
  </si>
  <si>
    <t>6501674.0</t>
  </si>
  <si>
    <t>453553.0</t>
  </si>
  <si>
    <t>324970.0</t>
  </si>
  <si>
    <t>171205.0</t>
  </si>
  <si>
    <t>8722349.0</t>
  </si>
  <si>
    <t>51.503</t>
  </si>
  <si>
    <t>34314.0</t>
  </si>
  <si>
    <t>0.1647</t>
  </si>
  <si>
    <t>23737677.0</t>
  </si>
  <si>
    <t>17054356.0</t>
  </si>
  <si>
    <t>6683321.0</t>
  </si>
  <si>
    <t>470247.0</t>
  </si>
  <si>
    <t>329334.0</t>
  </si>
  <si>
    <t>187451.0</t>
  </si>
  <si>
    <t>8755989.0</t>
  </si>
  <si>
    <t>33640.0</t>
  </si>
  <si>
    <t>51.702</t>
  </si>
  <si>
    <t>33261.0</t>
  </si>
  <si>
    <t>24251390.0</t>
  </si>
  <si>
    <t>17348143.0</t>
  </si>
  <si>
    <t>6903247.0</t>
  </si>
  <si>
    <t>513713.0</t>
  </si>
  <si>
    <t>354791.0</t>
  </si>
  <si>
    <t>10.13</t>
  </si>
  <si>
    <t>207161.0</t>
  </si>
  <si>
    <t>8790100.0</t>
  </si>
  <si>
    <t>34111.0</t>
  </si>
  <si>
    <t>51.903</t>
  </si>
  <si>
    <t>24781134.0</t>
  </si>
  <si>
    <t>17648128.0</t>
  </si>
  <si>
    <t>7133006.0</t>
  </si>
  <si>
    <t>529744.0</t>
  </si>
  <si>
    <t>373488.0</t>
  </si>
  <si>
    <t>223526.0</t>
  </si>
  <si>
    <t>8817678.0</t>
  </si>
  <si>
    <t>27578.0</t>
  </si>
  <si>
    <t>31771.0</t>
  </si>
  <si>
    <t>391953.0</t>
  </si>
  <si>
    <t>234025.0</t>
  </si>
  <si>
    <t>8842807.0</t>
  </si>
  <si>
    <t>25129.0</t>
  </si>
  <si>
    <t>52.214</t>
  </si>
  <si>
    <t>31949.0</t>
  </si>
  <si>
    <t>0.1449</t>
  </si>
  <si>
    <t>410418.0</t>
  </si>
  <si>
    <t>244523.0</t>
  </si>
  <si>
    <t>8870728.0</t>
  </si>
  <si>
    <t>52.379</t>
  </si>
  <si>
    <t>31411.0</t>
  </si>
  <si>
    <t>0.1434</t>
  </si>
  <si>
    <t>25542041.0</t>
  </si>
  <si>
    <t>18131561.0</t>
  </si>
  <si>
    <t>7410480.0</t>
  </si>
  <si>
    <t>389738.0</t>
  </si>
  <si>
    <t>234340.0</t>
  </si>
  <si>
    <t>8901583.0</t>
  </si>
  <si>
    <t>52.561</t>
  </si>
  <si>
    <t>391357.0</t>
  </si>
  <si>
    <t>227160.0</t>
  </si>
  <si>
    <t>8929680.0</t>
  </si>
  <si>
    <t>52.727</t>
  </si>
  <si>
    <t>29619.0</t>
  </si>
  <si>
    <t>26471819.0</t>
  </si>
  <si>
    <t>18580195.0</t>
  </si>
  <si>
    <t>7891624.0</t>
  </si>
  <si>
    <t>390592.0</t>
  </si>
  <si>
    <t>217977.0</t>
  </si>
  <si>
    <t>8959974.0</t>
  </si>
  <si>
    <t>30294.0</t>
  </si>
  <si>
    <t>52.906</t>
  </si>
  <si>
    <t>29141.0</t>
  </si>
  <si>
    <t>354451.0</t>
  </si>
  <si>
    <t>187851.0</t>
  </si>
  <si>
    <t>8992999.0</t>
  </si>
  <si>
    <t>53.101</t>
  </si>
  <si>
    <t>28986.0</t>
  </si>
  <si>
    <t>26993280.0</t>
  </si>
  <si>
    <t>18746000.0</t>
  </si>
  <si>
    <t>8247280.0</t>
  </si>
  <si>
    <t>316021.0</t>
  </si>
  <si>
    <t>4.82</t>
  </si>
  <si>
    <t>156839.0</t>
  </si>
  <si>
    <t>9022437.0</t>
  </si>
  <si>
    <t>29438.0</t>
  </si>
  <si>
    <t>53.275</t>
  </si>
  <si>
    <t>29251.0</t>
  </si>
  <si>
    <t>304807.0</t>
  </si>
  <si>
    <t>148034.0</t>
  </si>
  <si>
    <t>9040187.0</t>
  </si>
  <si>
    <t>17750.0</t>
  </si>
  <si>
    <t>53.38</t>
  </si>
  <si>
    <t>28197.0</t>
  </si>
  <si>
    <t>0.1137</t>
  </si>
  <si>
    <t>27343557.0</t>
  </si>
  <si>
    <t>18945025.0</t>
  </si>
  <si>
    <t>8398532.0</t>
  </si>
  <si>
    <t>293593.0</t>
  </si>
  <si>
    <t>15.97</t>
  </si>
  <si>
    <t>139230.0</t>
  </si>
  <si>
    <t>9065350.0</t>
  </si>
  <si>
    <t>25163.0</t>
  </si>
  <si>
    <t>53.528</t>
  </si>
  <si>
    <t>27803.0</t>
  </si>
  <si>
    <t>0.1075</t>
  </si>
  <si>
    <t>27715325.0</t>
  </si>
  <si>
    <t>19150115.0</t>
  </si>
  <si>
    <t>8565210.0</t>
  </si>
  <si>
    <t>371768.0</t>
  </si>
  <si>
    <t>310469.0</t>
  </si>
  <si>
    <t>1814.0</t>
  </si>
  <si>
    <t>145508.0</t>
  </si>
  <si>
    <t>9092945.0</t>
  </si>
  <si>
    <t>27595.0</t>
  </si>
  <si>
    <t>53.691</t>
  </si>
  <si>
    <t>27337.0</t>
  </si>
  <si>
    <t>28074272.0</t>
  </si>
  <si>
    <t>19340488.0</t>
  </si>
  <si>
    <t>8733784.0</t>
  </si>
  <si>
    <t>358947.0</t>
  </si>
  <si>
    <t>295335.0</t>
  </si>
  <si>
    <t>140659.0</t>
  </si>
  <si>
    <t>9120178.0</t>
  </si>
  <si>
    <t>27233.0</t>
  </si>
  <si>
    <t>53.852</t>
  </si>
  <si>
    <t>27214.0</t>
  </si>
  <si>
    <t>0.1007</t>
  </si>
  <si>
    <t>28576527.0</t>
  </si>
  <si>
    <t>19613839.0</t>
  </si>
  <si>
    <t>8962688.0</t>
  </si>
  <si>
    <t>502255.0</t>
  </si>
  <si>
    <t>147663.0</t>
  </si>
  <si>
    <t>9147706.0</t>
  </si>
  <si>
    <t>54.015</t>
  </si>
  <si>
    <t>26819.0</t>
  </si>
  <si>
    <t>31596628.0</t>
  </si>
  <si>
    <t>19840998.0</t>
  </si>
  <si>
    <t>11755630.0</t>
  </si>
  <si>
    <t>3020101.0</t>
  </si>
  <si>
    <t>694868.0</t>
  </si>
  <si>
    <t>168272.0</t>
  </si>
  <si>
    <t>9177247.0</t>
  </si>
  <si>
    <t>29541.0</t>
  </si>
  <si>
    <t>54.189</t>
  </si>
  <si>
    <t>26321.0</t>
  </si>
  <si>
    <t>0.0965</t>
  </si>
  <si>
    <t>32751434.0</t>
  </si>
  <si>
    <t>20141795.0</t>
  </si>
  <si>
    <t>12609639.0</t>
  </si>
  <si>
    <t>1154806.0</t>
  </si>
  <si>
    <t>822593.0</t>
  </si>
  <si>
    <t>199399.0</t>
  </si>
  <si>
    <t>9204125.0</t>
  </si>
  <si>
    <t>26878.0</t>
  </si>
  <si>
    <t>54.348</t>
  </si>
  <si>
    <t>25955.0</t>
  </si>
  <si>
    <t>866325.0</t>
  </si>
  <si>
    <t>5061.0</t>
  </si>
  <si>
    <t>206201.0</t>
  </si>
  <si>
    <t>9222994.0</t>
  </si>
  <si>
    <t>18869.0</t>
  </si>
  <si>
    <t>54.459</t>
  </si>
  <si>
    <t>26115.0</t>
  </si>
  <si>
    <t>33713954.0</t>
  </si>
  <si>
    <t>20436050.0</t>
  </si>
  <si>
    <t>13277904.0</t>
  </si>
  <si>
    <t>910057.0</t>
  </si>
  <si>
    <t>11.94</t>
  </si>
  <si>
    <t>5316.0</t>
  </si>
  <si>
    <t>213004.0</t>
  </si>
  <si>
    <t>9248068.0</t>
  </si>
  <si>
    <t>25074.0</t>
  </si>
  <si>
    <t>54.607</t>
  </si>
  <si>
    <t>26103.0</t>
  </si>
  <si>
    <t>34288574.0</t>
  </si>
  <si>
    <t>20656175.0</t>
  </si>
  <si>
    <t>13632399.0</t>
  </si>
  <si>
    <t>574620.0</t>
  </si>
  <si>
    <t>939036.0</t>
  </si>
  <si>
    <t>5485.0</t>
  </si>
  <si>
    <t>215151.0</t>
  </si>
  <si>
    <t>9273456.0</t>
  </si>
  <si>
    <t>25388.0</t>
  </si>
  <si>
    <t>25787.0</t>
  </si>
  <si>
    <t>34779989.0</t>
  </si>
  <si>
    <t>20911189.0</t>
  </si>
  <si>
    <t>13868800.0</t>
  </si>
  <si>
    <t>491415.0</t>
  </si>
  <si>
    <t>957960.0</t>
  </si>
  <si>
    <t>5596.0</t>
  </si>
  <si>
    <t>224386.0</t>
  </si>
  <si>
    <t>9305180.0</t>
  </si>
  <si>
    <t>31724.0</t>
  </si>
  <si>
    <t>54.944</t>
  </si>
  <si>
    <t>26429.0</t>
  </si>
  <si>
    <t>35188485.0</t>
  </si>
  <si>
    <t>21139916.0</t>
  </si>
  <si>
    <t>14048569.0</t>
  </si>
  <si>
    <t>408496.0</t>
  </si>
  <si>
    <t>944565.0</t>
  </si>
  <si>
    <t>218011.0</t>
  </si>
  <si>
    <t>9333795.0</t>
  </si>
  <si>
    <t>28615.0</t>
  </si>
  <si>
    <t>55.113</t>
  </si>
  <si>
    <t>26584.0</t>
  </si>
  <si>
    <t>35483633.0</t>
  </si>
  <si>
    <t>21323646.0</t>
  </si>
  <si>
    <t>14159987.0</t>
  </si>
  <si>
    <t>295148.0</t>
  </si>
  <si>
    <t>555286.0</t>
  </si>
  <si>
    <t>211807.0</t>
  </si>
  <si>
    <t>9364944.0</t>
  </si>
  <si>
    <t>31149.0</t>
  </si>
  <si>
    <t>55.297</t>
  </si>
  <si>
    <t>26814.0</t>
  </si>
  <si>
    <t>35861843.0</t>
  </si>
  <si>
    <t>21559401.0</t>
  </si>
  <si>
    <t>14302442.0</t>
  </si>
  <si>
    <t>378210.0</t>
  </si>
  <si>
    <t>444344.0</t>
  </si>
  <si>
    <t>202515.0</t>
  </si>
  <si>
    <t>9394700.0</t>
  </si>
  <si>
    <t>29756.0</t>
  </si>
  <si>
    <t>55.473</t>
  </si>
  <si>
    <t>406758.0</t>
  </si>
  <si>
    <t>201260.0</t>
  </si>
  <si>
    <t>9414368.0</t>
  </si>
  <si>
    <t>19668.0</t>
  </si>
  <si>
    <t>55.589</t>
  </si>
  <si>
    <t>36298150.0</t>
  </si>
  <si>
    <t>21836090.0</t>
  </si>
  <si>
    <t>14462060.0</t>
  </si>
  <si>
    <t>369171.0</t>
  </si>
  <si>
    <t>200006.0</t>
  </si>
  <si>
    <t>9438991.0</t>
  </si>
  <si>
    <t>24623.0</t>
  </si>
  <si>
    <t>55.735</t>
  </si>
  <si>
    <t>27275.0</t>
  </si>
  <si>
    <t>36832791.0</t>
  </si>
  <si>
    <t>22148103.0</t>
  </si>
  <si>
    <t>14684688.0</t>
  </si>
  <si>
    <t>534641.0</t>
  </si>
  <si>
    <t>363460.0</t>
  </si>
  <si>
    <t>21.52</t>
  </si>
  <si>
    <t>213133.0</t>
  </si>
  <si>
    <t>9466422.0</t>
  </si>
  <si>
    <t>55.897</t>
  </si>
  <si>
    <t>27567.0</t>
  </si>
  <si>
    <t>37400947.0</t>
  </si>
  <si>
    <t>22491063.0</t>
  </si>
  <si>
    <t>14909884.0</t>
  </si>
  <si>
    <t>568156.0</t>
  </si>
  <si>
    <t>374423.0</t>
  </si>
  <si>
    <t>13.14</t>
  </si>
  <si>
    <t>225696.0</t>
  </si>
  <si>
    <t>9499749.0</t>
  </si>
  <si>
    <t>33327.0</t>
  </si>
  <si>
    <t>56.093</t>
  </si>
  <si>
    <t>27796.0</t>
  </si>
  <si>
    <t>37936542.0</t>
  </si>
  <si>
    <t>22821357.0</t>
  </si>
  <si>
    <t>15115185.0</t>
  </si>
  <si>
    <t>535595.0</t>
  </si>
  <si>
    <t>392580.0</t>
  </si>
  <si>
    <t>22.16</t>
  </si>
  <si>
    <t>240206.0</t>
  </si>
  <si>
    <t>9528485.0</t>
  </si>
  <si>
    <t>28736.0</t>
  </si>
  <si>
    <t>56.263</t>
  </si>
  <si>
    <t>0.0557</t>
  </si>
  <si>
    <t>38516436.0</t>
  </si>
  <si>
    <t>23164422.0</t>
  </si>
  <si>
    <t>15352014.0</t>
  </si>
  <si>
    <t>579894.0</t>
  </si>
  <si>
    <t>433258.0</t>
  </si>
  <si>
    <t>262968.0</t>
  </si>
  <si>
    <t>9553305.0</t>
  </si>
  <si>
    <t>24820.0</t>
  </si>
  <si>
    <t>26909.0</t>
  </si>
  <si>
    <t>39118015.0</t>
  </si>
  <si>
    <t>23509860.0</t>
  </si>
  <si>
    <t>15608155.0</t>
  </si>
  <si>
    <t>601579.0</t>
  </si>
  <si>
    <t>465167.0</t>
  </si>
  <si>
    <t>9.12</t>
  </si>
  <si>
    <t>278637.0</t>
  </si>
  <si>
    <t>9580446.0</t>
  </si>
  <si>
    <t>27141.0</t>
  </si>
  <si>
    <t>26535.0</t>
  </si>
  <si>
    <t>471212.0</t>
  </si>
  <si>
    <t>278417.0</t>
  </si>
  <si>
    <t>9598264.0</t>
  </si>
  <si>
    <t>17818.0</t>
  </si>
  <si>
    <t>56.675</t>
  </si>
  <si>
    <t>26271.0</t>
  </si>
  <si>
    <t>39638948.0</t>
  </si>
  <si>
    <t>23783472.0</t>
  </si>
  <si>
    <t>15855476.0</t>
  </si>
  <si>
    <t>477257.0</t>
  </si>
  <si>
    <t>278197.0</t>
  </si>
  <si>
    <t>9620485.0</t>
  </si>
  <si>
    <t>22221.0</t>
  </si>
  <si>
    <t>56.806</t>
  </si>
  <si>
    <t>25928.0</t>
  </si>
  <si>
    <t>40317634.0</t>
  </si>
  <si>
    <t>24194096.0</t>
  </si>
  <si>
    <t>16123538.0</t>
  </si>
  <si>
    <t>678686.0</t>
  </si>
  <si>
    <t>497835.0</t>
  </si>
  <si>
    <t>23.55</t>
  </si>
  <si>
    <t>14.13</t>
  </si>
  <si>
    <t>292285.0</t>
  </si>
  <si>
    <t>9648272.0</t>
  </si>
  <si>
    <t>27787.0</t>
  </si>
  <si>
    <t>25979.0</t>
  </si>
  <si>
    <t>40976791.0</t>
  </si>
  <si>
    <t>24575140.0</t>
  </si>
  <si>
    <t>16401651.0</t>
  </si>
  <si>
    <t>659157.0</t>
  </si>
  <si>
    <t>510835.0</t>
  </si>
  <si>
    <t>23.94</t>
  </si>
  <si>
    <t>297725.0</t>
  </si>
  <si>
    <t>9677458.0</t>
  </si>
  <si>
    <t>29186.0</t>
  </si>
  <si>
    <t>41466455.0</t>
  </si>
  <si>
    <t>24877392.0</t>
  </si>
  <si>
    <t>16589063.0</t>
  </si>
  <si>
    <t>489664.0</t>
  </si>
  <si>
    <t>504273.0</t>
  </si>
  <si>
    <t>9.69</t>
  </si>
  <si>
    <t>293719.0</t>
  </si>
  <si>
    <t>9706057.0</t>
  </si>
  <si>
    <t>57.311</t>
  </si>
  <si>
    <t>25367.0</t>
  </si>
  <si>
    <t>48225447.0</t>
  </si>
  <si>
    <t>31502515.0</t>
  </si>
  <si>
    <t>16722932.0</t>
  </si>
  <si>
    <t>6758992.0</t>
  </si>
  <si>
    <t>1387002.0</t>
  </si>
  <si>
    <t>8102.0</t>
  </si>
  <si>
    <t>1191156.0</t>
  </si>
  <si>
    <t>9732626.0</t>
  </si>
  <si>
    <t>26569.0</t>
  </si>
  <si>
    <t>57.468</t>
  </si>
  <si>
    <t>25617.0</t>
  </si>
  <si>
    <t>1396365.0</t>
  </si>
  <si>
    <t>8157.0</t>
  </si>
  <si>
    <t>1226529.0</t>
  </si>
  <si>
    <t>9757296.0</t>
  </si>
  <si>
    <t>24670.0</t>
  </si>
  <si>
    <t>57.614</t>
  </si>
  <si>
    <t>25264.0</t>
  </si>
  <si>
    <t>49559691.0</t>
  </si>
  <si>
    <t>32688608.0</t>
  </si>
  <si>
    <t>16871083.0</t>
  </si>
  <si>
    <t>1454458.0</t>
  </si>
  <si>
    <t>28.95</t>
  </si>
  <si>
    <t>8496.0</t>
  </si>
  <si>
    <t>1291706.0</t>
  </si>
  <si>
    <t>9774579.0</t>
  </si>
  <si>
    <t>17283.0</t>
  </si>
  <si>
    <t>57.716</t>
  </si>
  <si>
    <t>25188.0</t>
  </si>
  <si>
    <t>1504836.0</t>
  </si>
  <si>
    <t>8791.0</t>
  </si>
  <si>
    <t>1341768.0</t>
  </si>
  <si>
    <t>9795825.0</t>
  </si>
  <si>
    <t>57.842</t>
  </si>
  <si>
    <t>25049.0</t>
  </si>
  <si>
    <t>50785915.0</t>
  </si>
  <si>
    <t>33663082.0</t>
  </si>
  <si>
    <t>17122833.0</t>
  </si>
  <si>
    <t>1495469.0</t>
  </si>
  <si>
    <t>8736.0</t>
  </si>
  <si>
    <t>1352712.0</t>
  </si>
  <si>
    <t>9820753.0</t>
  </si>
  <si>
    <t>24640.0</t>
  </si>
  <si>
    <t>51375351.0</t>
  </si>
  <si>
    <t>34114445.0</t>
  </si>
  <si>
    <t>17260906.0</t>
  </si>
  <si>
    <t>589436.0</t>
  </si>
  <si>
    <t>1485509.0</t>
  </si>
  <si>
    <t>1362758.0</t>
  </si>
  <si>
    <t>9846252.0</t>
  </si>
  <si>
    <t>25499.0</t>
  </si>
  <si>
    <t>58.139</t>
  </si>
  <si>
    <t>24113.0</t>
  </si>
  <si>
    <t>51928350.0</t>
  </si>
  <si>
    <t>34525911.0</t>
  </si>
  <si>
    <t>17402439.0</t>
  </si>
  <si>
    <t>552999.0</t>
  </si>
  <si>
    <t>1494556.0</t>
  </si>
  <si>
    <t>20.17</t>
  </si>
  <si>
    <t>8731.0</t>
  </si>
  <si>
    <t>1378360.0</t>
  </si>
  <si>
    <t>9870628.0</t>
  </si>
  <si>
    <t>58.283</t>
  </si>
  <si>
    <t>52528324.0</t>
  </si>
  <si>
    <t>34972074.0</t>
  </si>
  <si>
    <t>17556250.0</t>
  </si>
  <si>
    <t>599974.0</t>
  </si>
  <si>
    <t>495651.0</t>
  </si>
  <si>
    <t>9892949.0</t>
  </si>
  <si>
    <t>22321.0</t>
  </si>
  <si>
    <t>58.415</t>
  </si>
  <si>
    <t>22903.0</t>
  </si>
  <si>
    <t>53089129.0</t>
  </si>
  <si>
    <t>35378370.0</t>
  </si>
  <si>
    <t>17710759.0</t>
  </si>
  <si>
    <t>560805.0</t>
  </si>
  <si>
    <t>599509.0</t>
  </si>
  <si>
    <t>31.01</t>
  </si>
  <si>
    <t>468973.0</t>
  </si>
  <si>
    <t>9916251.0</t>
  </si>
  <si>
    <t>23302.0</t>
  </si>
  <si>
    <t>58.553</t>
  </si>
  <si>
    <t>22708.0</t>
  </si>
  <si>
    <t>517885.0</t>
  </si>
  <si>
    <t>393876.0</t>
  </si>
  <si>
    <t>9933176.0</t>
  </si>
  <si>
    <t>16925.0</t>
  </si>
  <si>
    <t>58.653</t>
  </si>
  <si>
    <t>22657.0</t>
  </si>
  <si>
    <t>53280648.0</t>
  </si>
  <si>
    <t>35513117.0</t>
  </si>
  <si>
    <t>17767531.0</t>
  </si>
  <si>
    <t>443978.0</t>
  </si>
  <si>
    <t>31.12</t>
  </si>
  <si>
    <t>20.75</t>
  </si>
  <si>
    <t>333896.0</t>
  </si>
  <si>
    <t>9953531.0</t>
  </si>
  <si>
    <t>20355.0</t>
  </si>
  <si>
    <t>58.773</t>
  </si>
  <si>
    <t>22529.0</t>
  </si>
  <si>
    <t>54191063.0</t>
  </si>
  <si>
    <t>36162135.0</t>
  </si>
  <si>
    <t>18028928.0</t>
  </si>
  <si>
    <t>910415.0</t>
  </si>
  <si>
    <t>486450.0</t>
  </si>
  <si>
    <t>21.12</t>
  </si>
  <si>
    <t>357008.0</t>
  </si>
  <si>
    <t>9976724.0</t>
  </si>
  <si>
    <t>23193.0</t>
  </si>
  <si>
    <t>22282.0</t>
  </si>
  <si>
    <t>54798986.0</t>
  </si>
  <si>
    <t>36580037.0</t>
  </si>
  <si>
    <t>18218949.0</t>
  </si>
  <si>
    <t>607923.0</t>
  </si>
  <si>
    <t>489091.0</t>
  </si>
  <si>
    <t>352227.0</t>
  </si>
  <si>
    <t>9999879.0</t>
  </si>
  <si>
    <t>23155.0</t>
  </si>
  <si>
    <t>59.046</t>
  </si>
  <si>
    <t>21947.0</t>
  </si>
  <si>
    <t>55279822.0</t>
  </si>
  <si>
    <t>36897472.0</t>
  </si>
  <si>
    <t>18382350.0</t>
  </si>
  <si>
    <t>480836.0</t>
  </si>
  <si>
    <t>478782.0</t>
  </si>
  <si>
    <t>2797.0</t>
  </si>
  <si>
    <t>338794.0</t>
  </si>
  <si>
    <t>10022032.0</t>
  </si>
  <si>
    <t>22153.0</t>
  </si>
  <si>
    <t>59.177</t>
  </si>
  <si>
    <t>21629.0</t>
  </si>
  <si>
    <t>55723900.0</t>
  </si>
  <si>
    <t>37180111.0</t>
  </si>
  <si>
    <t>18543789.0</t>
  </si>
  <si>
    <t>444078.0</t>
  </si>
  <si>
    <t>456511.0</t>
  </si>
  <si>
    <t>21.72</t>
  </si>
  <si>
    <t>315434.0</t>
  </si>
  <si>
    <t>10043600.0</t>
  </si>
  <si>
    <t>21568.0</t>
  </si>
  <si>
    <t>59.305</t>
  </si>
  <si>
    <t>21522.0</t>
  </si>
  <si>
    <t>56118944.0</t>
  </si>
  <si>
    <t>37436111.0</t>
  </si>
  <si>
    <t>18682833.0</t>
  </si>
  <si>
    <t>395044.0</t>
  </si>
  <si>
    <t>432831.0</t>
  </si>
  <si>
    <t>32.78</t>
  </si>
  <si>
    <t>21.87</t>
  </si>
  <si>
    <t>293963.0</t>
  </si>
  <si>
    <t>10062580.0</t>
  </si>
  <si>
    <t>59.417</t>
  </si>
  <si>
    <t>20904.0</t>
  </si>
  <si>
    <t>420156.0</t>
  </si>
  <si>
    <t>285339.0</t>
  </si>
  <si>
    <t>10078160.0</t>
  </si>
  <si>
    <t>15580.0</t>
  </si>
  <si>
    <t>59.509</t>
  </si>
  <si>
    <t>56133021.0</t>
  </si>
  <si>
    <t>37450120.0</t>
  </si>
  <si>
    <t>18682901.0</t>
  </si>
  <si>
    <t>407482.0</t>
  </si>
  <si>
    <t>21.88</t>
  </si>
  <si>
    <t>276715.0</t>
  </si>
  <si>
    <t>10096257.0</t>
  </si>
  <si>
    <t>18097.0</t>
  </si>
  <si>
    <t>59.615</t>
  </si>
  <si>
    <t>20389.0</t>
  </si>
  <si>
    <t>56317857.0</t>
  </si>
  <si>
    <t>37575990.0</t>
  </si>
  <si>
    <t>18741867.0</t>
  </si>
  <si>
    <t>184836.0</t>
  </si>
  <si>
    <t>303828.0</t>
  </si>
  <si>
    <t>21.95</t>
  </si>
  <si>
    <t>201979.0</t>
  </si>
  <si>
    <t>10115069.0</t>
  </si>
  <si>
    <t>18812.0</t>
  </si>
  <si>
    <t>59.727</t>
  </si>
  <si>
    <t>19764.0</t>
  </si>
  <si>
    <t>0.0207</t>
  </si>
  <si>
    <t>48.2</t>
  </si>
  <si>
    <t>57279405.0</t>
  </si>
  <si>
    <t>38180638.0</t>
  </si>
  <si>
    <t>19098767.0</t>
  </si>
  <si>
    <t>961548.0</t>
  </si>
  <si>
    <t>354346.0</t>
  </si>
  <si>
    <t>228657.0</t>
  </si>
  <si>
    <t>10136377.0</t>
  </si>
  <si>
    <t>21308.0</t>
  </si>
  <si>
    <t>59.852</t>
  </si>
  <si>
    <t>57876338.0</t>
  </si>
  <si>
    <t>38544256.0</t>
  </si>
  <si>
    <t>19332082.0</t>
  </si>
  <si>
    <t>596933.0</t>
  </si>
  <si>
    <t>370931.0</t>
  </si>
  <si>
    <t>235255.0</t>
  </si>
  <si>
    <t>10156770.0</t>
  </si>
  <si>
    <t>20393.0</t>
  </si>
  <si>
    <t>59.973</t>
  </si>
  <si>
    <t>19248.0</t>
  </si>
  <si>
    <t>347654.0</t>
  </si>
  <si>
    <t>218504.0</t>
  </si>
  <si>
    <t>10172858.0</t>
  </si>
  <si>
    <t>16088.0</t>
  </si>
  <si>
    <t>60.068</t>
  </si>
  <si>
    <t>18465.0</t>
  </si>
  <si>
    <t>58438612.0</t>
  </si>
  <si>
    <t>38875016.0</t>
  </si>
  <si>
    <t>19563596.0</t>
  </si>
  <si>
    <t>34.14</t>
  </si>
  <si>
    <t>1936.0</t>
  </si>
  <si>
    <t>205558.0</t>
  </si>
  <si>
    <t>10189958.0</t>
  </si>
  <si>
    <t>17100.0</t>
  </si>
  <si>
    <t>60.169</t>
  </si>
  <si>
    <t>18197.0</t>
  </si>
  <si>
    <t>452864.0</t>
  </si>
  <si>
    <t>276982.0</t>
  </si>
  <si>
    <t>10205000.0</t>
  </si>
  <si>
    <t>60.258</t>
  </si>
  <si>
    <t>18120.0</t>
  </si>
  <si>
    <t>60153454.0</t>
  </si>
  <si>
    <t>39888958.0</t>
  </si>
  <si>
    <t>20264496.0</t>
  </si>
  <si>
    <t>574348.0</t>
  </si>
  <si>
    <t>348405.0</t>
  </si>
  <si>
    <t>10223485.0</t>
  </si>
  <si>
    <t>18485.0</t>
  </si>
  <si>
    <t>60.367</t>
  </si>
  <si>
    <t>18175.0</t>
  </si>
  <si>
    <t>599244.0</t>
  </si>
  <si>
    <t>358430.0</t>
  </si>
  <si>
    <t>10244258.0</t>
  </si>
  <si>
    <t>20773.0</t>
  </si>
  <si>
    <t>18456.0</t>
  </si>
  <si>
    <t>0.0167</t>
  </si>
  <si>
    <t>60871683.0</t>
  </si>
  <si>
    <t>40281045.0</t>
  </si>
  <si>
    <t>20590638.0</t>
  </si>
  <si>
    <t>513183.0</t>
  </si>
  <si>
    <t>300058.0</t>
  </si>
  <si>
    <t>10263442.0</t>
  </si>
  <si>
    <t>19184.0</t>
  </si>
  <si>
    <t>60.603</t>
  </si>
  <si>
    <t>18152.0</t>
  </si>
  <si>
    <t>657392.0</t>
  </si>
  <si>
    <t>283901.0</t>
  </si>
  <si>
    <t>10283393.0</t>
  </si>
  <si>
    <t>18089.0</t>
  </si>
  <si>
    <t>846715.0</t>
  </si>
  <si>
    <t>296064.0</t>
  </si>
  <si>
    <t>10302928.0</t>
  </si>
  <si>
    <t>60.836</t>
  </si>
  <si>
    <t>1036038.0</t>
  </si>
  <si>
    <t>308227.0</t>
  </si>
  <si>
    <t>10320739.0</t>
  </si>
  <si>
    <t>17811.0</t>
  </si>
  <si>
    <t>60.941</t>
  </si>
  <si>
    <t>18683.0</t>
  </si>
  <si>
    <t>1143035.0</t>
  </si>
  <si>
    <t>6677.0</t>
  </si>
  <si>
    <t>271592.0</t>
  </si>
  <si>
    <t>10333979.0</t>
  </si>
  <si>
    <t>13240.0</t>
  </si>
  <si>
    <t>61.019</t>
  </si>
  <si>
    <t>1250032.0</t>
  </si>
  <si>
    <t>7302.0</t>
  </si>
  <si>
    <t>234956.0</t>
  </si>
  <si>
    <t>10351205.0</t>
  </si>
  <si>
    <t>61.121</t>
  </si>
  <si>
    <t>18246.0</t>
  </si>
  <si>
    <t>70510078.0</t>
  </si>
  <si>
    <t>41784170.0</t>
  </si>
  <si>
    <t>28725908.0</t>
  </si>
  <si>
    <t>1428216.0</t>
  </si>
  <si>
    <t>8343.0</t>
  </si>
  <si>
    <t>242738.0</t>
  </si>
  <si>
    <t>10370939.0</t>
  </si>
  <si>
    <t>19734.0</t>
  </si>
  <si>
    <t>61.237</t>
  </si>
  <si>
    <t>71392153.0</t>
  </si>
  <si>
    <t>42156550.0</t>
  </si>
  <si>
    <t>29235603.0</t>
  </si>
  <si>
    <t>882075.0</t>
  </si>
  <si>
    <t>1502924.0</t>
  </si>
  <si>
    <t>17.08</t>
  </si>
  <si>
    <t>8779.0</t>
  </si>
  <si>
    <t>267929.0</t>
  </si>
  <si>
    <t>10390970.0</t>
  </si>
  <si>
    <t>20031.0</t>
  </si>
  <si>
    <t>61.356</t>
  </si>
  <si>
    <t>18218.0</t>
  </si>
  <si>
    <t>72027089.0</t>
  </si>
  <si>
    <t>42464397.0</t>
  </si>
  <si>
    <t>29562692.0</t>
  </si>
  <si>
    <t>634936.0</t>
  </si>
  <si>
    <t>1364144.0</t>
  </si>
  <si>
    <t>276119.0</t>
  </si>
  <si>
    <t>10410493.0</t>
  </si>
  <si>
    <t>19523.0</t>
  </si>
  <si>
    <t>61.471</t>
  </si>
  <si>
    <t>18157.0</t>
  </si>
  <si>
    <t>72711848.0</t>
  </si>
  <si>
    <t>42816155.0</t>
  </si>
  <si>
    <t>29895693.0</t>
  </si>
  <si>
    <t>684759.0</t>
  </si>
  <si>
    <t>1232481.0</t>
  </si>
  <si>
    <t>7200.0</t>
  </si>
  <si>
    <t>290581.0</t>
  </si>
  <si>
    <t>10429183.0</t>
  </si>
  <si>
    <t>18690.0</t>
  </si>
  <si>
    <t>61.581</t>
  </si>
  <si>
    <t>18036.0</t>
  </si>
  <si>
    <t>73306117.0</t>
  </si>
  <si>
    <t>43100706.0</t>
  </si>
  <si>
    <t>30205411.0</t>
  </si>
  <si>
    <t>594269.0</t>
  </si>
  <si>
    <t>1087891.0</t>
  </si>
  <si>
    <t>295443.0</t>
  </si>
  <si>
    <t>10446629.0</t>
  </si>
  <si>
    <t>61.684</t>
  </si>
  <si>
    <t>17984.0</t>
  </si>
  <si>
    <t>95.2</t>
  </si>
  <si>
    <t>899101.0</t>
  </si>
  <si>
    <t>277941.0</t>
  </si>
  <si>
    <t>10459701.0</t>
  </si>
  <si>
    <t>61.762</t>
  </si>
  <si>
    <t>73875852.0</t>
  </si>
  <si>
    <t>43356721.0</t>
  </si>
  <si>
    <t>30519131.0</t>
  </si>
  <si>
    <t>710310.0</t>
  </si>
  <si>
    <t>43.16</t>
  </si>
  <si>
    <t>17.83</t>
  </si>
  <si>
    <t>260439.0</t>
  </si>
  <si>
    <t>10474935.0</t>
  </si>
  <si>
    <t>15234.0</t>
  </si>
  <si>
    <t>61.851</t>
  </si>
  <si>
    <t>17676.0</t>
  </si>
  <si>
    <t>75557364.0</t>
  </si>
  <si>
    <t>44688518.0</t>
  </si>
  <si>
    <t>30868846.0</t>
  </si>
  <si>
    <t>1681512.0</t>
  </si>
  <si>
    <t>721041.0</t>
  </si>
  <si>
    <t>414907.0</t>
  </si>
  <si>
    <t>10491747.0</t>
  </si>
  <si>
    <t>16812.0</t>
  </si>
  <si>
    <t>61.951</t>
  </si>
  <si>
    <t>76877974.0</t>
  </si>
  <si>
    <t>45591578.0</t>
  </si>
  <si>
    <t>31286396.0</t>
  </si>
  <si>
    <t>1320610.0</t>
  </si>
  <si>
    <t>783689.0</t>
  </si>
  <si>
    <t>4578.0</t>
  </si>
  <si>
    <t>490718.0</t>
  </si>
  <si>
    <t>10509277.0</t>
  </si>
  <si>
    <t>17530.0</t>
  </si>
  <si>
    <t>62.054</t>
  </si>
  <si>
    <t>16901.0</t>
  </si>
  <si>
    <t>78356722.0</t>
  </si>
  <si>
    <t>46730449.0</t>
  </si>
  <si>
    <t>31626273.0</t>
  </si>
  <si>
    <t>1478748.0</t>
  </si>
  <si>
    <t>904233.0</t>
  </si>
  <si>
    <t>18.47</t>
  </si>
  <si>
    <t>609436.0</t>
  </si>
  <si>
    <t>10527264.0</t>
  </si>
  <si>
    <t>17987.0</t>
  </si>
  <si>
    <t>81082237.0</t>
  </si>
  <si>
    <t>49114910.0</t>
  </si>
  <si>
    <t>31967327.0</t>
  </si>
  <si>
    <t>2725515.0</t>
  </si>
  <si>
    <t>1195770.0</t>
  </si>
  <si>
    <t>6985.0</t>
  </si>
  <si>
    <t>899822.0</t>
  </si>
  <si>
    <t>10546808.0</t>
  </si>
  <si>
    <t>19544.0</t>
  </si>
  <si>
    <t>62.276</t>
  </si>
  <si>
    <t>82592588.0</t>
  </si>
  <si>
    <t>50328975.0</t>
  </si>
  <si>
    <t>32263613.0</t>
  </si>
  <si>
    <t>1510351.0</t>
  </si>
  <si>
    <t>1326639.0</t>
  </si>
  <si>
    <t>7750.0</t>
  </si>
  <si>
    <t>1032610.0</t>
  </si>
  <si>
    <t>10564039.0</t>
  </si>
  <si>
    <t>17231.0</t>
  </si>
  <si>
    <t>62.378</t>
  </si>
  <si>
    <t>1374897.0</t>
  </si>
  <si>
    <t>8032.0</t>
  </si>
  <si>
    <t>1083627.0</t>
  </si>
  <si>
    <t>10577608.0</t>
  </si>
  <si>
    <t>62.458</t>
  </si>
  <si>
    <t>16844.0</t>
  </si>
  <si>
    <t>83837945.0</t>
  </si>
  <si>
    <t>51299236.0</t>
  </si>
  <si>
    <t>32538709.0</t>
  </si>
  <si>
    <t>1423156.0</t>
  </si>
  <si>
    <t>29.97</t>
  </si>
  <si>
    <t>19.01</t>
  </si>
  <si>
    <t>1134645.0</t>
  </si>
  <si>
    <t>10597125.0</t>
  </si>
  <si>
    <t>19517.0</t>
  </si>
  <si>
    <t>62.573</t>
  </si>
  <si>
    <t>17456.0</t>
  </si>
  <si>
    <t>84319490.0</t>
  </si>
  <si>
    <t>51510392.0</t>
  </si>
  <si>
    <t>32809098.0</t>
  </si>
  <si>
    <t>481545.0</t>
  </si>
  <si>
    <t>1251732.0</t>
  </si>
  <si>
    <t>49.26</t>
  </si>
  <si>
    <t>7312.0</t>
  </si>
  <si>
    <t>974553.0</t>
  </si>
  <si>
    <t>10614825.0</t>
  </si>
  <si>
    <t>17700.0</t>
  </si>
  <si>
    <t>62.677</t>
  </si>
  <si>
    <t>17583.0</t>
  </si>
  <si>
    <t>84936742.0</t>
  </si>
  <si>
    <t>51788929.0</t>
  </si>
  <si>
    <t>33147813.0</t>
  </si>
  <si>
    <t>617252.0</t>
  </si>
  <si>
    <t>1151253.0</t>
  </si>
  <si>
    <t>49.62</t>
  </si>
  <si>
    <t>30.25</t>
  </si>
  <si>
    <t>19.36</t>
  </si>
  <si>
    <t>6725.0</t>
  </si>
  <si>
    <t>885336.0</t>
  </si>
  <si>
    <t>10635589.0</t>
  </si>
  <si>
    <t>20764.0</t>
  </si>
  <si>
    <t>18045.0</t>
  </si>
  <si>
    <t>1034992.0</t>
  </si>
  <si>
    <t>775353.0</t>
  </si>
  <si>
    <t>10655259.0</t>
  </si>
  <si>
    <t>19670.0</t>
  </si>
  <si>
    <t>62.916</t>
  </si>
  <si>
    <t>86266596.0</t>
  </si>
  <si>
    <t>52526916.0</t>
  </si>
  <si>
    <t>33739680.0</t>
  </si>
  <si>
    <t>740623.0</t>
  </si>
  <si>
    <t>487429.0</t>
  </si>
  <si>
    <t>10674766.0</t>
  </si>
  <si>
    <t>63.031</t>
  </si>
  <si>
    <t>18280.0</t>
  </si>
  <si>
    <t>86995218.0</t>
  </si>
  <si>
    <t>52995353.0</t>
  </si>
  <si>
    <t>33999865.0</t>
  </si>
  <si>
    <t>728622.0</t>
  </si>
  <si>
    <t>628947.0</t>
  </si>
  <si>
    <t>50.82</t>
  </si>
  <si>
    <t>3674.0</t>
  </si>
  <si>
    <t>380911.0</t>
  </si>
  <si>
    <t>10692890.0</t>
  </si>
  <si>
    <t>18124.0</t>
  </si>
  <si>
    <t>63.138</t>
  </si>
  <si>
    <t>18407.0</t>
  </si>
  <si>
    <t>652914.0</t>
  </si>
  <si>
    <t>391003.0</t>
  </si>
  <si>
    <t>10707997.0</t>
  </si>
  <si>
    <t>15107.0</t>
  </si>
  <si>
    <t>63.228</t>
  </si>
  <si>
    <t>18627.0</t>
  </si>
  <si>
    <t>676880.0</t>
  </si>
  <si>
    <t>401094.0</t>
  </si>
  <si>
    <t>10725132.0</t>
  </si>
  <si>
    <t>17135.0</t>
  </si>
  <si>
    <t>63.329</t>
  </si>
  <si>
    <t>721009.0</t>
  </si>
  <si>
    <t>450324.0</t>
  </si>
  <si>
    <t>10743746.0</t>
  </si>
  <si>
    <t>63.439</t>
  </si>
  <si>
    <t>745751.0</t>
  </si>
  <si>
    <t>489929.0</t>
  </si>
  <si>
    <t>10763314.0</t>
  </si>
  <si>
    <t>63.554</t>
  </si>
  <si>
    <t>763682.0</t>
  </si>
  <si>
    <t>516612.0</t>
  </si>
  <si>
    <t>10784316.0</t>
  </si>
  <si>
    <t>21002.0</t>
  </si>
  <si>
    <t>63.678</t>
  </si>
  <si>
    <t>18437.0</t>
  </si>
  <si>
    <t>91737886.0</t>
  </si>
  <si>
    <t>56329974.0</t>
  </si>
  <si>
    <t>35407912.0</t>
  </si>
  <si>
    <t>781613.0</t>
  </si>
  <si>
    <t>53.59</t>
  </si>
  <si>
    <t>543294.0</t>
  </si>
  <si>
    <t>10803204.0</t>
  </si>
  <si>
    <t>18888.0</t>
  </si>
  <si>
    <t>18348.0</t>
  </si>
  <si>
    <t>92730087.0</t>
  </si>
  <si>
    <t>57042291.0</t>
  </si>
  <si>
    <t>35687796.0</t>
  </si>
  <si>
    <t>992201.0</t>
  </si>
  <si>
    <t>819267.0</t>
  </si>
  <si>
    <t>33.32</t>
  </si>
  <si>
    <t>578134.0</t>
  </si>
  <si>
    <t>10820120.0</t>
  </si>
  <si>
    <t>16916.0</t>
  </si>
  <si>
    <t>781816.0</t>
  </si>
  <si>
    <t>4567.0</t>
  </si>
  <si>
    <t>554117.0</t>
  </si>
  <si>
    <t>10833582.0</t>
  </si>
  <si>
    <t>63.969</t>
  </si>
  <si>
    <t>17941.0</t>
  </si>
  <si>
    <t>93786656.0</t>
  </si>
  <si>
    <t>57817590.0</t>
  </si>
  <si>
    <t>35969066.0</t>
  </si>
  <si>
    <t>744364.0</t>
  </si>
  <si>
    <t>54.79</t>
  </si>
  <si>
    <t>530100.0</t>
  </si>
  <si>
    <t>10853393.0</t>
  </si>
  <si>
    <t>19811.0</t>
  </si>
  <si>
    <t>64.086</t>
  </si>
  <si>
    <t>93786813.0</t>
  </si>
  <si>
    <t>35969223.0</t>
  </si>
  <si>
    <t>631466.0</t>
  </si>
  <si>
    <t>450704.0</t>
  </si>
  <si>
    <t>10870284.0</t>
  </si>
  <si>
    <t>16891.0</t>
  </si>
  <si>
    <t>64.186</t>
  </si>
  <si>
    <t>18077.0</t>
  </si>
  <si>
    <t>0.0131</t>
  </si>
  <si>
    <t>95707592.0</t>
  </si>
  <si>
    <t>59286893.0</t>
  </si>
  <si>
    <t>36420699.0</t>
  </si>
  <si>
    <t>1920779.0</t>
  </si>
  <si>
    <t>792942.0</t>
  </si>
  <si>
    <t>21.28</t>
  </si>
  <si>
    <t>4632.0</t>
  </si>
  <si>
    <t>581208.0</t>
  </si>
  <si>
    <t>10890086.0</t>
  </si>
  <si>
    <t>19802.0</t>
  </si>
  <si>
    <t>64.303</t>
  </si>
  <si>
    <t>96434845.0</t>
  </si>
  <si>
    <t>59839716.0</t>
  </si>
  <si>
    <t>36595129.0</t>
  </si>
  <si>
    <t>727253.0</t>
  </si>
  <si>
    <t>783915.0</t>
  </si>
  <si>
    <t>580787.0</t>
  </si>
  <si>
    <t>10908937.0</t>
  </si>
  <si>
    <t>18851.0</t>
  </si>
  <si>
    <t>64.414</t>
  </si>
  <si>
    <t>17803.0</t>
  </si>
  <si>
    <t>98566118.0</t>
  </si>
  <si>
    <t>61614159.0</t>
  </si>
  <si>
    <t>36951959.0</t>
  </si>
  <si>
    <t>2131273.0</t>
  </si>
  <si>
    <t>975462.0</t>
  </si>
  <si>
    <t>754884.0</t>
  </si>
  <si>
    <t>10929994.0</t>
  </si>
  <si>
    <t>21057.0</t>
  </si>
  <si>
    <t>64.538</t>
  </si>
  <si>
    <t>18113.0</t>
  </si>
  <si>
    <t>99871848.0</t>
  </si>
  <si>
    <t>62612672.0</t>
  </si>
  <si>
    <t>37259176.0</t>
  </si>
  <si>
    <t>1305730.0</t>
  </si>
  <si>
    <t>1020252.0</t>
  </si>
  <si>
    <t>36.58</t>
  </si>
  <si>
    <t>795769.0</t>
  </si>
  <si>
    <t>10947381.0</t>
  </si>
  <si>
    <t>17387.0</t>
  </si>
  <si>
    <t>64.641</t>
  </si>
  <si>
    <t>18180.0</t>
  </si>
  <si>
    <t>1039533.0</t>
  </si>
  <si>
    <t>813748.0</t>
  </si>
  <si>
    <t>10963809.0</t>
  </si>
  <si>
    <t>16428.0</t>
  </si>
  <si>
    <t>64.738</t>
  </si>
  <si>
    <t>18604.0</t>
  </si>
  <si>
    <t>101198354.0</t>
  </si>
  <si>
    <t>63639683.0</t>
  </si>
  <si>
    <t>37558671.0</t>
  </si>
  <si>
    <t>1058814.0</t>
  </si>
  <si>
    <t>59.12</t>
  </si>
  <si>
    <t>37.18</t>
  </si>
  <si>
    <t>6185.0</t>
  </si>
  <si>
    <t>831728.0</t>
  </si>
  <si>
    <t>10982941.0</t>
  </si>
  <si>
    <t>19132.0</t>
  </si>
  <si>
    <t>64.851</t>
  </si>
  <si>
    <t>18507.0</t>
  </si>
  <si>
    <t>102108505.0</t>
  </si>
  <si>
    <t>64284262.0</t>
  </si>
  <si>
    <t>37824243.0</t>
  </si>
  <si>
    <t>910151.0</t>
  </si>
  <si>
    <t>1188813.0</t>
  </si>
  <si>
    <t>6945.0</t>
  </si>
  <si>
    <t>923810.0</t>
  </si>
  <si>
    <t>11002178.0</t>
  </si>
  <si>
    <t>19237.0</t>
  </si>
  <si>
    <t>64.965</t>
  </si>
  <si>
    <t>18842.0</t>
  </si>
  <si>
    <t>103091820.0</t>
  </si>
  <si>
    <t>64958515.0</t>
  </si>
  <si>
    <t>38133305.0</t>
  </si>
  <si>
    <t>983315.0</t>
  </si>
  <si>
    <t>1054890.0</t>
  </si>
  <si>
    <t>810232.0</t>
  </si>
  <si>
    <t>11022192.0</t>
  </si>
  <si>
    <t>20014.0</t>
  </si>
  <si>
    <t>65.083</t>
  </si>
  <si>
    <t>18872.0</t>
  </si>
  <si>
    <t>103668706.0</t>
  </si>
  <si>
    <t>65176140.0</t>
  </si>
  <si>
    <t>38492566.0</t>
  </si>
  <si>
    <t>576886.0</t>
  </si>
  <si>
    <t>1033409.0</t>
  </si>
  <si>
    <t>762346.0</t>
  </si>
  <si>
    <t>11042741.0</t>
  </si>
  <si>
    <t>20549.0</t>
  </si>
  <si>
    <t>65.204</t>
  </si>
  <si>
    <t>19115.0</t>
  </si>
  <si>
    <t>105138474.0</t>
  </si>
  <si>
    <t>65484710.0</t>
  </si>
  <si>
    <t>39653764.0</t>
  </si>
  <si>
    <t>1469768.0</t>
  </si>
  <si>
    <t>938908.0</t>
  </si>
  <si>
    <t>552936.0</t>
  </si>
  <si>
    <t>11064237.0</t>
  </si>
  <si>
    <t>65.331</t>
  </si>
  <si>
    <t>19178.0</t>
  </si>
  <si>
    <t>106575146.0</t>
  </si>
  <si>
    <t>65835395.0</t>
  </si>
  <si>
    <t>40739751.0</t>
  </si>
  <si>
    <t>1436672.0</t>
  </si>
  <si>
    <t>957614.0</t>
  </si>
  <si>
    <t>460389.0</t>
  </si>
  <si>
    <t>11084289.0</t>
  </si>
  <si>
    <t>20052.0</t>
  </si>
  <si>
    <t>19558.0</t>
  </si>
  <si>
    <t>981400.0</t>
  </si>
  <si>
    <t>5733.0</t>
  </si>
  <si>
    <t>442482.0</t>
  </si>
  <si>
    <t>11099921.0</t>
  </si>
  <si>
    <t>65.542</t>
  </si>
  <si>
    <t>1005187.0</t>
  </si>
  <si>
    <t>424574.0</t>
  </si>
  <si>
    <t>11121533.0</t>
  </si>
  <si>
    <t>65.669</t>
  </si>
  <si>
    <t>19799.0</t>
  </si>
  <si>
    <t>993702.0</t>
  </si>
  <si>
    <t>387942.0</t>
  </si>
  <si>
    <t>11143570.0</t>
  </si>
  <si>
    <t>22037.0</t>
  </si>
  <si>
    <t>20199.0</t>
  </si>
  <si>
    <t>971765.0</t>
  </si>
  <si>
    <t>347070.0</t>
  </si>
  <si>
    <t>11166440.0</t>
  </si>
  <si>
    <t>22870.0</t>
  </si>
  <si>
    <t>65.935</t>
  </si>
  <si>
    <t>1007889.0</t>
  </si>
  <si>
    <t>371432.0</t>
  </si>
  <si>
    <t>11194593.0</t>
  </si>
  <si>
    <t>28153.0</t>
  </si>
  <si>
    <t>66.101</t>
  </si>
  <si>
    <t>21693.0</t>
  </si>
  <si>
    <t>916459.0</t>
  </si>
  <si>
    <t>382801.0</t>
  </si>
  <si>
    <t>11219796.0</t>
  </si>
  <si>
    <t>22223.0</t>
  </si>
  <si>
    <t>77.4</t>
  </si>
  <si>
    <t>829757.0</t>
  </si>
  <si>
    <t>388153.0</t>
  </si>
  <si>
    <t>11236106.0</t>
  </si>
  <si>
    <t>16310.0</t>
  </si>
  <si>
    <t>66.346</t>
  </si>
  <si>
    <t>21688.0</t>
  </si>
  <si>
    <t>11250097.0</t>
  </si>
  <si>
    <t>13991.0</t>
  </si>
  <si>
    <t>66.429</t>
  </si>
  <si>
    <t>21454.0</t>
  </si>
  <si>
    <t>11267429.0</t>
  </si>
  <si>
    <t>66.531</t>
  </si>
  <si>
    <t>20842.0</t>
  </si>
  <si>
    <t>11287384.0</t>
  </si>
  <si>
    <t>19955.0</t>
  </si>
  <si>
    <t>66.649</t>
  </si>
  <si>
    <t>20545.0</t>
  </si>
  <si>
    <t>88.1</t>
  </si>
  <si>
    <t>11308293.0</t>
  </si>
  <si>
    <t>20909.0</t>
  </si>
  <si>
    <t>66.772</t>
  </si>
  <si>
    <t>20265.0</t>
  </si>
  <si>
    <t>11327072.0</t>
  </si>
  <si>
    <t>18926.0</t>
  </si>
  <si>
    <t>11346696.0</t>
  </si>
  <si>
    <t>19624.0</t>
  </si>
  <si>
    <t>66.999</t>
  </si>
  <si>
    <t>18129.0</t>
  </si>
  <si>
    <t>11363609.0</t>
  </si>
  <si>
    <t>16913.0</t>
  </si>
  <si>
    <t>67.099</t>
  </si>
  <si>
    <t>18215.0</t>
  </si>
  <si>
    <t>11377308.0</t>
  </si>
  <si>
    <t>13699.0</t>
  </si>
  <si>
    <t>18173.0</t>
  </si>
  <si>
    <t>60.2</t>
  </si>
  <si>
    <t>11394380.0</t>
  </si>
  <si>
    <t>17072.0</t>
  </si>
  <si>
    <t>67.281</t>
  </si>
  <si>
    <t>18136.0</t>
  </si>
  <si>
    <t>11411651.0</t>
  </si>
  <si>
    <t>17271.0</t>
  </si>
  <si>
    <t>67.383</t>
  </si>
  <si>
    <t>17752.0</t>
  </si>
  <si>
    <t>11430589.0</t>
  </si>
  <si>
    <t>18938.0</t>
  </si>
  <si>
    <t>67.494</t>
  </si>
  <si>
    <t>17471.0</t>
  </si>
  <si>
    <t>11451503.0</t>
  </si>
  <si>
    <t>20914.0</t>
  </si>
  <si>
    <t>67.618</t>
  </si>
  <si>
    <t>17776.0</t>
  </si>
  <si>
    <t>11474170.0</t>
  </si>
  <si>
    <t>22667.0</t>
  </si>
  <si>
    <t>67.752</t>
  </si>
  <si>
    <t>18211.0</t>
  </si>
  <si>
    <t>11492843.0</t>
  </si>
  <si>
    <t>67.862</t>
  </si>
  <si>
    <t>18462.0</t>
  </si>
  <si>
    <t>45.7</t>
  </si>
  <si>
    <t>11508057.0</t>
  </si>
  <si>
    <t>67.952</t>
  </si>
  <si>
    <t>18678.0</t>
  </si>
  <si>
    <t>11527187.0</t>
  </si>
  <si>
    <t>19130.0</t>
  </si>
  <si>
    <t>68.065</t>
  </si>
  <si>
    <t>11547167.0</t>
  </si>
  <si>
    <t>19980.0</t>
  </si>
  <si>
    <t>68.183</t>
  </si>
  <si>
    <t>19359.0</t>
  </si>
  <si>
    <t>11567005.0</t>
  </si>
  <si>
    <t>19838.0</t>
  </si>
  <si>
    <t>19488.0</t>
  </si>
  <si>
    <t>11588256.0</t>
  </si>
  <si>
    <t>68.425</t>
  </si>
  <si>
    <t>19536.0</t>
  </si>
  <si>
    <t>0.0314</t>
  </si>
  <si>
    <t>11611691.0</t>
  </si>
  <si>
    <t>23435.0</t>
  </si>
  <si>
    <t>68.564</t>
  </si>
  <si>
    <t>19646.0</t>
  </si>
  <si>
    <t>11631895.0</t>
  </si>
  <si>
    <t>20204.0</t>
  </si>
  <si>
    <t>68.683</t>
  </si>
  <si>
    <t>11651170.0</t>
  </si>
  <si>
    <t>19275.0</t>
  </si>
  <si>
    <t>68.797</t>
  </si>
  <si>
    <t>20445.0</t>
  </si>
  <si>
    <t>11673150.0</t>
  </si>
  <si>
    <t>21980.0</t>
  </si>
  <si>
    <t>68.927</t>
  </si>
  <si>
    <t>20852.0</t>
  </si>
  <si>
    <t>11699293.0</t>
  </si>
  <si>
    <t>26143.0</t>
  </si>
  <si>
    <t>69.081</t>
  </si>
  <si>
    <t>21732.0</t>
  </si>
  <si>
    <t>133127379.0</t>
  </si>
  <si>
    <t>78256299.0</t>
  </si>
  <si>
    <t>54871080.0</t>
  </si>
  <si>
    <t>11726692.0</t>
  </si>
  <si>
    <t>27399.0</t>
  </si>
  <si>
    <t>69.243</t>
  </si>
  <si>
    <t>22812.0</t>
  </si>
  <si>
    <t>1029140.0</t>
  </si>
  <si>
    <t>603891.0</t>
  </si>
  <si>
    <t>11751656.0</t>
  </si>
  <si>
    <t>24964.0</t>
  </si>
  <si>
    <t>23343.0</t>
  </si>
  <si>
    <t>137578252.0</t>
  </si>
  <si>
    <t>82052930.0</t>
  </si>
  <si>
    <t>55525322.0</t>
  </si>
  <si>
    <t>1228523.0</t>
  </si>
  <si>
    <t>80.37</t>
  </si>
  <si>
    <t>819628.0</t>
  </si>
  <si>
    <t>11779576.0</t>
  </si>
  <si>
    <t>27920.0</t>
  </si>
  <si>
    <t>69.555</t>
  </si>
  <si>
    <t>23984.0</t>
  </si>
  <si>
    <t>1236397.0</t>
  </si>
  <si>
    <t>866580.0</t>
  </si>
  <si>
    <t>11809447.0</t>
  </si>
  <si>
    <t>29871.0</t>
  </si>
  <si>
    <t>69.731</t>
  </si>
  <si>
    <t>25365.0</t>
  </si>
  <si>
    <t>0.1011</t>
  </si>
  <si>
    <t>139348004.0</t>
  </si>
  <si>
    <t>83486556.0</t>
  </si>
  <si>
    <t>55861448.0</t>
  </si>
  <si>
    <t>1244271.0</t>
  </si>
  <si>
    <t>7269.0</t>
  </si>
  <si>
    <t>913531.0</t>
  </si>
  <si>
    <t>11833475.0</t>
  </si>
  <si>
    <t>69.873</t>
  </si>
  <si>
    <t>26044.0</t>
  </si>
  <si>
    <t>141669487.0</t>
  </si>
  <si>
    <t>85287956.0</t>
  </si>
  <si>
    <t>56191252.0</t>
  </si>
  <si>
    <t>190279.0</t>
  </si>
  <si>
    <t>2321483.0</t>
  </si>
  <si>
    <t>1457375.0</t>
  </si>
  <si>
    <t>32.82</t>
  </si>
  <si>
    <t>1115423.0</t>
  </si>
  <si>
    <t>11862780.0</t>
  </si>
  <si>
    <t>29305.0</t>
  </si>
  <si>
    <t>70.046</t>
  </si>
  <si>
    <t>27090.0</t>
  </si>
  <si>
    <t>0.1266</t>
  </si>
  <si>
    <t>144171163.0</t>
  </si>
  <si>
    <t>87092079.0</t>
  </si>
  <si>
    <t>56481969.0</t>
  </si>
  <si>
    <t>597115.0</t>
  </si>
  <si>
    <t>2501676.0</t>
  </si>
  <si>
    <t>1696220.0</t>
  </si>
  <si>
    <t>1317705.0</t>
  </si>
  <si>
    <t>11894760.0</t>
  </si>
  <si>
    <t>70.235</t>
  </si>
  <si>
    <t>27924.0</t>
  </si>
  <si>
    <t>147090808.0</t>
  </si>
  <si>
    <t>89310521.0</t>
  </si>
  <si>
    <t>57039215.0</t>
  </si>
  <si>
    <t>741072.0</t>
  </si>
  <si>
    <t>2919645.0</t>
  </si>
  <si>
    <t>1994776.0</t>
  </si>
  <si>
    <t>85.92</t>
  </si>
  <si>
    <t>11653.0</t>
  </si>
  <si>
    <t>1579175.0</t>
  </si>
  <si>
    <t>11929814.0</t>
  </si>
  <si>
    <t>35054.0</t>
  </si>
  <si>
    <t>70.442</t>
  </si>
  <si>
    <t>29017.0</t>
  </si>
  <si>
    <t>0.1694</t>
  </si>
  <si>
    <t>148552776.0</t>
  </si>
  <si>
    <t>90391838.0</t>
  </si>
  <si>
    <t>57363038.0</t>
  </si>
  <si>
    <t>797900.0</t>
  </si>
  <si>
    <t>1461968.0</t>
  </si>
  <si>
    <t>1885709.0</t>
  </si>
  <si>
    <t>86.78</t>
  </si>
  <si>
    <t>1462460.0</t>
  </si>
  <si>
    <t>11967644.0</t>
  </si>
  <si>
    <t>37830.0</t>
  </si>
  <si>
    <t>70.665</t>
  </si>
  <si>
    <t>149871251.0</t>
  </si>
  <si>
    <t>91322538.0</t>
  </si>
  <si>
    <t>57675272.0</t>
  </si>
  <si>
    <t>873441.0</t>
  </si>
  <si>
    <t>1318475.0</t>
  </si>
  <si>
    <t>1756143.0</t>
  </si>
  <si>
    <t>87.55</t>
  </si>
  <si>
    <t>33.69</t>
  </si>
  <si>
    <t>10259.0</t>
  </si>
  <si>
    <t>1324230.0</t>
  </si>
  <si>
    <t>12008936.0</t>
  </si>
  <si>
    <t>41292.0</t>
  </si>
  <si>
    <t>70.909</t>
  </si>
  <si>
    <t>32766.0</t>
  </si>
  <si>
    <t>151390044.0</t>
  </si>
  <si>
    <t>92426233.0</t>
  </si>
  <si>
    <t>58005259.0</t>
  </si>
  <si>
    <t>958552.0</t>
  </si>
  <si>
    <t>1518793.0</t>
  </si>
  <si>
    <t>1846702.0</t>
  </si>
  <si>
    <t>88.44</t>
  </si>
  <si>
    <t>33.88</t>
  </si>
  <si>
    <t>10788.0</t>
  </si>
  <si>
    <t>1379499.0</t>
  </si>
  <si>
    <t>12049070.0</t>
  </si>
  <si>
    <t>40134.0</t>
  </si>
  <si>
    <t>71.146</t>
  </si>
  <si>
    <t>34232.0</t>
  </si>
  <si>
    <t>0.2319</t>
  </si>
  <si>
    <t>1821961.0</t>
  </si>
  <si>
    <t>1346901.0</t>
  </si>
  <si>
    <t>12083381.0</t>
  </si>
  <si>
    <t>71.349</t>
  </si>
  <si>
    <t>35701.0</t>
  </si>
  <si>
    <t>0.2471</t>
  </si>
  <si>
    <t>152813421.0</t>
  </si>
  <si>
    <t>93403492.0</t>
  </si>
  <si>
    <t>58372858.0</t>
  </si>
  <si>
    <t>1037071.0</t>
  </si>
  <si>
    <t>1591991.0</t>
  </si>
  <si>
    <t>89.27</t>
  </si>
  <si>
    <t>54.56</t>
  </si>
  <si>
    <t>1159362.0</t>
  </si>
  <si>
    <t>12118235.0</t>
  </si>
  <si>
    <t>34854.0</t>
  </si>
  <si>
    <t>71.555</t>
  </si>
  <si>
    <t>36494.0</t>
  </si>
  <si>
    <t>1310970.0</t>
  </si>
  <si>
    <t>7658.0</t>
  </si>
  <si>
    <t>945330.0</t>
  </si>
  <si>
    <t>12164042.0</t>
  </si>
  <si>
    <t>45807.0</t>
  </si>
  <si>
    <t>71.825</t>
  </si>
  <si>
    <t>38469.0</t>
  </si>
  <si>
    <t>153882479.0</t>
  </si>
  <si>
    <t>94015291.0</t>
  </si>
  <si>
    <t>58743253.0</t>
  </si>
  <si>
    <t>1123935.0</t>
  </si>
  <si>
    <t>970239.0</t>
  </si>
  <si>
    <t>89.89</t>
  </si>
  <si>
    <t>672110.0</t>
  </si>
  <si>
    <t>12213534.0</t>
  </si>
  <si>
    <t>49492.0</t>
  </si>
  <si>
    <t>72.117</t>
  </si>
  <si>
    <t>40531.0</t>
  </si>
  <si>
    <t>0.2933</t>
  </si>
  <si>
    <t>155002117.0</t>
  </si>
  <si>
    <t>94703296.0</t>
  </si>
  <si>
    <t>59108539.0</t>
  </si>
  <si>
    <t>1190282.0</t>
  </si>
  <si>
    <t>1119638.0</t>
  </si>
  <si>
    <t>921334.0</t>
  </si>
  <si>
    <t>615923.0</t>
  </si>
  <si>
    <t>12262607.0</t>
  </si>
  <si>
    <t>49073.0</t>
  </si>
  <si>
    <t>72.407</t>
  </si>
  <si>
    <t>42138.0</t>
  </si>
  <si>
    <t>156416604.0</t>
  </si>
  <si>
    <t>95440321.0</t>
  </si>
  <si>
    <t>59711538.0</t>
  </si>
  <si>
    <t>1264745.0</t>
  </si>
  <si>
    <t>1414487.0</t>
  </si>
  <si>
    <t>935050.0</t>
  </si>
  <si>
    <t>91.37</t>
  </si>
  <si>
    <t>55.75</t>
  </si>
  <si>
    <t>5462.0</t>
  </si>
  <si>
    <t>588255.0</t>
  </si>
  <si>
    <t>12312032.0</t>
  </si>
  <si>
    <t>49425.0</t>
  </si>
  <si>
    <t>72.699</t>
  </si>
  <si>
    <t>43299.0</t>
  </si>
  <si>
    <t>0.3106</t>
  </si>
  <si>
    <t>854891.0</t>
  </si>
  <si>
    <t>467861.0</t>
  </si>
  <si>
    <t>12358300.0</t>
  </si>
  <si>
    <t>46268.0</t>
  </si>
  <si>
    <t>72.972</t>
  </si>
  <si>
    <t>0.3174</t>
  </si>
  <si>
    <t>890031.0</t>
  </si>
  <si>
    <t>435334.0</t>
  </si>
  <si>
    <t>12391673.0</t>
  </si>
  <si>
    <t>73.169</t>
  </si>
  <si>
    <t>0.3209</t>
  </si>
  <si>
    <t>925172.0</t>
  </si>
  <si>
    <t>5404.0</t>
  </si>
  <si>
    <t>402807.0</t>
  </si>
  <si>
    <t>12434679.0</t>
  </si>
  <si>
    <t>43006.0</t>
  </si>
  <si>
    <t>73.423</t>
  </si>
  <si>
    <t>45206.0</t>
  </si>
  <si>
    <t>0.3166</t>
  </si>
  <si>
    <t>985622.0</t>
  </si>
  <si>
    <t>396384.0</t>
  </si>
  <si>
    <t>12480037.0</t>
  </si>
  <si>
    <t>45358.0</t>
  </si>
  <si>
    <t>73.691</t>
  </si>
  <si>
    <t>0.3129</t>
  </si>
  <si>
    <t>1046071.0</t>
  </si>
  <si>
    <t>389961.0</t>
  </si>
  <si>
    <t>12525130.0</t>
  </si>
  <si>
    <t>45093.0</t>
  </si>
  <si>
    <t>73.957</t>
  </si>
  <si>
    <t>44514.0</t>
  </si>
  <si>
    <t>1022933.0</t>
  </si>
  <si>
    <t>328952.0</t>
  </si>
  <si>
    <t>12569581.0</t>
  </si>
  <si>
    <t>43853.0</t>
  </si>
  <si>
    <t>0.3018</t>
  </si>
  <si>
    <t>957674.0</t>
  </si>
  <si>
    <t>260940.0</t>
  </si>
  <si>
    <t>12614424.0</t>
  </si>
  <si>
    <t>44843.0</t>
  </si>
  <si>
    <t>74.485</t>
  </si>
  <si>
    <t>43199.0</t>
  </si>
  <si>
    <t>0.2925</t>
  </si>
  <si>
    <t>12653869.0</t>
  </si>
  <si>
    <t>39445.0</t>
  </si>
  <si>
    <t>74.717</t>
  </si>
  <si>
    <t>42224.0</t>
  </si>
  <si>
    <t>0.2776</t>
  </si>
  <si>
    <t>12688943.0</t>
  </si>
  <si>
    <t>35074.0</t>
  </si>
  <si>
    <t>74.925</t>
  </si>
  <si>
    <t>42467.0</t>
  </si>
  <si>
    <t>0.2692</t>
  </si>
  <si>
    <t>12727764.0</t>
  </si>
  <si>
    <t>38821.0</t>
  </si>
  <si>
    <t>75.154</t>
  </si>
  <si>
    <t>41869.0</t>
  </si>
  <si>
    <t>12772235.0</t>
  </si>
  <si>
    <t>44471.0</t>
  </si>
  <si>
    <t>75.416</t>
  </si>
  <si>
    <t>41743.0</t>
  </si>
  <si>
    <t>0.2466</t>
  </si>
  <si>
    <t>12813933.0</t>
  </si>
  <si>
    <t>41698.0</t>
  </si>
  <si>
    <t>75.663</t>
  </si>
  <si>
    <t>0.2329</t>
  </si>
  <si>
    <t>12856497.0</t>
  </si>
  <si>
    <t>42564.0</t>
  </si>
  <si>
    <t>75.914</t>
  </si>
  <si>
    <t>40988.0</t>
  </si>
  <si>
    <t>0.2199</t>
  </si>
  <si>
    <t>12899364.0</t>
  </si>
  <si>
    <t>42867.0</t>
  </si>
  <si>
    <t>76.167</t>
  </si>
  <si>
    <t>40706.0</t>
  </si>
  <si>
    <t>12933431.0</t>
  </si>
  <si>
    <t>34067.0</t>
  </si>
  <si>
    <t>76.368</t>
  </si>
  <si>
    <t>39937.0</t>
  </si>
  <si>
    <t>12963879.0</t>
  </si>
  <si>
    <t>30448.0</t>
  </si>
  <si>
    <t>39277.0</t>
  </si>
  <si>
    <t>12996453.0</t>
  </si>
  <si>
    <t>32574.0</t>
  </si>
  <si>
    <t>38384.0</t>
  </si>
  <si>
    <t>13031142.0</t>
  </si>
  <si>
    <t>34689.0</t>
  </si>
  <si>
    <t>76.945</t>
  </si>
  <si>
    <t>36987.0</t>
  </si>
  <si>
    <t>13065600.0</t>
  </si>
  <si>
    <t>34458.0</t>
  </si>
  <si>
    <t>77.149</t>
  </si>
  <si>
    <t>35952.0</t>
  </si>
  <si>
    <t>13097807.0</t>
  </si>
  <si>
    <t>32207.0</t>
  </si>
  <si>
    <t>77.339</t>
  </si>
  <si>
    <t>34473.0</t>
  </si>
  <si>
    <t>13132354.0</t>
  </si>
  <si>
    <t>34547.0</t>
  </si>
  <si>
    <t>33284.0</t>
  </si>
  <si>
    <t>0.1375</t>
  </si>
  <si>
    <t>13160119.0</t>
  </si>
  <si>
    <t>27765.0</t>
  </si>
  <si>
    <t>77.707</t>
  </si>
  <si>
    <t>32384.0</t>
  </si>
  <si>
    <t>178443117.0</t>
  </si>
  <si>
    <t>101441932.0</t>
  </si>
  <si>
    <t>74109751.0</t>
  </si>
  <si>
    <t>2891434.0</t>
  </si>
  <si>
    <t>104.24</t>
  </si>
  <si>
    <t>43.29</t>
  </si>
  <si>
    <t>13184817.0</t>
  </si>
  <si>
    <t>24698.0</t>
  </si>
  <si>
    <t>77.853</t>
  </si>
  <si>
    <t>182357027.0</t>
  </si>
  <si>
    <t>102503628.0</t>
  </si>
  <si>
    <t>76750335.0</t>
  </si>
  <si>
    <t>3103064.0</t>
  </si>
  <si>
    <t>3913910.0</t>
  </si>
  <si>
    <t>106.53</t>
  </si>
  <si>
    <t>59.88</t>
  </si>
  <si>
    <t>8061.0</t>
  </si>
  <si>
    <t>375333.0</t>
  </si>
  <si>
    <t>13210222.0</t>
  </si>
  <si>
    <t>25405.0</t>
  </si>
  <si>
    <t>78.003</t>
  </si>
  <si>
    <t>30538.0</t>
  </si>
  <si>
    <t>0.1105</t>
  </si>
  <si>
    <t>1350267.0</t>
  </si>
  <si>
    <t>378785.0</t>
  </si>
  <si>
    <t>13238319.0</t>
  </si>
  <si>
    <t>78.168</t>
  </si>
  <si>
    <t>29597.0</t>
  </si>
  <si>
    <t>1320541.0</t>
  </si>
  <si>
    <t>7714.0</t>
  </si>
  <si>
    <t>382237.0</t>
  </si>
  <si>
    <t>13261866.0</t>
  </si>
  <si>
    <t>23547.0</t>
  </si>
  <si>
    <t>78.308</t>
  </si>
  <si>
    <t>28038.0</t>
  </si>
  <si>
    <t>184605792.0</t>
  </si>
  <si>
    <t>103358935.0</t>
  </si>
  <si>
    <t>78019525.0</t>
  </si>
  <si>
    <t>3227332.0</t>
  </si>
  <si>
    <t>1290814.0</t>
  </si>
  <si>
    <t>107.84</t>
  </si>
  <si>
    <t>60.38</t>
  </si>
  <si>
    <t>385689.0</t>
  </si>
  <si>
    <t>13285140.0</t>
  </si>
  <si>
    <t>23274.0</t>
  </si>
  <si>
    <t>78.445</t>
  </si>
  <si>
    <t>26762.0</t>
  </si>
  <si>
    <t>1757147.0</t>
  </si>
  <si>
    <t>10265.0</t>
  </si>
  <si>
    <t>808671.0</t>
  </si>
  <si>
    <t>13312574.0</t>
  </si>
  <si>
    <t>27434.0</t>
  </si>
  <si>
    <t>78.607</t>
  </si>
  <si>
    <t>25746.0</t>
  </si>
  <si>
    <t>2223479.0</t>
  </si>
  <si>
    <t>1231654.0</t>
  </si>
  <si>
    <t>13338241.0</t>
  </si>
  <si>
    <t>25667.0</t>
  </si>
  <si>
    <t>78.758</t>
  </si>
  <si>
    <t>25446.0</t>
  </si>
  <si>
    <t>2689812.0</t>
  </si>
  <si>
    <t>1654636.0</t>
  </si>
  <si>
    <t>13356546.0</t>
  </si>
  <si>
    <t>78.867</t>
  </si>
  <si>
    <t>24533.0</t>
  </si>
  <si>
    <t>2733825.0</t>
  </si>
  <si>
    <t>1963224.0</t>
  </si>
  <si>
    <t>13378089.0</t>
  </si>
  <si>
    <t>21543.0</t>
  </si>
  <si>
    <t>78.994</t>
  </si>
  <si>
    <t>23981.0</t>
  </si>
  <si>
    <t>3229884.0</t>
  </si>
  <si>
    <t>18868.0</t>
  </si>
  <si>
    <t>2382755.0</t>
  </si>
  <si>
    <t>13402694.0</t>
  </si>
  <si>
    <t>24605.0</t>
  </si>
  <si>
    <t>79.139</t>
  </si>
  <si>
    <t>209937805.0</t>
  </si>
  <si>
    <t>122689831.0</t>
  </si>
  <si>
    <t>83529389.0</t>
  </si>
  <si>
    <t>3718585.0</t>
  </si>
  <si>
    <t>3725943.0</t>
  </si>
  <si>
    <t>122.64</t>
  </si>
  <si>
    <t>21765.0</t>
  </si>
  <si>
    <t>2802285.0</t>
  </si>
  <si>
    <t>13426511.0</t>
  </si>
  <si>
    <t>23817.0</t>
  </si>
  <si>
    <t>23521.0</t>
  </si>
  <si>
    <t>3758404.0</t>
  </si>
  <si>
    <t>21955.0</t>
  </si>
  <si>
    <t>2824092.0</t>
  </si>
  <si>
    <t>13449227.0</t>
  </si>
  <si>
    <t>22716.0</t>
  </si>
  <si>
    <t>79.414</t>
  </si>
  <si>
    <t>23441.0</t>
  </si>
  <si>
    <t>3294805.0</t>
  </si>
  <si>
    <t>19247.0</t>
  </si>
  <si>
    <t>2426368.0</t>
  </si>
  <si>
    <t>13471811.0</t>
  </si>
  <si>
    <t>22584.0</t>
  </si>
  <si>
    <t>79.547</t>
  </si>
  <si>
    <t>22748.0</t>
  </si>
  <si>
    <t>2831207.0</t>
  </si>
  <si>
    <t>16539.0</t>
  </si>
  <si>
    <t>2028644.0</t>
  </si>
  <si>
    <t>13490701.0</t>
  </si>
  <si>
    <t>18890.0</t>
  </si>
  <si>
    <t>79.659</t>
  </si>
  <si>
    <t>21780.0</t>
  </si>
  <si>
    <t>2367609.0</t>
  </si>
  <si>
    <t>13831.0</t>
  </si>
  <si>
    <t>1630920.0</t>
  </si>
  <si>
    <t>13508164.0</t>
  </si>
  <si>
    <t>17463.0</t>
  </si>
  <si>
    <t>79.762</t>
  </si>
  <si>
    <t>21660.0</t>
  </si>
  <si>
    <t>1904010.0</t>
  </si>
  <si>
    <t>1233196.0</t>
  </si>
  <si>
    <t>13528296.0</t>
  </si>
  <si>
    <t>20132.0</t>
  </si>
  <si>
    <t>79.881</t>
  </si>
  <si>
    <t>21458.0</t>
  </si>
  <si>
    <t>215798686.0</t>
  </si>
  <si>
    <t>125316319.0</t>
  </si>
  <si>
    <t>86332008.0</t>
  </si>
  <si>
    <t>4150359.0</t>
  </si>
  <si>
    <t>1440412.0</t>
  </si>
  <si>
    <t>126.06</t>
  </si>
  <si>
    <t>50.43</t>
  </si>
  <si>
    <t>8414.0</t>
  </si>
  <si>
    <t>835472.0</t>
  </si>
  <si>
    <t>13548305.0</t>
  </si>
  <si>
    <t>20009.0</t>
  </si>
  <si>
    <t>79.999</t>
  </si>
  <si>
    <t>20802.0</t>
  </si>
  <si>
    <t>217266600.0</t>
  </si>
  <si>
    <t>125588721.0</t>
  </si>
  <si>
    <t>87310746.0</t>
  </si>
  <si>
    <t>4367133.0</t>
  </si>
  <si>
    <t>1467914.0</t>
  </si>
  <si>
    <t>1046971.0</t>
  </si>
  <si>
    <t>126.92</t>
  </si>
  <si>
    <t>414127.0</t>
  </si>
  <si>
    <t>13568269.0</t>
  </si>
  <si>
    <t>19964.0</t>
  </si>
  <si>
    <t>80.117</t>
  </si>
  <si>
    <t>0.0266</t>
  </si>
  <si>
    <t>217946936.0</t>
  </si>
  <si>
    <t>125881775.0</t>
  </si>
  <si>
    <t>87795353.0</t>
  </si>
  <si>
    <t>4455367.0</t>
  </si>
  <si>
    <t>680336.0</t>
  </si>
  <si>
    <t>1004617.0</t>
  </si>
  <si>
    <t>127.32</t>
  </si>
  <si>
    <t>393457.0</t>
  </si>
  <si>
    <t>13584639.0</t>
  </si>
  <si>
    <t>16370.0</t>
  </si>
  <si>
    <t>80.213</t>
  </si>
  <si>
    <t>19345.0</t>
  </si>
  <si>
    <t>218480394.0</t>
  </si>
  <si>
    <t>125957830.0</t>
  </si>
  <si>
    <t>88169891.0</t>
  </si>
  <si>
    <t>4538232.0</t>
  </si>
  <si>
    <t>533458.0</t>
  </si>
  <si>
    <t>941280.0</t>
  </si>
  <si>
    <t>127.63</t>
  </si>
  <si>
    <t>5499.0</t>
  </si>
  <si>
    <t>341786.0</t>
  </si>
  <si>
    <t>13601742.0</t>
  </si>
  <si>
    <t>17103.0</t>
  </si>
  <si>
    <t>80.314</t>
  </si>
  <si>
    <t>18562.0</t>
  </si>
  <si>
    <t>0.0233</t>
  </si>
  <si>
    <t>219085724.0</t>
  </si>
  <si>
    <t>126034012.0</t>
  </si>
  <si>
    <t>88604615.0</t>
  </si>
  <si>
    <t>4632656.0</t>
  </si>
  <si>
    <t>605330.0</t>
  </si>
  <si>
    <t>888211.0</t>
  </si>
  <si>
    <t>127.98</t>
  </si>
  <si>
    <t>290134.0</t>
  </si>
  <si>
    <t>13615543.0</t>
  </si>
  <si>
    <t>13801.0</t>
  </si>
  <si>
    <t>80.396</t>
  </si>
  <si>
    <t>797744.0</t>
  </si>
  <si>
    <t>4660.0</t>
  </si>
  <si>
    <t>234007.0</t>
  </si>
  <si>
    <t>13626726.0</t>
  </si>
  <si>
    <t>11183.0</t>
  </si>
  <si>
    <t>80.462</t>
  </si>
  <si>
    <t>16937.0</t>
  </si>
  <si>
    <t>219772817.0</t>
  </si>
  <si>
    <t>126123736.0</t>
  </si>
  <si>
    <t>89081460.0</t>
  </si>
  <si>
    <t>4753180.0</t>
  </si>
  <si>
    <t>707278.0</t>
  </si>
  <si>
    <t>128.38</t>
  </si>
  <si>
    <t>177881.0</t>
  </si>
  <si>
    <t>13639092.0</t>
  </si>
  <si>
    <t>12366.0</t>
  </si>
  <si>
    <t>80.535</t>
  </si>
  <si>
    <t>15828.0</t>
  </si>
  <si>
    <t>220410542.0</t>
  </si>
  <si>
    <t>126228916.0</t>
  </si>
  <si>
    <t>89486205.0</t>
  </si>
  <si>
    <t>4886043.0</t>
  </si>
  <si>
    <t>637725.0</t>
  </si>
  <si>
    <t>658837.0</t>
  </si>
  <si>
    <t>128.75</t>
  </si>
  <si>
    <t>130371.0</t>
  </si>
  <si>
    <t>13652759.0</t>
  </si>
  <si>
    <t>13667.0</t>
  </si>
  <si>
    <t>80.616</t>
  </si>
  <si>
    <t>14922.0</t>
  </si>
  <si>
    <t>221114648.0</t>
  </si>
  <si>
    <t>126309868.0</t>
  </si>
  <si>
    <t>89929734.0</t>
  </si>
  <si>
    <t>5066251.0</t>
  </si>
  <si>
    <t>704106.0</t>
  </si>
  <si>
    <t>549721.0</t>
  </si>
  <si>
    <t>129.17</t>
  </si>
  <si>
    <t>52.53</t>
  </si>
  <si>
    <t>103021.0</t>
  </si>
  <si>
    <t>221917416.0</t>
  </si>
  <si>
    <t>126413354.0</t>
  </si>
  <si>
    <t>90412284.0</t>
  </si>
  <si>
    <t>5283463.0</t>
  </si>
  <si>
    <t>802768.0</t>
  </si>
  <si>
    <t>567211.0</t>
  </si>
  <si>
    <t>129.63</t>
  </si>
  <si>
    <t>73.85</t>
  </si>
  <si>
    <t>52.82</t>
  </si>
  <si>
    <t>75940.0</t>
  </si>
  <si>
    <t>222676046.0</t>
  </si>
  <si>
    <t>126501599.0</t>
  </si>
  <si>
    <t>90839883.0</t>
  </si>
  <si>
    <t>5527515.0</t>
  </si>
  <si>
    <t>758630.0</t>
  </si>
  <si>
    <t>599379.0</t>
  </si>
  <si>
    <t>130.08</t>
  </si>
  <si>
    <t>77681.0</t>
  </si>
  <si>
    <t>544889.0</t>
  </si>
  <si>
    <t>69876.0</t>
  </si>
  <si>
    <t>223123850.0</t>
  </si>
  <si>
    <t>126544686.0</t>
  </si>
  <si>
    <t>91030633.0</t>
  </si>
  <si>
    <t>5742800.0</t>
  </si>
  <si>
    <t>527797.0</t>
  </si>
  <si>
    <t>130.34</t>
  </si>
  <si>
    <t>66545.0</t>
  </si>
  <si>
    <t>223356815.0</t>
  </si>
  <si>
    <t>126580112.0</t>
  </si>
  <si>
    <t>91157926.0</t>
  </si>
  <si>
    <t>5813046.0</t>
  </si>
  <si>
    <t>232965.0</t>
  </si>
  <si>
    <t>512000.0</t>
  </si>
  <si>
    <t>130.48</t>
  </si>
  <si>
    <t>73.94</t>
  </si>
  <si>
    <t>65197.0</t>
  </si>
  <si>
    <t>224397254.0</t>
  </si>
  <si>
    <t>126684729.0</t>
  </si>
  <si>
    <t>91743096.0</t>
  </si>
  <si>
    <t>6163898.0</t>
  </si>
  <si>
    <t>1040439.0</t>
  </si>
  <si>
    <t>569530.0</t>
  </si>
  <si>
    <t>131.08</t>
  </si>
  <si>
    <t>65116.0</t>
  </si>
  <si>
    <t>13663658.0</t>
  </si>
  <si>
    <t>10899.0</t>
  </si>
  <si>
    <t>225478918.0</t>
  </si>
  <si>
    <t>126783997.0</t>
  </si>
  <si>
    <t>92411384.0</t>
  </si>
  <si>
    <t>6478975.0</t>
  </si>
  <si>
    <t>1081664.0</t>
  </si>
  <si>
    <t>623467.0</t>
  </si>
  <si>
    <t>131.72</t>
  </si>
  <si>
    <t>67733.0</t>
  </si>
  <si>
    <t>226759273.0</t>
  </si>
  <si>
    <t>126878960.0</t>
  </si>
  <si>
    <t>93293436.0</t>
  </si>
  <si>
    <t>6785006.0</t>
  </si>
  <si>
    <t>1280355.0</t>
  </si>
  <si>
    <t>691694.0</t>
  </si>
  <si>
    <t>132.46</t>
  </si>
  <si>
    <t>66515.0</t>
  </si>
  <si>
    <t>227857228.0</t>
  </si>
  <si>
    <t>126968679.0</t>
  </si>
  <si>
    <t>94010846.0</t>
  </si>
  <si>
    <t>7076587.0</t>
  </si>
  <si>
    <t>1097955.0</t>
  </si>
  <si>
    <t>740169.0</t>
  </si>
  <si>
    <t>133.1</t>
  </si>
  <si>
    <t>66726.0</t>
  </si>
  <si>
    <t>13675769.0</t>
  </si>
  <si>
    <t>229224717.0</t>
  </si>
  <si>
    <t>127058156.0</t>
  </si>
  <si>
    <t>94960101.0</t>
  </si>
  <si>
    <t>7405978.0</t>
  </si>
  <si>
    <t>1367489.0</t>
  </si>
  <si>
    <t>903538.0</t>
  </si>
  <si>
    <t>55.47</t>
  </si>
  <si>
    <t>5278.0</t>
  </si>
  <si>
    <t>76430.0</t>
  </si>
  <si>
    <t>911880.0</t>
  </si>
  <si>
    <t>75228.0</t>
  </si>
  <si>
    <t>229789298.0</t>
  </si>
  <si>
    <t>127084404.0</t>
  </si>
  <si>
    <t>95424031.0</t>
  </si>
  <si>
    <t>7481144.0</t>
  </si>
  <si>
    <t>918926.0</t>
  </si>
  <si>
    <t>134.23</t>
  </si>
  <si>
    <t>231420654.0</t>
  </si>
  <si>
    <t>127169172.0</t>
  </si>
  <si>
    <t>96671169.0</t>
  </si>
  <si>
    <t>7780767.0</t>
  </si>
  <si>
    <t>1631356.0</t>
  </si>
  <si>
    <t>1003343.0</t>
  </si>
  <si>
    <t>135.19</t>
  </si>
  <si>
    <t>69206.0</t>
  </si>
  <si>
    <t>13685166.0</t>
  </si>
  <si>
    <t>9397.0</t>
  </si>
  <si>
    <t>80.807</t>
  </si>
  <si>
    <t>238459012.0</t>
  </si>
  <si>
    <t>127365973.0</t>
  </si>
  <si>
    <t>103130478.0</t>
  </si>
  <si>
    <t>8164211.0</t>
  </si>
  <si>
    <t>7038358.0</t>
  </si>
  <si>
    <t>1854299.0</t>
  </si>
  <si>
    <t>139.3</t>
  </si>
  <si>
    <t>60.24</t>
  </si>
  <si>
    <t>83139.0</t>
  </si>
  <si>
    <t>243642749.0</t>
  </si>
  <si>
    <t>127544055.0</t>
  </si>
  <si>
    <t>107712737.0</t>
  </si>
  <si>
    <t>8589152.0</t>
  </si>
  <si>
    <t>5183737.0</t>
  </si>
  <si>
    <t>2411925.0</t>
  </si>
  <si>
    <t>142.33</t>
  </si>
  <si>
    <t>95014.0</t>
  </si>
  <si>
    <t>247802788.0</t>
  </si>
  <si>
    <t>127756914.0</t>
  </si>
  <si>
    <t>111178498.0</t>
  </si>
  <si>
    <t>9072736.0</t>
  </si>
  <si>
    <t>4160039.0</t>
  </si>
  <si>
    <t>2849366.0</t>
  </si>
  <si>
    <t>144.76</t>
  </si>
  <si>
    <t>16645.0</t>
  </si>
  <si>
    <t>112605.0</t>
  </si>
  <si>
    <t>248319472.0</t>
  </si>
  <si>
    <t>127880118.0</t>
  </si>
  <si>
    <t>9466421.0</t>
  </si>
  <si>
    <t>516684.0</t>
  </si>
  <si>
    <t>2727822.0</t>
  </si>
  <si>
    <t>74.7</t>
  </si>
  <si>
    <t>117423.0</t>
  </si>
  <si>
    <t>13692579.0</t>
  </si>
  <si>
    <t>7413.0</t>
  </si>
  <si>
    <t>80.851</t>
  </si>
  <si>
    <t>2864382.0</t>
  </si>
  <si>
    <t>131678.0</t>
  </si>
  <si>
    <t>3000942.0</t>
  </si>
  <si>
    <t>145933.0</t>
  </si>
  <si>
    <t>252034101.0</t>
  </si>
  <si>
    <t>128218843.0</t>
  </si>
  <si>
    <t>114051310.0</t>
  </si>
  <si>
    <t>9972239.0</t>
  </si>
  <si>
    <t>2944778.0</t>
  </si>
  <si>
    <t>147.23</t>
  </si>
  <si>
    <t>66.62</t>
  </si>
  <si>
    <t>17202.0</t>
  </si>
  <si>
    <t>149953.0</t>
  </si>
  <si>
    <t>13699666.0</t>
  </si>
  <si>
    <t>80.893</t>
  </si>
  <si>
    <t>1989105.0</t>
  </si>
  <si>
    <t>11620.0</t>
  </si>
  <si>
    <t>128699.0</t>
  </si>
  <si>
    <t>0.0292</t>
  </si>
  <si>
    <t>252731398.0</t>
  </si>
  <si>
    <t>128314883.0</t>
  </si>
  <si>
    <t>114435222.0</t>
  </si>
  <si>
    <t>10190416.0</t>
  </si>
  <si>
    <t>1298378.0</t>
  </si>
  <si>
    <t>147.64</t>
  </si>
  <si>
    <t>110118.0</t>
  </si>
  <si>
    <t>253019744.0</t>
  </si>
  <si>
    <t>128342990.0</t>
  </si>
  <si>
    <t>114578397.0</t>
  </si>
  <si>
    <t>10308325.0</t>
  </si>
  <si>
    <t>288346.0</t>
  </si>
  <si>
    <t>745279.0</t>
  </si>
  <si>
    <t>147.8</t>
  </si>
  <si>
    <t>83725.0</t>
  </si>
  <si>
    <t>13706410.0</t>
  </si>
  <si>
    <t>80.932</t>
  </si>
  <si>
    <t>253352758.0</t>
  </si>
  <si>
    <t>128371194.0</t>
  </si>
  <si>
    <t>114744661.0</t>
  </si>
  <si>
    <t>10447226.0</t>
  </si>
  <si>
    <t>333014.0</t>
  </si>
  <si>
    <t>719041.0</t>
  </si>
  <si>
    <t>70154.0</t>
  </si>
  <si>
    <t>562747.0</t>
  </si>
  <si>
    <t>55848.0</t>
  </si>
  <si>
    <t>48.4</t>
  </si>
  <si>
    <t>253641057.0</t>
  </si>
  <si>
    <t>128396731.0</t>
  </si>
  <si>
    <t>114886026.0</t>
  </si>
  <si>
    <t>10568900.0</t>
  </si>
  <si>
    <t>406452.0</t>
  </si>
  <si>
    <t>148.17</t>
  </si>
  <si>
    <t>41542.0</t>
  </si>
  <si>
    <t>13711654.0</t>
  </si>
  <si>
    <t>5244.0</t>
  </si>
  <si>
    <t>80.963</t>
  </si>
  <si>
    <t>271478.0</t>
  </si>
  <si>
    <t>254227836.0</t>
  </si>
  <si>
    <t>128456500.0</t>
  </si>
  <si>
    <t>115146677.0</t>
  </si>
  <si>
    <t>10835694.0</t>
  </si>
  <si>
    <t>263584.0</t>
  </si>
  <si>
    <t>148.51</t>
  </si>
  <si>
    <t>75.04</t>
  </si>
  <si>
    <t>1540.0</t>
  </si>
  <si>
    <t>234614.0</t>
  </si>
  <si>
    <t>214259.0</t>
  </si>
  <si>
    <t>21467.0</t>
  </si>
  <si>
    <t>13718358.0</t>
  </si>
  <si>
    <t>81.003</t>
  </si>
  <si>
    <t>187522.0</t>
  </si>
  <si>
    <t>187767.0</t>
  </si>
  <si>
    <t>20866.0</t>
  </si>
  <si>
    <t>188011.0</t>
  </si>
  <si>
    <t>21668.0</t>
  </si>
  <si>
    <t>37.7</t>
  </si>
  <si>
    <t>255102992.0</t>
  </si>
  <si>
    <t>128566787.0</t>
  </si>
  <si>
    <t>115489411.0</t>
  </si>
  <si>
    <t>11259350.0</t>
  </si>
  <si>
    <t>166935.0</t>
  </si>
  <si>
    <t>13722551.0</t>
  </si>
  <si>
    <t>4193.0</t>
  </si>
  <si>
    <t>81.028</t>
  </si>
  <si>
    <t>255597907.0</t>
  </si>
  <si>
    <t>128628475.0</t>
  </si>
  <si>
    <t>115666598.0</t>
  </si>
  <si>
    <t>11515635.0</t>
  </si>
  <si>
    <t>494915.0</t>
  </si>
  <si>
    <t>195724.0</t>
  </si>
  <si>
    <t>149.31</t>
  </si>
  <si>
    <t>24568.0</t>
  </si>
  <si>
    <t>255808159.0</t>
  </si>
  <si>
    <t>128642674.0</t>
  </si>
  <si>
    <t>115738651.0</t>
  </si>
  <si>
    <t>11639929.0</t>
  </si>
  <si>
    <t>210252.0</t>
  </si>
  <si>
    <t>204923.0</t>
  </si>
  <si>
    <t>149.43</t>
  </si>
  <si>
    <t>67.61</t>
  </si>
  <si>
    <t>23970.0</t>
  </si>
  <si>
    <t>256016234.0</t>
  </si>
  <si>
    <t>128660443.0</t>
  </si>
  <si>
    <t>115817367.0</t>
  </si>
  <si>
    <t>11751820.0</t>
  </si>
  <si>
    <t>208075.0</t>
  </si>
  <si>
    <t>213811.0</t>
  </si>
  <si>
    <t>149.55</t>
  </si>
  <si>
    <t>218832.0</t>
  </si>
  <si>
    <t>23242.0</t>
  </si>
  <si>
    <t>13726472.0</t>
  </si>
  <si>
    <t>3921.0</t>
  </si>
  <si>
    <t>81.051</t>
  </si>
  <si>
    <t>223854.0</t>
  </si>
  <si>
    <t>22601.0</t>
  </si>
  <si>
    <t>1306.0</t>
  </si>
  <si>
    <t>228875.0</t>
  </si>
  <si>
    <t>21961.0</t>
  </si>
  <si>
    <t>13732723.0</t>
  </si>
  <si>
    <t>81.088</t>
  </si>
  <si>
    <t>233896.0</t>
  </si>
  <si>
    <t>256921270.0</t>
  </si>
  <si>
    <t>128729921.0</t>
  </si>
  <si>
    <t>116139241.0</t>
  </si>
  <si>
    <t>12267559.0</t>
  </si>
  <si>
    <t>189052.0</t>
  </si>
  <si>
    <t>150.08</t>
  </si>
  <si>
    <t>67.84</t>
  </si>
  <si>
    <t>14492.0</t>
  </si>
  <si>
    <t>170821.0</t>
  </si>
  <si>
    <t>13250.0</t>
  </si>
  <si>
    <t>152902.0</t>
  </si>
  <si>
    <t>11499.0</t>
  </si>
  <si>
    <t>13737654.0</t>
  </si>
  <si>
    <t>81.117</t>
  </si>
  <si>
    <t>138849.0</t>
  </si>
  <si>
    <t>10300.0</t>
  </si>
  <si>
    <t>124796.0</t>
  </si>
  <si>
    <t>0.0159</t>
  </si>
  <si>
    <t>110743.0</t>
  </si>
  <si>
    <t>13740592.0</t>
  </si>
  <si>
    <t>81.134</t>
  </si>
  <si>
    <t>96690.0</t>
  </si>
  <si>
    <t>6705.0</t>
  </si>
  <si>
    <t>82637.0</t>
  </si>
  <si>
    <t>13742804.0</t>
  </si>
  <si>
    <t>81.147</t>
  </si>
  <si>
    <t>13748403.0</t>
  </si>
  <si>
    <t>95.9</t>
  </si>
  <si>
    <t>258160830.0</t>
  </si>
  <si>
    <t>128812516.0</t>
  </si>
  <si>
    <t>116556462.0</t>
  </si>
  <si>
    <t>13010085.0</t>
  </si>
  <si>
    <t>150.81</t>
  </si>
  <si>
    <t>13755893.0</t>
  </si>
  <si>
    <t>81.225</t>
  </si>
  <si>
    <t>258521352.0</t>
  </si>
  <si>
    <t>128838557.0</t>
  </si>
  <si>
    <t>116692702.0</t>
  </si>
  <si>
    <t>13208517.0</t>
  </si>
  <si>
    <t>360522.0</t>
  </si>
  <si>
    <t>122335.0</t>
  </si>
  <si>
    <t>151.02</t>
  </si>
  <si>
    <t>8440.0</t>
  </si>
  <si>
    <t>126561.0</t>
  </si>
  <si>
    <t>9009.0</t>
  </si>
  <si>
    <t>130786.0</t>
  </si>
  <si>
    <t>135012.0</t>
  </si>
  <si>
    <t>10148.0</t>
  </si>
  <si>
    <t>139238.0</t>
  </si>
  <si>
    <t>13759711.0</t>
  </si>
  <si>
    <t>81.247</t>
  </si>
  <si>
    <t>259082435.0</t>
  </si>
  <si>
    <t>128886019.0</t>
  </si>
  <si>
    <t>116863440.0</t>
  </si>
  <si>
    <t>13551950.0</t>
  </si>
  <si>
    <t>143463.0</t>
  </si>
  <si>
    <t>151.35</t>
  </si>
  <si>
    <t>11287.0</t>
  </si>
  <si>
    <t>175026.0</t>
  </si>
  <si>
    <t>12444.0</t>
  </si>
  <si>
    <t>0.0301</t>
  </si>
  <si>
    <t>259689592.0</t>
  </si>
  <si>
    <t>128913229.0</t>
  </si>
  <si>
    <t>117045954.0</t>
  </si>
  <si>
    <t>13951027.0</t>
  </si>
  <si>
    <t>166891.0</t>
  </si>
  <si>
    <t>8.15</t>
  </si>
  <si>
    <t>13764712.0</t>
  </si>
  <si>
    <t>81.277</t>
  </si>
  <si>
    <t>173342.0</t>
  </si>
  <si>
    <t>10460.0</t>
  </si>
  <si>
    <t>179792.0</t>
  </si>
  <si>
    <t>10253.0</t>
  </si>
  <si>
    <t>186242.0</t>
  </si>
  <si>
    <t>10045.0</t>
  </si>
  <si>
    <t>192692.0</t>
  </si>
  <si>
    <t>13768448.0</t>
  </si>
  <si>
    <t>81.299</t>
  </si>
  <si>
    <t>199142.0</t>
  </si>
  <si>
    <t>39.7</t>
  </si>
  <si>
    <t>260633799.0</t>
  </si>
  <si>
    <t>128961472.0</t>
  </si>
  <si>
    <t>117358871.0</t>
  </si>
  <si>
    <t>14543408.0</t>
  </si>
  <si>
    <t>178255.0</t>
  </si>
  <si>
    <t>8835.0</t>
  </si>
  <si>
    <t>154529.0</t>
  </si>
  <si>
    <t>7962.0</t>
  </si>
  <si>
    <t>13773064.0</t>
  </si>
  <si>
    <t>4616.0</t>
  </si>
  <si>
    <t>81.326</t>
  </si>
  <si>
    <t>151691.0</t>
  </si>
  <si>
    <t>7883.0</t>
  </si>
  <si>
    <t>148852.0</t>
  </si>
  <si>
    <t>7804.0</t>
  </si>
  <si>
    <t>261183790.0</t>
  </si>
  <si>
    <t>128991429.0</t>
  </si>
  <si>
    <t>117524548.0</t>
  </si>
  <si>
    <t>14907402.0</t>
  </si>
  <si>
    <t>146014.0</t>
  </si>
  <si>
    <t>152.57</t>
  </si>
  <si>
    <t>68.65</t>
  </si>
  <si>
    <t>7726.0</t>
  </si>
  <si>
    <t>13778119.0</t>
  </si>
  <si>
    <t>5055.0</t>
  </si>
  <si>
    <t>81.356</t>
  </si>
  <si>
    <t>261364230.0</t>
  </si>
  <si>
    <t>129000128.0</t>
  </si>
  <si>
    <t>117565106.0</t>
  </si>
  <si>
    <t>15039802.0</t>
  </si>
  <si>
    <t>180440.0</t>
  </si>
  <si>
    <t>149310.0</t>
  </si>
  <si>
    <t>152.68</t>
  </si>
  <si>
    <t>175346.0</t>
  </si>
  <si>
    <t>201383.0</t>
  </si>
  <si>
    <t>230258.0</t>
  </si>
  <si>
    <t>7871.0</t>
  </si>
  <si>
    <t>13783344.0</t>
  </si>
  <si>
    <t>81.387</t>
  </si>
  <si>
    <t>259133.0</t>
  </si>
  <si>
    <t>7940.0</t>
  </si>
  <si>
    <t>263401973.0</t>
  </si>
  <si>
    <t>129047982.0</t>
  </si>
  <si>
    <t>117831591.0</t>
  </si>
  <si>
    <t>16770810.0</t>
  </si>
  <si>
    <t>316883.0</t>
  </si>
  <si>
    <t>153.87</t>
  </si>
  <si>
    <t>68.83</t>
  </si>
  <si>
    <t>13788173.0</t>
  </si>
  <si>
    <t>81.415</t>
  </si>
  <si>
    <t>551122.0</t>
  </si>
  <si>
    <t>267042199.0</t>
  </si>
  <si>
    <t>129074849.0</t>
  </si>
  <si>
    <t>117996195.0</t>
  </si>
  <si>
    <t>20222567.0</t>
  </si>
  <si>
    <t>762621.0</t>
  </si>
  <si>
    <t>1002256.0</t>
  </si>
  <si>
    <t>5855.0</t>
  </si>
  <si>
    <t>13793074.0</t>
  </si>
  <si>
    <t>4901.0</t>
  </si>
  <si>
    <t>81.444</t>
  </si>
  <si>
    <t>271076347.0</t>
  </si>
  <si>
    <t>129110507.0</t>
  </si>
  <si>
    <t>118183983.0</t>
  </si>
  <si>
    <t>24037571.0</t>
  </si>
  <si>
    <t>1241892.0</t>
  </si>
  <si>
    <t>158.35</t>
  </si>
  <si>
    <t>7255.0</t>
  </si>
  <si>
    <t>12350.0</t>
  </si>
  <si>
    <t>1304235.0</t>
  </si>
  <si>
    <t>7619.0</t>
  </si>
  <si>
    <t>13018.0</t>
  </si>
  <si>
    <t>1366577.0</t>
  </si>
  <si>
    <t>1428920.0</t>
  </si>
  <si>
    <t>13798354.0</t>
  </si>
  <si>
    <t>81.475</t>
  </si>
  <si>
    <t>274180436.0</t>
  </si>
  <si>
    <t>129161117.0</t>
  </si>
  <si>
    <t>118390624.0</t>
  </si>
  <si>
    <t>26891719.0</t>
  </si>
  <si>
    <t>1279764.0</t>
  </si>
  <si>
    <t>14243.0</t>
  </si>
  <si>
    <t>0.0515</t>
  </si>
  <si>
    <t>274455275.0</t>
  </si>
  <si>
    <t>129173653.0</t>
  </si>
  <si>
    <t>118438732.0</t>
  </si>
  <si>
    <t>27107823.0</t>
  </si>
  <si>
    <t>274839.0</t>
  </si>
  <si>
    <t>1059011.0</t>
  </si>
  <si>
    <t>160.33</t>
  </si>
  <si>
    <t>69.19</t>
  </si>
  <si>
    <t>1558.0</t>
  </si>
  <si>
    <t>795182.0</t>
  </si>
  <si>
    <t>13804340.0</t>
  </si>
  <si>
    <t>81.511</t>
  </si>
  <si>
    <t>531354.0</t>
  </si>
  <si>
    <t>11220.0</t>
  </si>
  <si>
    <t>444819.0</t>
  </si>
  <si>
    <t>10512.0</t>
  </si>
  <si>
    <t>358283.0</t>
  </si>
  <si>
    <t>0.1423</t>
  </si>
  <si>
    <t>275306648.0</t>
  </si>
  <si>
    <t>129212143.0</t>
  </si>
  <si>
    <t>118590639.0</t>
  </si>
  <si>
    <t>27778457.0</t>
  </si>
  <si>
    <t>271748.0</t>
  </si>
  <si>
    <t>160.82</t>
  </si>
  <si>
    <t>69.28</t>
  </si>
  <si>
    <t>9097.0</t>
  </si>
  <si>
    <t>0.1782</t>
  </si>
  <si>
    <t>275480043.0</t>
  </si>
  <si>
    <t>129223807.0</t>
  </si>
  <si>
    <t>118629297.0</t>
  </si>
  <si>
    <t>27907353.0</t>
  </si>
  <si>
    <t>173395.0</t>
  </si>
  <si>
    <t>185658.0</t>
  </si>
  <si>
    <t>160.92</t>
  </si>
  <si>
    <t>8956.0</t>
  </si>
  <si>
    <t>13812368.0</t>
  </si>
  <si>
    <t>81.558</t>
  </si>
  <si>
    <t>160554.0</t>
  </si>
  <si>
    <t>275678256.0</t>
  </si>
  <si>
    <t>129249402.0</t>
  </si>
  <si>
    <t>118678876.0</t>
  </si>
  <si>
    <t>28050633.0</t>
  </si>
  <si>
    <t>150387.0</t>
  </si>
  <si>
    <t>161.04</t>
  </si>
  <si>
    <t>75.5</t>
  </si>
  <si>
    <t>9722.0</t>
  </si>
  <si>
    <t>13820904.0</t>
  </si>
  <si>
    <t>8536.0</t>
  </si>
  <si>
    <t>0.2761</t>
  </si>
  <si>
    <t>276136881.0</t>
  </si>
  <si>
    <t>129277282.0</t>
  </si>
  <si>
    <t>118841807.0</t>
  </si>
  <si>
    <t>28328685.0</t>
  </si>
  <si>
    <t>458625.0</t>
  </si>
  <si>
    <t>191580.0</t>
  </si>
  <si>
    <t>69.42</t>
  </si>
  <si>
    <t>198958.0</t>
  </si>
  <si>
    <t>206336.0</t>
  </si>
  <si>
    <t>213714.0</t>
  </si>
  <si>
    <t>220646.0</t>
  </si>
  <si>
    <t>277246485.0</t>
  </si>
  <si>
    <t>129334881.0</t>
  </si>
  <si>
    <t>119315619.0</t>
  </si>
  <si>
    <t>28923162.0</t>
  </si>
  <si>
    <t>238191.0</t>
  </si>
  <si>
    <t>161.96</t>
  </si>
  <si>
    <t>14040.0</t>
  </si>
  <si>
    <t>277499188.0</t>
  </si>
  <si>
    <t>129343045.0</t>
  </si>
  <si>
    <t>119422697.0</t>
  </si>
  <si>
    <t>29061179.0</t>
  </si>
  <si>
    <t>252703.0</t>
  </si>
  <si>
    <t>260133.0</t>
  </si>
  <si>
    <t>16.98</t>
  </si>
  <si>
    <t>13378.0</t>
  </si>
  <si>
    <t>220147.0</t>
  </si>
  <si>
    <t>23082.0</t>
  </si>
  <si>
    <t>213977.0</t>
  </si>
  <si>
    <t>35123.0</t>
  </si>
  <si>
    <t>207806.0</t>
  </si>
  <si>
    <t>47165.0</t>
  </si>
  <si>
    <t>278214089.0</t>
  </si>
  <si>
    <t>129726284.0</t>
  </si>
  <si>
    <t>119483797.0</t>
  </si>
  <si>
    <t>29343226.0</t>
  </si>
  <si>
    <t>201635.0</t>
  </si>
  <si>
    <t>162.52</t>
  </si>
  <si>
    <t>59206.0</t>
  </si>
  <si>
    <t>210769.0</t>
  </si>
  <si>
    <t>65614.0</t>
  </si>
  <si>
    <t>278785812.0</t>
  </si>
  <si>
    <t>129839041.0</t>
  </si>
  <si>
    <t>119641067.0</t>
  </si>
  <si>
    <t>29645608.0</t>
  </si>
  <si>
    <t>219904.0</t>
  </si>
  <si>
    <t>69.89</t>
  </si>
  <si>
    <t>72023.0</t>
  </si>
  <si>
    <t>279009740.0</t>
  </si>
  <si>
    <t>129846280.0</t>
  </si>
  <si>
    <t>119684984.0</t>
  </si>
  <si>
    <t>29818831.0</t>
  </si>
  <si>
    <t>223928.0</t>
  </si>
  <si>
    <t>215793.0</t>
  </si>
  <si>
    <t>162.99</t>
  </si>
  <si>
    <t>69.92</t>
  </si>
  <si>
    <t>17.42</t>
  </si>
  <si>
    <t>71891.0</t>
  </si>
  <si>
    <t>279175368.0</t>
  </si>
  <si>
    <t>129851980.0</t>
  </si>
  <si>
    <t>119719961.0</t>
  </si>
  <si>
    <t>29944440.0</t>
  </si>
  <si>
    <t>165628.0</t>
  </si>
  <si>
    <t>213922.0</t>
  </si>
  <si>
    <t>59018.0</t>
  </si>
  <si>
    <t>194618.0</t>
  </si>
  <si>
    <t>45572.0</t>
  </si>
  <si>
    <t>175314.0</t>
  </si>
  <si>
    <t>32127.0</t>
  </si>
  <si>
    <t>156010.0</t>
  </si>
  <si>
    <t>18681.0</t>
  </si>
  <si>
    <t>121400.0</t>
  </si>
  <si>
    <t>86791.0</t>
  </si>
  <si>
    <t>61029.0</t>
  </si>
  <si>
    <t>279480539.0</t>
  </si>
  <si>
    <t>129863818.0</t>
  </si>
  <si>
    <t>119794388.0</t>
  </si>
  <si>
    <t>30163879.0</t>
  </si>
  <si>
    <t>48426.0</t>
  </si>
  <si>
    <t>53257.0</t>
  </si>
  <si>
    <t>279712767.0</t>
  </si>
  <si>
    <t>129871434.0</t>
  </si>
  <si>
    <t>119835761.0</t>
  </si>
  <si>
    <t>30347538.0</t>
  </si>
  <si>
    <t>58087.0</t>
  </si>
  <si>
    <t>279837374.0</t>
  </si>
  <si>
    <t>129875650.0</t>
  </si>
  <si>
    <t>119857594.0</t>
  </si>
  <si>
    <t>30446244.0</t>
  </si>
  <si>
    <t>124607.0</t>
  </si>
  <si>
    <t>69660.0</t>
  </si>
  <si>
    <t>2415.0</t>
  </si>
  <si>
    <t>495260.0</t>
  </si>
  <si>
    <t>5997.0</t>
  </si>
  <si>
    <t>285882959.0</t>
  </si>
  <si>
    <t>129929178.0</t>
  </si>
  <si>
    <t>120105423.0</t>
  </si>
  <si>
    <t>36190815.0</t>
  </si>
  <si>
    <t>920859.0</t>
  </si>
  <si>
    <t>5379.0</t>
  </si>
  <si>
    <t>1066730.0</t>
  </si>
  <si>
    <t>6231.0</t>
  </si>
  <si>
    <t>13516.0</t>
  </si>
  <si>
    <t>288012341.0</t>
  </si>
  <si>
    <t>129987682.0</t>
  </si>
  <si>
    <t>120238824.0</t>
  </si>
  <si>
    <t>38136009.0</t>
  </si>
  <si>
    <t>1207770.0</t>
  </si>
  <si>
    <t>7055.0</t>
  </si>
  <si>
    <t>1224030.0</t>
  </si>
  <si>
    <t>7150.0</t>
  </si>
  <si>
    <t>17595.0</t>
  </si>
  <si>
    <t>1240289.0</t>
  </si>
  <si>
    <t>7245.0</t>
  </si>
  <si>
    <t>17858.0</t>
  </si>
  <si>
    <t>288586019.0</t>
  </si>
  <si>
    <t>130000824.0</t>
  </si>
  <si>
    <t>120297369.0</t>
  </si>
  <si>
    <t>38638440.0</t>
  </si>
  <si>
    <t>1249806.0</t>
  </si>
  <si>
    <t>17882.0</t>
  </si>
  <si>
    <t>288801774.0</t>
  </si>
  <si>
    <t>130010268.0</t>
  </si>
  <si>
    <t>120324479.0</t>
  </si>
  <si>
    <t>38817802.0</t>
  </si>
  <si>
    <t>215755.0</t>
  </si>
  <si>
    <t>848801.0</t>
  </si>
  <si>
    <t>168.71</t>
  </si>
  <si>
    <t>70.29</t>
  </si>
  <si>
    <t>15408.0</t>
  </si>
  <si>
    <t>289084557.0</t>
  </si>
  <si>
    <t>130017083.0</t>
  </si>
  <si>
    <t>120368605.0</t>
  </si>
  <si>
    <t>39049744.0</t>
  </si>
  <si>
    <t>282783.0</t>
  </si>
  <si>
    <t>457371.0</t>
  </si>
  <si>
    <t>168.87</t>
  </si>
  <si>
    <t>333416.0</t>
  </si>
  <si>
    <t>209462.0</t>
  </si>
  <si>
    <t>210288.0</t>
  </si>
  <si>
    <t>289872589.0</t>
  </si>
  <si>
    <t>130049697.0</t>
  </si>
  <si>
    <t>120493865.0</t>
  </si>
  <si>
    <t>39680201.0</t>
  </si>
  <si>
    <t>211114.0</t>
  </si>
  <si>
    <t>169.33</t>
  </si>
  <si>
    <t>23.18</t>
  </si>
  <si>
    <t>7608.0</t>
  </si>
  <si>
    <t>209089.0</t>
  </si>
  <si>
    <t>290226701.0</t>
  </si>
  <si>
    <t>130065446.0</t>
  </si>
  <si>
    <t>120556100.0</t>
  </si>
  <si>
    <t>39956527.0</t>
  </si>
  <si>
    <t>203561.0</t>
  </si>
  <si>
    <t>169.54</t>
  </si>
  <si>
    <t>194965.0</t>
  </si>
  <si>
    <t>9366.0</t>
  </si>
  <si>
    <t>290671923.0</t>
  </si>
  <si>
    <t>130099847.0</t>
  </si>
  <si>
    <t>120635613.0</t>
  </si>
  <si>
    <t>40293269.0</t>
  </si>
  <si>
    <t>198623.0</t>
  </si>
  <si>
    <t>70.47</t>
  </si>
  <si>
    <t>10659.0</t>
  </si>
  <si>
    <t>191980.0</t>
  </si>
  <si>
    <t>11295.0</t>
  </si>
  <si>
    <t>185338.0</t>
  </si>
  <si>
    <t>11932.0</t>
  </si>
  <si>
    <t>291123460.0</t>
  </si>
  <si>
    <t>130137673.0</t>
  </si>
  <si>
    <t>120703120.0</t>
  </si>
  <si>
    <t>40659978.0</t>
  </si>
  <si>
    <t>178696.0</t>
  </si>
  <si>
    <t>170.06</t>
  </si>
  <si>
    <t>70.51</t>
  </si>
  <si>
    <t>23.75</t>
  </si>
  <si>
    <t>12568.0</t>
  </si>
  <si>
    <t>168516.0</t>
  </si>
  <si>
    <t>12182.0</t>
  </si>
  <si>
    <t>158337.0</t>
  </si>
  <si>
    <t>141650.0</t>
  </si>
  <si>
    <t>124962.0</t>
  </si>
  <si>
    <t>8360.0</t>
  </si>
  <si>
    <t>118575.0</t>
  </si>
  <si>
    <t>7298.0</t>
  </si>
  <si>
    <t>105800.0</t>
  </si>
  <si>
    <t>291969856.0</t>
  </si>
  <si>
    <t>130179063.0</t>
  </si>
  <si>
    <t>120841398.0</t>
  </si>
  <si>
    <t>41327307.0</t>
  </si>
  <si>
    <t>170.56</t>
  </si>
  <si>
    <t>70.59</t>
  </si>
  <si>
    <t>151457.0</t>
  </si>
  <si>
    <t>197114.0</t>
  </si>
  <si>
    <t>7294.0</t>
  </si>
  <si>
    <t>293246060.0</t>
  </si>
  <si>
    <t>130216849.0</t>
  </si>
  <si>
    <t>120985170.0</t>
  </si>
  <si>
    <t>42421403.0</t>
  </si>
  <si>
    <t>242772.0</t>
  </si>
  <si>
    <t>70.67</t>
  </si>
  <si>
    <t>241020.0</t>
  </si>
  <si>
    <t>9277.0</t>
  </si>
  <si>
    <t>239269.0</t>
  </si>
  <si>
    <t>10199.0</t>
  </si>
  <si>
    <t>237517.0</t>
  </si>
  <si>
    <t>235766.0</t>
  </si>
  <si>
    <t>12044.0</t>
  </si>
  <si>
    <t>188357.0</t>
  </si>
  <si>
    <t>11906.0</t>
  </si>
  <si>
    <t>140948.0</t>
  </si>
  <si>
    <t>11769.0</t>
  </si>
  <si>
    <t>93540.0</t>
  </si>
  <si>
    <t>294274995.0</t>
  </si>
  <si>
    <t>130344789.0</t>
  </si>
  <si>
    <t>121152135.0</t>
  </si>
  <si>
    <t>43163315.0</t>
  </si>
  <si>
    <t>130880.0</t>
  </si>
  <si>
    <t>29528.0</t>
  </si>
  <si>
    <t>294984844.0</t>
  </si>
  <si>
    <t>130618611.0</t>
  </si>
  <si>
    <t>121218854.0</t>
  </si>
  <si>
    <t>43535079.0</t>
  </si>
  <si>
    <t>168221.0</t>
  </si>
  <si>
    <t>172.32</t>
  </si>
  <si>
    <t>176117.0</t>
  </si>
  <si>
    <t>53189.0</t>
  </si>
  <si>
    <t>184013.0</t>
  </si>
  <si>
    <t>58952.0</t>
  </si>
  <si>
    <t>191910.0</t>
  </si>
  <si>
    <t>64716.0</t>
  </si>
  <si>
    <t>199806.0</t>
  </si>
  <si>
    <t>70479.0</t>
  </si>
  <si>
    <t>295728911.0</t>
  </si>
  <si>
    <t>130878488.0</t>
  </si>
  <si>
    <t>121295180.0</t>
  </si>
  <si>
    <t>43946592.0</t>
  </si>
  <si>
    <t>207702.0</t>
  </si>
  <si>
    <t>76243.0</t>
  </si>
  <si>
    <t>177222.0</t>
  </si>
  <si>
    <t>65202.0</t>
  </si>
  <si>
    <t>146741.0</t>
  </si>
  <si>
    <t>145704.0</t>
  </si>
  <si>
    <t>55254.0</t>
  </si>
  <si>
    <t>144668.0</t>
  </si>
  <si>
    <t>296436706.0</t>
  </si>
  <si>
    <t>131176612.0</t>
  </si>
  <si>
    <t>121375602.0</t>
  </si>
  <si>
    <t>44281988.0</t>
  </si>
  <si>
    <t>143632.0</t>
  </si>
  <si>
    <t>25.87</t>
  </si>
  <si>
    <t>57439.0</t>
  </si>
  <si>
    <t>144116.0</t>
  </si>
  <si>
    <t>56369.0</t>
  </si>
  <si>
    <t>296741118.0</t>
  </si>
  <si>
    <t>131265584.0</t>
  </si>
  <si>
    <t>121425539.0</t>
  </si>
  <si>
    <t>44451955.0</t>
  </si>
  <si>
    <t>144601.0</t>
  </si>
  <si>
    <t>173.34</t>
  </si>
  <si>
    <t>141743.0</t>
  </si>
  <si>
    <t>52666.0</t>
  </si>
  <si>
    <t>138885.0</t>
  </si>
  <si>
    <t>297105774.0</t>
  </si>
  <si>
    <t>131389148.0</t>
  </si>
  <si>
    <t>121486348.0</t>
  </si>
  <si>
    <t>44637076.0</t>
  </si>
  <si>
    <t>136027.0</t>
  </si>
  <si>
    <t>173.56</t>
  </si>
  <si>
    <t>47398.0</t>
  </si>
  <si>
    <t>133919.0</t>
  </si>
  <si>
    <t>44403.0</t>
  </si>
  <si>
    <t>131812.0</t>
  </si>
  <si>
    <t>41407.0</t>
  </si>
  <si>
    <t>297486201.0</t>
  </si>
  <si>
    <t>131505119.0</t>
  </si>
  <si>
    <t>121557275.0</t>
  </si>
  <si>
    <t>44833161.0</t>
  </si>
  <si>
    <t>128184.0</t>
  </si>
  <si>
    <t>173.78</t>
  </si>
  <si>
    <t>26.19</t>
  </si>
  <si>
    <t>40574.0</t>
  </si>
  <si>
    <t>297640056.0</t>
  </si>
  <si>
    <t>131538572.0</t>
  </si>
  <si>
    <t>121583776.0</t>
  </si>
  <si>
    <t>44928916.0</t>
  </si>
  <si>
    <t>153855.0</t>
  </si>
  <si>
    <t>128420.0</t>
  </si>
  <si>
    <t>173.87</t>
  </si>
  <si>
    <t>38998.0</t>
  </si>
  <si>
    <t>133894.0</t>
  </si>
  <si>
    <t>37808.0</t>
  </si>
  <si>
    <t>297959801.0</t>
  </si>
  <si>
    <t>131604283.0</t>
  </si>
  <si>
    <t>121645045.0</t>
  </si>
  <si>
    <t>45127421.0</t>
  </si>
  <si>
    <t>139368.0</t>
  </si>
  <si>
    <t>174.06</t>
  </si>
  <si>
    <t>71.06</t>
  </si>
  <si>
    <t>36618.0</t>
  </si>
  <si>
    <t>134196.0</t>
  </si>
  <si>
    <t>32611.0</t>
  </si>
  <si>
    <t>128273.0</t>
  </si>
  <si>
    <t>28967.0</t>
  </si>
  <si>
    <t>122349.0</t>
  </si>
  <si>
    <t>25322.0</t>
  </si>
  <si>
    <t>298301183.0</t>
  </si>
  <si>
    <t>131656861.0</t>
  </si>
  <si>
    <t>121697591.0</t>
  </si>
  <si>
    <t>45372841.0</t>
  </si>
  <si>
    <t>116426.0</t>
  </si>
  <si>
    <t>174.26</t>
  </si>
  <si>
    <t>21677.0</t>
  </si>
  <si>
    <t>298387725.0</t>
  </si>
  <si>
    <t>131668681.0</t>
  </si>
  <si>
    <t>121715545.0</t>
  </si>
  <si>
    <t>45433646.0</t>
  </si>
  <si>
    <t>86542.0</t>
  </si>
  <si>
    <t>106810.0</t>
  </si>
  <si>
    <t>174.31</t>
  </si>
  <si>
    <t>26.54</t>
  </si>
  <si>
    <t>18587.0</t>
  </si>
  <si>
    <t>208901.0</t>
  </si>
  <si>
    <t>23408.0</t>
  </si>
  <si>
    <t>310992.0</t>
  </si>
  <si>
    <t>28229.0</t>
  </si>
  <si>
    <t>423730.0</t>
  </si>
  <si>
    <t>35866.0</t>
  </si>
  <si>
    <t>536468.0</t>
  </si>
  <si>
    <t>649205.0</t>
  </si>
  <si>
    <t>51139.0</t>
  </si>
  <si>
    <t>303634786.0</t>
  </si>
  <si>
    <t>132068293.0</t>
  </si>
  <si>
    <t>122539640.0</t>
  </si>
  <si>
    <t>49494512.0</t>
  </si>
  <si>
    <t>761943.0</t>
  </si>
  <si>
    <t>177.37</t>
  </si>
  <si>
    <t>58776.0</t>
  </si>
  <si>
    <t>1022019.0</t>
  </si>
  <si>
    <t>72828.0</t>
  </si>
  <si>
    <t>1169528.0</t>
  </si>
  <si>
    <t>6832.0</t>
  </si>
  <si>
    <t>79054.0</t>
  </si>
  <si>
    <t>1317037.0</t>
  </si>
  <si>
    <t>85280.0</t>
  </si>
  <si>
    <t>311263073.0</t>
  </si>
  <si>
    <t>132509030.0</t>
  </si>
  <si>
    <t>123588907.0</t>
  </si>
  <si>
    <t>55659710.0</t>
  </si>
  <si>
    <t>1464545.0</t>
  </si>
  <si>
    <t>181.83</t>
  </si>
  <si>
    <t>91506.0</t>
  </si>
  <si>
    <t>1399146.0</t>
  </si>
  <si>
    <t>8173.0</t>
  </si>
  <si>
    <t>117372.0</t>
  </si>
  <si>
    <t>1333747.0</t>
  </si>
  <si>
    <t>7791.0</t>
  </si>
  <si>
    <t>1268347.0</t>
  </si>
  <si>
    <t>169105.0</t>
  </si>
  <si>
    <t>1055439.0</t>
  </si>
  <si>
    <t>188745.0</t>
  </si>
  <si>
    <t>842531.0</t>
  </si>
  <si>
    <t>208385.0</t>
  </si>
  <si>
    <t>629623.0</t>
  </si>
  <si>
    <t>228025.0</t>
  </si>
  <si>
    <t>416715.0</t>
  </si>
  <si>
    <t>247665.0</t>
  </si>
  <si>
    <t>315846938.0</t>
  </si>
  <si>
    <t>135233348.0</t>
  </si>
  <si>
    <t>123896251.0</t>
  </si>
  <si>
    <t>57234395.0</t>
  </si>
  <si>
    <t>184.5</t>
  </si>
  <si>
    <t>396387.0</t>
  </si>
  <si>
    <t>241591.0</t>
  </si>
  <si>
    <t>376059.0</t>
  </si>
  <si>
    <t>235518.0</t>
  </si>
  <si>
    <t>355731.0</t>
  </si>
  <si>
    <t>229444.0</t>
  </si>
  <si>
    <t>335403.0</t>
  </si>
  <si>
    <t>223370.0</t>
  </si>
  <si>
    <t>315076.0</t>
  </si>
  <si>
    <t>217296.0</t>
  </si>
  <si>
    <t>317493457.0</t>
  </si>
  <si>
    <t>136464240.0</t>
  </si>
  <si>
    <t>123986287.0</t>
  </si>
  <si>
    <t>57564893.0</t>
  </si>
  <si>
    <t>294748.0</t>
  </si>
  <si>
    <t>33.63</t>
  </si>
  <si>
    <t>211222.0</t>
  </si>
  <si>
    <t>240994.0</t>
  </si>
  <si>
    <t>178243.0</t>
  </si>
  <si>
    <t>207567.0</t>
  </si>
  <si>
    <t>151337.0</t>
  </si>
  <si>
    <t>174141.0</t>
  </si>
  <si>
    <t>124431.0</t>
  </si>
  <si>
    <t>317655200.0</t>
  </si>
  <si>
    <t>136531469.0</t>
  </si>
  <si>
    <t>124001916.0</t>
  </si>
  <si>
    <t>57647579.0</t>
  </si>
  <si>
    <t>140715.0</t>
  </si>
  <si>
    <t>185.56</t>
  </si>
  <si>
    <t>79.76</t>
  </si>
  <si>
    <t>97525.0</t>
  </si>
  <si>
    <t>152564.0</t>
  </si>
  <si>
    <t>108147.0</t>
  </si>
  <si>
    <t>164414.0</t>
  </si>
  <si>
    <t>118770.0</t>
  </si>
  <si>
    <t>318727301.0</t>
  </si>
  <si>
    <t>137369984.0</t>
  </si>
  <si>
    <t>124071114.0</t>
  </si>
  <si>
    <t>57815447.0</t>
  </si>
  <si>
    <t>176263.0</t>
  </si>
  <si>
    <t>80.25</t>
  </si>
  <si>
    <t>129392.0</t>
  </si>
  <si>
    <t>305073.0</t>
  </si>
  <si>
    <t>250181.0</t>
  </si>
  <si>
    <t>320611510.0</t>
  </si>
  <si>
    <t>139094638.0</t>
  </si>
  <si>
    <t>124138382.0</t>
  </si>
  <si>
    <t>57909680.0</t>
  </si>
  <si>
    <t>433883.0</t>
  </si>
  <si>
    <t>187.29</t>
  </si>
  <si>
    <t>370969.0</t>
  </si>
  <si>
    <t>321697150.0</t>
  </si>
  <si>
    <t>140109254.0</t>
  </si>
  <si>
    <t>124171912.0</t>
  </si>
  <si>
    <t>57948046.0</t>
  </si>
  <si>
    <t>1085640.0</t>
  </si>
  <si>
    <t>583198.0</t>
  </si>
  <si>
    <t>187.92</t>
  </si>
  <si>
    <t>72.54</t>
  </si>
  <si>
    <t>33.85</t>
  </si>
  <si>
    <t>3407.0</t>
  </si>
  <si>
    <t>513513.0</t>
  </si>
  <si>
    <t>643372.0</t>
  </si>
  <si>
    <t>571730.0</t>
  </si>
  <si>
    <t>658271.0</t>
  </si>
  <si>
    <t>3845.0</t>
  </si>
  <si>
    <t>592418.0</t>
  </si>
  <si>
    <t>673170.0</t>
  </si>
  <si>
    <t>613107.0</t>
  </si>
  <si>
    <t>323543778.0</t>
  </si>
  <si>
    <t>141806551.0</t>
  </si>
  <si>
    <t>124236745.0</t>
  </si>
  <si>
    <t>58036158.0</t>
  </si>
  <si>
    <t>688068.0</t>
  </si>
  <si>
    <t>633795.0</t>
  </si>
  <si>
    <t>588208.0</t>
  </si>
  <si>
    <t>539869.0</t>
  </si>
  <si>
    <t>488349.0</t>
  </si>
  <si>
    <t>445942.0</t>
  </si>
  <si>
    <t>324273039.0</t>
  </si>
  <si>
    <t>142421077.0</t>
  </si>
  <si>
    <t>124267531.0</t>
  </si>
  <si>
    <t>58123102.0</t>
  </si>
  <si>
    <t>367984.0</t>
  </si>
  <si>
    <t>189.43</t>
  </si>
  <si>
    <t>33.95</t>
  </si>
  <si>
    <t>2150.0</t>
  </si>
  <si>
    <t>330260.0</t>
  </si>
  <si>
    <t>325402861.0</t>
  </si>
  <si>
    <t>143323610.0</t>
  </si>
  <si>
    <t>124336665.0</t>
  </si>
  <si>
    <t>58282310.0</t>
  </si>
  <si>
    <t>1129822.0</t>
  </si>
  <si>
    <t>463436.0</t>
  </si>
  <si>
    <t>190.09</t>
  </si>
  <si>
    <t>398576.0</t>
  </si>
  <si>
    <t>448620.0</t>
  </si>
  <si>
    <t>380248.0</t>
  </si>
  <si>
    <t>433804.0</t>
  </si>
  <si>
    <t>361920.0</t>
  </si>
  <si>
    <t>418987.0</t>
  </si>
  <si>
    <t>343592.0</t>
  </si>
  <si>
    <t>435395.0</t>
  </si>
  <si>
    <t>2543.0</t>
  </si>
  <si>
    <t>356619.0</t>
  </si>
  <si>
    <t>451803.0</t>
  </si>
  <si>
    <t>369645.0</t>
  </si>
  <si>
    <t>468211.0</t>
  </si>
  <si>
    <t>382672.0</t>
  </si>
  <si>
    <t>357943.0</t>
  </si>
  <si>
    <t>296028.0</t>
  </si>
  <si>
    <t>328982289.0</t>
  </si>
  <si>
    <t>146283895.0</t>
  </si>
  <si>
    <t>124666230.0</t>
  </si>
  <si>
    <t>58579379.0</t>
  </si>
  <si>
    <t>192.18</t>
  </si>
  <si>
    <t>85.45</t>
  </si>
  <si>
    <t>72.82</t>
  </si>
  <si>
    <t>329704425.0</t>
  </si>
  <si>
    <t>146831906.0</t>
  </si>
  <si>
    <t>124751844.0</t>
  </si>
  <si>
    <t>58669048.0</t>
  </si>
  <si>
    <t>722136.0</t>
  </si>
  <si>
    <t>409970.0</t>
  </si>
  <si>
    <t>192.6</t>
  </si>
  <si>
    <t>85.77</t>
  </si>
  <si>
    <t>332026.0</t>
  </si>
  <si>
    <t>381981.0</t>
  </si>
  <si>
    <t>289943.0</t>
  </si>
  <si>
    <t>353992.0</t>
  </si>
  <si>
    <t>247860.0</t>
  </si>
  <si>
    <t>330190479.0</t>
  </si>
  <si>
    <t>146836248.0</t>
  </si>
  <si>
    <t>125070034.0</t>
  </si>
  <si>
    <t>58836912.0</t>
  </si>
  <si>
    <t>326003.0</t>
  </si>
  <si>
    <t>85.78</t>
  </si>
  <si>
    <t>73.06</t>
  </si>
  <si>
    <t>205777.0</t>
  </si>
  <si>
    <t>336557.0</t>
  </si>
  <si>
    <t>221222.0</t>
  </si>
  <si>
    <t>347112.0</t>
  </si>
  <si>
    <t>236666.0</t>
  </si>
  <si>
    <t>331485953.0</t>
  </si>
  <si>
    <t>148048673.0</t>
  </si>
  <si>
    <t>125109629.0</t>
  </si>
  <si>
    <t>58882275.0</t>
  </si>
  <si>
    <t>357666.0</t>
  </si>
  <si>
    <t>193.64</t>
  </si>
  <si>
    <t>86.48</t>
  </si>
  <si>
    <t>252111.0</t>
  </si>
  <si>
    <t>254504.0</t>
  </si>
  <si>
    <t>173937.0</t>
  </si>
  <si>
    <t>231359.0</t>
  </si>
  <si>
    <t>173842.0</t>
  </si>
  <si>
    <t>208213.0</t>
  </si>
  <si>
    <t>173748.0</t>
  </si>
  <si>
    <t>185068.0</t>
  </si>
  <si>
    <t>173654.0</t>
  </si>
  <si>
    <t>148052616.0</t>
  </si>
  <si>
    <t>123378.0</t>
  </si>
  <si>
    <t>86.49</t>
  </si>
  <si>
    <t>116032.0</t>
  </si>
  <si>
    <t>117835.0</t>
  </si>
  <si>
    <t>332711434.0</t>
  </si>
  <si>
    <t>148886132.0</t>
  </si>
  <si>
    <t>125297977.0</t>
  </si>
  <si>
    <t>59091536.0</t>
  </si>
  <si>
    <t>1225481.0</t>
  </si>
  <si>
    <t>175069.0</t>
  </si>
  <si>
    <t>194.36</t>
  </si>
  <si>
    <t>86.97</t>
  </si>
  <si>
    <t>119637.0</t>
  </si>
  <si>
    <t>334842984.0</t>
  </si>
  <si>
    <t>149128228.0</t>
  </si>
  <si>
    <t>125670627.0</t>
  </si>
  <si>
    <t>60611619.0</t>
  </si>
  <si>
    <t>2131550.0</t>
  </si>
  <si>
    <t>479576.0</t>
  </si>
  <si>
    <t>195.6</t>
  </si>
  <si>
    <t>87.11</t>
  </si>
  <si>
    <t>73.41</t>
  </si>
  <si>
    <t>154109.0</t>
  </si>
  <si>
    <t>149130860.0</t>
  </si>
  <si>
    <t>87.12</t>
  </si>
  <si>
    <t>154373.0</t>
  </si>
  <si>
    <t>149134911.0</t>
  </si>
  <si>
    <t>154839.0</t>
  </si>
  <si>
    <t>149137256.0</t>
  </si>
  <si>
    <t>155061.0</t>
  </si>
  <si>
    <t>154949.0</t>
  </si>
  <si>
    <t>95412.0</t>
  </si>
  <si>
    <t>149137913.0</t>
  </si>
  <si>
    <t>304507.0</t>
  </si>
  <si>
    <t>149138275.0</t>
  </si>
  <si>
    <t>149138533.0</t>
  </si>
  <si>
    <t>149139119.0</t>
  </si>
  <si>
    <t>149139725.0</t>
  </si>
  <si>
    <t>149140247.0</t>
  </si>
  <si>
    <t>149140260.0</t>
  </si>
  <si>
    <t>149140295.0</t>
  </si>
  <si>
    <t>149140300.0</t>
  </si>
  <si>
    <t>149140660.0</t>
  </si>
  <si>
    <t>149140663.0</t>
  </si>
  <si>
    <t>341684199.0</t>
  </si>
  <si>
    <t>150133683.0</t>
  </si>
  <si>
    <t>126982834.0</t>
  </si>
  <si>
    <t>65147607.0</t>
  </si>
  <si>
    <t>6841215.0</t>
  </si>
  <si>
    <t>977316.0</t>
  </si>
  <si>
    <t>87.7</t>
  </si>
  <si>
    <t>141860.0</t>
  </si>
  <si>
    <t>999196.0</t>
  </si>
  <si>
    <t>146982.0</t>
  </si>
  <si>
    <t>341990517.0</t>
  </si>
  <si>
    <t>150205383.0</t>
  </si>
  <si>
    <t>127182306.0</t>
  </si>
  <si>
    <t>65182753.0</t>
  </si>
  <si>
    <t>1021076.0</t>
  </si>
  <si>
    <t>199.78</t>
  </si>
  <si>
    <t>87.74</t>
  </si>
  <si>
    <t>152103.0</t>
  </si>
  <si>
    <t>BRB</t>
  </si>
  <si>
    <t>Barbados</t>
  </si>
  <si>
    <t>-16.4</t>
  </si>
  <si>
    <t>-2.22</t>
  </si>
  <si>
    <t>-58.2291245038097</t>
  </si>
  <si>
    <t>-55.6</t>
  </si>
  <si>
    <t>-17.64</t>
  </si>
  <si>
    <t>-197.410934293404</t>
  </si>
  <si>
    <t>-66.2</t>
  </si>
  <si>
    <t>-5.44</t>
  </si>
  <si>
    <t>-4.15</t>
  </si>
  <si>
    <t>-235.046831838549</t>
  </si>
  <si>
    <t>-45.8</t>
  </si>
  <si>
    <t>-3.19</t>
  </si>
  <si>
    <t>-162.615481846005</t>
  </si>
  <si>
    <t>-45.4</t>
  </si>
  <si>
    <t>-161.195259297132</t>
  </si>
  <si>
    <t>-25.4</t>
  </si>
  <si>
    <t>-1.35</t>
  </si>
  <si>
    <t>-90.1841318534615</t>
  </si>
  <si>
    <t>-77.4</t>
  </si>
  <si>
    <t>-3.66</t>
  </si>
  <si>
    <t>-21.76</t>
  </si>
  <si>
    <t>-274.813063207005</t>
  </si>
  <si>
    <t>-101.4</t>
  </si>
  <si>
    <t>-4.29</t>
  </si>
  <si>
    <t>-9.64</t>
  </si>
  <si>
    <t>-360.026416139409</t>
  </si>
  <si>
    <t>-127.4</t>
  </si>
  <si>
    <t>-11.06</t>
  </si>
  <si>
    <t>-452.340881816181</t>
  </si>
  <si>
    <t>-109.6</t>
  </si>
  <si>
    <t>-3.88</t>
  </si>
  <si>
    <t>7.97</t>
  </si>
  <si>
    <t>-389.140978391314</t>
  </si>
  <si>
    <t>-226.0</t>
  </si>
  <si>
    <t>-7.26</t>
  </si>
  <si>
    <t>-40.22</t>
  </si>
  <si>
    <t>-802.425740113476</t>
  </si>
  <si>
    <t>6683.0</t>
  </si>
  <si>
    <t>7786.0</t>
  </si>
  <si>
    <t>9115.0</t>
  </si>
  <si>
    <t>8209.0</t>
  </si>
  <si>
    <t>11494.0</t>
  </si>
  <si>
    <t>8291.0</t>
  </si>
  <si>
    <t>15837.0</t>
  </si>
  <si>
    <t>8056.0</t>
  </si>
  <si>
    <t>16544.0</t>
  </si>
  <si>
    <t>19089.0</t>
  </si>
  <si>
    <t>7406.0</t>
  </si>
  <si>
    <t>29283.0</t>
  </si>
  <si>
    <t>33633.0</t>
  </si>
  <si>
    <t>38615.0</t>
  </si>
  <si>
    <t>-241.4</t>
  </si>
  <si>
    <t>-7.21</t>
  </si>
  <si>
    <t>-6.54</t>
  </si>
  <si>
    <t>-857.104308245102</t>
  </si>
  <si>
    <t>11177.0</t>
  </si>
  <si>
    <t>43235.0</t>
  </si>
  <si>
    <t>44859.0</t>
  </si>
  <si>
    <t>46442.0</t>
  </si>
  <si>
    <t>8702.0</t>
  </si>
  <si>
    <t>48480.0</t>
  </si>
  <si>
    <t>2121.0</t>
  </si>
  <si>
    <t>17.21</t>
  </si>
  <si>
    <t>7531.0</t>
  </si>
  <si>
    <t>48886.0</t>
  </si>
  <si>
    <t>49317.0</t>
  </si>
  <si>
    <t>49393.0</t>
  </si>
  <si>
    <t>17.67</t>
  </si>
  <si>
    <t>50263.0</t>
  </si>
  <si>
    <t>17.85</t>
  </si>
  <si>
    <t>50703.0</t>
  </si>
  <si>
    <t>50980.0</t>
  </si>
  <si>
    <t>51595.0</t>
  </si>
  <si>
    <t>52290.0</t>
  </si>
  <si>
    <t>18.57</t>
  </si>
  <si>
    <t>1509.0</t>
  </si>
  <si>
    <t>53129.0</t>
  </si>
  <si>
    <t>54631.0</t>
  </si>
  <si>
    <t>56018.0</t>
  </si>
  <si>
    <t>58214.0</t>
  </si>
  <si>
    <t>60206.0</t>
  </si>
  <si>
    <t>4680.0</t>
  </si>
  <si>
    <t>61108.0</t>
  </si>
  <si>
    <t>61752.0</t>
  </si>
  <si>
    <t>61781.0</t>
  </si>
  <si>
    <t>62765.0</t>
  </si>
  <si>
    <t>4126.0</t>
  </si>
  <si>
    <t>62802.0</t>
  </si>
  <si>
    <t>63689.0</t>
  </si>
  <si>
    <t>63711.0</t>
  </si>
  <si>
    <t>63715.0</t>
  </si>
  <si>
    <t>63728.0</t>
  </si>
  <si>
    <t>22.63</t>
  </si>
  <si>
    <t>-149.0</t>
  </si>
  <si>
    <t>-4.17</t>
  </si>
  <si>
    <t>-529.032899455345</t>
  </si>
  <si>
    <t>63735.0</t>
  </si>
  <si>
    <t>63747.0</t>
  </si>
  <si>
    <t>64645.0</t>
  </si>
  <si>
    <t>65867.0</t>
  </si>
  <si>
    <t>23.39</t>
  </si>
  <si>
    <t>65873.0</t>
  </si>
  <si>
    <t>66069.0</t>
  </si>
  <si>
    <t>66900.0</t>
  </si>
  <si>
    <t>68480.0</t>
  </si>
  <si>
    <t>69490.0</t>
  </si>
  <si>
    <t>70758.0</t>
  </si>
  <si>
    <t>70884.0</t>
  </si>
  <si>
    <t>25.17</t>
  </si>
  <si>
    <t>25.26</t>
  </si>
  <si>
    <t>71350.0</t>
  </si>
  <si>
    <t>71648.0</t>
  </si>
  <si>
    <t>71881.0</t>
  </si>
  <si>
    <t>25.52</t>
  </si>
  <si>
    <t>72728.0</t>
  </si>
  <si>
    <t>25.82</t>
  </si>
  <si>
    <t>73677.0</t>
  </si>
  <si>
    <t>73808.0</t>
  </si>
  <si>
    <t>73931.0</t>
  </si>
  <si>
    <t>74040.0</t>
  </si>
  <si>
    <t>74218.0</t>
  </si>
  <si>
    <t>-187.2</t>
  </si>
  <si>
    <t>-4.92</t>
  </si>
  <si>
    <t>-16.81</t>
  </si>
  <si>
    <t>-664.664152872755</t>
  </si>
  <si>
    <t>91157.0</t>
  </si>
  <si>
    <t>74608.0</t>
  </si>
  <si>
    <t>9349.0</t>
  </si>
  <si>
    <t>92906.0</t>
  </si>
  <si>
    <t>74886.0</t>
  </si>
  <si>
    <t>18020.0</t>
  </si>
  <si>
    <t>26.59</t>
  </si>
  <si>
    <t>9796.0</t>
  </si>
  <si>
    <t>94991.0</t>
  </si>
  <si>
    <t>75006.0</t>
  </si>
  <si>
    <t>19985.0</t>
  </si>
  <si>
    <t>3045.0</t>
  </si>
  <si>
    <t>10811.0</t>
  </si>
  <si>
    <t>97329.0</t>
  </si>
  <si>
    <t>75148.0</t>
  </si>
  <si>
    <t>22181.0</t>
  </si>
  <si>
    <t>26.68</t>
  </si>
  <si>
    <t>11930.0</t>
  </si>
  <si>
    <t>100592.0</t>
  </si>
  <si>
    <t>75296.0</t>
  </si>
  <si>
    <t>13524.0</t>
  </si>
  <si>
    <t>103827.0</t>
  </si>
  <si>
    <t>75360.0</t>
  </si>
  <si>
    <t>28467.0</t>
  </si>
  <si>
    <t>36.86</t>
  </si>
  <si>
    <t>15108.0</t>
  </si>
  <si>
    <t>105902.0</t>
  </si>
  <si>
    <t>75452.0</t>
  </si>
  <si>
    <t>30450.0</t>
  </si>
  <si>
    <t>4526.0</t>
  </si>
  <si>
    <t>10.81</t>
  </si>
  <si>
    <t>16070.0</t>
  </si>
  <si>
    <t>107370.0</t>
  </si>
  <si>
    <t>75476.0</t>
  </si>
  <si>
    <t>38.12</t>
  </si>
  <si>
    <t>8223.0</t>
  </si>
  <si>
    <t>108208.0</t>
  </si>
  <si>
    <t>75491.0</t>
  </si>
  <si>
    <t>32717.0</t>
  </si>
  <si>
    <t>38.42</t>
  </si>
  <si>
    <t>11.62</t>
  </si>
  <si>
    <t>110190.0</t>
  </si>
  <si>
    <t>75537.0</t>
  </si>
  <si>
    <t>34653.0</t>
  </si>
  <si>
    <t>2171.0</t>
  </si>
  <si>
    <t>39.12</t>
  </si>
  <si>
    <t>36598.0</t>
  </si>
  <si>
    <t>39.85</t>
  </si>
  <si>
    <t>7563.0</t>
  </si>
  <si>
    <t>114643.0</t>
  </si>
  <si>
    <t>75724.0</t>
  </si>
  <si>
    <t>38919.0</t>
  </si>
  <si>
    <t>26.89</t>
  </si>
  <si>
    <t>75794.0</t>
  </si>
  <si>
    <t>41130.0</t>
  </si>
  <si>
    <t>118563.0</t>
  </si>
  <si>
    <t>75918.0</t>
  </si>
  <si>
    <t>42645.0</t>
  </si>
  <si>
    <t>15.14</t>
  </si>
  <si>
    <t>6423.0</t>
  </si>
  <si>
    <t>118824.0</t>
  </si>
  <si>
    <t>75920.0</t>
  </si>
  <si>
    <t>42904.0</t>
  </si>
  <si>
    <t>5809.0</t>
  </si>
  <si>
    <t>119823.0</t>
  </si>
  <si>
    <t>75956.0</t>
  </si>
  <si>
    <t>43867.0</t>
  </si>
  <si>
    <t>121288.0</t>
  </si>
  <si>
    <t>76000.0</t>
  </si>
  <si>
    <t>45288.0</t>
  </si>
  <si>
    <t>5628.0</t>
  </si>
  <si>
    <t>123177.0</t>
  </si>
  <si>
    <t>76045.0</t>
  </si>
  <si>
    <t>47132.0</t>
  </si>
  <si>
    <t>125510.0</t>
  </si>
  <si>
    <t>76136.0</t>
  </si>
  <si>
    <t>49374.0</t>
  </si>
  <si>
    <t>27.03</t>
  </si>
  <si>
    <t>127986.0</t>
  </si>
  <si>
    <t>76282.0</t>
  </si>
  <si>
    <t>51704.0</t>
  </si>
  <si>
    <t>27.08</t>
  </si>
  <si>
    <t>18.36</t>
  </si>
  <si>
    <t>129216.0</t>
  </si>
  <si>
    <t>76336.0</t>
  </si>
  <si>
    <t>52880.0</t>
  </si>
  <si>
    <t>18.78</t>
  </si>
  <si>
    <t>130272.0</t>
  </si>
  <si>
    <t>76361.0</t>
  </si>
  <si>
    <t>53911.0</t>
  </si>
  <si>
    <t>131332.0</t>
  </si>
  <si>
    <t>76404.0</t>
  </si>
  <si>
    <t>54928.0</t>
  </si>
  <si>
    <t>131999.0</t>
  </si>
  <si>
    <t>76413.0</t>
  </si>
  <si>
    <t>5432.0</t>
  </si>
  <si>
    <t>133214.0</t>
  </si>
  <si>
    <t>76523.0</t>
  </si>
  <si>
    <t>56691.0</t>
  </si>
  <si>
    <t>5091.0</t>
  </si>
  <si>
    <t>135082.0</t>
  </si>
  <si>
    <t>77084.0</t>
  </si>
  <si>
    <t>57998.0</t>
  </si>
  <si>
    <t>27.37</t>
  </si>
  <si>
    <t>136382.0</t>
  </si>
  <si>
    <t>77494.0</t>
  </si>
  <si>
    <t>58888.0</t>
  </si>
  <si>
    <t>27.51</t>
  </si>
  <si>
    <t>20.91</t>
  </si>
  <si>
    <t>137962.0</t>
  </si>
  <si>
    <t>77823.0</t>
  </si>
  <si>
    <t>60139.0</t>
  </si>
  <si>
    <t>4435.0</t>
  </si>
  <si>
    <t>138389.0</t>
  </si>
  <si>
    <t>77946.0</t>
  </si>
  <si>
    <t>60443.0</t>
  </si>
  <si>
    <t>49.14</t>
  </si>
  <si>
    <t>138798.0</t>
  </si>
  <si>
    <t>78245.0</t>
  </si>
  <si>
    <t>139354.0</t>
  </si>
  <si>
    <t>78633.0</t>
  </si>
  <si>
    <t>60721.0</t>
  </si>
  <si>
    <t>21.56</t>
  </si>
  <si>
    <t>-226.8</t>
  </si>
  <si>
    <t>-5.58</t>
  </si>
  <si>
    <t>-15.2</t>
  </si>
  <si>
    <t>-805.266185211222</t>
  </si>
  <si>
    <t>140319.0</t>
  </si>
  <si>
    <t>79503.0</t>
  </si>
  <si>
    <t>60816.0</t>
  </si>
  <si>
    <t>141282.0</t>
  </si>
  <si>
    <t>80392.0</t>
  </si>
  <si>
    <t>60890.0</t>
  </si>
  <si>
    <t>50.16</t>
  </si>
  <si>
    <t>21.62</t>
  </si>
  <si>
    <t>143488.0</t>
  </si>
  <si>
    <t>82310.0</t>
  </si>
  <si>
    <t>61178.0</t>
  </si>
  <si>
    <t>50.95</t>
  </si>
  <si>
    <t>82458.0</t>
  </si>
  <si>
    <t>61191.0</t>
  </si>
  <si>
    <t>21.73</t>
  </si>
  <si>
    <t>144312.0</t>
  </si>
  <si>
    <t>82885.0</t>
  </si>
  <si>
    <t>61427.0</t>
  </si>
  <si>
    <t>51.24</t>
  </si>
  <si>
    <t>21.81</t>
  </si>
  <si>
    <t>144886.0</t>
  </si>
  <si>
    <t>83382.0</t>
  </si>
  <si>
    <t>61504.0</t>
  </si>
  <si>
    <t>21.84</t>
  </si>
  <si>
    <t>145964.0</t>
  </si>
  <si>
    <t>84300.0</t>
  </si>
  <si>
    <t>61664.0</t>
  </si>
  <si>
    <t>29.93</t>
  </si>
  <si>
    <t>21.89</t>
  </si>
  <si>
    <t>147036.0</t>
  </si>
  <si>
    <t>61861.0</t>
  </si>
  <si>
    <t>30.24</t>
  </si>
  <si>
    <t>148395.0</t>
  </si>
  <si>
    <t>86390.0</t>
  </si>
  <si>
    <t>62005.0</t>
  </si>
  <si>
    <t>52.69</t>
  </si>
  <si>
    <t>149233.0</t>
  </si>
  <si>
    <t>87132.0</t>
  </si>
  <si>
    <t>62101.0</t>
  </si>
  <si>
    <t>52.99</t>
  </si>
  <si>
    <t>149513.0</t>
  </si>
  <si>
    <t>87382.0</t>
  </si>
  <si>
    <t>62131.0</t>
  </si>
  <si>
    <t>53.09</t>
  </si>
  <si>
    <t>150300.0</t>
  </si>
  <si>
    <t>88033.0</t>
  </si>
  <si>
    <t>62267.0</t>
  </si>
  <si>
    <t>31.26</t>
  </si>
  <si>
    <t>151004.0</t>
  </si>
  <si>
    <t>88373.0</t>
  </si>
  <si>
    <t>62631.0</t>
  </si>
  <si>
    <t>31.38</t>
  </si>
  <si>
    <t>152293.0</t>
  </si>
  <si>
    <t>89197.0</t>
  </si>
  <si>
    <t>63096.0</t>
  </si>
  <si>
    <t>31.67</t>
  </si>
  <si>
    <t>153350.0</t>
  </si>
  <si>
    <t>89921.0</t>
  </si>
  <si>
    <t>63429.0</t>
  </si>
  <si>
    <t>54.45</t>
  </si>
  <si>
    <t>31.93</t>
  </si>
  <si>
    <t>155423.0</t>
  </si>
  <si>
    <t>90735.0</t>
  </si>
  <si>
    <t>64688.0</t>
  </si>
  <si>
    <t>55.18</t>
  </si>
  <si>
    <t>156843.0</t>
  </si>
  <si>
    <t>91495.0</t>
  </si>
  <si>
    <t>65348.0</t>
  </si>
  <si>
    <t>55.69</t>
  </si>
  <si>
    <t>32.49</t>
  </si>
  <si>
    <t>3859.0</t>
  </si>
  <si>
    <t>157283.0</t>
  </si>
  <si>
    <t>91778.0</t>
  </si>
  <si>
    <t>65505.0</t>
  </si>
  <si>
    <t>55.84</t>
  </si>
  <si>
    <t>158418.0</t>
  </si>
  <si>
    <t>92071.0</t>
  </si>
  <si>
    <t>66347.0</t>
  </si>
  <si>
    <t>32.69</t>
  </si>
  <si>
    <t>158980.0</t>
  </si>
  <si>
    <t>92305.0</t>
  </si>
  <si>
    <t>66675.0</t>
  </si>
  <si>
    <t>160266.0</t>
  </si>
  <si>
    <t>67392.0</t>
  </si>
  <si>
    <t>161059.0</t>
  </si>
  <si>
    <t>93303.0</t>
  </si>
  <si>
    <t>67756.0</t>
  </si>
  <si>
    <t>162357.0</t>
  </si>
  <si>
    <t>93940.0</t>
  </si>
  <si>
    <t>68417.0</t>
  </si>
  <si>
    <t>57.65</t>
  </si>
  <si>
    <t>24.29</t>
  </si>
  <si>
    <t>163474.0</t>
  </si>
  <si>
    <t>94514.0</t>
  </si>
  <si>
    <t>68960.0</t>
  </si>
  <si>
    <t>1117.0</t>
  </si>
  <si>
    <t>58.04</t>
  </si>
  <si>
    <t>33.56</t>
  </si>
  <si>
    <t>163704.0</t>
  </si>
  <si>
    <t>94615.0</t>
  </si>
  <si>
    <t>69089.0</t>
  </si>
  <si>
    <t>58.12</t>
  </si>
  <si>
    <t>3256.0</t>
  </si>
  <si>
    <t>164709.0</t>
  </si>
  <si>
    <t>95023.0</t>
  </si>
  <si>
    <t>69686.0</t>
  </si>
  <si>
    <t>58.48</t>
  </si>
  <si>
    <t>165339.0</t>
  </si>
  <si>
    <t>95124.0</t>
  </si>
  <si>
    <t>70215.0</t>
  </si>
  <si>
    <t>166212.0</t>
  </si>
  <si>
    <t>95264.0</t>
  </si>
  <si>
    <t>70948.0</t>
  </si>
  <si>
    <t>33.82</t>
  </si>
  <si>
    <t>25.19</t>
  </si>
  <si>
    <t>166567.0</t>
  </si>
  <si>
    <t>71181.0</t>
  </si>
  <si>
    <t>-203.4</t>
  </si>
  <si>
    <t>-4.74</t>
  </si>
  <si>
    <t>-722.183166102128</t>
  </si>
  <si>
    <t>167022.0</t>
  </si>
  <si>
    <t>95528.0</t>
  </si>
  <si>
    <t>71494.0</t>
  </si>
  <si>
    <t>33.92</t>
  </si>
  <si>
    <t>167398.0</t>
  </si>
  <si>
    <t>95695.0</t>
  </si>
  <si>
    <t>167754.0</t>
  </si>
  <si>
    <t>95836.0</t>
  </si>
  <si>
    <t>71918.0</t>
  </si>
  <si>
    <t>168069.0</t>
  </si>
  <si>
    <t>95981.0</t>
  </si>
  <si>
    <t>72088.0</t>
  </si>
  <si>
    <t>59.67</t>
  </si>
  <si>
    <t>168503.0</t>
  </si>
  <si>
    <t>96174.0</t>
  </si>
  <si>
    <t>72329.0</t>
  </si>
  <si>
    <t>168711.0</t>
  </si>
  <si>
    <t>96175.0</t>
  </si>
  <si>
    <t>72536.0</t>
  </si>
  <si>
    <t>25.75</t>
  </si>
  <si>
    <t>168818.0</t>
  </si>
  <si>
    <t>96212.0</t>
  </si>
  <si>
    <t>72606.0</t>
  </si>
  <si>
    <t>168955.0</t>
  </si>
  <si>
    <t>96283.0</t>
  </si>
  <si>
    <t>72672.0</t>
  </si>
  <si>
    <t>59.99</t>
  </si>
  <si>
    <t>34.19</t>
  </si>
  <si>
    <t>169436.0</t>
  </si>
  <si>
    <t>72778.0</t>
  </si>
  <si>
    <t>96990.0</t>
  </si>
  <si>
    <t>72894.0</t>
  </si>
  <si>
    <t>170249.0</t>
  </si>
  <si>
    <t>97243.0</t>
  </si>
  <si>
    <t>73006.0</t>
  </si>
  <si>
    <t>170851.0</t>
  </si>
  <si>
    <t>97714.0</t>
  </si>
  <si>
    <t>73137.0</t>
  </si>
  <si>
    <t>60.66</t>
  </si>
  <si>
    <t>171053.0</t>
  </si>
  <si>
    <t>97874.0</t>
  </si>
  <si>
    <t>73179.0</t>
  </si>
  <si>
    <t>171633.0</t>
  </si>
  <si>
    <t>98206.0</t>
  </si>
  <si>
    <t>73427.0</t>
  </si>
  <si>
    <t>34.87</t>
  </si>
  <si>
    <t>171771.0</t>
  </si>
  <si>
    <t>98281.0</t>
  </si>
  <si>
    <t>73490.0</t>
  </si>
  <si>
    <t>60.99</t>
  </si>
  <si>
    <t>172071.0</t>
  </si>
  <si>
    <t>98450.0</t>
  </si>
  <si>
    <t>26.14</t>
  </si>
  <si>
    <t>1335.0</t>
  </si>
  <si>
    <t>98592.0</t>
  </si>
  <si>
    <t>73814.0</t>
  </si>
  <si>
    <t>172937.0</t>
  </si>
  <si>
    <t>98905.0</t>
  </si>
  <si>
    <t>74032.0</t>
  </si>
  <si>
    <t>172938.0</t>
  </si>
  <si>
    <t>74033.0</t>
  </si>
  <si>
    <t>173352.0</t>
  </si>
  <si>
    <t>99030.0</t>
  </si>
  <si>
    <t>74322.0</t>
  </si>
  <si>
    <t>26.39</t>
  </si>
  <si>
    <t>173658.0</t>
  </si>
  <si>
    <t>99154.0</t>
  </si>
  <si>
    <t>74504.0</t>
  </si>
  <si>
    <t>174129.0</t>
  </si>
  <si>
    <t>99278.0</t>
  </si>
  <si>
    <t>74851.0</t>
  </si>
  <si>
    <t>61.83</t>
  </si>
  <si>
    <t>174176.0</t>
  </si>
  <si>
    <t>99299.0</t>
  </si>
  <si>
    <t>74877.0</t>
  </si>
  <si>
    <t>35.26</t>
  </si>
  <si>
    <t>99544.0</t>
  </si>
  <si>
    <t>75779.0</t>
  </si>
  <si>
    <t>62.25</t>
  </si>
  <si>
    <t>175942.0</t>
  </si>
  <si>
    <t>99695.0</t>
  </si>
  <si>
    <t>175943.0</t>
  </si>
  <si>
    <t>76248.0</t>
  </si>
  <si>
    <t>-294.0</t>
  </si>
  <si>
    <t>-6.5</t>
  </si>
  <si>
    <t>-38.78</t>
  </si>
  <si>
    <t>-1043.86357342196</t>
  </si>
  <si>
    <t>176467.0</t>
  </si>
  <si>
    <t>99921.0</t>
  </si>
  <si>
    <t>76546.0</t>
  </si>
  <si>
    <t>27.18</t>
  </si>
  <si>
    <t>176479.0</t>
  </si>
  <si>
    <t>99925.0</t>
  </si>
  <si>
    <t>76554.0</t>
  </si>
  <si>
    <t>176682.0</t>
  </si>
  <si>
    <t>100017.0</t>
  </si>
  <si>
    <t>76665.0</t>
  </si>
  <si>
    <t>177056.0</t>
  </si>
  <si>
    <t>100091.0</t>
  </si>
  <si>
    <t>76965.0</t>
  </si>
  <si>
    <t>178190.0</t>
  </si>
  <si>
    <t>100268.0</t>
  </si>
  <si>
    <t>77922.0</t>
  </si>
  <si>
    <t>179068.0</t>
  </si>
  <si>
    <t>78676.0</t>
  </si>
  <si>
    <t>27.93</t>
  </si>
  <si>
    <t>179524.0</t>
  </si>
  <si>
    <t>100416.0</t>
  </si>
  <si>
    <t>79108.0</t>
  </si>
  <si>
    <t>63.74</t>
  </si>
  <si>
    <t>180757.0</t>
  </si>
  <si>
    <t>100512.0</t>
  </si>
  <si>
    <t>80245.0</t>
  </si>
  <si>
    <t>28.49</t>
  </si>
  <si>
    <t>181325.0</t>
  </si>
  <si>
    <t>100573.0</t>
  </si>
  <si>
    <t>80752.0</t>
  </si>
  <si>
    <t>35.71</t>
  </si>
  <si>
    <t>28.67</t>
  </si>
  <si>
    <t>182786.0</t>
  </si>
  <si>
    <t>100698.0</t>
  </si>
  <si>
    <t>82088.0</t>
  </si>
  <si>
    <t>183493.0</t>
  </si>
  <si>
    <t>100760.0</t>
  </si>
  <si>
    <t>35.78</t>
  </si>
  <si>
    <t>100917.0</t>
  </si>
  <si>
    <t>84223.0</t>
  </si>
  <si>
    <t>65.74</t>
  </si>
  <si>
    <t>186087.0</t>
  </si>
  <si>
    <t>101011.0</t>
  </si>
  <si>
    <t>85076.0</t>
  </si>
  <si>
    <t>35.86</t>
  </si>
  <si>
    <t>186116.0</t>
  </si>
  <si>
    <t>101036.0</t>
  </si>
  <si>
    <t>85080.0</t>
  </si>
  <si>
    <t>186771.0</t>
  </si>
  <si>
    <t>101099.0</t>
  </si>
  <si>
    <t>85672.0</t>
  </si>
  <si>
    <t>66.31</t>
  </si>
  <si>
    <t>187290.0</t>
  </si>
  <si>
    <t>101149.0</t>
  </si>
  <si>
    <t>86141.0</t>
  </si>
  <si>
    <t>188324.0</t>
  </si>
  <si>
    <t>101228.0</t>
  </si>
  <si>
    <t>87096.0</t>
  </si>
  <si>
    <t>189080.0</t>
  </si>
  <si>
    <t>101370.0</t>
  </si>
  <si>
    <t>87710.0</t>
  </si>
  <si>
    <t>190718.0</t>
  </si>
  <si>
    <t>101732.0</t>
  </si>
  <si>
    <t>88986.0</t>
  </si>
  <si>
    <t>191666.0</t>
  </si>
  <si>
    <t>101983.0</t>
  </si>
  <si>
    <t>89683.0</t>
  </si>
  <si>
    <t>192676.0</t>
  </si>
  <si>
    <t>102649.0</t>
  </si>
  <si>
    <t>90027.0</t>
  </si>
  <si>
    <t>36.45</t>
  </si>
  <si>
    <t>193875.0</t>
  </si>
  <si>
    <t>103200.0</t>
  </si>
  <si>
    <t>90675.0</t>
  </si>
  <si>
    <t>195008.0</t>
  </si>
  <si>
    <t>103822.0</t>
  </si>
  <si>
    <t>91186.0</t>
  </si>
  <si>
    <t>69.24</t>
  </si>
  <si>
    <t>32.38</t>
  </si>
  <si>
    <t>196703.0</t>
  </si>
  <si>
    <t>92025.0</t>
  </si>
  <si>
    <t>1695.0</t>
  </si>
  <si>
    <t>37.17</t>
  </si>
  <si>
    <t>198370.0</t>
  </si>
  <si>
    <t>105664.0</t>
  </si>
  <si>
    <t>92706.0</t>
  </si>
  <si>
    <t>32.92</t>
  </si>
  <si>
    <t>106178.0</t>
  </si>
  <si>
    <t>93220.0</t>
  </si>
  <si>
    <t>4403.0</t>
  </si>
  <si>
    <t>200709.0</t>
  </si>
  <si>
    <t>107122.0</t>
  </si>
  <si>
    <t>93587.0</t>
  </si>
  <si>
    <t>38.03</t>
  </si>
  <si>
    <t>33.23</t>
  </si>
  <si>
    <t>201611.0</t>
  </si>
  <si>
    <t>93773.0</t>
  </si>
  <si>
    <t>33.29</t>
  </si>
  <si>
    <t>202765.0</t>
  </si>
  <si>
    <t>108702.0</t>
  </si>
  <si>
    <t>94063.0</t>
  </si>
  <si>
    <t>109905.0</t>
  </si>
  <si>
    <t>94361.0</t>
  </si>
  <si>
    <t>39.02</t>
  </si>
  <si>
    <t>4697.0</t>
  </si>
  <si>
    <t>-264.0</t>
  </si>
  <si>
    <t>-5.57</t>
  </si>
  <si>
    <t>-937.34688225645</t>
  </si>
  <si>
    <t>207042.0</t>
  </si>
  <si>
    <t>112239.0</t>
  </si>
  <si>
    <t>94803.0</t>
  </si>
  <si>
    <t>73.51</t>
  </si>
  <si>
    <t>208439.0</t>
  </si>
  <si>
    <t>113404.0</t>
  </si>
  <si>
    <t>95035.0</t>
  </si>
  <si>
    <t>209777.0</t>
  </si>
  <si>
    <t>114491.0</t>
  </si>
  <si>
    <t>95286.0</t>
  </si>
  <si>
    <t>40.65</t>
  </si>
  <si>
    <t>210411.0</t>
  </si>
  <si>
    <t>115060.0</t>
  </si>
  <si>
    <t>95351.0</t>
  </si>
  <si>
    <t>40.85</t>
  </si>
  <si>
    <t>4463.0</t>
  </si>
  <si>
    <t>211050.0</t>
  </si>
  <si>
    <t>95444.0</t>
  </si>
  <si>
    <t>41.05</t>
  </si>
  <si>
    <t>116546.0</t>
  </si>
  <si>
    <t>95661.0</t>
  </si>
  <si>
    <t>213075.0</t>
  </si>
  <si>
    <t>117259.0</t>
  </si>
  <si>
    <t>95816.0</t>
  </si>
  <si>
    <t>75.65</t>
  </si>
  <si>
    <t>34.02</t>
  </si>
  <si>
    <t>3540.0</t>
  </si>
  <si>
    <t>214969.0</t>
  </si>
  <si>
    <t>118811.0</t>
  </si>
  <si>
    <t>96158.0</t>
  </si>
  <si>
    <t>76.33</t>
  </si>
  <si>
    <t>216009.0</t>
  </si>
  <si>
    <t>119702.0</t>
  </si>
  <si>
    <t>96307.0</t>
  </si>
  <si>
    <t>216614.0</t>
  </si>
  <si>
    <t>120269.0</t>
  </si>
  <si>
    <t>96345.0</t>
  </si>
  <si>
    <t>34.21</t>
  </si>
  <si>
    <t>217255.0</t>
  </si>
  <si>
    <t>120863.0</t>
  </si>
  <si>
    <t>96392.0</t>
  </si>
  <si>
    <t>42.91</t>
  </si>
  <si>
    <t>218150.0</t>
  </si>
  <si>
    <t>121643.0</t>
  </si>
  <si>
    <t>219138.0</t>
  </si>
  <si>
    <t>122509.0</t>
  </si>
  <si>
    <t>96629.0</t>
  </si>
  <si>
    <t>34.31</t>
  </si>
  <si>
    <t>219970.0</t>
  </si>
  <si>
    <t>123255.0</t>
  </si>
  <si>
    <t>96715.0</t>
  </si>
  <si>
    <t>221000.0</t>
  </si>
  <si>
    <t>123950.0</t>
  </si>
  <si>
    <t>97050.0</t>
  </si>
  <si>
    <t>78.47</t>
  </si>
  <si>
    <t>44.01</t>
  </si>
  <si>
    <t>223505.0</t>
  </si>
  <si>
    <t>125925.0</t>
  </si>
  <si>
    <t>97580.0</t>
  </si>
  <si>
    <t>224441.0</t>
  </si>
  <si>
    <t>126623.0</t>
  </si>
  <si>
    <t>97818.0</t>
  </si>
  <si>
    <t>225823.0</t>
  </si>
  <si>
    <t>127457.0</t>
  </si>
  <si>
    <t>98366.0</t>
  </si>
  <si>
    <t>45.25</t>
  </si>
  <si>
    <t>227278.0</t>
  </si>
  <si>
    <t>128161.0</t>
  </si>
  <si>
    <t>99117.0</t>
  </si>
  <si>
    <t>35.19</t>
  </si>
  <si>
    <t>4129.0</t>
  </si>
  <si>
    <t>228890.0</t>
  </si>
  <si>
    <t>128969.0</t>
  </si>
  <si>
    <t>4523.0</t>
  </si>
  <si>
    <t>230848.0</t>
  </si>
  <si>
    <t>130046.0</t>
  </si>
  <si>
    <t>100802.0</t>
  </si>
  <si>
    <t>232413.0</t>
  </si>
  <si>
    <t>131039.0</t>
  </si>
  <si>
    <t>101374.0</t>
  </si>
  <si>
    <t>234124.0</t>
  </si>
  <si>
    <t>132267.0</t>
  </si>
  <si>
    <t>101857.0</t>
  </si>
  <si>
    <t>234948.0</t>
  </si>
  <si>
    <t>132681.0</t>
  </si>
  <si>
    <t>102267.0</t>
  </si>
  <si>
    <t>83.42</t>
  </si>
  <si>
    <t>236589.0</t>
  </si>
  <si>
    <t>133446.0</t>
  </si>
  <si>
    <t>103143.0</t>
  </si>
  <si>
    <t>5461.0</t>
  </si>
  <si>
    <t>237968.0</t>
  </si>
  <si>
    <t>134122.0</t>
  </si>
  <si>
    <t>103846.0</t>
  </si>
  <si>
    <t>239948.0</t>
  </si>
  <si>
    <t>135036.0</t>
  </si>
  <si>
    <t>104912.0</t>
  </si>
  <si>
    <t>47.95</t>
  </si>
  <si>
    <t>241915.0</t>
  </si>
  <si>
    <t>136034.0</t>
  </si>
  <si>
    <t>105881.0</t>
  </si>
  <si>
    <t>85.89</t>
  </si>
  <si>
    <t>-272.0</t>
  </si>
  <si>
    <t>-5.46</t>
  </si>
  <si>
    <t>-3.28</t>
  </si>
  <si>
    <t>-965.751333233918</t>
  </si>
  <si>
    <t>243817.0</t>
  </si>
  <si>
    <t>137138.0</t>
  </si>
  <si>
    <t>106679.0</t>
  </si>
  <si>
    <t>86.57</t>
  </si>
  <si>
    <t>245116.0</t>
  </si>
  <si>
    <t>138060.0</t>
  </si>
  <si>
    <t>107056.0</t>
  </si>
  <si>
    <t>87.03</t>
  </si>
  <si>
    <t>49.02</t>
  </si>
  <si>
    <t>246136.0</t>
  </si>
  <si>
    <t>138666.0</t>
  </si>
  <si>
    <t>107470.0</t>
  </si>
  <si>
    <t>87.39</t>
  </si>
  <si>
    <t>49.23</t>
  </si>
  <si>
    <t>247371.0</t>
  </si>
  <si>
    <t>139149.0</t>
  </si>
  <si>
    <t>108222.0</t>
  </si>
  <si>
    <t>87.83</t>
  </si>
  <si>
    <t>815.0</t>
  </si>
  <si>
    <t>248607.0</t>
  </si>
  <si>
    <t>108963.0</t>
  </si>
  <si>
    <t>49.58</t>
  </si>
  <si>
    <t>38.69</t>
  </si>
  <si>
    <t>5397.0</t>
  </si>
  <si>
    <t>249944.0</t>
  </si>
  <si>
    <t>140159.0</t>
  </si>
  <si>
    <t>109785.0</t>
  </si>
  <si>
    <t>38.98</t>
  </si>
  <si>
    <t>5070.0</t>
  </si>
  <si>
    <t>251232.0</t>
  </si>
  <si>
    <t>140616.0</t>
  </si>
  <si>
    <t>110616.0</t>
  </si>
  <si>
    <t>89.2</t>
  </si>
  <si>
    <t>252521.0</t>
  </si>
  <si>
    <t>141307.0</t>
  </si>
  <si>
    <t>111214.0</t>
  </si>
  <si>
    <t>89.66</t>
  </si>
  <si>
    <t>39.49</t>
  </si>
  <si>
    <t>253554.0</t>
  </si>
  <si>
    <t>141820.0</t>
  </si>
  <si>
    <t>111734.0</t>
  </si>
  <si>
    <t>50.35</t>
  </si>
  <si>
    <t>254344.0</t>
  </si>
  <si>
    <t>142182.0</t>
  </si>
  <si>
    <t>112162.0</t>
  </si>
  <si>
    <t>50.48</t>
  </si>
  <si>
    <t>4165.0</t>
  </si>
  <si>
    <t>255645.0</t>
  </si>
  <si>
    <t>113022.0</t>
  </si>
  <si>
    <t>257001.0</t>
  </si>
  <si>
    <t>143151.0</t>
  </si>
  <si>
    <t>113850.0</t>
  </si>
  <si>
    <t>91.25</t>
  </si>
  <si>
    <t>40.42</t>
  </si>
  <si>
    <t>258231.0</t>
  </si>
  <si>
    <t>114570.0</t>
  </si>
  <si>
    <t>260653.0</t>
  </si>
  <si>
    <t>144569.0</t>
  </si>
  <si>
    <t>116084.0</t>
  </si>
  <si>
    <t>92.55</t>
  </si>
  <si>
    <t>41.22</t>
  </si>
  <si>
    <t>261495.0</t>
  </si>
  <si>
    <t>144981.0</t>
  </si>
  <si>
    <t>116514.0</t>
  </si>
  <si>
    <t>41.37</t>
  </si>
  <si>
    <t>262359.0</t>
  </si>
  <si>
    <t>145339.0</t>
  </si>
  <si>
    <t>93.15</t>
  </si>
  <si>
    <t>41.55</t>
  </si>
  <si>
    <t>4065.0</t>
  </si>
  <si>
    <t>263548.0</t>
  </si>
  <si>
    <t>145648.0</t>
  </si>
  <si>
    <t>117900.0</t>
  </si>
  <si>
    <t>93.57</t>
  </si>
  <si>
    <t>41.86</t>
  </si>
  <si>
    <t>4009.0</t>
  </si>
  <si>
    <t>264422.0</t>
  </si>
  <si>
    <t>145885.0</t>
  </si>
  <si>
    <t>118537.0</t>
  </si>
  <si>
    <t>93.88</t>
  </si>
  <si>
    <t>265301.0</t>
  </si>
  <si>
    <t>146106.0</t>
  </si>
  <si>
    <t>119195.0</t>
  </si>
  <si>
    <t>268224.0</t>
  </si>
  <si>
    <t>146877.0</t>
  </si>
  <si>
    <t>121347.0</t>
  </si>
  <si>
    <t>95.23</t>
  </si>
  <si>
    <t>52.15</t>
  </si>
  <si>
    <t>268945.0</t>
  </si>
  <si>
    <t>147118.0</t>
  </si>
  <si>
    <t>121827.0</t>
  </si>
  <si>
    <t>95.49</t>
  </si>
  <si>
    <t>52.24</t>
  </si>
  <si>
    <t>270102.0</t>
  </si>
  <si>
    <t>147436.0</t>
  </si>
  <si>
    <t>122666.0</t>
  </si>
  <si>
    <t>52.35</t>
  </si>
  <si>
    <t>43.55</t>
  </si>
  <si>
    <t>270919.0</t>
  </si>
  <si>
    <t>147702.0</t>
  </si>
  <si>
    <t>123217.0</t>
  </si>
  <si>
    <t>272021.0</t>
  </si>
  <si>
    <t>147978.0</t>
  </si>
  <si>
    <t>124043.0</t>
  </si>
  <si>
    <t>96.58</t>
  </si>
  <si>
    <t>273025.0</t>
  </si>
  <si>
    <t>148227.0</t>
  </si>
  <si>
    <t>124798.0</t>
  </si>
  <si>
    <t>96.94</t>
  </si>
  <si>
    <t>44.31</t>
  </si>
  <si>
    <t>274132.0</t>
  </si>
  <si>
    <t>148469.0</t>
  </si>
  <si>
    <t>125663.0</t>
  </si>
  <si>
    <t>97.33</t>
  </si>
  <si>
    <t>52.71</t>
  </si>
  <si>
    <t>275112.0</t>
  </si>
  <si>
    <t>148757.0</t>
  </si>
  <si>
    <t>126355.0</t>
  </si>
  <si>
    <t>97.68</t>
  </si>
  <si>
    <t>44.86</t>
  </si>
  <si>
    <t>275933.0</t>
  </si>
  <si>
    <t>149019.0</t>
  </si>
  <si>
    <t>126914.0</t>
  </si>
  <si>
    <t>97.97</t>
  </si>
  <si>
    <t>52.91</t>
  </si>
  <si>
    <t>45.06</t>
  </si>
  <si>
    <t>-247.0</t>
  </si>
  <si>
    <t>-4.72</t>
  </si>
  <si>
    <t>-876.98742392933</t>
  </si>
  <si>
    <t>276485.0</t>
  </si>
  <si>
    <t>149174.0</t>
  </si>
  <si>
    <t>127311.0</t>
  </si>
  <si>
    <t>98.17</t>
  </si>
  <si>
    <t>52.97</t>
  </si>
  <si>
    <t>277202.0</t>
  </si>
  <si>
    <t>149355.0</t>
  </si>
  <si>
    <t>127847.0</t>
  </si>
  <si>
    <t>98.42</t>
  </si>
  <si>
    <t>53.03</t>
  </si>
  <si>
    <t>45.39</t>
  </si>
  <si>
    <t>277750.0</t>
  </si>
  <si>
    <t>149534.0</t>
  </si>
  <si>
    <t>128216.0</t>
  </si>
  <si>
    <t>98.62</t>
  </si>
  <si>
    <t>278615.0</t>
  </si>
  <si>
    <t>149799.0</t>
  </si>
  <si>
    <t>128816.0</t>
  </si>
  <si>
    <t>98.92</t>
  </si>
  <si>
    <t>279295.0</t>
  </si>
  <si>
    <t>150015.0</t>
  </si>
  <si>
    <t>129280.0</t>
  </si>
  <si>
    <t>99.17</t>
  </si>
  <si>
    <t>279960.0</t>
  </si>
  <si>
    <t>150271.0</t>
  </si>
  <si>
    <t>129689.0</t>
  </si>
  <si>
    <t>99.4</t>
  </si>
  <si>
    <t>46.05</t>
  </si>
  <si>
    <t>280403.0</t>
  </si>
  <si>
    <t>150437.0</t>
  </si>
  <si>
    <t>129966.0</t>
  </si>
  <si>
    <t>99.56</t>
  </si>
  <si>
    <t>53.41</t>
  </si>
  <si>
    <t>46.15</t>
  </si>
  <si>
    <t>281006.0</t>
  </si>
  <si>
    <t>150639.0</t>
  </si>
  <si>
    <t>130367.0</t>
  </si>
  <si>
    <t>99.77</t>
  </si>
  <si>
    <t>46.29</t>
  </si>
  <si>
    <t>281824.0</t>
  </si>
  <si>
    <t>150914.0</t>
  </si>
  <si>
    <t>130910.0</t>
  </si>
  <si>
    <t>100.06</t>
  </si>
  <si>
    <t>282269.0</t>
  </si>
  <si>
    <t>151082.0</t>
  </si>
  <si>
    <t>131187.0</t>
  </si>
  <si>
    <t>100.22</t>
  </si>
  <si>
    <t>282953.0</t>
  </si>
  <si>
    <t>151323.0</t>
  </si>
  <si>
    <t>131630.0</t>
  </si>
  <si>
    <t>100.46</t>
  </si>
  <si>
    <t>283564.0</t>
  </si>
  <si>
    <t>151530.0</t>
  </si>
  <si>
    <t>132034.0</t>
  </si>
  <si>
    <t>100.68</t>
  </si>
  <si>
    <t>283918.0</t>
  </si>
  <si>
    <t>151634.0</t>
  </si>
  <si>
    <t>132284.0</t>
  </si>
  <si>
    <t>284409.0</t>
  </si>
  <si>
    <t>151799.0</t>
  </si>
  <si>
    <t>132610.0</t>
  </si>
  <si>
    <t>100.98</t>
  </si>
  <si>
    <t>284659.0</t>
  </si>
  <si>
    <t>151882.0</t>
  </si>
  <si>
    <t>132777.0</t>
  </si>
  <si>
    <t>101.07</t>
  </si>
  <si>
    <t>53.93</t>
  </si>
  <si>
    <t>47.14</t>
  </si>
  <si>
    <t>285379.0</t>
  </si>
  <si>
    <t>152095.0</t>
  </si>
  <si>
    <t>133284.0</t>
  </si>
  <si>
    <t>101.33</t>
  </si>
  <si>
    <t>285653.0</t>
  </si>
  <si>
    <t>152195.0</t>
  </si>
  <si>
    <t>133458.0</t>
  </si>
  <si>
    <t>101.42</t>
  </si>
  <si>
    <t>54.04</t>
  </si>
  <si>
    <t>47.39</t>
  </si>
  <si>
    <t>286209.0</t>
  </si>
  <si>
    <t>152374.0</t>
  </si>
  <si>
    <t>133835.0</t>
  </si>
  <si>
    <t>101.62</t>
  </si>
  <si>
    <t>54.1</t>
  </si>
  <si>
    <t>47.52</t>
  </si>
  <si>
    <t>286818.0</t>
  </si>
  <si>
    <t>152592.0</t>
  </si>
  <si>
    <t>134226.0</t>
  </si>
  <si>
    <t>101.84</t>
  </si>
  <si>
    <t>47.66</t>
  </si>
  <si>
    <t>287286.0</t>
  </si>
  <si>
    <t>152756.0</t>
  </si>
  <si>
    <t>134530.0</t>
  </si>
  <si>
    <t>54.24</t>
  </si>
  <si>
    <t>287775.0</t>
  </si>
  <si>
    <t>152928.0</t>
  </si>
  <si>
    <t>134847.0</t>
  </si>
  <si>
    <t>102.18</t>
  </si>
  <si>
    <t>47.88</t>
  </si>
  <si>
    <t>288106.0</t>
  </si>
  <si>
    <t>153017.0</t>
  </si>
  <si>
    <t>135089.0</t>
  </si>
  <si>
    <t>102.29</t>
  </si>
  <si>
    <t>1747.0</t>
  </si>
  <si>
    <t>288982.0</t>
  </si>
  <si>
    <t>153261.0</t>
  </si>
  <si>
    <t>135721.0</t>
  </si>
  <si>
    <t>102.6</t>
  </si>
  <si>
    <t>289494.0</t>
  </si>
  <si>
    <t>153391.0</t>
  </si>
  <si>
    <t>136103.0</t>
  </si>
  <si>
    <t>102.79</t>
  </si>
  <si>
    <t>289933.0</t>
  </si>
  <si>
    <t>153459.0</t>
  </si>
  <si>
    <t>136474.0</t>
  </si>
  <si>
    <t>102.94</t>
  </si>
  <si>
    <t>290309.0</t>
  </si>
  <si>
    <t>153571.0</t>
  </si>
  <si>
    <t>136738.0</t>
  </si>
  <si>
    <t>103.08</t>
  </si>
  <si>
    <t>54.53</t>
  </si>
  <si>
    <t>290326.0</t>
  </si>
  <si>
    <t>153576.0</t>
  </si>
  <si>
    <t>136750.0</t>
  </si>
  <si>
    <t>290336.0</t>
  </si>
  <si>
    <t>153582.0</t>
  </si>
  <si>
    <t>136754.0</t>
  </si>
  <si>
    <t>103.09</t>
  </si>
  <si>
    <t>48.56</t>
  </si>
  <si>
    <t>290345.0</t>
  </si>
  <si>
    <t>153586.0</t>
  </si>
  <si>
    <t>136759.0</t>
  </si>
  <si>
    <t>-189.0</t>
  </si>
  <si>
    <t>-3.45</t>
  </si>
  <si>
    <t>-671.055154342685</t>
  </si>
  <si>
    <t>290658.0</t>
  </si>
  <si>
    <t>153670.0</t>
  </si>
  <si>
    <t>136988.0</t>
  </si>
  <si>
    <t>291301.0</t>
  </si>
  <si>
    <t>153816.0</t>
  </si>
  <si>
    <t>137485.0</t>
  </si>
  <si>
    <t>103.43</t>
  </si>
  <si>
    <t>54.61</t>
  </si>
  <si>
    <t>291829.0</t>
  </si>
  <si>
    <t>153907.0</t>
  </si>
  <si>
    <t>137922.0</t>
  </si>
  <si>
    <t>103.62</t>
  </si>
  <si>
    <t>292080.0</t>
  </si>
  <si>
    <t>153984.0</t>
  </si>
  <si>
    <t>138096.0</t>
  </si>
  <si>
    <t>49.03</t>
  </si>
  <si>
    <t>292300.0</t>
  </si>
  <si>
    <t>154033.0</t>
  </si>
  <si>
    <t>138267.0</t>
  </si>
  <si>
    <t>103.78</t>
  </si>
  <si>
    <t>54.69</t>
  </si>
  <si>
    <t>292497.0</t>
  </si>
  <si>
    <t>154081.0</t>
  </si>
  <si>
    <t>138416.0</t>
  </si>
  <si>
    <t>54.71</t>
  </si>
  <si>
    <t>49.15</t>
  </si>
  <si>
    <t>292896.0</t>
  </si>
  <si>
    <t>154177.0</t>
  </si>
  <si>
    <t>138719.0</t>
  </si>
  <si>
    <t>103.99</t>
  </si>
  <si>
    <t>49.25</t>
  </si>
  <si>
    <t>293083.0</t>
  </si>
  <si>
    <t>154226.0</t>
  </si>
  <si>
    <t>138857.0</t>
  </si>
  <si>
    <t>104.06</t>
  </si>
  <si>
    <t>293619.0</t>
  </si>
  <si>
    <t>154334.0</t>
  </si>
  <si>
    <t>139285.0</t>
  </si>
  <si>
    <t>294170.0</t>
  </si>
  <si>
    <t>154444.0</t>
  </si>
  <si>
    <t>139726.0</t>
  </si>
  <si>
    <t>104.45</t>
  </si>
  <si>
    <t>294304.0</t>
  </si>
  <si>
    <t>154481.0</t>
  </si>
  <si>
    <t>139823.0</t>
  </si>
  <si>
    <t>104.49</t>
  </si>
  <si>
    <t>294503.0</t>
  </si>
  <si>
    <t>154524.0</t>
  </si>
  <si>
    <t>139979.0</t>
  </si>
  <si>
    <t>104.56</t>
  </si>
  <si>
    <t>294645.0</t>
  </si>
  <si>
    <t>154565.0</t>
  </si>
  <si>
    <t>140080.0</t>
  </si>
  <si>
    <t>54.88</t>
  </si>
  <si>
    <t>295364.0</t>
  </si>
  <si>
    <t>154702.0</t>
  </si>
  <si>
    <t>140662.0</t>
  </si>
  <si>
    <t>104.87</t>
  </si>
  <si>
    <t>54.93</t>
  </si>
  <si>
    <t>295795.0</t>
  </si>
  <si>
    <t>154868.0</t>
  </si>
  <si>
    <t>140927.0</t>
  </si>
  <si>
    <t>105.02</t>
  </si>
  <si>
    <t>296255.0</t>
  </si>
  <si>
    <t>154990.0</t>
  </si>
  <si>
    <t>141265.0</t>
  </si>
  <si>
    <t>105.19</t>
  </si>
  <si>
    <t>296857.0</t>
  </si>
  <si>
    <t>155137.0</t>
  </si>
  <si>
    <t>141720.0</t>
  </si>
  <si>
    <t>297092.0</t>
  </si>
  <si>
    <t>155192.0</t>
  </si>
  <si>
    <t>141900.0</t>
  </si>
  <si>
    <t>105.48</t>
  </si>
  <si>
    <t>50.38</t>
  </si>
  <si>
    <t>297285.0</t>
  </si>
  <si>
    <t>155242.0</t>
  </si>
  <si>
    <t>142043.0</t>
  </si>
  <si>
    <t>105.55</t>
  </si>
  <si>
    <t>297593.0</t>
  </si>
  <si>
    <t>155312.0</t>
  </si>
  <si>
    <t>142281.0</t>
  </si>
  <si>
    <t>105.66</t>
  </si>
  <si>
    <t>297911.0</t>
  </si>
  <si>
    <t>155383.0</t>
  </si>
  <si>
    <t>142528.0</t>
  </si>
  <si>
    <t>105.77</t>
  </si>
  <si>
    <t>55.17</t>
  </si>
  <si>
    <t>50.61</t>
  </si>
  <si>
    <t>298176.0</t>
  </si>
  <si>
    <t>155459.0</t>
  </si>
  <si>
    <t>142717.0</t>
  </si>
  <si>
    <t>105.87</t>
  </si>
  <si>
    <t>55.2</t>
  </si>
  <si>
    <t>298306.0</t>
  </si>
  <si>
    <t>155491.0</t>
  </si>
  <si>
    <t>142815.0</t>
  </si>
  <si>
    <t>105.92</t>
  </si>
  <si>
    <t>50.71</t>
  </si>
  <si>
    <t>298323.0</t>
  </si>
  <si>
    <t>155493.0</t>
  </si>
  <si>
    <t>142830.0</t>
  </si>
  <si>
    <t>298329.0</t>
  </si>
  <si>
    <t>155497.0</t>
  </si>
  <si>
    <t>142832.0</t>
  </si>
  <si>
    <t>298339.0</t>
  </si>
  <si>
    <t>155500.0</t>
  </si>
  <si>
    <t>142839.0</t>
  </si>
  <si>
    <t>105.93</t>
  </si>
  <si>
    <t>50.72</t>
  </si>
  <si>
    <t>298361.0</t>
  </si>
  <si>
    <t>155512.0</t>
  </si>
  <si>
    <t>142849.0</t>
  </si>
  <si>
    <t>55.22</t>
  </si>
  <si>
    <t>298676.0</t>
  </si>
  <si>
    <t>155614.0</t>
  </si>
  <si>
    <t>143062.0</t>
  </si>
  <si>
    <t>106.05</t>
  </si>
  <si>
    <t>50.79</t>
  </si>
  <si>
    <t>299053.0</t>
  </si>
  <si>
    <t>155732.0</t>
  </si>
  <si>
    <t>143321.0</t>
  </si>
  <si>
    <t>106.18</t>
  </si>
  <si>
    <t>55.29</t>
  </si>
  <si>
    <t>50.89</t>
  </si>
  <si>
    <t>299539.0</t>
  </si>
  <si>
    <t>155918.0</t>
  </si>
  <si>
    <t>143621.0</t>
  </si>
  <si>
    <t>106.35</t>
  </si>
  <si>
    <t>50.99</t>
  </si>
  <si>
    <t>299629.0</t>
  </si>
  <si>
    <t>155952.0</t>
  </si>
  <si>
    <t>143677.0</t>
  </si>
  <si>
    <t>-97.2</t>
  </si>
  <si>
    <t>-345.114079376238</t>
  </si>
  <si>
    <t>299738.0</t>
  </si>
  <si>
    <t>156003.0</t>
  </si>
  <si>
    <t>143735.0</t>
  </si>
  <si>
    <t>106.42</t>
  </si>
  <si>
    <t>55.39</t>
  </si>
  <si>
    <t>299825.0</t>
  </si>
  <si>
    <t>156033.0</t>
  </si>
  <si>
    <t>143792.0</t>
  </si>
  <si>
    <t>51.05</t>
  </si>
  <si>
    <t>299861.0</t>
  </si>
  <si>
    <t>156049.0</t>
  </si>
  <si>
    <t>143812.0</t>
  </si>
  <si>
    <t>299968.0</t>
  </si>
  <si>
    <t>156101.0</t>
  </si>
  <si>
    <t>143867.0</t>
  </si>
  <si>
    <t>106.51</t>
  </si>
  <si>
    <t>51.08</t>
  </si>
  <si>
    <t>300069.0</t>
  </si>
  <si>
    <t>156150.0</t>
  </si>
  <si>
    <t>143919.0</t>
  </si>
  <si>
    <t>106.54</t>
  </si>
  <si>
    <t>55.44</t>
  </si>
  <si>
    <t>301337.0</t>
  </si>
  <si>
    <t>156631.0</t>
  </si>
  <si>
    <t>144706.0</t>
  </si>
  <si>
    <t>106.99</t>
  </si>
  <si>
    <t>55.61</t>
  </si>
  <si>
    <t>301503.0</t>
  </si>
  <si>
    <t>156698.0</t>
  </si>
  <si>
    <t>144805.0</t>
  </si>
  <si>
    <t>107.05</t>
  </si>
  <si>
    <t>301644.0</t>
  </si>
  <si>
    <t>156763.0</t>
  </si>
  <si>
    <t>144881.0</t>
  </si>
  <si>
    <t>301866.0</t>
  </si>
  <si>
    <t>156871.0</t>
  </si>
  <si>
    <t>144995.0</t>
  </si>
  <si>
    <t>107.18</t>
  </si>
  <si>
    <t>302255.0</t>
  </si>
  <si>
    <t>157038.0</t>
  </si>
  <si>
    <t>145217.0</t>
  </si>
  <si>
    <t>107.32</t>
  </si>
  <si>
    <t>302783.0</t>
  </si>
  <si>
    <t>157251.0</t>
  </si>
  <si>
    <t>145532.0</t>
  </si>
  <si>
    <t>107.5</t>
  </si>
  <si>
    <t>55.83</t>
  </si>
  <si>
    <t>303186.0</t>
  </si>
  <si>
    <t>157426.0</t>
  </si>
  <si>
    <t>145760.0</t>
  </si>
  <si>
    <t>51.75</t>
  </si>
  <si>
    <t>303391.0</t>
  </si>
  <si>
    <t>157495.0</t>
  </si>
  <si>
    <t>145896.0</t>
  </si>
  <si>
    <t>107.72</t>
  </si>
  <si>
    <t>55.92</t>
  </si>
  <si>
    <t>303680.0</t>
  </si>
  <si>
    <t>157634.0</t>
  </si>
  <si>
    <t>146046.0</t>
  </si>
  <si>
    <t>107.82</t>
  </si>
  <si>
    <t>55.97</t>
  </si>
  <si>
    <t>303876.0</t>
  </si>
  <si>
    <t>157721.0</t>
  </si>
  <si>
    <t>146155.0</t>
  </si>
  <si>
    <t>107.89</t>
  </si>
  <si>
    <t>51.89</t>
  </si>
  <si>
    <t>304050.0</t>
  </si>
  <si>
    <t>157793.0</t>
  </si>
  <si>
    <t>146257.0</t>
  </si>
  <si>
    <t>107.95</t>
  </si>
  <si>
    <t>56.03</t>
  </si>
  <si>
    <t>51.93</t>
  </si>
  <si>
    <t>304060.0</t>
  </si>
  <si>
    <t>157795.0</t>
  </si>
  <si>
    <t>146265.0</t>
  </si>
  <si>
    <t>107.96</t>
  </si>
  <si>
    <t>304083.0</t>
  </si>
  <si>
    <t>157802.0</t>
  </si>
  <si>
    <t>146281.0</t>
  </si>
  <si>
    <t>107.97</t>
  </si>
  <si>
    <t>304173.0</t>
  </si>
  <si>
    <t>157854.0</t>
  </si>
  <si>
    <t>146319.0</t>
  </si>
  <si>
    <t>51.95</t>
  </si>
  <si>
    <t>304407.0</t>
  </si>
  <si>
    <t>157969.0</t>
  </si>
  <si>
    <t>146438.0</t>
  </si>
  <si>
    <t>108.08</t>
  </si>
  <si>
    <t>56.09</t>
  </si>
  <si>
    <t>304582.0</t>
  </si>
  <si>
    <t>158055.0</t>
  </si>
  <si>
    <t>146527.0</t>
  </si>
  <si>
    <t>304719.0</t>
  </si>
  <si>
    <t>158129.0</t>
  </si>
  <si>
    <t>146590.0</t>
  </si>
  <si>
    <t>108.19</t>
  </si>
  <si>
    <t>304941.0</t>
  </si>
  <si>
    <t>158242.0</t>
  </si>
  <si>
    <t>146699.0</t>
  </si>
  <si>
    <t>108.27</t>
  </si>
  <si>
    <t>56.18</t>
  </si>
  <si>
    <t>52.09</t>
  </si>
  <si>
    <t>305180.0</t>
  </si>
  <si>
    <t>158358.0</t>
  </si>
  <si>
    <t>146822.0</t>
  </si>
  <si>
    <t>108.36</t>
  </si>
  <si>
    <t>158463.0</t>
  </si>
  <si>
    <t>146911.0</t>
  </si>
  <si>
    <t>108.42</t>
  </si>
  <si>
    <t>-94.6</t>
  </si>
  <si>
    <t>-335.882632808561</t>
  </si>
  <si>
    <t>306411.0</t>
  </si>
  <si>
    <t>158927.0</t>
  </si>
  <si>
    <t>147484.0</t>
  </si>
  <si>
    <t>306592.0</t>
  </si>
  <si>
    <t>158985.0</t>
  </si>
  <si>
    <t>147607.0</t>
  </si>
  <si>
    <t>108.86</t>
  </si>
  <si>
    <t>306675.0</t>
  </si>
  <si>
    <t>159029.0</t>
  </si>
  <si>
    <t>147646.0</t>
  </si>
  <si>
    <t>108.89</t>
  </si>
  <si>
    <t>52.42</t>
  </si>
  <si>
    <t>306791.0</t>
  </si>
  <si>
    <t>159075.0</t>
  </si>
  <si>
    <t>147716.0</t>
  </si>
  <si>
    <t>108.93</t>
  </si>
  <si>
    <t>56.48</t>
  </si>
  <si>
    <t>306908.0</t>
  </si>
  <si>
    <t>159123.0</t>
  </si>
  <si>
    <t>147785.0</t>
  </si>
  <si>
    <t>108.97</t>
  </si>
  <si>
    <t>52.47</t>
  </si>
  <si>
    <t>307128.0</t>
  </si>
  <si>
    <t>159193.0</t>
  </si>
  <si>
    <t>147935.0</t>
  </si>
  <si>
    <t>109.05</t>
  </si>
  <si>
    <t>307330.0</t>
  </si>
  <si>
    <t>159275.0</t>
  </si>
  <si>
    <t>148055.0</t>
  </si>
  <si>
    <t>109.12</t>
  </si>
  <si>
    <t>307476.0</t>
  </si>
  <si>
    <t>159337.0</t>
  </si>
  <si>
    <t>148139.0</t>
  </si>
  <si>
    <t>109.17</t>
  </si>
  <si>
    <t>307682.0</t>
  </si>
  <si>
    <t>159416.0</t>
  </si>
  <si>
    <t>148266.0</t>
  </si>
  <si>
    <t>109.24</t>
  </si>
  <si>
    <t>52.64</t>
  </si>
  <si>
    <t>307808.0</t>
  </si>
  <si>
    <t>148344.0</t>
  </si>
  <si>
    <t>109.29</t>
  </si>
  <si>
    <t>52.67</t>
  </si>
  <si>
    <t>307913.0</t>
  </si>
  <si>
    <t>159507.0</t>
  </si>
  <si>
    <t>148406.0</t>
  </si>
  <si>
    <t>109.33</t>
  </si>
  <si>
    <t>308035.0</t>
  </si>
  <si>
    <t>159561.0</t>
  </si>
  <si>
    <t>148474.0</t>
  </si>
  <si>
    <t>109.37</t>
  </si>
  <si>
    <t>308208.0</t>
  </si>
  <si>
    <t>159619.0</t>
  </si>
  <si>
    <t>148589.0</t>
  </si>
  <si>
    <t>52.76</t>
  </si>
  <si>
    <t>308359.0</t>
  </si>
  <si>
    <t>159681.0</t>
  </si>
  <si>
    <t>148678.0</t>
  </si>
  <si>
    <t>109.48</t>
  </si>
  <si>
    <t>52.79</t>
  </si>
  <si>
    <t>308534.0</t>
  </si>
  <si>
    <t>159747.0</t>
  </si>
  <si>
    <t>148787.0</t>
  </si>
  <si>
    <t>109.55</t>
  </si>
  <si>
    <t>308674.0</t>
  </si>
  <si>
    <t>159792.0</t>
  </si>
  <si>
    <t>148882.0</t>
  </si>
  <si>
    <t>56.74</t>
  </si>
  <si>
    <t>52.86</t>
  </si>
  <si>
    <t>308731.0</t>
  </si>
  <si>
    <t>159825.0</t>
  </si>
  <si>
    <t>148906.0</t>
  </si>
  <si>
    <t>109.62</t>
  </si>
  <si>
    <t>308784.0</t>
  </si>
  <si>
    <t>159837.0</t>
  </si>
  <si>
    <t>148947.0</t>
  </si>
  <si>
    <t>109.64</t>
  </si>
  <si>
    <t>308862.0</t>
  </si>
  <si>
    <t>159869.0</t>
  </si>
  <si>
    <t>148993.0</t>
  </si>
  <si>
    <t>308991.0</t>
  </si>
  <si>
    <t>159920.0</t>
  </si>
  <si>
    <t>149071.0</t>
  </si>
  <si>
    <t>109.71</t>
  </si>
  <si>
    <t>56.78</t>
  </si>
  <si>
    <t>309125.0</t>
  </si>
  <si>
    <t>159958.0</t>
  </si>
  <si>
    <t>149167.0</t>
  </si>
  <si>
    <t>109.76</t>
  </si>
  <si>
    <t>309224.0</t>
  </si>
  <si>
    <t>159990.0</t>
  </si>
  <si>
    <t>149234.0</t>
  </si>
  <si>
    <t>109.79</t>
  </si>
  <si>
    <t>56.81</t>
  </si>
  <si>
    <t>309305.0</t>
  </si>
  <si>
    <t>160024.0</t>
  </si>
  <si>
    <t>149281.0</t>
  </si>
  <si>
    <t>109.82</t>
  </si>
  <si>
    <t>309407.0</t>
  </si>
  <si>
    <t>160064.0</t>
  </si>
  <si>
    <t>149343.0</t>
  </si>
  <si>
    <t>109.86</t>
  </si>
  <si>
    <t>56.83</t>
  </si>
  <si>
    <t>585575.0</t>
  </si>
  <si>
    <t>2082.415</t>
  </si>
  <si>
    <t>309497.0</t>
  </si>
  <si>
    <t>160091.0</t>
  </si>
  <si>
    <t>149406.0</t>
  </si>
  <si>
    <t>53.05</t>
  </si>
  <si>
    <t>309562.0</t>
  </si>
  <si>
    <t>160114.0</t>
  </si>
  <si>
    <t>149448.0</t>
  </si>
  <si>
    <t>109.91</t>
  </si>
  <si>
    <t>56.85</t>
  </si>
  <si>
    <t>-50.0</t>
  </si>
  <si>
    <t>-177.527818609176</t>
  </si>
  <si>
    <t>587777.0</t>
  </si>
  <si>
    <t>2090.245</t>
  </si>
  <si>
    <t>309727.0</t>
  </si>
  <si>
    <t>160188.0</t>
  </si>
  <si>
    <t>149539.0</t>
  </si>
  <si>
    <t>109.97</t>
  </si>
  <si>
    <t>56.88</t>
  </si>
  <si>
    <t>588782.0</t>
  </si>
  <si>
    <t>2093.819</t>
  </si>
  <si>
    <t>3.574</t>
  </si>
  <si>
    <t>309980.0</t>
  </si>
  <si>
    <t>160288.0</t>
  </si>
  <si>
    <t>110.06</t>
  </si>
  <si>
    <t>56.91</t>
  </si>
  <si>
    <t>589703.0</t>
  </si>
  <si>
    <t>2097.095</t>
  </si>
  <si>
    <t>3.275</t>
  </si>
  <si>
    <t>310136.0</t>
  </si>
  <si>
    <t>160340.0</t>
  </si>
  <si>
    <t>149796.0</t>
  </si>
  <si>
    <t>590700.0</t>
  </si>
  <si>
    <t>2100.64</t>
  </si>
  <si>
    <t>310363.0</t>
  </si>
  <si>
    <t>160450.0</t>
  </si>
  <si>
    <t>149913.0</t>
  </si>
  <si>
    <t>53.23</t>
  </si>
  <si>
    <t>592222.0</t>
  </si>
  <si>
    <t>2106.053</t>
  </si>
  <si>
    <t>3.378</t>
  </si>
  <si>
    <t>0.1644</t>
  </si>
  <si>
    <t>310502.0</t>
  </si>
  <si>
    <t>160485.0</t>
  </si>
  <si>
    <t>150017.0</t>
  </si>
  <si>
    <t>110.25</t>
  </si>
  <si>
    <t>56.98</t>
  </si>
  <si>
    <t>593238.0</t>
  </si>
  <si>
    <t>2109.666</t>
  </si>
  <si>
    <t>3.613</t>
  </si>
  <si>
    <t>3.332</t>
  </si>
  <si>
    <t>0.1608</t>
  </si>
  <si>
    <t>310569.0</t>
  </si>
  <si>
    <t>160503.0</t>
  </si>
  <si>
    <t>150066.0</t>
  </si>
  <si>
    <t>110.27</t>
  </si>
  <si>
    <t>56.99</t>
  </si>
  <si>
    <t>310652.0</t>
  </si>
  <si>
    <t>160525.0</t>
  </si>
  <si>
    <t>150127.0</t>
  </si>
  <si>
    <t>595351.0</t>
  </si>
  <si>
    <t>2117.18</t>
  </si>
  <si>
    <t>3.336</t>
  </si>
  <si>
    <t>310772.0</t>
  </si>
  <si>
    <t>160552.0</t>
  </si>
  <si>
    <t>150220.0</t>
  </si>
  <si>
    <t>110.34</t>
  </si>
  <si>
    <t>53.34</t>
  </si>
  <si>
    <t>596122.0</t>
  </si>
  <si>
    <t>2119.922</t>
  </si>
  <si>
    <t>2.742</t>
  </si>
  <si>
    <t>310825.0</t>
  </si>
  <si>
    <t>160570.0</t>
  </si>
  <si>
    <t>150255.0</t>
  </si>
  <si>
    <t>57.01</t>
  </si>
  <si>
    <t>597029.0</t>
  </si>
  <si>
    <t>2123.147</t>
  </si>
  <si>
    <t>3.225</t>
  </si>
  <si>
    <t>3.215</t>
  </si>
  <si>
    <t>310848.0</t>
  </si>
  <si>
    <t>160577.0</t>
  </si>
  <si>
    <t>110.37</t>
  </si>
  <si>
    <t>597763.0</t>
  </si>
  <si>
    <t>2125.757</t>
  </si>
  <si>
    <t>310966.0</t>
  </si>
  <si>
    <t>160629.0</t>
  </si>
  <si>
    <t>150337.0</t>
  </si>
  <si>
    <t>110.41</t>
  </si>
  <si>
    <t>3.204</t>
  </si>
  <si>
    <t>0.1425</t>
  </si>
  <si>
    <t>0.1457</t>
  </si>
  <si>
    <t>311090.0</t>
  </si>
  <si>
    <t>160671.0</t>
  </si>
  <si>
    <t>150419.0</t>
  </si>
  <si>
    <t>110.45</t>
  </si>
  <si>
    <t>57.05</t>
  </si>
  <si>
    <t>2.927</t>
  </si>
  <si>
    <t>311174.0</t>
  </si>
  <si>
    <t>160703.0</t>
  </si>
  <si>
    <t>150471.0</t>
  </si>
  <si>
    <t>110.48</t>
  </si>
  <si>
    <t>57.06</t>
  </si>
  <si>
    <t>0.1458</t>
  </si>
  <si>
    <t>311261.0</t>
  </si>
  <si>
    <t>160736.0</t>
  </si>
  <si>
    <t>150525.0</t>
  </si>
  <si>
    <t>110.51</t>
  </si>
  <si>
    <t>311341.0</t>
  </si>
  <si>
    <t>160761.0</t>
  </si>
  <si>
    <t>150580.0</t>
  </si>
  <si>
    <t>110.54</t>
  </si>
  <si>
    <t>57.08</t>
  </si>
  <si>
    <t>53.46</t>
  </si>
  <si>
    <t>2.703</t>
  </si>
  <si>
    <t>311425.0</t>
  </si>
  <si>
    <t>160780.0</t>
  </si>
  <si>
    <t>150645.0</t>
  </si>
  <si>
    <t>110.57</t>
  </si>
  <si>
    <t>603110.0</t>
  </si>
  <si>
    <t>2144.772</t>
  </si>
  <si>
    <t>311455.0</t>
  </si>
  <si>
    <t>160790.0</t>
  </si>
  <si>
    <t>150665.0</t>
  </si>
  <si>
    <t>160800.0</t>
  </si>
  <si>
    <t>150682.0</t>
  </si>
  <si>
    <t>110.59</t>
  </si>
  <si>
    <t>311508.0</t>
  </si>
  <si>
    <t>160809.0</t>
  </si>
  <si>
    <t>150699.0</t>
  </si>
  <si>
    <t>53.51</t>
  </si>
  <si>
    <t>0.1267</t>
  </si>
  <si>
    <t>311575.0</t>
  </si>
  <si>
    <t>160832.0</t>
  </si>
  <si>
    <t>150743.0</t>
  </si>
  <si>
    <t>110.63</t>
  </si>
  <si>
    <t>606118.0</t>
  </si>
  <si>
    <t>2155.469</t>
  </si>
  <si>
    <t>311657.0</t>
  </si>
  <si>
    <t>160869.0</t>
  </si>
  <si>
    <t>150788.0</t>
  </si>
  <si>
    <t>57.12</t>
  </si>
  <si>
    <t>53.54</t>
  </si>
  <si>
    <t>2.724</t>
  </si>
  <si>
    <t>0.1263</t>
  </si>
  <si>
    <t>311706.0</t>
  </si>
  <si>
    <t>160890.0</t>
  </si>
  <si>
    <t>150816.0</t>
  </si>
  <si>
    <t>110.67</t>
  </si>
  <si>
    <t>2.756</t>
  </si>
  <si>
    <t>311796.0</t>
  </si>
  <si>
    <t>160923.0</t>
  </si>
  <si>
    <t>150873.0</t>
  </si>
  <si>
    <t>608599.0</t>
  </si>
  <si>
    <t>2164.292</t>
  </si>
  <si>
    <t>2.788</t>
  </si>
  <si>
    <t>312051.0</t>
  </si>
  <si>
    <t>161047.0</t>
  </si>
  <si>
    <t>312094.0</t>
  </si>
  <si>
    <t>161060.0</t>
  </si>
  <si>
    <t>151034.0</t>
  </si>
  <si>
    <t>110.81</t>
  </si>
  <si>
    <t>0.1432</t>
  </si>
  <si>
    <t>312145.0</t>
  </si>
  <si>
    <t>161076.0</t>
  </si>
  <si>
    <t>151069.0</t>
  </si>
  <si>
    <t>110.83</t>
  </si>
  <si>
    <t>312186.0</t>
  </si>
  <si>
    <t>161089.0</t>
  </si>
  <si>
    <t>151097.0</t>
  </si>
  <si>
    <t>110.84</t>
  </si>
  <si>
    <t>57.2</t>
  </si>
  <si>
    <t>53.65</t>
  </si>
  <si>
    <t>612282.0</t>
  </si>
  <si>
    <t>2177.39</t>
  </si>
  <si>
    <t>312253.0</t>
  </si>
  <si>
    <t>161114.0</t>
  </si>
  <si>
    <t>151139.0</t>
  </si>
  <si>
    <t>110.87</t>
  </si>
  <si>
    <t>0.1802</t>
  </si>
  <si>
    <t>137.4</t>
  </si>
  <si>
    <t>487.846445538016</t>
  </si>
  <si>
    <t>3.321</t>
  </si>
  <si>
    <t>0.1874</t>
  </si>
  <si>
    <t>615321.0</t>
  </si>
  <si>
    <t>2188.197</t>
  </si>
  <si>
    <t>3.414</t>
  </si>
  <si>
    <t>0.2179</t>
  </si>
  <si>
    <t>312444.0</t>
  </si>
  <si>
    <t>161190.0</t>
  </si>
  <si>
    <t>151254.0</t>
  </si>
  <si>
    <t>110.94</t>
  </si>
  <si>
    <t>0.1973</t>
  </si>
  <si>
    <t>312472.0</t>
  </si>
  <si>
    <t>161196.0</t>
  </si>
  <si>
    <t>151276.0</t>
  </si>
  <si>
    <t>53.71</t>
  </si>
  <si>
    <t>3.826</t>
  </si>
  <si>
    <t>0.2026</t>
  </si>
  <si>
    <t>312534.0</t>
  </si>
  <si>
    <t>161225.0</t>
  </si>
  <si>
    <t>151309.0</t>
  </si>
  <si>
    <t>110.97</t>
  </si>
  <si>
    <t>57.24</t>
  </si>
  <si>
    <t>53.72</t>
  </si>
  <si>
    <t>4.033</t>
  </si>
  <si>
    <t>312562.0</t>
  </si>
  <si>
    <t>161241.0</t>
  </si>
  <si>
    <t>151321.0</t>
  </si>
  <si>
    <t>110.98</t>
  </si>
  <si>
    <t>620629.0</t>
  </si>
  <si>
    <t>2207.073</t>
  </si>
  <si>
    <t>0.2169</t>
  </si>
  <si>
    <t>312636.0</t>
  </si>
  <si>
    <t>161272.0</t>
  </si>
  <si>
    <t>151364.0</t>
  </si>
  <si>
    <t>57.26</t>
  </si>
  <si>
    <t>4.449</t>
  </si>
  <si>
    <t>0.2024</t>
  </si>
  <si>
    <t>624286.0</t>
  </si>
  <si>
    <t>2220.078</t>
  </si>
  <si>
    <t>312812.0</t>
  </si>
  <si>
    <t>161353.0</t>
  </si>
  <si>
    <t>151459.0</t>
  </si>
  <si>
    <t>111.07</t>
  </si>
  <si>
    <t>4.502</t>
  </si>
  <si>
    <t>0.2568</t>
  </si>
  <si>
    <t>312846.0</t>
  </si>
  <si>
    <t>161371.0</t>
  </si>
  <si>
    <t>151475.0</t>
  </si>
  <si>
    <t>111.08</t>
  </si>
  <si>
    <t>4.452</t>
  </si>
  <si>
    <t>0.2584</t>
  </si>
  <si>
    <t>312878.0</t>
  </si>
  <si>
    <t>161388.0</t>
  </si>
  <si>
    <t>151490.0</t>
  </si>
  <si>
    <t>111.09</t>
  </si>
  <si>
    <t>53.79</t>
  </si>
  <si>
    <t>627965.0</t>
  </si>
  <si>
    <t>2233.161</t>
  </si>
  <si>
    <t>0.2742</t>
  </si>
  <si>
    <t>313007.0</t>
  </si>
  <si>
    <t>161430.0</t>
  </si>
  <si>
    <t>151577.0</t>
  </si>
  <si>
    <t>53.82</t>
  </si>
  <si>
    <t>4.424</t>
  </si>
  <si>
    <t>0.2386</t>
  </si>
  <si>
    <t>313064.0</t>
  </si>
  <si>
    <t>161476.0</t>
  </si>
  <si>
    <t>151588.0</t>
  </si>
  <si>
    <t>111.16</t>
  </si>
  <si>
    <t>57.33</t>
  </si>
  <si>
    <t>630706.0</t>
  </si>
  <si>
    <t>2242.909</t>
  </si>
  <si>
    <t>4.282</t>
  </si>
  <si>
    <t>0.3453</t>
  </si>
  <si>
    <t>632284.0</t>
  </si>
  <si>
    <t>2248.521</t>
  </si>
  <si>
    <t>4.065</t>
  </si>
  <si>
    <t>0.2993</t>
  </si>
  <si>
    <t>313141.0</t>
  </si>
  <si>
    <t>161509.0</t>
  </si>
  <si>
    <t>151632.0</t>
  </si>
  <si>
    <t>111.18</t>
  </si>
  <si>
    <t>57.34</t>
  </si>
  <si>
    <t>313144.0</t>
  </si>
  <si>
    <t>151635.0</t>
  </si>
  <si>
    <t>4.075</t>
  </si>
  <si>
    <t>0.2953</t>
  </si>
  <si>
    <t>313147.0</t>
  </si>
  <si>
    <t>151638.0</t>
  </si>
  <si>
    <t>313204.0</t>
  </si>
  <si>
    <t>161537.0</t>
  </si>
  <si>
    <t>151667.0</t>
  </si>
  <si>
    <t>111.2</t>
  </si>
  <si>
    <t>57.35</t>
  </si>
  <si>
    <t>637232.0</t>
  </si>
  <si>
    <t>2266.117</t>
  </si>
  <si>
    <t>0.3549</t>
  </si>
  <si>
    <t>313287.0</t>
  </si>
  <si>
    <t>161571.0</t>
  </si>
  <si>
    <t>151716.0</t>
  </si>
  <si>
    <t>111.23</t>
  </si>
  <si>
    <t>57.37</t>
  </si>
  <si>
    <t>0.3212</t>
  </si>
  <si>
    <t>313359.0</t>
  </si>
  <si>
    <t>161604.0</t>
  </si>
  <si>
    <t>151755.0</t>
  </si>
  <si>
    <t>111.26</t>
  </si>
  <si>
    <t>57.38</t>
  </si>
  <si>
    <t>4.292</t>
  </si>
  <si>
    <t>0.3116</t>
  </si>
  <si>
    <t>313428.0</t>
  </si>
  <si>
    <t>151794.0</t>
  </si>
  <si>
    <t>111.28</t>
  </si>
  <si>
    <t>641298.0</t>
  </si>
  <si>
    <t>2280.576</t>
  </si>
  <si>
    <t>0.3225</t>
  </si>
  <si>
    <t>313446.0</t>
  </si>
  <si>
    <t>161641.0</t>
  </si>
  <si>
    <t>151805.0</t>
  </si>
  <si>
    <t>111.29</t>
  </si>
  <si>
    <t>4.659</t>
  </si>
  <si>
    <t>0.3558</t>
  </si>
  <si>
    <t>313487.0</t>
  </si>
  <si>
    <t>161663.0</t>
  </si>
  <si>
    <t>151824.0</t>
  </si>
  <si>
    <t>111.31</t>
  </si>
  <si>
    <t>53.91</t>
  </si>
  <si>
    <t>313517.0</t>
  </si>
  <si>
    <t>161673.0</t>
  </si>
  <si>
    <t>151844.0</t>
  </si>
  <si>
    <t>111.32</t>
  </si>
  <si>
    <t>4.815</t>
  </si>
  <si>
    <t>0.3528</t>
  </si>
  <si>
    <t>313548.0</t>
  </si>
  <si>
    <t>161680.0</t>
  </si>
  <si>
    <t>151868.0</t>
  </si>
  <si>
    <t>53.92</t>
  </si>
  <si>
    <t>646867.0</t>
  </si>
  <si>
    <t>2300.381</t>
  </si>
  <si>
    <t>4.893</t>
  </si>
  <si>
    <t>0.3263</t>
  </si>
  <si>
    <t>313621.0</t>
  </si>
  <si>
    <t>161703.0</t>
  </si>
  <si>
    <t>151918.0</t>
  </si>
  <si>
    <t>111.35</t>
  </si>
  <si>
    <t>4.787</t>
  </si>
  <si>
    <t>0.3214</t>
  </si>
  <si>
    <t>313641.0</t>
  </si>
  <si>
    <t>161711.0</t>
  </si>
  <si>
    <t>151930.0</t>
  </si>
  <si>
    <t>111.36</t>
  </si>
  <si>
    <t>57.42</t>
  </si>
  <si>
    <t>4.676</t>
  </si>
  <si>
    <t>313689.0</t>
  </si>
  <si>
    <t>161727.0</t>
  </si>
  <si>
    <t>151962.0</t>
  </si>
  <si>
    <t>111.38</t>
  </si>
  <si>
    <t>53.95</t>
  </si>
  <si>
    <t>650288.0</t>
  </si>
  <si>
    <t>2312.546</t>
  </si>
  <si>
    <t>4.566</t>
  </si>
  <si>
    <t>0.3142</t>
  </si>
  <si>
    <t>313731.0</t>
  </si>
  <si>
    <t>161748.0</t>
  </si>
  <si>
    <t>151983.0</t>
  </si>
  <si>
    <t>111.39</t>
  </si>
  <si>
    <t>53.96</t>
  </si>
  <si>
    <t>26.18</t>
  </si>
  <si>
    <t>703.720272966774</t>
  </si>
  <si>
    <t>313744.0</t>
  </si>
  <si>
    <t>161753.0</t>
  </si>
  <si>
    <t>151991.0</t>
  </si>
  <si>
    <t>111.4</t>
  </si>
  <si>
    <t>4.548</t>
  </si>
  <si>
    <t>0.3193</t>
  </si>
  <si>
    <t>313754.0</t>
  </si>
  <si>
    <t>161762.0</t>
  </si>
  <si>
    <t>151992.0</t>
  </si>
  <si>
    <t>0.3008</t>
  </si>
  <si>
    <t>313794.0</t>
  </si>
  <si>
    <t>161776.0</t>
  </si>
  <si>
    <t>152018.0</t>
  </si>
  <si>
    <t>111.41</t>
  </si>
  <si>
    <t>0.2483</t>
  </si>
  <si>
    <t>313923.0</t>
  </si>
  <si>
    <t>161824.0</t>
  </si>
  <si>
    <t>152099.0</t>
  </si>
  <si>
    <t>111.46</t>
  </si>
  <si>
    <t>57.46</t>
  </si>
  <si>
    <t>4.648</t>
  </si>
  <si>
    <t>4.765</t>
  </si>
  <si>
    <t>0.3391</t>
  </si>
  <si>
    <t>314040.0</t>
  </si>
  <si>
    <t>161871.0</t>
  </si>
  <si>
    <t>152169.0</t>
  </si>
  <si>
    <t>659902.0</t>
  </si>
  <si>
    <t>2346.735</t>
  </si>
  <si>
    <t>4.883</t>
  </si>
  <si>
    <t>0.3244</t>
  </si>
  <si>
    <t>314065.0</t>
  </si>
  <si>
    <t>161885.0</t>
  </si>
  <si>
    <t>152180.0</t>
  </si>
  <si>
    <t>111.51</t>
  </si>
  <si>
    <t>57.48</t>
  </si>
  <si>
    <t>4.968</t>
  </si>
  <si>
    <t>314114.0</t>
  </si>
  <si>
    <t>161899.0</t>
  </si>
  <si>
    <t>152215.0</t>
  </si>
  <si>
    <t>111.53</t>
  </si>
  <si>
    <t>664507.0</t>
  </si>
  <si>
    <t>2363.112</t>
  </si>
  <si>
    <t>5.132</t>
  </si>
  <si>
    <t>314186.0</t>
  </si>
  <si>
    <t>161931.0</t>
  </si>
  <si>
    <t>152255.0</t>
  </si>
  <si>
    <t>111.55</t>
  </si>
  <si>
    <t>0.3745</t>
  </si>
  <si>
    <t>314269.0</t>
  </si>
  <si>
    <t>161974.0</t>
  </si>
  <si>
    <t>152295.0</t>
  </si>
  <si>
    <t>111.58</t>
  </si>
  <si>
    <t>57.51</t>
  </si>
  <si>
    <t>5.292</t>
  </si>
  <si>
    <t>314318.0</t>
  </si>
  <si>
    <t>161994.0</t>
  </si>
  <si>
    <t>152324.0</t>
  </si>
  <si>
    <t>54.08</t>
  </si>
  <si>
    <t>5.373</t>
  </si>
  <si>
    <t>314387.0</t>
  </si>
  <si>
    <t>162034.0</t>
  </si>
  <si>
    <t>152353.0</t>
  </si>
  <si>
    <t>111.62</t>
  </si>
  <si>
    <t>54.09</t>
  </si>
  <si>
    <t>670638.0</t>
  </si>
  <si>
    <t>2384.915</t>
  </si>
  <si>
    <t>5.455</t>
  </si>
  <si>
    <t>0.2852</t>
  </si>
  <si>
    <t>314393.0</t>
  </si>
  <si>
    <t>162036.0</t>
  </si>
  <si>
    <t>152357.0</t>
  </si>
  <si>
    <t>5.452</t>
  </si>
  <si>
    <t>314437.0</t>
  </si>
  <si>
    <t>162058.0</t>
  </si>
  <si>
    <t>152379.0</t>
  </si>
  <si>
    <t>0.2832</t>
  </si>
  <si>
    <t>314474.0</t>
  </si>
  <si>
    <t>162077.0</t>
  </si>
  <si>
    <t>152397.0</t>
  </si>
  <si>
    <t>675234.0</t>
  </si>
  <si>
    <t>2401.259</t>
  </si>
  <si>
    <t>5.448</t>
  </si>
  <si>
    <t>0.2714</t>
  </si>
  <si>
    <t>314557.0</t>
  </si>
  <si>
    <t>162112.0</t>
  </si>
  <si>
    <t>152445.0</t>
  </si>
  <si>
    <t>111.69</t>
  </si>
  <si>
    <t>54.13</t>
  </si>
  <si>
    <t>0.2721</t>
  </si>
  <si>
    <t>314687.0</t>
  </si>
  <si>
    <t>162174.0</t>
  </si>
  <si>
    <t>152513.0</t>
  </si>
  <si>
    <t>111.73</t>
  </si>
  <si>
    <t>0.2739</t>
  </si>
  <si>
    <t>314737.0</t>
  </si>
  <si>
    <t>162196.0</t>
  </si>
  <si>
    <t>152541.0</t>
  </si>
  <si>
    <t>111.75</t>
  </si>
  <si>
    <t>57.59</t>
  </si>
  <si>
    <t>54.16</t>
  </si>
  <si>
    <t>0.2763</t>
  </si>
  <si>
    <t>679628.0</t>
  </si>
  <si>
    <t>2416.885</t>
  </si>
  <si>
    <t>314832.0</t>
  </si>
  <si>
    <t>162237.0</t>
  </si>
  <si>
    <t>152595.0</t>
  </si>
  <si>
    <t>111.78</t>
  </si>
  <si>
    <t>4.246</t>
  </si>
  <si>
    <t>0.2809</t>
  </si>
  <si>
    <t>3.922</t>
  </si>
  <si>
    <t>314920.0</t>
  </si>
  <si>
    <t>162273.0</t>
  </si>
  <si>
    <t>152647.0</t>
  </si>
  <si>
    <t>111.81</t>
  </si>
  <si>
    <t>57.62</t>
  </si>
  <si>
    <t>682320.0</t>
  </si>
  <si>
    <t>2426.458</t>
  </si>
  <si>
    <t>3.599</t>
  </si>
  <si>
    <t>314971.0</t>
  </si>
  <si>
    <t>162299.0</t>
  </si>
  <si>
    <t>152672.0</t>
  </si>
  <si>
    <t>111.83</t>
  </si>
  <si>
    <t>57.63</t>
  </si>
  <si>
    <t>54.21</t>
  </si>
  <si>
    <t>0.2781</t>
  </si>
  <si>
    <t>315016.0</t>
  </si>
  <si>
    <t>162312.0</t>
  </si>
  <si>
    <t>152704.0</t>
  </si>
  <si>
    <t>111.85</t>
  </si>
  <si>
    <t>54.22</t>
  </si>
  <si>
    <t>3.197</t>
  </si>
  <si>
    <t>315052.0</t>
  </si>
  <si>
    <t>162329.0</t>
  </si>
  <si>
    <t>152723.0</t>
  </si>
  <si>
    <t>111.86</t>
  </si>
  <si>
    <t>2.994</t>
  </si>
  <si>
    <t>0.2698</t>
  </si>
  <si>
    <t>315103.0</t>
  </si>
  <si>
    <t>162345.0</t>
  </si>
  <si>
    <t>152758.0</t>
  </si>
  <si>
    <t>111.88</t>
  </si>
  <si>
    <t>0.2894</t>
  </si>
  <si>
    <t>315122.0</t>
  </si>
  <si>
    <t>162355.0</t>
  </si>
  <si>
    <t>152767.0</t>
  </si>
  <si>
    <t>0.2651</t>
  </si>
  <si>
    <t>315157.0</t>
  </si>
  <si>
    <t>162366.0</t>
  </si>
  <si>
    <t>152791.0</t>
  </si>
  <si>
    <t>54.25</t>
  </si>
  <si>
    <t>0.2499</t>
  </si>
  <si>
    <t>315193.0</t>
  </si>
  <si>
    <t>162385.0</t>
  </si>
  <si>
    <t>152808.0</t>
  </si>
  <si>
    <t>111.91</t>
  </si>
  <si>
    <t>2.493</t>
  </si>
  <si>
    <t>315225.0</t>
  </si>
  <si>
    <t>162400.0</t>
  </si>
  <si>
    <t>152825.0</t>
  </si>
  <si>
    <t>737.095502865299</t>
  </si>
  <si>
    <t>0.2482</t>
  </si>
  <si>
    <t>315274.0</t>
  </si>
  <si>
    <t>162417.0</t>
  </si>
  <si>
    <t>152857.0</t>
  </si>
  <si>
    <t>111.94</t>
  </si>
  <si>
    <t>315304.0</t>
  </si>
  <si>
    <t>162426.0</t>
  </si>
  <si>
    <t>152878.0</t>
  </si>
  <si>
    <t>111.95</t>
  </si>
  <si>
    <t>54.28</t>
  </si>
  <si>
    <t>0.2315</t>
  </si>
  <si>
    <t>315371.0</t>
  </si>
  <si>
    <t>162462.0</t>
  </si>
  <si>
    <t>152909.0</t>
  </si>
  <si>
    <t>111.97</t>
  </si>
  <si>
    <t>57.68</t>
  </si>
  <si>
    <t>54.29</t>
  </si>
  <si>
    <t>690034.0</t>
  </si>
  <si>
    <t>2453.89</t>
  </si>
  <si>
    <t>0.2611</t>
  </si>
  <si>
    <t>315376.0</t>
  </si>
  <si>
    <t>162464.0</t>
  </si>
  <si>
    <t>152912.0</t>
  </si>
  <si>
    <t>111.98</t>
  </si>
  <si>
    <t>0.2327</t>
  </si>
  <si>
    <t>315398.0</t>
  </si>
  <si>
    <t>152917.0</t>
  </si>
  <si>
    <t>315416.0</t>
  </si>
  <si>
    <t>152923.0</t>
  </si>
  <si>
    <t>111.99</t>
  </si>
  <si>
    <t>691618.0</t>
  </si>
  <si>
    <t>2459.523</t>
  </si>
  <si>
    <t>0.2206</t>
  </si>
  <si>
    <t>315452.0</t>
  </si>
  <si>
    <t>152946.0</t>
  </si>
  <si>
    <t>315491.0</t>
  </si>
  <si>
    <t>152970.0</t>
  </si>
  <si>
    <t>112.02</t>
  </si>
  <si>
    <t>2.102</t>
  </si>
  <si>
    <t>315562.0</t>
  </si>
  <si>
    <t>153003.0</t>
  </si>
  <si>
    <t>112.04</t>
  </si>
  <si>
    <t>153022.0</t>
  </si>
  <si>
    <t>693925.0</t>
  </si>
  <si>
    <t>2467.728</t>
  </si>
  <si>
    <t>153025.0</t>
  </si>
  <si>
    <t>1.988</t>
  </si>
  <si>
    <t>0.2116</t>
  </si>
  <si>
    <t>153057.0</t>
  </si>
  <si>
    <t>315593.0</t>
  </si>
  <si>
    <t>112.05</t>
  </si>
  <si>
    <t>695574.0</t>
  </si>
  <si>
    <t>2473.592</t>
  </si>
  <si>
    <t>0.2091</t>
  </si>
  <si>
    <t>315657.0</t>
  </si>
  <si>
    <t>153124.0</t>
  </si>
  <si>
    <t>112.08</t>
  </si>
  <si>
    <t>315723.0</t>
  </si>
  <si>
    <t>153168.0</t>
  </si>
  <si>
    <t>54.38</t>
  </si>
  <si>
    <t>0.1903</t>
  </si>
  <si>
    <t>315725.0</t>
  </si>
  <si>
    <t>153199.0</t>
  </si>
  <si>
    <t>1.856</t>
  </si>
  <si>
    <t>0.1804</t>
  </si>
  <si>
    <t>153230.0</t>
  </si>
  <si>
    <t>697476.0</t>
  </si>
  <si>
    <t>2480.356</t>
  </si>
  <si>
    <t>1.803</t>
  </si>
  <si>
    <t>153231.0</t>
  </si>
  <si>
    <t>153257.0</t>
  </si>
  <si>
    <t>315751.0</t>
  </si>
  <si>
    <t>162467.0</t>
  </si>
  <si>
    <t>153284.0</t>
  </si>
  <si>
    <t>112.11</t>
  </si>
  <si>
    <t>315793.0</t>
  </si>
  <si>
    <t>162475.0</t>
  </si>
  <si>
    <t>153318.0</t>
  </si>
  <si>
    <t>112.12</t>
  </si>
  <si>
    <t>315851.0</t>
  </si>
  <si>
    <t>162499.0</t>
  </si>
  <si>
    <t>153352.0</t>
  </si>
  <si>
    <t>112.14</t>
  </si>
  <si>
    <t>315910.0</t>
  </si>
  <si>
    <t>162521.0</t>
  </si>
  <si>
    <t>153389.0</t>
  </si>
  <si>
    <t>112.17</t>
  </si>
  <si>
    <t>315988.0</t>
  </si>
  <si>
    <t>162555.0</t>
  </si>
  <si>
    <t>112.19</t>
  </si>
  <si>
    <t>57.72</t>
  </si>
  <si>
    <t>54.48</t>
  </si>
  <si>
    <t>316019.0</t>
  </si>
  <si>
    <t>153453.0</t>
  </si>
  <si>
    <t>112.2</t>
  </si>
  <si>
    <t>316044.0</t>
  </si>
  <si>
    <t>162576.0</t>
  </si>
  <si>
    <t>153468.0</t>
  </si>
  <si>
    <t>112.21</t>
  </si>
  <si>
    <t>316070.0</t>
  </si>
  <si>
    <t>162589.0</t>
  </si>
  <si>
    <t>153481.0</t>
  </si>
  <si>
    <t>112.22</t>
  </si>
  <si>
    <t>57.73</t>
  </si>
  <si>
    <t>316126.0</t>
  </si>
  <si>
    <t>162616.0</t>
  </si>
  <si>
    <t>153510.0</t>
  </si>
  <si>
    <t>112.24</t>
  </si>
  <si>
    <t>57.74</t>
  </si>
  <si>
    <t>316139.0</t>
  </si>
  <si>
    <t>162619.0</t>
  </si>
  <si>
    <t>153520.0</t>
  </si>
  <si>
    <t>112.25</t>
  </si>
  <si>
    <t>54.51</t>
  </si>
  <si>
    <t>947.998551373</t>
  </si>
  <si>
    <t>316181.0</t>
  </si>
  <si>
    <t>162633.0</t>
  </si>
  <si>
    <t>112.26</t>
  </si>
  <si>
    <t>316212.0</t>
  </si>
  <si>
    <t>162641.0</t>
  </si>
  <si>
    <t>57.75</t>
  </si>
  <si>
    <t>316239.0</t>
  </si>
  <si>
    <t>162649.0</t>
  </si>
  <si>
    <t>153590.0</t>
  </si>
  <si>
    <t>112.28</t>
  </si>
  <si>
    <t>316262.0</t>
  </si>
  <si>
    <t>162658.0</t>
  </si>
  <si>
    <t>153604.0</t>
  </si>
  <si>
    <t>112.29</t>
  </si>
  <si>
    <t>316295.0</t>
  </si>
  <si>
    <t>162671.0</t>
  </si>
  <si>
    <t>153624.0</t>
  </si>
  <si>
    <t>57.76</t>
  </si>
  <si>
    <t>316377.0</t>
  </si>
  <si>
    <t>162705.0</t>
  </si>
  <si>
    <t>153672.0</t>
  </si>
  <si>
    <t>112.33</t>
  </si>
  <si>
    <t>57.77</t>
  </si>
  <si>
    <t>316406.0</t>
  </si>
  <si>
    <t>162721.0</t>
  </si>
  <si>
    <t>153685.0</t>
  </si>
  <si>
    <t>112.34</t>
  </si>
  <si>
    <t>54.57</t>
  </si>
  <si>
    <t>316507.0</t>
  </si>
  <si>
    <t>162765.0</t>
  </si>
  <si>
    <t>153742.0</t>
  </si>
  <si>
    <t>112.38</t>
  </si>
  <si>
    <t>57.79</t>
  </si>
  <si>
    <t>316562.0</t>
  </si>
  <si>
    <t>162789.0</t>
  </si>
  <si>
    <t>112.4</t>
  </si>
  <si>
    <t>316582.0</t>
  </si>
  <si>
    <t>162800.0</t>
  </si>
  <si>
    <t>153782.0</t>
  </si>
  <si>
    <t>316616.0</t>
  </si>
  <si>
    <t>162807.0</t>
  </si>
  <si>
    <t>153809.0</t>
  </si>
  <si>
    <t>112.42</t>
  </si>
  <si>
    <t>316618.0</t>
  </si>
  <si>
    <t>162809.0</t>
  </si>
  <si>
    <t>316641.0</t>
  </si>
  <si>
    <t>162821.0</t>
  </si>
  <si>
    <t>153820.0</t>
  </si>
  <si>
    <t>112.43</t>
  </si>
  <si>
    <t>316659.0</t>
  </si>
  <si>
    <t>162828.0</t>
  </si>
  <si>
    <t>153831.0</t>
  </si>
  <si>
    <t>54.62</t>
  </si>
  <si>
    <t>316676.0</t>
  </si>
  <si>
    <t>162834.0</t>
  </si>
  <si>
    <t>153842.0</t>
  </si>
  <si>
    <t>112.44</t>
  </si>
  <si>
    <t>57.82</t>
  </si>
  <si>
    <t>316723.0</t>
  </si>
  <si>
    <t>162858.0</t>
  </si>
  <si>
    <t>153865.0</t>
  </si>
  <si>
    <t>112.45</t>
  </si>
  <si>
    <t>316743.0</t>
  </si>
  <si>
    <t>162868.0</t>
  </si>
  <si>
    <t>316793.0</t>
  </si>
  <si>
    <t>162891.0</t>
  </si>
  <si>
    <t>153902.0</t>
  </si>
  <si>
    <t>316796.0</t>
  </si>
  <si>
    <t>153905.0</t>
  </si>
  <si>
    <t>316810.0</t>
  </si>
  <si>
    <t>162895.0</t>
  </si>
  <si>
    <t>112.49</t>
  </si>
  <si>
    <t>316826.0</t>
  </si>
  <si>
    <t>162903.0</t>
  </si>
  <si>
    <t>153923.0</t>
  </si>
  <si>
    <t>316852.0</t>
  </si>
  <si>
    <t>162911.0</t>
  </si>
  <si>
    <t>153941.0</t>
  </si>
  <si>
    <t>316903.0</t>
  </si>
  <si>
    <t>162935.0</t>
  </si>
  <si>
    <t>153968.0</t>
  </si>
  <si>
    <t>112.52</t>
  </si>
  <si>
    <t>316916.0</t>
  </si>
  <si>
    <t>162939.0</t>
  </si>
  <si>
    <t>153977.0</t>
  </si>
  <si>
    <t>316958.0</t>
  </si>
  <si>
    <t>162955.0</t>
  </si>
  <si>
    <t>154003.0</t>
  </si>
  <si>
    <t>112.54</t>
  </si>
  <si>
    <t>57.86</t>
  </si>
  <si>
    <t>316976.0</t>
  </si>
  <si>
    <t>162960.0</t>
  </si>
  <si>
    <t>206.4</t>
  </si>
  <si>
    <t>732.834835218679</t>
  </si>
  <si>
    <t>316999.0</t>
  </si>
  <si>
    <t>162966.0</t>
  </si>
  <si>
    <t>112.55</t>
  </si>
  <si>
    <t>317029.0</t>
  </si>
  <si>
    <t>162974.0</t>
  </si>
  <si>
    <t>154055.0</t>
  </si>
  <si>
    <t>112.56</t>
  </si>
  <si>
    <t>317066.0</t>
  </si>
  <si>
    <t>162990.0</t>
  </si>
  <si>
    <t>154076.0</t>
  </si>
  <si>
    <t>112.58</t>
  </si>
  <si>
    <t>317068.0</t>
  </si>
  <si>
    <t>162991.0</t>
  </si>
  <si>
    <t>317099.0</t>
  </si>
  <si>
    <t>163001.0</t>
  </si>
  <si>
    <t>154098.0</t>
  </si>
  <si>
    <t>112.59</t>
  </si>
  <si>
    <t>317117.0</t>
  </si>
  <si>
    <t>163008.0</t>
  </si>
  <si>
    <t>54.72</t>
  </si>
  <si>
    <t>317142.0</t>
  </si>
  <si>
    <t>163015.0</t>
  </si>
  <si>
    <t>154127.0</t>
  </si>
  <si>
    <t>317168.0</t>
  </si>
  <si>
    <t>163029.0</t>
  </si>
  <si>
    <t>154139.0</t>
  </si>
  <si>
    <t>112.61</t>
  </si>
  <si>
    <t>317183.0</t>
  </si>
  <si>
    <t>163033.0</t>
  </si>
  <si>
    <t>154150.0</t>
  </si>
  <si>
    <t>112.62</t>
  </si>
  <si>
    <t>317217.0</t>
  </si>
  <si>
    <t>163051.0</t>
  </si>
  <si>
    <t>154166.0</t>
  </si>
  <si>
    <t>317237.0</t>
  </si>
  <si>
    <t>163058.0</t>
  </si>
  <si>
    <t>154179.0</t>
  </si>
  <si>
    <t>112.64</t>
  </si>
  <si>
    <t>317255.0</t>
  </si>
  <si>
    <t>163069.0</t>
  </si>
  <si>
    <t>154186.0</t>
  </si>
  <si>
    <t>317290.0</t>
  </si>
  <si>
    <t>163082.0</t>
  </si>
  <si>
    <t>154208.0</t>
  </si>
  <si>
    <t>112.66</t>
  </si>
  <si>
    <t>317329.0</t>
  </si>
  <si>
    <t>163103.0</t>
  </si>
  <si>
    <t>112.67</t>
  </si>
  <si>
    <t>57.91</t>
  </si>
  <si>
    <t>317362.0</t>
  </si>
  <si>
    <t>163108.0</t>
  </si>
  <si>
    <t>154254.0</t>
  </si>
  <si>
    <t>112.68</t>
  </si>
  <si>
    <t>317390.0</t>
  </si>
  <si>
    <t>163124.0</t>
  </si>
  <si>
    <t>154266.0</t>
  </si>
  <si>
    <t>317395.0</t>
  </si>
  <si>
    <t>154271.0</t>
  </si>
  <si>
    <t>317413.0</t>
  </si>
  <si>
    <t>163135.0</t>
  </si>
  <si>
    <t>154278.0</t>
  </si>
  <si>
    <t>317421.0</t>
  </si>
  <si>
    <t>163136.0</t>
  </si>
  <si>
    <t>154285.0</t>
  </si>
  <si>
    <t>317470.0</t>
  </si>
  <si>
    <t>163149.0</t>
  </si>
  <si>
    <t>154321.0</t>
  </si>
  <si>
    <t>112.72</t>
  </si>
  <si>
    <t>317511.0</t>
  </si>
  <si>
    <t>163163.0</t>
  </si>
  <si>
    <t>154348.0</t>
  </si>
  <si>
    <t>317519.0</t>
  </si>
  <si>
    <t>163165.0</t>
  </si>
  <si>
    <t>154354.0</t>
  </si>
  <si>
    <t>112.74</t>
  </si>
  <si>
    <t>317548.0</t>
  </si>
  <si>
    <t>163178.0</t>
  </si>
  <si>
    <t>154370.0</t>
  </si>
  <si>
    <t>112.75</t>
  </si>
  <si>
    <t>57.94</t>
  </si>
  <si>
    <t>317561.0</t>
  </si>
  <si>
    <t>163183.0</t>
  </si>
  <si>
    <t>154378.0</t>
  </si>
  <si>
    <t>317582.0</t>
  </si>
  <si>
    <t>163193.0</t>
  </si>
  <si>
    <t>154389.0</t>
  </si>
  <si>
    <t>112.76</t>
  </si>
  <si>
    <t>317605.0</t>
  </si>
  <si>
    <t>163204.0</t>
  </si>
  <si>
    <t>154401.0</t>
  </si>
  <si>
    <t>112.77</t>
  </si>
  <si>
    <t>57.95</t>
  </si>
  <si>
    <t>317623.0</t>
  </si>
  <si>
    <t>163212.0</t>
  </si>
  <si>
    <t>154411.0</t>
  </si>
  <si>
    <t>278.4</t>
  </si>
  <si>
    <t>988.474894015892</t>
  </si>
  <si>
    <t>317696.0</t>
  </si>
  <si>
    <t>163275.0</t>
  </si>
  <si>
    <t>154421.0</t>
  </si>
  <si>
    <t>112.8</t>
  </si>
  <si>
    <t>54.83</t>
  </si>
  <si>
    <t>317700.0</t>
  </si>
  <si>
    <t>163277.0</t>
  </si>
  <si>
    <t>154423.0</t>
  </si>
  <si>
    <t>317782.0</t>
  </si>
  <si>
    <t>163346.0</t>
  </si>
  <si>
    <t>154436.0</t>
  </si>
  <si>
    <t>112.83</t>
  </si>
  <si>
    <t>317790.0</t>
  </si>
  <si>
    <t>317804.0</t>
  </si>
  <si>
    <t>154458.0</t>
  </si>
  <si>
    <t>112.84</t>
  </si>
  <si>
    <t>317838.0</t>
  </si>
  <si>
    <t>163365.0</t>
  </si>
  <si>
    <t>154473.0</t>
  </si>
  <si>
    <t>112.85</t>
  </si>
  <si>
    <t>317868.0</t>
  </si>
  <si>
    <t>163392.0</t>
  </si>
  <si>
    <t>154476.0</t>
  </si>
  <si>
    <t>112.86</t>
  </si>
  <si>
    <t>317916.0</t>
  </si>
  <si>
    <t>163429.0</t>
  </si>
  <si>
    <t>154487.0</t>
  </si>
  <si>
    <t>112.88</t>
  </si>
  <si>
    <t>317947.0</t>
  </si>
  <si>
    <t>163445.0</t>
  </si>
  <si>
    <t>154502.0</t>
  </si>
  <si>
    <t>112.89</t>
  </si>
  <si>
    <t>317962.0</t>
  </si>
  <si>
    <t>163454.0</t>
  </si>
  <si>
    <t>154508.0</t>
  </si>
  <si>
    <t>317992.0</t>
  </si>
  <si>
    <t>163476.0</t>
  </si>
  <si>
    <t>154516.0</t>
  </si>
  <si>
    <t>318038.0</t>
  </si>
  <si>
    <t>163510.0</t>
  </si>
  <si>
    <t>154528.0</t>
  </si>
  <si>
    <t>112.92</t>
  </si>
  <si>
    <t>58.06</t>
  </si>
  <si>
    <t>318105.0</t>
  </si>
  <si>
    <t>163547.0</t>
  </si>
  <si>
    <t>154558.0</t>
  </si>
  <si>
    <t>112.94</t>
  </si>
  <si>
    <t>318161.0</t>
  </si>
  <si>
    <t>163584.0</t>
  </si>
  <si>
    <t>154577.0</t>
  </si>
  <si>
    <t>112.96</t>
  </si>
  <si>
    <t>58.08</t>
  </si>
  <si>
    <t>318208.0</t>
  </si>
  <si>
    <t>163602.0</t>
  </si>
  <si>
    <t>154606.0</t>
  </si>
  <si>
    <t>54.89</t>
  </si>
  <si>
    <t>318222.0</t>
  </si>
  <si>
    <t>163606.0</t>
  </si>
  <si>
    <t>154616.0</t>
  </si>
  <si>
    <t>112.99</t>
  </si>
  <si>
    <t>318241.0</t>
  </si>
  <si>
    <t>163611.0</t>
  </si>
  <si>
    <t>154630.0</t>
  </si>
  <si>
    <t>163612.0</t>
  </si>
  <si>
    <t>154633.0</t>
  </si>
  <si>
    <t>318263.0</t>
  </si>
  <si>
    <t>163621.0</t>
  </si>
  <si>
    <t>154642.0</t>
  </si>
  <si>
    <t>54.91</t>
  </si>
  <si>
    <t>163630.0</t>
  </si>
  <si>
    <t>154648.0</t>
  </si>
  <si>
    <t>58.1</t>
  </si>
  <si>
    <t>318281.0</t>
  </si>
  <si>
    <t>163631.0</t>
  </si>
  <si>
    <t>154650.0</t>
  </si>
  <si>
    <t>113.01</t>
  </si>
  <si>
    <t>11369.0</t>
  </si>
  <si>
    <t>284.4</t>
  </si>
  <si>
    <t>1009.77823224899</t>
  </si>
  <si>
    <t>14202.0</t>
  </si>
  <si>
    <t>19872.0</t>
  </si>
  <si>
    <t>379843.0</t>
  </si>
  <si>
    <t>163649.0</t>
  </si>
  <si>
    <t>154688.0</t>
  </si>
  <si>
    <t>61506.0</t>
  </si>
  <si>
    <t>17092.0</t>
  </si>
  <si>
    <t>14312.0</t>
  </si>
  <si>
    <t>380666.0</t>
  </si>
  <si>
    <t>163707.0</t>
  </si>
  <si>
    <t>62170.0</t>
  </si>
  <si>
    <t>135.16</t>
  </si>
  <si>
    <t>58.13</t>
  </si>
  <si>
    <t>54.96</t>
  </si>
  <si>
    <t>380826.0</t>
  </si>
  <si>
    <t>163749.0</t>
  </si>
  <si>
    <t>154907.0</t>
  </si>
  <si>
    <t>135.21</t>
  </si>
  <si>
    <t>380898.0</t>
  </si>
  <si>
    <t>163777.0</t>
  </si>
  <si>
    <t>154951.0</t>
  </si>
  <si>
    <t>135.24</t>
  </si>
  <si>
    <t>55.02</t>
  </si>
  <si>
    <t>380962.0</t>
  </si>
  <si>
    <t>163820.0</t>
  </si>
  <si>
    <t>154972.0</t>
  </si>
  <si>
    <t>135.26</t>
  </si>
  <si>
    <t>380980.0</t>
  </si>
  <si>
    <t>135.27</t>
  </si>
  <si>
    <t>BLR</t>
  </si>
  <si>
    <t>Belarus</t>
  </si>
  <si>
    <t>-1114.0</t>
  </si>
  <si>
    <t>-5.19</t>
  </si>
  <si>
    <t>-3.33</t>
  </si>
  <si>
    <t>-116.833260688356</t>
  </si>
  <si>
    <t>534.6</t>
  </si>
  <si>
    <t>1424.2</t>
  </si>
  <si>
    <t>312.7</t>
  </si>
  <si>
    <t>244.5</t>
  </si>
  <si>
    <t>276.6</t>
  </si>
  <si>
    <t>181.2</t>
  </si>
  <si>
    <t>198.7</t>
  </si>
  <si>
    <t>19000.0</t>
  </si>
  <si>
    <t>139.9</t>
  </si>
  <si>
    <t>134.1</t>
  </si>
  <si>
    <t>427.8</t>
  </si>
  <si>
    <t>3.237</t>
  </si>
  <si>
    <t>-1265.1</t>
  </si>
  <si>
    <t>-3.92</t>
  </si>
  <si>
    <t>-1.39</t>
  </si>
  <si>
    <t>-132.680213731453</t>
  </si>
  <si>
    <t>32000.0</t>
  </si>
  <si>
    <t>0.0272</t>
  </si>
  <si>
    <t>40000.0</t>
  </si>
  <si>
    <t>1714.0</t>
  </si>
  <si>
    <t>4.803</t>
  </si>
  <si>
    <t>0.0645</t>
  </si>
  <si>
    <t>64000.0</t>
  </si>
  <si>
    <t>68000.0</t>
  </si>
  <si>
    <t>7.099</t>
  </si>
  <si>
    <t>71875.0</t>
  </si>
  <si>
    <t>3875.0</t>
  </si>
  <si>
    <t>7.504</t>
  </si>
  <si>
    <t>76198.0</t>
  </si>
  <si>
    <t>7.955</t>
  </si>
  <si>
    <t>4644.0</t>
  </si>
  <si>
    <t>86813.0</t>
  </si>
  <si>
    <t>0.0853</t>
  </si>
  <si>
    <t>92709.0</t>
  </si>
  <si>
    <t>9.679</t>
  </si>
  <si>
    <t>0.0911</t>
  </si>
  <si>
    <t>98231.0</t>
  </si>
  <si>
    <t>10.256</t>
  </si>
  <si>
    <t>0.0943</t>
  </si>
  <si>
    <t>102566.0</t>
  </si>
  <si>
    <t>4335.0</t>
  </si>
  <si>
    <t>10.708</t>
  </si>
  <si>
    <t>108545.0</t>
  </si>
  <si>
    <t>5979.0</t>
  </si>
  <si>
    <t>11.333</t>
  </si>
  <si>
    <t>114955.0</t>
  </si>
  <si>
    <t>12.002</t>
  </si>
  <si>
    <t>5537.0</t>
  </si>
  <si>
    <t>122543.0</t>
  </si>
  <si>
    <t>12.794</t>
  </si>
  <si>
    <t>130824.0</t>
  </si>
  <si>
    <t>13.659</t>
  </si>
  <si>
    <t>139295.0</t>
  </si>
  <si>
    <t>14.543</t>
  </si>
  <si>
    <t>0.0922</t>
  </si>
  <si>
    <t>147525.0</t>
  </si>
  <si>
    <t>15.402</t>
  </si>
  <si>
    <t>153800.0</t>
  </si>
  <si>
    <t>6275.0</t>
  </si>
  <si>
    <t>16.057</t>
  </si>
  <si>
    <t>7319.0</t>
  </si>
  <si>
    <t>161028.0</t>
  </si>
  <si>
    <t>16.812</t>
  </si>
  <si>
    <t>168986.0</t>
  </si>
  <si>
    <t>17.643</t>
  </si>
  <si>
    <t>176625.0</t>
  </si>
  <si>
    <t>-678.0</t>
  </si>
  <si>
    <t>-1.59</t>
  </si>
  <si>
    <t>-71.1067780491069</t>
  </si>
  <si>
    <t>186262.0</t>
  </si>
  <si>
    <t>19.447</t>
  </si>
  <si>
    <t>7920.0</t>
  </si>
  <si>
    <t>0.827</t>
  </si>
  <si>
    <t>195430.0</t>
  </si>
  <si>
    <t>20.404</t>
  </si>
  <si>
    <t>8019.0</t>
  </si>
  <si>
    <t>204239.0</t>
  </si>
  <si>
    <t>0.1101</t>
  </si>
  <si>
    <t>7130.0</t>
  </si>
  <si>
    <t>22.068</t>
  </si>
  <si>
    <t>8224.0</t>
  </si>
  <si>
    <t>0.1116</t>
  </si>
  <si>
    <t>229466.0</t>
  </si>
  <si>
    <t>23.957</t>
  </si>
  <si>
    <t>240146.0</t>
  </si>
  <si>
    <t>10680.0</t>
  </si>
  <si>
    <t>25.072</t>
  </si>
  <si>
    <t>0.1148</t>
  </si>
  <si>
    <t>251771.0</t>
  </si>
  <si>
    <t>11625.0</t>
  </si>
  <si>
    <t>26.286</t>
  </si>
  <si>
    <t>263543.0</t>
  </si>
  <si>
    <t>27.515</t>
  </si>
  <si>
    <t>274060.0</t>
  </si>
  <si>
    <t>10517.0</t>
  </si>
  <si>
    <t>28.613</t>
  </si>
  <si>
    <t>0.1024</t>
  </si>
  <si>
    <t>284445.0</t>
  </si>
  <si>
    <t>10385.0</t>
  </si>
  <si>
    <t>29.697</t>
  </si>
  <si>
    <t>0.0973</t>
  </si>
  <si>
    <t>296380.0</t>
  </si>
  <si>
    <t>11935.0</t>
  </si>
  <si>
    <t>30.943</t>
  </si>
  <si>
    <t>10421.0</t>
  </si>
  <si>
    <t>0.0901</t>
  </si>
  <si>
    <t>308156.0</t>
  </si>
  <si>
    <t>11776.0</t>
  </si>
  <si>
    <t>32.173</t>
  </si>
  <si>
    <t>350515.0</t>
  </si>
  <si>
    <t>36.595</t>
  </si>
  <si>
    <t>12425.0</t>
  </si>
  <si>
    <t>1.355</t>
  </si>
  <si>
    <t>387673.0</t>
  </si>
  <si>
    <t>40.475</t>
  </si>
  <si>
    <t>13042.0</t>
  </si>
  <si>
    <t>419004.0</t>
  </si>
  <si>
    <t>43.746</t>
  </si>
  <si>
    <t>13818.0</t>
  </si>
  <si>
    <t>1.443</t>
  </si>
  <si>
    <t>434618.0</t>
  </si>
  <si>
    <t>45.376</t>
  </si>
  <si>
    <t>14032.0</t>
  </si>
  <si>
    <t>1.466</t>
  </si>
  <si>
    <t>463004.0</t>
  </si>
  <si>
    <t>48.34</t>
  </si>
  <si>
    <t>14300.0</t>
  </si>
  <si>
    <t>0.0657</t>
  </si>
  <si>
    <t>472906.0</t>
  </si>
  <si>
    <t>13946.0</t>
  </si>
  <si>
    <t>1.471</t>
  </si>
  <si>
    <t>13771.0</t>
  </si>
  <si>
    <t>13449.0</t>
  </si>
  <si>
    <t>1.404</t>
  </si>
  <si>
    <t>526559.0</t>
  </si>
  <si>
    <t>54.975</t>
  </si>
  <si>
    <t>13134.0</t>
  </si>
  <si>
    <t>1.371</t>
  </si>
  <si>
    <t>541093.0</t>
  </si>
  <si>
    <t>56.492</t>
  </si>
  <si>
    <t>946.3</t>
  </si>
  <si>
    <t>99.2453452328464</t>
  </si>
  <si>
    <t>553377.0</t>
  </si>
  <si>
    <t>12284.0</t>
  </si>
  <si>
    <t>57.775</t>
  </si>
  <si>
    <t>12910.0</t>
  </si>
  <si>
    <t>562945.0</t>
  </si>
  <si>
    <t>58.774</t>
  </si>
  <si>
    <t>12863.0</t>
  </si>
  <si>
    <t>12203.0</t>
  </si>
  <si>
    <t>11983.0</t>
  </si>
  <si>
    <t>622313.0</t>
  </si>
  <si>
    <t>64.972</t>
  </si>
  <si>
    <t>11603.0</t>
  </si>
  <si>
    <t>632993.0</t>
  </si>
  <si>
    <t>66.087</t>
  </si>
  <si>
    <t>11374.0</t>
  </si>
  <si>
    <t>12958.0</t>
  </si>
  <si>
    <t>14213.0</t>
  </si>
  <si>
    <t>0.0568</t>
  </si>
  <si>
    <t>714324.0</t>
  </si>
  <si>
    <t>74.578</t>
  </si>
  <si>
    <t>749917.0</t>
  </si>
  <si>
    <t>78.294</t>
  </si>
  <si>
    <t>760549.0</t>
  </si>
  <si>
    <t>79.404</t>
  </si>
  <si>
    <t>15899.0</t>
  </si>
  <si>
    <t>16424.0</t>
  </si>
  <si>
    <t>800435.0</t>
  </si>
  <si>
    <t>83.569</t>
  </si>
  <si>
    <t>16949.0</t>
  </si>
  <si>
    <t>821887.0</t>
  </si>
  <si>
    <t>85.808</t>
  </si>
  <si>
    <t>17690.0</t>
  </si>
  <si>
    <t>842173.0</t>
  </si>
  <si>
    <t>20286.0</t>
  </si>
  <si>
    <t>87.926</t>
  </si>
  <si>
    <t>18264.0</t>
  </si>
  <si>
    <t>1.907</t>
  </si>
  <si>
    <t>876639.0</t>
  </si>
  <si>
    <t>91.525</t>
  </si>
  <si>
    <t>901904.0</t>
  </si>
  <si>
    <t>94.162</t>
  </si>
  <si>
    <t>17345.0</t>
  </si>
  <si>
    <t>919139.0</t>
  </si>
  <si>
    <t>17235.0</t>
  </si>
  <si>
    <t>95.962</t>
  </si>
  <si>
    <t>939524.0</t>
  </si>
  <si>
    <t>20385.0</t>
  </si>
  <si>
    <t>98.09</t>
  </si>
  <si>
    <t>2.128</t>
  </si>
  <si>
    <t>16805.0</t>
  </si>
  <si>
    <t>16406.0</t>
  </si>
  <si>
    <t>16444.0</t>
  </si>
  <si>
    <t>992007.0</t>
  </si>
  <si>
    <t>103.57</t>
  </si>
  <si>
    <t>16481.0</t>
  </si>
  <si>
    <t>16529.0</t>
  </si>
  <si>
    <t>4574.8</t>
  </si>
  <si>
    <t>7.34</t>
  </si>
  <si>
    <t>38.65</t>
  </si>
  <si>
    <t>479.79246050008</t>
  </si>
  <si>
    <t>0.0214</t>
  </si>
  <si>
    <t>15967.0</t>
  </si>
  <si>
    <t>1.667</t>
  </si>
  <si>
    <t>1043876.0</t>
  </si>
  <si>
    <t>108.985</t>
  </si>
  <si>
    <t>12801.0</t>
  </si>
  <si>
    <t>1074240.0</t>
  </si>
  <si>
    <t>112.155</t>
  </si>
  <si>
    <t>11748.0</t>
  </si>
  <si>
    <t>11334.0</t>
  </si>
  <si>
    <t>1.183</t>
  </si>
  <si>
    <t>10919.0</t>
  </si>
  <si>
    <t>10505.0</t>
  </si>
  <si>
    <t>10091.0</t>
  </si>
  <si>
    <t>1134653.0</t>
  </si>
  <si>
    <t>118.462</t>
  </si>
  <si>
    <t>10076.0</t>
  </si>
  <si>
    <t>1144696.0</t>
  </si>
  <si>
    <t>119.511</t>
  </si>
  <si>
    <t>7763.0</t>
  </si>
  <si>
    <t>1172880.0</t>
  </si>
  <si>
    <t>122.453</t>
  </si>
  <si>
    <t>8338.0</t>
  </si>
  <si>
    <t>7548.0</t>
  </si>
  <si>
    <t>45.4</t>
  </si>
  <si>
    <t>1209400.0</t>
  </si>
  <si>
    <t>126.266</t>
  </si>
  <si>
    <t>1219705.0</t>
  </si>
  <si>
    <t>127.342</t>
  </si>
  <si>
    <t>1230684.0</t>
  </si>
  <si>
    <t>10979.0</t>
  </si>
  <si>
    <t>128.488</t>
  </si>
  <si>
    <t>1241624.0</t>
  </si>
  <si>
    <t>10940.0</t>
  </si>
  <si>
    <t>129.631</t>
  </si>
  <si>
    <t>1251359.0</t>
  </si>
  <si>
    <t>130.647</t>
  </si>
  <si>
    <t>1257399.0</t>
  </si>
  <si>
    <t>131.278</t>
  </si>
  <si>
    <t>60.3</t>
  </si>
  <si>
    <t>9414.0</t>
  </si>
  <si>
    <t>1278583.0</t>
  </si>
  <si>
    <t>133.489</t>
  </si>
  <si>
    <t>9883.0</t>
  </si>
  <si>
    <t>1288586.0</t>
  </si>
  <si>
    <t>134.534</t>
  </si>
  <si>
    <t>9840.0</t>
  </si>
  <si>
    <t>1299428.0</t>
  </si>
  <si>
    <t>135.666</t>
  </si>
  <si>
    <t>9821.0</t>
  </si>
  <si>
    <t>5771.5</t>
  </si>
  <si>
    <t>605.299070074366</t>
  </si>
  <si>
    <t>9725.0</t>
  </si>
  <si>
    <t>1319976.0</t>
  </si>
  <si>
    <t>137.811</t>
  </si>
  <si>
    <t>9354.0</t>
  </si>
  <si>
    <t>1325776.0</t>
  </si>
  <si>
    <t>138.416</t>
  </si>
  <si>
    <t>1344303.0</t>
  </si>
  <si>
    <t>140.351</t>
  </si>
  <si>
    <t>7960.0</t>
  </si>
  <si>
    <t>7747.0</t>
  </si>
  <si>
    <t>1363011.0</t>
  </si>
  <si>
    <t>142.304</t>
  </si>
  <si>
    <t>6840.0</t>
  </si>
  <si>
    <t>7117.0</t>
  </si>
  <si>
    <t>1377540.0</t>
  </si>
  <si>
    <t>143.821</t>
  </si>
  <si>
    <t>1384026.0</t>
  </si>
  <si>
    <t>6486.0</t>
  </si>
  <si>
    <t>144.498</t>
  </si>
  <si>
    <t>8153.0</t>
  </si>
  <si>
    <t>1465555.0</t>
  </si>
  <si>
    <t>153.01</t>
  </si>
  <si>
    <t>1474075.0</t>
  </si>
  <si>
    <t>153.899</t>
  </si>
  <si>
    <t>1480047.0</t>
  </si>
  <si>
    <t>154.523</t>
  </si>
  <si>
    <t>1497421.0</t>
  </si>
  <si>
    <t>156.337</t>
  </si>
  <si>
    <t>6882.0</t>
  </si>
  <si>
    <t>6785.0</t>
  </si>
  <si>
    <t>6538.0</t>
  </si>
  <si>
    <t>721.345751359524</t>
  </si>
  <si>
    <t>1534792.0</t>
  </si>
  <si>
    <t>160.239</t>
  </si>
  <si>
    <t>1554129.0</t>
  </si>
  <si>
    <t>162.257</t>
  </si>
  <si>
    <t>8359.0</t>
  </si>
  <si>
    <t>8875.0</t>
  </si>
  <si>
    <t>1591247.0</t>
  </si>
  <si>
    <t>166.133</t>
  </si>
  <si>
    <t>1605547.0</t>
  </si>
  <si>
    <t>167.626</t>
  </si>
  <si>
    <t>8727.0</t>
  </si>
  <si>
    <t>9098.0</t>
  </si>
  <si>
    <t>1654618.0</t>
  </si>
  <si>
    <t>172.749</t>
  </si>
  <si>
    <t>1661933.0</t>
  </si>
  <si>
    <t>7315.0</t>
  </si>
  <si>
    <t>173.513</t>
  </si>
  <si>
    <t>10098.0</t>
  </si>
  <si>
    <t>1672256.0</t>
  </si>
  <si>
    <t>174.59</t>
  </si>
  <si>
    <t>9815.0</t>
  </si>
  <si>
    <t>1700790.0</t>
  </si>
  <si>
    <t>177.569</t>
  </si>
  <si>
    <t>1744682.0</t>
  </si>
  <si>
    <t>182.152</t>
  </si>
  <si>
    <t>12620.0</t>
  </si>
  <si>
    <t>0.0185</t>
  </si>
  <si>
    <t>1792426.0</t>
  </si>
  <si>
    <t>187.137</t>
  </si>
  <si>
    <t>1.407</t>
  </si>
  <si>
    <t>1841704.0</t>
  </si>
  <si>
    <t>192.281</t>
  </si>
  <si>
    <t>13860.0</t>
  </si>
  <si>
    <t>14296.0</t>
  </si>
  <si>
    <t>8349.3</t>
  </si>
  <si>
    <t>9.24</t>
  </si>
  <si>
    <t>875.651654816236</t>
  </si>
  <si>
    <t>15169.0</t>
  </si>
  <si>
    <t>1.584</t>
  </si>
  <si>
    <t>1936540.0</t>
  </si>
  <si>
    <t>202.183</t>
  </si>
  <si>
    <t>17068.0</t>
  </si>
  <si>
    <t>1.831</t>
  </si>
  <si>
    <t>18016.0</t>
  </si>
  <si>
    <t>17540.0</t>
  </si>
  <si>
    <t>1999089.0</t>
  </si>
  <si>
    <t>208.713</t>
  </si>
  <si>
    <t>17064.0</t>
  </si>
  <si>
    <t>17919.0</t>
  </si>
  <si>
    <t>18773.0</t>
  </si>
  <si>
    <t>50.2</t>
  </si>
  <si>
    <t>2073930.0</t>
  </si>
  <si>
    <t>216.527</t>
  </si>
  <si>
    <t>19627.0</t>
  </si>
  <si>
    <t>2.049</t>
  </si>
  <si>
    <t>19531.0</t>
  </si>
  <si>
    <t>19434.0</t>
  </si>
  <si>
    <t>2118816.0</t>
  </si>
  <si>
    <t>221.213</t>
  </si>
  <si>
    <t>19338.0</t>
  </si>
  <si>
    <t>20788.0</t>
  </si>
  <si>
    <t>20907.0</t>
  </si>
  <si>
    <t>2196173.0</t>
  </si>
  <si>
    <t>229.289</t>
  </si>
  <si>
    <t>2.195</t>
  </si>
  <si>
    <t>19756.0</t>
  </si>
  <si>
    <t>33.2</t>
  </si>
  <si>
    <t>19910.0</t>
  </si>
  <si>
    <t>2244310.0</t>
  </si>
  <si>
    <t>234.315</t>
  </si>
  <si>
    <t>20065.0</t>
  </si>
  <si>
    <t>21609.0</t>
  </si>
  <si>
    <t>21606.0</t>
  </si>
  <si>
    <t>21603.0</t>
  </si>
  <si>
    <t>2347375.0</t>
  </si>
  <si>
    <t>245.076</t>
  </si>
  <si>
    <t>21600.0</t>
  </si>
  <si>
    <t>21845.0</t>
  </si>
  <si>
    <t>22089.0</t>
  </si>
  <si>
    <t>22333.0</t>
  </si>
  <si>
    <t>2.332</t>
  </si>
  <si>
    <t>2418399.0</t>
  </si>
  <si>
    <t>252.491</t>
  </si>
  <si>
    <t>21189.0</t>
  </si>
  <si>
    <t>21184.0</t>
  </si>
  <si>
    <t>21180.0</t>
  </si>
  <si>
    <t>2495602.0</t>
  </si>
  <si>
    <t>260.551</t>
  </si>
  <si>
    <t>21175.0</t>
  </si>
  <si>
    <t>1111.48913534577</t>
  </si>
  <si>
    <t>21408.0</t>
  </si>
  <si>
    <t>2.235</t>
  </si>
  <si>
    <t>21640.0</t>
  </si>
  <si>
    <t>2.259</t>
  </si>
  <si>
    <t>21872.0</t>
  </si>
  <si>
    <t>2573132.0</t>
  </si>
  <si>
    <t>268.646</t>
  </si>
  <si>
    <t>22258.0</t>
  </si>
  <si>
    <t>2.324</t>
  </si>
  <si>
    <t>22410.0</t>
  </si>
  <si>
    <t>22563.0</t>
  </si>
  <si>
    <t>2.356</t>
  </si>
  <si>
    <t>23624.0</t>
  </si>
  <si>
    <t>2.466</t>
  </si>
  <si>
    <t>25744.0</t>
  </si>
  <si>
    <t>26805.0</t>
  </si>
  <si>
    <t>2814373.0</t>
  </si>
  <si>
    <t>293.832</t>
  </si>
  <si>
    <t>27859.0</t>
  </si>
  <si>
    <t>2.909</t>
  </si>
  <si>
    <t>2882743.0</t>
  </si>
  <si>
    <t>300.97</t>
  </si>
  <si>
    <t>28913.0</t>
  </si>
  <si>
    <t>3.019</t>
  </si>
  <si>
    <t>2.942</t>
  </si>
  <si>
    <t>2.866</t>
  </si>
  <si>
    <t>2947761.0</t>
  </si>
  <si>
    <t>307.758</t>
  </si>
  <si>
    <t>26984.0</t>
  </si>
  <si>
    <t>2.817</t>
  </si>
  <si>
    <t>27254.0</t>
  </si>
  <si>
    <t>2.845</t>
  </si>
  <si>
    <t>0.0484</t>
  </si>
  <si>
    <t>26470.0</t>
  </si>
  <si>
    <t>25686.0</t>
  </si>
  <si>
    <t>3091238.0</t>
  </si>
  <si>
    <t>322.738</t>
  </si>
  <si>
    <t>26689.0</t>
  </si>
  <si>
    <t>2.786</t>
  </si>
  <si>
    <t>27086.0</t>
  </si>
  <si>
    <t>27484.0</t>
  </si>
  <si>
    <t>2.869</t>
  </si>
  <si>
    <t>2.806</t>
  </si>
  <si>
    <t>25061.0</t>
  </si>
  <si>
    <t>24455.0</t>
  </si>
  <si>
    <t>16565.1</t>
  </si>
  <si>
    <t>1737.30219625555</t>
  </si>
  <si>
    <t>3335788.0</t>
  </si>
  <si>
    <t>348.27</t>
  </si>
  <si>
    <t>24516.0</t>
  </si>
  <si>
    <t>24578.0</t>
  </si>
  <si>
    <t>24639.0</t>
  </si>
  <si>
    <t>24700.0</t>
  </si>
  <si>
    <t>2.579</t>
  </si>
  <si>
    <t>24762.0</t>
  </si>
  <si>
    <t>24823.0</t>
  </si>
  <si>
    <t>24884.0</t>
  </si>
  <si>
    <t>0.0749</t>
  </si>
  <si>
    <t>3609517.0</t>
  </si>
  <si>
    <t>376.848</t>
  </si>
  <si>
    <t>24539.0</t>
  </si>
  <si>
    <t>24194.0</t>
  </si>
  <si>
    <t>2.526</t>
  </si>
  <si>
    <t>23849.0</t>
  </si>
  <si>
    <t>23504.0</t>
  </si>
  <si>
    <t>2.454</t>
  </si>
  <si>
    <t>23159.0</t>
  </si>
  <si>
    <t>0.0817</t>
  </si>
  <si>
    <t>22469.0</t>
  </si>
  <si>
    <t>0.0851</t>
  </si>
  <si>
    <t>3924079.0</t>
  </si>
  <si>
    <t>409.69</t>
  </si>
  <si>
    <t>21666.0</t>
  </si>
  <si>
    <t>20863.0</t>
  </si>
  <si>
    <t>20061.0</t>
  </si>
  <si>
    <t>23869.0</t>
  </si>
  <si>
    <t>19.78</t>
  </si>
  <si>
    <t>2503.31516999135</t>
  </si>
  <si>
    <t>18455.0</t>
  </si>
  <si>
    <t>0.1022</t>
  </si>
  <si>
    <t>17653.0</t>
  </si>
  <si>
    <t>1.843</t>
  </si>
  <si>
    <t>16850.0</t>
  </si>
  <si>
    <t>4092580.0</t>
  </si>
  <si>
    <t>427.282</t>
  </si>
  <si>
    <t>16447.0</t>
  </si>
  <si>
    <t>0.1063</t>
  </si>
  <si>
    <t>16044.0</t>
  </si>
  <si>
    <t>15842.0</t>
  </si>
  <si>
    <t>1.654</t>
  </si>
  <si>
    <t>1.633</t>
  </si>
  <si>
    <t>15439.0</t>
  </si>
  <si>
    <t>1.612</t>
  </si>
  <si>
    <t>0.1191</t>
  </si>
  <si>
    <t>4216095.0</t>
  </si>
  <si>
    <t>440.178</t>
  </si>
  <si>
    <t>1.619</t>
  </si>
  <si>
    <t>15644.0</t>
  </si>
  <si>
    <t>0.1221</t>
  </si>
  <si>
    <t>15781.0</t>
  </si>
  <si>
    <t>0.1139</t>
  </si>
  <si>
    <t>15917.0</t>
  </si>
  <si>
    <t>4375265.0</t>
  </si>
  <si>
    <t>456.796</t>
  </si>
  <si>
    <t>0.1012</t>
  </si>
  <si>
    <t>15365.0</t>
  </si>
  <si>
    <t>4399367.0</t>
  </si>
  <si>
    <t>459.312</t>
  </si>
  <si>
    <t>0.1026</t>
  </si>
  <si>
    <t>4435121.0</t>
  </si>
  <si>
    <t>463.045</t>
  </si>
  <si>
    <t>1.605</t>
  </si>
  <si>
    <t>14890.0</t>
  </si>
  <si>
    <t>28468.4</t>
  </si>
  <si>
    <t>2985.68761093392</t>
  </si>
  <si>
    <t>4472745.0</t>
  </si>
  <si>
    <t>466.973</t>
  </si>
  <si>
    <t>13926.0</t>
  </si>
  <si>
    <t>1.454</t>
  </si>
  <si>
    <t>14346.0</t>
  </si>
  <si>
    <t>4502730.0</t>
  </si>
  <si>
    <t>470.103</t>
  </si>
  <si>
    <t>14766.0</t>
  </si>
  <si>
    <t>14790.0</t>
  </si>
  <si>
    <t>4538812.0</t>
  </si>
  <si>
    <t>473.871</t>
  </si>
  <si>
    <t>14813.0</t>
  </si>
  <si>
    <t>14972.0</t>
  </si>
  <si>
    <t>0.0991</t>
  </si>
  <si>
    <t>0.0978</t>
  </si>
  <si>
    <t>15098.0</t>
  </si>
  <si>
    <t>4607072.0</t>
  </si>
  <si>
    <t>480.997</t>
  </si>
  <si>
    <t>14906.0</t>
  </si>
  <si>
    <t>14933.0</t>
  </si>
  <si>
    <t>4643526.0</t>
  </si>
  <si>
    <t>484.803</t>
  </si>
  <si>
    <t>15261.0</t>
  </si>
  <si>
    <t>1.593</t>
  </si>
  <si>
    <t>15562.0</t>
  </si>
  <si>
    <t>1.625</t>
  </si>
  <si>
    <t>4690812.0</t>
  </si>
  <si>
    <t>489.74</t>
  </si>
  <si>
    <t>15863.0</t>
  </si>
  <si>
    <t>0.0927</t>
  </si>
  <si>
    <t>16129.0</t>
  </si>
  <si>
    <t>16395.0</t>
  </si>
  <si>
    <t>16008.0</t>
  </si>
  <si>
    <t>0.0902</t>
  </si>
  <si>
    <t>20944.0</t>
  </si>
  <si>
    <t>15620.0</t>
  </si>
  <si>
    <t>4799410.0</t>
  </si>
  <si>
    <t>501.078</t>
  </si>
  <si>
    <t>15514.0</t>
  </si>
  <si>
    <t>15506.0</t>
  </si>
  <si>
    <t>4861238.0</t>
  </si>
  <si>
    <t>507.533</t>
  </si>
  <si>
    <t>15481.0</t>
  </si>
  <si>
    <t>0.0847</t>
  </si>
  <si>
    <t>0.0826</t>
  </si>
  <si>
    <t>15540.0</t>
  </si>
  <si>
    <t>31048.0</t>
  </si>
  <si>
    <t>3256.22897473255</t>
  </si>
  <si>
    <t>4908397.0</t>
  </si>
  <si>
    <t>512.457</t>
  </si>
  <si>
    <t>15570.0</t>
  </si>
  <si>
    <t>15304.0</t>
  </si>
  <si>
    <t>4951979.0</t>
  </si>
  <si>
    <t>517.007</t>
  </si>
  <si>
    <t>15171.0</t>
  </si>
  <si>
    <t>4971502.0</t>
  </si>
  <si>
    <t>519.045</t>
  </si>
  <si>
    <t>15006.0</t>
  </si>
  <si>
    <t>0.0781</t>
  </si>
  <si>
    <t>14632.0</t>
  </si>
  <si>
    <t>14429.0</t>
  </si>
  <si>
    <t>5063251.0</t>
  </si>
  <si>
    <t>528.624</t>
  </si>
  <si>
    <t>30944.0</t>
  </si>
  <si>
    <t>13047.0</t>
  </si>
  <si>
    <t>12987.0</t>
  </si>
  <si>
    <t>5101314.0</t>
  </si>
  <si>
    <t>532.598</t>
  </si>
  <si>
    <t>12927.0</t>
  </si>
  <si>
    <t>14710.0</t>
  </si>
  <si>
    <t>15601.0</t>
  </si>
  <si>
    <t>5178695.0</t>
  </si>
  <si>
    <t>540.677</t>
  </si>
  <si>
    <t>1.766</t>
  </si>
  <si>
    <t>17754.0</t>
  </si>
  <si>
    <t>17224.0</t>
  </si>
  <si>
    <t>16693.0</t>
  </si>
  <si>
    <t>1.743</t>
  </si>
  <si>
    <t>5272490.0</t>
  </si>
  <si>
    <t>550.47</t>
  </si>
  <si>
    <t>16163.0</t>
  </si>
  <si>
    <t>66618.0</t>
  </si>
  <si>
    <t>40518.0</t>
  </si>
  <si>
    <t>26100.0</t>
  </si>
  <si>
    <t>15583.0</t>
  </si>
  <si>
    <t>0.0764</t>
  </si>
  <si>
    <t>15558.0</t>
  </si>
  <si>
    <t>15533.0</t>
  </si>
  <si>
    <t>5349784.0</t>
  </si>
  <si>
    <t>558.539</t>
  </si>
  <si>
    <t>16041.0</t>
  </si>
  <si>
    <t>31222.4</t>
  </si>
  <si>
    <t>3274.51956778825</t>
  </si>
  <si>
    <t>5388505.0</t>
  </si>
  <si>
    <t>562.582</t>
  </si>
  <si>
    <t>16574.0</t>
  </si>
  <si>
    <t>16673.0</t>
  </si>
  <si>
    <t>16772.0</t>
  </si>
  <si>
    <t>16872.0</t>
  </si>
  <si>
    <t>5453123.0</t>
  </si>
  <si>
    <t>569.328</t>
  </si>
  <si>
    <t>16971.0</t>
  </si>
  <si>
    <t>1.772</t>
  </si>
  <si>
    <t>16825.0</t>
  </si>
  <si>
    <t>0.0736</t>
  </si>
  <si>
    <t>16121.0</t>
  </si>
  <si>
    <t>5496424.0</t>
  </si>
  <si>
    <t>573.849</t>
  </si>
  <si>
    <t>15417.0</t>
  </si>
  <si>
    <t>0.0812</t>
  </si>
  <si>
    <t>15491.0</t>
  </si>
  <si>
    <t>118100.0</t>
  </si>
  <si>
    <t>92000.0</t>
  </si>
  <si>
    <t>15565.0</t>
  </si>
  <si>
    <t>15639.0</t>
  </si>
  <si>
    <t>5563117.0</t>
  </si>
  <si>
    <t>580.812</t>
  </si>
  <si>
    <t>1.641</t>
  </si>
  <si>
    <t>15834.0</t>
  </si>
  <si>
    <t>10164.0</t>
  </si>
  <si>
    <t>15955.0</t>
  </si>
  <si>
    <t>11785.0</t>
  </si>
  <si>
    <t>5608959.0</t>
  </si>
  <si>
    <t>585.598</t>
  </si>
  <si>
    <t>16076.0</t>
  </si>
  <si>
    <t>16110.0</t>
  </si>
  <si>
    <t>16177.0</t>
  </si>
  <si>
    <t>5676595.0</t>
  </si>
  <si>
    <t>592.66</t>
  </si>
  <si>
    <t>16211.0</t>
  </si>
  <si>
    <t>0.0735</t>
  </si>
  <si>
    <t>1.702</t>
  </si>
  <si>
    <t>5723427.0</t>
  </si>
  <si>
    <t>597.549</t>
  </si>
  <si>
    <t>16353.0</t>
  </si>
  <si>
    <t>1.707</t>
  </si>
  <si>
    <t>328500.0</t>
  </si>
  <si>
    <t>244000.0</t>
  </si>
  <si>
    <t>84500.0</t>
  </si>
  <si>
    <t>14996.0</t>
  </si>
  <si>
    <t>0.0831</t>
  </si>
  <si>
    <t>5778401.0</t>
  </si>
  <si>
    <t>603.289</t>
  </si>
  <si>
    <t>14544.0</t>
  </si>
  <si>
    <t>0.0858</t>
  </si>
  <si>
    <t>12307.0</t>
  </si>
  <si>
    <t>7918.0</t>
  </si>
  <si>
    <t>5797755.0</t>
  </si>
  <si>
    <t>19354.0</t>
  </si>
  <si>
    <t>605.309</t>
  </si>
  <si>
    <t>2.021</t>
  </si>
  <si>
    <t>15078.0</t>
  </si>
  <si>
    <t>0.0822</t>
  </si>
  <si>
    <t>11400.0</t>
  </si>
  <si>
    <t>15324.0</t>
  </si>
  <si>
    <t>5832409.0</t>
  </si>
  <si>
    <t>608.927</t>
  </si>
  <si>
    <t>15569.0</t>
  </si>
  <si>
    <t>4980.0</t>
  </si>
  <si>
    <t>15851.0</t>
  </si>
  <si>
    <t>16132.0</t>
  </si>
  <si>
    <t>5895273.0</t>
  </si>
  <si>
    <t>615.491</t>
  </si>
  <si>
    <t>16696.0</t>
  </si>
  <si>
    <t>16175.0</t>
  </si>
  <si>
    <t>5958089.0</t>
  </si>
  <si>
    <t>622.049</t>
  </si>
  <si>
    <t>15709.0</t>
  </si>
  <si>
    <t>450000.0</t>
  </si>
  <si>
    <t>300000.0</t>
  </si>
  <si>
    <t>15322.0</t>
  </si>
  <si>
    <t>14936.0</t>
  </si>
  <si>
    <t>14549.0</t>
  </si>
  <si>
    <t>11948.0</t>
  </si>
  <si>
    <t>5999.0</t>
  </si>
  <si>
    <t>13779.0</t>
  </si>
  <si>
    <t>7331.0</t>
  </si>
  <si>
    <t>6036143.0</t>
  </si>
  <si>
    <t>630.198</t>
  </si>
  <si>
    <t>13394.0</t>
  </si>
  <si>
    <t>15218.0</t>
  </si>
  <si>
    <t>13617.0</t>
  </si>
  <si>
    <t>16308.0</t>
  </si>
  <si>
    <t>8664.0</t>
  </si>
  <si>
    <t>6105215.0</t>
  </si>
  <si>
    <t>637.409</t>
  </si>
  <si>
    <t>15443.0</t>
  </si>
  <si>
    <t>15911.0</t>
  </si>
  <si>
    <t>16380.0</t>
  </si>
  <si>
    <t>6154084.0</t>
  </si>
  <si>
    <t>642.512</t>
  </si>
  <si>
    <t>16849.0</t>
  </si>
  <si>
    <t>6174150.0</t>
  </si>
  <si>
    <t>20066.0</t>
  </si>
  <si>
    <t>644.607</t>
  </si>
  <si>
    <t>17248.0</t>
  </si>
  <si>
    <t>17055.0</t>
  </si>
  <si>
    <t>16861.0</t>
  </si>
  <si>
    <t>710922.0</t>
  </si>
  <si>
    <t>438620.0</t>
  </si>
  <si>
    <t>272302.0</t>
  </si>
  <si>
    <t>6221882.0</t>
  </si>
  <si>
    <t>649.59</t>
  </si>
  <si>
    <t>16667.0</t>
  </si>
  <si>
    <t>15731.0</t>
  </si>
  <si>
    <t>0.0797</t>
  </si>
  <si>
    <t>6249700.0</t>
  </si>
  <si>
    <t>652.494</t>
  </si>
  <si>
    <t>15987.0</t>
  </si>
  <si>
    <t>1.698</t>
  </si>
  <si>
    <t>6286097.0</t>
  </si>
  <si>
    <t>656.294</t>
  </si>
  <si>
    <t>15992.0</t>
  </si>
  <si>
    <t>10489.0</t>
  </si>
  <si>
    <t>16069.0</t>
  </si>
  <si>
    <t>10854.0</t>
  </si>
  <si>
    <t>1.686</t>
  </si>
  <si>
    <t>796834.0</t>
  </si>
  <si>
    <t>517151.0</t>
  </si>
  <si>
    <t>279683.0</t>
  </si>
  <si>
    <t>11219.0</t>
  </si>
  <si>
    <t>6335432.0</t>
  </si>
  <si>
    <t>661.445</t>
  </si>
  <si>
    <t>11531.0</t>
  </si>
  <si>
    <t>1.699</t>
  </si>
  <si>
    <t>13995.0</t>
  </si>
  <si>
    <t>11843.0</t>
  </si>
  <si>
    <t>16322.0</t>
  </si>
  <si>
    <t>12156.0</t>
  </si>
  <si>
    <t>6378212.0</t>
  </si>
  <si>
    <t>665.911</t>
  </si>
  <si>
    <t>15759.0</t>
  </si>
  <si>
    <t>15716.0</t>
  </si>
  <si>
    <t>15310.0</t>
  </si>
  <si>
    <t>12781.0</t>
  </si>
  <si>
    <t>15111.0</t>
  </si>
  <si>
    <t>17438.0</t>
  </si>
  <si>
    <t>924926.0</t>
  </si>
  <si>
    <t>610988.0</t>
  </si>
  <si>
    <t>313938.0</t>
  </si>
  <si>
    <t>18299.0</t>
  </si>
  <si>
    <t>13405.0</t>
  </si>
  <si>
    <t>6438423.0</t>
  </si>
  <si>
    <t>672.198</t>
  </si>
  <si>
    <t>14713.0</t>
  </si>
  <si>
    <t>18712.0</t>
  </si>
  <si>
    <t>13331.0</t>
  </si>
  <si>
    <t>14888.0</t>
  </si>
  <si>
    <t>19126.0</t>
  </si>
  <si>
    <t>13257.0</t>
  </si>
  <si>
    <t>15062.0</t>
  </si>
  <si>
    <t>19540.0</t>
  </si>
  <si>
    <t>13182.0</t>
  </si>
  <si>
    <t>19953.0</t>
  </si>
  <si>
    <t>6500351.0</t>
  </si>
  <si>
    <t>678.663</t>
  </si>
  <si>
    <t>15298.0</t>
  </si>
  <si>
    <t>20367.0</t>
  </si>
  <si>
    <t>2136.0</t>
  </si>
  <si>
    <t>13034.0</t>
  </si>
  <si>
    <t>20780.0</t>
  </si>
  <si>
    <t>15230.0</t>
  </si>
  <si>
    <t>1073282.0</t>
  </si>
  <si>
    <t>701183.0</t>
  </si>
  <si>
    <t>372099.0</t>
  </si>
  <si>
    <t>21194.0</t>
  </si>
  <si>
    <t>2223.0</t>
  </si>
  <si>
    <t>6544800.0</t>
  </si>
  <si>
    <t>683.304</t>
  </si>
  <si>
    <t>15197.0</t>
  </si>
  <si>
    <t>21923.0</t>
  </si>
  <si>
    <t>15301.0</t>
  </si>
  <si>
    <t>22653.0</t>
  </si>
  <si>
    <t>15405.0</t>
  </si>
  <si>
    <t>23383.0</t>
  </si>
  <si>
    <t>6593438.0</t>
  </si>
  <si>
    <t>688.382</t>
  </si>
  <si>
    <t>15510.0</t>
  </si>
  <si>
    <t>24843.0</t>
  </si>
  <si>
    <t>14690.0</t>
  </si>
  <si>
    <t>15050.0</t>
  </si>
  <si>
    <t>26302.0</t>
  </si>
  <si>
    <t>6655621.0</t>
  </si>
  <si>
    <t>694.874</t>
  </si>
  <si>
    <t>6686521.0</t>
  </si>
  <si>
    <t>698.1</t>
  </si>
  <si>
    <t>15547.0</t>
  </si>
  <si>
    <t>15561.0</t>
  </si>
  <si>
    <t>15575.0</t>
  </si>
  <si>
    <t>0.0428</t>
  </si>
  <si>
    <t>6764743.0</t>
  </si>
  <si>
    <t>706.267</t>
  </si>
  <si>
    <t>15589.0</t>
  </si>
  <si>
    <t>15725.0</t>
  </si>
  <si>
    <t>6813944.0</t>
  </si>
  <si>
    <t>711.404</t>
  </si>
  <si>
    <t>15867.0</t>
  </si>
  <si>
    <t>6875575.0</t>
  </si>
  <si>
    <t>717.838</t>
  </si>
  <si>
    <t>15738.0</t>
  </si>
  <si>
    <t>6923772.0</t>
  </si>
  <si>
    <t>722.87</t>
  </si>
  <si>
    <t>15622.0</t>
  </si>
  <si>
    <t>6999628.0</t>
  </si>
  <si>
    <t>730.79</t>
  </si>
  <si>
    <t>15427.0</t>
  </si>
  <si>
    <t>7038070.0</t>
  </si>
  <si>
    <t>734.803</t>
  </si>
  <si>
    <t>16328.0</t>
  </si>
  <si>
    <t>16499.0</t>
  </si>
  <si>
    <t>16585.0</t>
  </si>
  <si>
    <t>1993857.0</t>
  </si>
  <si>
    <t>1240581.0</t>
  </si>
  <si>
    <t>753276.0</t>
  </si>
  <si>
    <t>13.01</t>
  </si>
  <si>
    <t>7101151.0</t>
  </si>
  <si>
    <t>741.389</t>
  </si>
  <si>
    <t>16671.0</t>
  </si>
  <si>
    <t>26650.0</t>
  </si>
  <si>
    <t>15127.0</t>
  </si>
  <si>
    <t>16898.0</t>
  </si>
  <si>
    <t>26997.0</t>
  </si>
  <si>
    <t>2831.0</t>
  </si>
  <si>
    <t>14843.0</t>
  </si>
  <si>
    <t>16547.0</t>
  </si>
  <si>
    <t>14559.0</t>
  </si>
  <si>
    <t>1.691</t>
  </si>
  <si>
    <t>27692.0</t>
  </si>
  <si>
    <t>7168204.0</t>
  </si>
  <si>
    <t>748.39</t>
  </si>
  <si>
    <t>28039.0</t>
  </si>
  <si>
    <t>16277.0</t>
  </si>
  <si>
    <t>28386.0</t>
  </si>
  <si>
    <t>13707.0</t>
  </si>
  <si>
    <t>2194993.0</t>
  </si>
  <si>
    <t>1334540.0</t>
  </si>
  <si>
    <t>860453.0</t>
  </si>
  <si>
    <t>28734.0</t>
  </si>
  <si>
    <t>7214231.0</t>
  </si>
  <si>
    <t>753.195</t>
  </si>
  <si>
    <t>16154.0</t>
  </si>
  <si>
    <t>28407.0</t>
  </si>
  <si>
    <t>28080.0</t>
  </si>
  <si>
    <t>15643.0</t>
  </si>
  <si>
    <t>27752.0</t>
  </si>
  <si>
    <t>7259150.0</t>
  </si>
  <si>
    <t>757.885</t>
  </si>
  <si>
    <t>15387.0</t>
  </si>
  <si>
    <t>27425.0</t>
  </si>
  <si>
    <t>11034.0</t>
  </si>
  <si>
    <t>27098.0</t>
  </si>
  <si>
    <t>14515.0</t>
  </si>
  <si>
    <t>26771.0</t>
  </si>
  <si>
    <t>9839.0</t>
  </si>
  <si>
    <t>2380101.0</t>
  </si>
  <si>
    <t>1399234.0</t>
  </si>
  <si>
    <t>980867.0</t>
  </si>
  <si>
    <t>9242.0</t>
  </si>
  <si>
    <t>13846.0</t>
  </si>
  <si>
    <t>25232.0</t>
  </si>
  <si>
    <t>2646.0</t>
  </si>
  <si>
    <t>7324156.0</t>
  </si>
  <si>
    <t>764.672</t>
  </si>
  <si>
    <t>13565.0</t>
  </si>
  <si>
    <t>24020.0</t>
  </si>
  <si>
    <t>14707.0</t>
  </si>
  <si>
    <t>0.0629</t>
  </si>
  <si>
    <t>7370093.0</t>
  </si>
  <si>
    <t>769.468</t>
  </si>
  <si>
    <t>21596.0</t>
  </si>
  <si>
    <t>7388584.0</t>
  </si>
  <si>
    <t>18491.0</t>
  </si>
  <si>
    <t>771.398</t>
  </si>
  <si>
    <t>16633.0</t>
  </si>
  <si>
    <t>20384.0</t>
  </si>
  <si>
    <t>16579.0</t>
  </si>
  <si>
    <t>19172.0</t>
  </si>
  <si>
    <t>1.725</t>
  </si>
  <si>
    <t>7426441.0</t>
  </si>
  <si>
    <t>775.351</t>
  </si>
  <si>
    <t>7443773.0</t>
  </si>
  <si>
    <t>777.16</t>
  </si>
  <si>
    <t>2541745.0</t>
  </si>
  <si>
    <t>1445967.0</t>
  </si>
  <si>
    <t>1095778.0</t>
  </si>
  <si>
    <t>26.66</t>
  </si>
  <si>
    <t>7463902.0</t>
  </si>
  <si>
    <t>779.262</t>
  </si>
  <si>
    <t>19484.0</t>
  </si>
  <si>
    <t>2043.0</t>
  </si>
  <si>
    <t>5887.0</t>
  </si>
  <si>
    <t>21007.0</t>
  </si>
  <si>
    <t>6581.0</t>
  </si>
  <si>
    <t>0.0633</t>
  </si>
  <si>
    <t>24054.0</t>
  </si>
  <si>
    <t>2523.0</t>
  </si>
  <si>
    <t>0.0642</t>
  </si>
  <si>
    <t>2684863.0</t>
  </si>
  <si>
    <t>1496227.0</t>
  </si>
  <si>
    <t>1188636.0</t>
  </si>
  <si>
    <t>28.16</t>
  </si>
  <si>
    <t>12.47</t>
  </si>
  <si>
    <t>16910.0</t>
  </si>
  <si>
    <t>0.0636</t>
  </si>
  <si>
    <t>26039.0</t>
  </si>
  <si>
    <t>7560996.0</t>
  </si>
  <si>
    <t>789.399</t>
  </si>
  <si>
    <t>16746.0</t>
  </si>
  <si>
    <t>1.748</t>
  </si>
  <si>
    <t>0.0641</t>
  </si>
  <si>
    <t>26502.0</t>
  </si>
  <si>
    <t>7582577.0</t>
  </si>
  <si>
    <t>21581.0</t>
  </si>
  <si>
    <t>791.652</t>
  </si>
  <si>
    <t>16954.0</t>
  </si>
  <si>
    <t>25441.0</t>
  </si>
  <si>
    <t>9765.0</t>
  </si>
  <si>
    <t>7603034.0</t>
  </si>
  <si>
    <t>793.788</t>
  </si>
  <si>
    <t>2.136</t>
  </si>
  <si>
    <t>24380.0</t>
  </si>
  <si>
    <t>9670.0</t>
  </si>
  <si>
    <t>7623360.0</t>
  </si>
  <si>
    <t>795.91</t>
  </si>
  <si>
    <t>18156.0</t>
  </si>
  <si>
    <t>23319.0</t>
  </si>
  <si>
    <t>17619.0</t>
  </si>
  <si>
    <t>1.839</t>
  </si>
  <si>
    <t>17083.0</t>
  </si>
  <si>
    <t>2833242.0</t>
  </si>
  <si>
    <t>1561907.0</t>
  </si>
  <si>
    <t>1271335.0</t>
  </si>
  <si>
    <t>9383.0</t>
  </si>
  <si>
    <t>7660634.0</t>
  </si>
  <si>
    <t>799.802</t>
  </si>
  <si>
    <t>16546.0</t>
  </si>
  <si>
    <t>20825.0</t>
  </si>
  <si>
    <t>7679920.0</t>
  </si>
  <si>
    <t>19286.0</t>
  </si>
  <si>
    <t>801.815</t>
  </si>
  <si>
    <t>16989.0</t>
  </si>
  <si>
    <t>20452.0</t>
  </si>
  <si>
    <t>7700372.0</t>
  </si>
  <si>
    <t>803.95</t>
  </si>
  <si>
    <t>20080.0</t>
  </si>
  <si>
    <t>7720145.0</t>
  </si>
  <si>
    <t>19773.0</t>
  </si>
  <si>
    <t>806.015</t>
  </si>
  <si>
    <t>19708.0</t>
  </si>
  <si>
    <t>7739587.0</t>
  </si>
  <si>
    <t>19442.0</t>
  </si>
  <si>
    <t>808.045</t>
  </si>
  <si>
    <t>16604.0</t>
  </si>
  <si>
    <t>19335.0</t>
  </si>
  <si>
    <t>16619.0</t>
  </si>
  <si>
    <t>0.0815</t>
  </si>
  <si>
    <t>18963.0</t>
  </si>
  <si>
    <t>9290.0</t>
  </si>
  <si>
    <t>2963378.0</t>
  </si>
  <si>
    <t>1626825.0</t>
  </si>
  <si>
    <t>1336553.0</t>
  </si>
  <si>
    <t>18591.0</t>
  </si>
  <si>
    <t>9274.0</t>
  </si>
  <si>
    <t>7777175.0</t>
  </si>
  <si>
    <t>811.969</t>
  </si>
  <si>
    <t>0.0835</t>
  </si>
  <si>
    <t>18422.0</t>
  </si>
  <si>
    <t>7797000.0</t>
  </si>
  <si>
    <t>814.039</t>
  </si>
  <si>
    <t>16726.0</t>
  </si>
  <si>
    <t>18254.0</t>
  </si>
  <si>
    <t>9302.0</t>
  </si>
  <si>
    <t>7817642.0</t>
  </si>
  <si>
    <t>20642.0</t>
  </si>
  <si>
    <t>816.194</t>
  </si>
  <si>
    <t>16753.0</t>
  </si>
  <si>
    <t>18085.0</t>
  </si>
  <si>
    <t>7839164.0</t>
  </si>
  <si>
    <t>818.441</t>
  </si>
  <si>
    <t>17917.0</t>
  </si>
  <si>
    <t>7859365.0</t>
  </si>
  <si>
    <t>820.55</t>
  </si>
  <si>
    <t>2.109</t>
  </si>
  <si>
    <t>17111.0</t>
  </si>
  <si>
    <t>0.0898</t>
  </si>
  <si>
    <t>17748.0</t>
  </si>
  <si>
    <t>9345.0</t>
  </si>
  <si>
    <t>17247.0</t>
  </si>
  <si>
    <t>17383.0</t>
  </si>
  <si>
    <t>0.0955</t>
  </si>
  <si>
    <t>3085256.0</t>
  </si>
  <si>
    <t>1692439.0</t>
  </si>
  <si>
    <t>1392817.0</t>
  </si>
  <si>
    <t>17411.0</t>
  </si>
  <si>
    <t>17.75</t>
  </si>
  <si>
    <t>9373.0</t>
  </si>
  <si>
    <t>7899806.0</t>
  </si>
  <si>
    <t>824.772</t>
  </si>
  <si>
    <t>17519.0</t>
  </si>
  <si>
    <t>17398.0</t>
  </si>
  <si>
    <t>9235.0</t>
  </si>
  <si>
    <t>7921679.0</t>
  </si>
  <si>
    <t>21873.0</t>
  </si>
  <si>
    <t>827.056</t>
  </si>
  <si>
    <t>0.0985</t>
  </si>
  <si>
    <t>17385.0</t>
  </si>
  <si>
    <t>9096.0</t>
  </si>
  <si>
    <t>7943649.0</t>
  </si>
  <si>
    <t>21970.0</t>
  </si>
  <si>
    <t>829.35</t>
  </si>
  <si>
    <t>17373.0</t>
  </si>
  <si>
    <t>8957.0</t>
  </si>
  <si>
    <t>7965237.0</t>
  </si>
  <si>
    <t>21588.0</t>
  </si>
  <si>
    <t>831.603</t>
  </si>
  <si>
    <t>18010.0</t>
  </si>
  <si>
    <t>17742.0</t>
  </si>
  <si>
    <t>17347.0</t>
  </si>
  <si>
    <t>1819.0</t>
  </si>
  <si>
    <t>17334.0</t>
  </si>
  <si>
    <t>3206505.0</t>
  </si>
  <si>
    <t>1751254.0</t>
  </si>
  <si>
    <t>1455251.0</t>
  </si>
  <si>
    <t>17321.0</t>
  </si>
  <si>
    <t>8038526.0</t>
  </si>
  <si>
    <t>839.255</t>
  </si>
  <si>
    <t>2.069</t>
  </si>
  <si>
    <t>0.0906</t>
  </si>
  <si>
    <t>18582.0</t>
  </si>
  <si>
    <t>8056855.0</t>
  </si>
  <si>
    <t>18329.0</t>
  </si>
  <si>
    <t>841.169</t>
  </si>
  <si>
    <t>1.914</t>
  </si>
  <si>
    <t>19311.0</t>
  </si>
  <si>
    <t>19842.0</t>
  </si>
  <si>
    <t>11150.0</t>
  </si>
  <si>
    <t>20609.0</t>
  </si>
  <si>
    <t>21103.0</t>
  </si>
  <si>
    <t>12524.0</t>
  </si>
  <si>
    <t>8118970.0</t>
  </si>
  <si>
    <t>847.654</t>
  </si>
  <si>
    <t>21962.0</t>
  </si>
  <si>
    <t>22363.0</t>
  </si>
  <si>
    <t>22771.0</t>
  </si>
  <si>
    <t>23581.0</t>
  </si>
  <si>
    <t>16647.0</t>
  </si>
  <si>
    <t>24390.0</t>
  </si>
  <si>
    <t>3389520.0</t>
  </si>
  <si>
    <t>1877399.0</t>
  </si>
  <si>
    <t>1512121.0</t>
  </si>
  <si>
    <t>26145.0</t>
  </si>
  <si>
    <t>18021.0</t>
  </si>
  <si>
    <t>25200.0</t>
  </si>
  <si>
    <t>27283.0</t>
  </si>
  <si>
    <t>19170.0</t>
  </si>
  <si>
    <t>8238914.0</t>
  </si>
  <si>
    <t>860.176</t>
  </si>
  <si>
    <t>26008.0</t>
  </si>
  <si>
    <t>28422.0</t>
  </si>
  <si>
    <t>25758.0</t>
  </si>
  <si>
    <t>29560.0</t>
  </si>
  <si>
    <t>2.663</t>
  </si>
  <si>
    <t>30699.0</t>
  </si>
  <si>
    <t>22616.0</t>
  </si>
  <si>
    <t>31837.0</t>
  </si>
  <si>
    <t>23765.0</t>
  </si>
  <si>
    <t>27027.0</t>
  </si>
  <si>
    <t>32976.0</t>
  </si>
  <si>
    <t>3458.0</t>
  </si>
  <si>
    <t>24914.0</t>
  </si>
  <si>
    <t>3628321.0</t>
  </si>
  <si>
    <t>2059838.0</t>
  </si>
  <si>
    <t>1568483.0</t>
  </si>
  <si>
    <t>34114.0</t>
  </si>
  <si>
    <t>8414751.0</t>
  </si>
  <si>
    <t>878.534</t>
  </si>
  <si>
    <t>28547.0</t>
  </si>
  <si>
    <t>34017.0</t>
  </si>
  <si>
    <t>25908.0</t>
  </si>
  <si>
    <t>30104.0</t>
  </si>
  <si>
    <t>33920.0</t>
  </si>
  <si>
    <t>25753.0</t>
  </si>
  <si>
    <t>33823.0</t>
  </si>
  <si>
    <t>25599.0</t>
  </si>
  <si>
    <t>31700.0</t>
  </si>
  <si>
    <t>33726.0</t>
  </si>
  <si>
    <t>25444.0</t>
  </si>
  <si>
    <t>32498.0</t>
  </si>
  <si>
    <t>33629.0</t>
  </si>
  <si>
    <t>25289.0</t>
  </si>
  <si>
    <t>33296.0</t>
  </si>
  <si>
    <t>33532.0</t>
  </si>
  <si>
    <t>34093.0</t>
  </si>
  <si>
    <t>3.559</t>
  </si>
  <si>
    <t>3862369.0</t>
  </si>
  <si>
    <t>2234696.0</t>
  </si>
  <si>
    <t>1627673.0</t>
  </si>
  <si>
    <t>33435.0</t>
  </si>
  <si>
    <t>24980.0</t>
  </si>
  <si>
    <t>34891.0</t>
  </si>
  <si>
    <t>3.643</t>
  </si>
  <si>
    <t>35919.0</t>
  </si>
  <si>
    <t>26184.0</t>
  </si>
  <si>
    <t>0.0562</t>
  </si>
  <si>
    <t>38403.0</t>
  </si>
  <si>
    <t>4028.0</t>
  </si>
  <si>
    <t>40887.0</t>
  </si>
  <si>
    <t>28591.0</t>
  </si>
  <si>
    <t>29795.0</t>
  </si>
  <si>
    <t>45855.0</t>
  </si>
  <si>
    <t>4809.0</t>
  </si>
  <si>
    <t>30999.0</t>
  </si>
  <si>
    <t>48339.0</t>
  </si>
  <si>
    <t>32203.0</t>
  </si>
  <si>
    <t>4218130.0</t>
  </si>
  <si>
    <t>2468546.0</t>
  </si>
  <si>
    <t>1749584.0</t>
  </si>
  <si>
    <t>50823.0</t>
  </si>
  <si>
    <t>25.89</t>
  </si>
  <si>
    <t>18.35</t>
  </si>
  <si>
    <t>33407.0</t>
  </si>
  <si>
    <t>48744.0</t>
  </si>
  <si>
    <t>31497.0</t>
  </si>
  <si>
    <t>46664.0</t>
  </si>
  <si>
    <t>44585.0</t>
  </si>
  <si>
    <t>27678.0</t>
  </si>
  <si>
    <t>25768.0</t>
  </si>
  <si>
    <t>38347.0</t>
  </si>
  <si>
    <t>4472001.0</t>
  </si>
  <si>
    <t>2608819.0</t>
  </si>
  <si>
    <t>1863182.0</t>
  </si>
  <si>
    <t>36267.0</t>
  </si>
  <si>
    <t>19.54</t>
  </si>
  <si>
    <t>20039.0</t>
  </si>
  <si>
    <t>37090.0</t>
  </si>
  <si>
    <t>20257.0</t>
  </si>
  <si>
    <t>37913.0</t>
  </si>
  <si>
    <t>20474.0</t>
  </si>
  <si>
    <t>38735.0</t>
  </si>
  <si>
    <t>20692.0</t>
  </si>
  <si>
    <t>9252143.0</t>
  </si>
  <si>
    <t>965.962</t>
  </si>
  <si>
    <t>39558.0</t>
  </si>
  <si>
    <t>20910.0</t>
  </si>
  <si>
    <t>35874.0</t>
  </si>
  <si>
    <t>40380.0</t>
  </si>
  <si>
    <t>4235.0</t>
  </si>
  <si>
    <t>36857.0</t>
  </si>
  <si>
    <t>41203.0</t>
  </si>
  <si>
    <t>21345.0</t>
  </si>
  <si>
    <t>9377452.0</t>
  </si>
  <si>
    <t>979.044</t>
  </si>
  <si>
    <t>37839.0</t>
  </si>
  <si>
    <t>3.951</t>
  </si>
  <si>
    <t>4766181.0</t>
  </si>
  <si>
    <t>2759758.0</t>
  </si>
  <si>
    <t>2006423.0</t>
  </si>
  <si>
    <t>42026.0</t>
  </si>
  <si>
    <t>21563.0</t>
  </si>
  <si>
    <t>9403213.0</t>
  </si>
  <si>
    <t>981.734</t>
  </si>
  <si>
    <t>36535.0</t>
  </si>
  <si>
    <t>3.814</t>
  </si>
  <si>
    <t>42588.0</t>
  </si>
  <si>
    <t>3.854</t>
  </si>
  <si>
    <t>43150.0</t>
  </si>
  <si>
    <t>22585.0</t>
  </si>
  <si>
    <t>37289.0</t>
  </si>
  <si>
    <t>43712.0</t>
  </si>
  <si>
    <t>23096.0</t>
  </si>
  <si>
    <t>9515805.0</t>
  </si>
  <si>
    <t>993.489</t>
  </si>
  <si>
    <t>37666.0</t>
  </si>
  <si>
    <t>3.932</t>
  </si>
  <si>
    <t>44274.0</t>
  </si>
  <si>
    <t>23607.0</t>
  </si>
  <si>
    <t>9556037.0</t>
  </si>
  <si>
    <t>40232.0</t>
  </si>
  <si>
    <t>997.689</t>
  </si>
  <si>
    <t>37446.0</t>
  </si>
  <si>
    <t>44837.0</t>
  </si>
  <si>
    <t>24117.0</t>
  </si>
  <si>
    <t>36060.0</t>
  </si>
  <si>
    <t>3.765</t>
  </si>
  <si>
    <t>24628.0</t>
  </si>
  <si>
    <t>34674.0</t>
  </si>
  <si>
    <t>45961.0</t>
  </si>
  <si>
    <t>25139.0</t>
  </si>
  <si>
    <t>9652240.0</t>
  </si>
  <si>
    <t>1007.733</t>
  </si>
  <si>
    <t>35575.0</t>
  </si>
  <si>
    <t>3.714</t>
  </si>
  <si>
    <t>34717.0</t>
  </si>
  <si>
    <t>3.625</t>
  </si>
  <si>
    <t>33859.0</t>
  </si>
  <si>
    <t>3.535</t>
  </si>
  <si>
    <t>9746810.0</t>
  </si>
  <si>
    <t>1017.607</t>
  </si>
  <si>
    <t>30912.0</t>
  </si>
  <si>
    <t>3.227</t>
  </si>
  <si>
    <t>29990.0</t>
  </si>
  <si>
    <t>3.131</t>
  </si>
  <si>
    <t>29067.0</t>
  </si>
  <si>
    <t>5409635.0</t>
  </si>
  <si>
    <t>3111709.0</t>
  </si>
  <si>
    <t>2297926.0</t>
  </si>
  <si>
    <t>28145.0</t>
  </si>
  <si>
    <t>2.938</t>
  </si>
  <si>
    <t>45017.0</t>
  </si>
  <si>
    <t>24566.0</t>
  </si>
  <si>
    <t>9874866.0</t>
  </si>
  <si>
    <t>1030.976</t>
  </si>
  <si>
    <t>27300.0</t>
  </si>
  <si>
    <t>44072.0</t>
  </si>
  <si>
    <t>23993.0</t>
  </si>
  <si>
    <t>28020.0</t>
  </si>
  <si>
    <t>2.925</t>
  </si>
  <si>
    <t>0.0697</t>
  </si>
  <si>
    <t>43128.0</t>
  </si>
  <si>
    <t>23419.0</t>
  </si>
  <si>
    <t>28740.0</t>
  </si>
  <si>
    <t>9984551.0</t>
  </si>
  <si>
    <t>1042.428</t>
  </si>
  <si>
    <t>30304.0</t>
  </si>
  <si>
    <t>41240.0</t>
  </si>
  <si>
    <t>4325.0</t>
  </si>
  <si>
    <t>22273.0</t>
  </si>
  <si>
    <t>29440.0</t>
  </si>
  <si>
    <t>3.074</t>
  </si>
  <si>
    <t>40295.0</t>
  </si>
  <si>
    <t>21699.0</t>
  </si>
  <si>
    <t>28575.0</t>
  </si>
  <si>
    <t>5685092.0</t>
  </si>
  <si>
    <t>3259591.0</t>
  </si>
  <si>
    <t>2425501.0</t>
  </si>
  <si>
    <t>21126.0</t>
  </si>
  <si>
    <t>27711.0</t>
  </si>
  <si>
    <t>2.893</t>
  </si>
  <si>
    <t>39660.0</t>
  </si>
  <si>
    <t>21285.0</t>
  </si>
  <si>
    <t>10062789.0</t>
  </si>
  <si>
    <t>1050.596</t>
  </si>
  <si>
    <t>39970.0</t>
  </si>
  <si>
    <t>4192.0</t>
  </si>
  <si>
    <t>21444.0</t>
  </si>
  <si>
    <t>26259.0</t>
  </si>
  <si>
    <t>40279.0</t>
  </si>
  <si>
    <t>25672.0</t>
  </si>
  <si>
    <t>40589.0</t>
  </si>
  <si>
    <t>10160146.0</t>
  </si>
  <si>
    <t>1060.761</t>
  </si>
  <si>
    <t>40898.0</t>
  </si>
  <si>
    <t>21921.0</t>
  </si>
  <si>
    <t>24748.0</t>
  </si>
  <si>
    <t>2.584</t>
  </si>
  <si>
    <t>41207.0</t>
  </si>
  <si>
    <t>22080.0</t>
  </si>
  <si>
    <t>24410.0</t>
  </si>
  <si>
    <t>5975709.0</t>
  </si>
  <si>
    <t>3415261.0</t>
  </si>
  <si>
    <t>2560448.0</t>
  </si>
  <si>
    <t>41517.0</t>
  </si>
  <si>
    <t>26.85</t>
  </si>
  <si>
    <t>22239.0</t>
  </si>
  <si>
    <t>24073.0</t>
  </si>
  <si>
    <t>2.513</t>
  </si>
  <si>
    <t>42838.0</t>
  </si>
  <si>
    <t>10228936.0</t>
  </si>
  <si>
    <t>1067.943</t>
  </si>
  <si>
    <t>23735.0</t>
  </si>
  <si>
    <t>0.0743</t>
  </si>
  <si>
    <t>44158.0</t>
  </si>
  <si>
    <t>23449.0</t>
  </si>
  <si>
    <t>45479.0</t>
  </si>
  <si>
    <t>25171.0</t>
  </si>
  <si>
    <t>23163.0</t>
  </si>
  <si>
    <t>46800.0</t>
  </si>
  <si>
    <t>26149.0</t>
  </si>
  <si>
    <t>10320279.0</t>
  </si>
  <si>
    <t>1077.479</t>
  </si>
  <si>
    <t>22876.0</t>
  </si>
  <si>
    <t>48121.0</t>
  </si>
  <si>
    <t>27126.0</t>
  </si>
  <si>
    <t>22785.0</t>
  </si>
  <si>
    <t>49442.0</t>
  </si>
  <si>
    <t>5185.0</t>
  </si>
  <si>
    <t>28104.0</t>
  </si>
  <si>
    <t>22694.0</t>
  </si>
  <si>
    <t>6331049.0</t>
  </si>
  <si>
    <t>3618830.0</t>
  </si>
  <si>
    <t>2712219.0</t>
  </si>
  <si>
    <t>50763.0</t>
  </si>
  <si>
    <t>28.45</t>
  </si>
  <si>
    <t>5324.0</t>
  </si>
  <si>
    <t>29081.0</t>
  </si>
  <si>
    <t>22603.0</t>
  </si>
  <si>
    <t>50590.0</t>
  </si>
  <si>
    <t>5306.0</t>
  </si>
  <si>
    <t>28877.0</t>
  </si>
  <si>
    <t>10386520.0</t>
  </si>
  <si>
    <t>1084.395</t>
  </si>
  <si>
    <t>22512.0</t>
  </si>
  <si>
    <t>50418.0</t>
  </si>
  <si>
    <t>28673.0</t>
  </si>
  <si>
    <t>22855.0</t>
  </si>
  <si>
    <t>50245.0</t>
  </si>
  <si>
    <t>10452213.0</t>
  </si>
  <si>
    <t>1091.254</t>
  </si>
  <si>
    <t>23197.0</t>
  </si>
  <si>
    <t>50073.0</t>
  </si>
  <si>
    <t>28264.0</t>
  </si>
  <si>
    <t>10478624.0</t>
  </si>
  <si>
    <t>26411.0</t>
  </si>
  <si>
    <t>1094.011</t>
  </si>
  <si>
    <t>22621.0</t>
  </si>
  <si>
    <t>49900.0</t>
  </si>
  <si>
    <t>5233.0</t>
  </si>
  <si>
    <t>28060.0</t>
  </si>
  <si>
    <t>22626.0</t>
  </si>
  <si>
    <t>49728.0</t>
  </si>
  <si>
    <t>27856.0</t>
  </si>
  <si>
    <t>22631.0</t>
  </si>
  <si>
    <t>2.363</t>
  </si>
  <si>
    <t>6677937.0</t>
  </si>
  <si>
    <t>3812391.0</t>
  </si>
  <si>
    <t>2865546.0</t>
  </si>
  <si>
    <t>49555.0</t>
  </si>
  <si>
    <t>39.98</t>
  </si>
  <si>
    <t>27652.0</t>
  </si>
  <si>
    <t>22637.0</t>
  </si>
  <si>
    <t>53492.0</t>
  </si>
  <si>
    <t>10545014.0</t>
  </si>
  <si>
    <t>1100.943</t>
  </si>
  <si>
    <t>22642.0</t>
  </si>
  <si>
    <t>2.364</t>
  </si>
  <si>
    <t>57429.0</t>
  </si>
  <si>
    <t>6023.0</t>
  </si>
  <si>
    <t>30031.0</t>
  </si>
  <si>
    <t>21939.0</t>
  </si>
  <si>
    <t>61366.0</t>
  </si>
  <si>
    <t>31221.0</t>
  </si>
  <si>
    <t>10600869.0</t>
  </si>
  <si>
    <t>1106.774</t>
  </si>
  <si>
    <t>65303.0</t>
  </si>
  <si>
    <t>32410.0</t>
  </si>
  <si>
    <t>20494.0</t>
  </si>
  <si>
    <t>69239.0</t>
  </si>
  <si>
    <t>7262.0</t>
  </si>
  <si>
    <t>33600.0</t>
  </si>
  <si>
    <t>21154.0</t>
  </si>
  <si>
    <t>73176.0</t>
  </si>
  <si>
    <t>7674.0</t>
  </si>
  <si>
    <t>34790.0</t>
  </si>
  <si>
    <t>21813.0</t>
  </si>
  <si>
    <t>7217727.0</t>
  </si>
  <si>
    <t>4064247.0</t>
  </si>
  <si>
    <t>3039334.0</t>
  </si>
  <si>
    <t>114146.0</t>
  </si>
  <si>
    <t>77113.0</t>
  </si>
  <si>
    <t>8087.0</t>
  </si>
  <si>
    <t>35979.0</t>
  </si>
  <si>
    <t>10685725.0</t>
  </si>
  <si>
    <t>1115.633</t>
  </si>
  <si>
    <t>22473.0</t>
  </si>
  <si>
    <t>76106.0</t>
  </si>
  <si>
    <t>36794.0</t>
  </si>
  <si>
    <t>10691609.0</t>
  </si>
  <si>
    <t>1116.248</t>
  </si>
  <si>
    <t>75100.0</t>
  </si>
  <si>
    <t>7876.0</t>
  </si>
  <si>
    <t>20721.0</t>
  </si>
  <si>
    <t>74093.0</t>
  </si>
  <si>
    <t>7771.0</t>
  </si>
  <si>
    <t>38425.0</t>
  </si>
  <si>
    <t>73087.0</t>
  </si>
  <si>
    <t>7665.0</t>
  </si>
  <si>
    <t>39240.0</t>
  </si>
  <si>
    <t>10770753.0</t>
  </si>
  <si>
    <t>1124.511</t>
  </si>
  <si>
    <t>21239.0</t>
  </si>
  <si>
    <t>72081.0</t>
  </si>
  <si>
    <t>7560.0</t>
  </si>
  <si>
    <t>40055.0</t>
  </si>
  <si>
    <t>21323.0</t>
  </si>
  <si>
    <t>71074.0</t>
  </si>
  <si>
    <t>7454.0</t>
  </si>
  <si>
    <t>40870.0</t>
  </si>
  <si>
    <t>21407.0</t>
  </si>
  <si>
    <t>7708200.0</t>
  </si>
  <si>
    <t>4356041.0</t>
  </si>
  <si>
    <t>3228165.0</t>
  </si>
  <si>
    <t>70068.0</t>
  </si>
  <si>
    <t>80.84</t>
  </si>
  <si>
    <t>7349.0</t>
  </si>
  <si>
    <t>41685.0</t>
  </si>
  <si>
    <t>10836163.0</t>
  </si>
  <si>
    <t>1131.34</t>
  </si>
  <si>
    <t>21491.0</t>
  </si>
  <si>
    <t>0.0647</t>
  </si>
  <si>
    <t>41341.0</t>
  </si>
  <si>
    <t>23562.0</t>
  </si>
  <si>
    <t>69305.0</t>
  </si>
  <si>
    <t>40997.0</t>
  </si>
  <si>
    <t>68924.0</t>
  </si>
  <si>
    <t>7229.0</t>
  </si>
  <si>
    <t>40653.0</t>
  </si>
  <si>
    <t>10897301.0</t>
  </si>
  <si>
    <t>1137.723</t>
  </si>
  <si>
    <t>21847.0</t>
  </si>
  <si>
    <t>68542.0</t>
  </si>
  <si>
    <t>40310.0</t>
  </si>
  <si>
    <t>10919017.0</t>
  </si>
  <si>
    <t>21716.0</t>
  </si>
  <si>
    <t>1139.99</t>
  </si>
  <si>
    <t>21181.0</t>
  </si>
  <si>
    <t>68161.0</t>
  </si>
  <si>
    <t>39966.0</t>
  </si>
  <si>
    <t>19943.0</t>
  </si>
  <si>
    <t>67780.0</t>
  </si>
  <si>
    <t>7109.0</t>
  </si>
  <si>
    <t>39622.0</t>
  </si>
  <si>
    <t>67398.0</t>
  </si>
  <si>
    <t>17467.0</t>
  </si>
  <si>
    <t>10971567.0</t>
  </si>
  <si>
    <t>1145.477</t>
  </si>
  <si>
    <t>0.0733</t>
  </si>
  <si>
    <t>17141.0</t>
  </si>
  <si>
    <t>11022249.0</t>
  </si>
  <si>
    <t>1150.768</t>
  </si>
  <si>
    <t>17850.0</t>
  </si>
  <si>
    <t>16897.0</t>
  </si>
  <si>
    <t>1.778</t>
  </si>
  <si>
    <t>8651776.0</t>
  </si>
  <si>
    <t>4905934.0</t>
  </si>
  <si>
    <t>3570521.0</t>
  </si>
  <si>
    <t>37.45</t>
  </si>
  <si>
    <t>11078624.0</t>
  </si>
  <si>
    <t>1156.654</t>
  </si>
  <si>
    <t>17171.0</t>
  </si>
  <si>
    <t>63127.0</t>
  </si>
  <si>
    <t>6621.0</t>
  </si>
  <si>
    <t>35413.0</t>
  </si>
  <si>
    <t>18160.0</t>
  </si>
  <si>
    <t>58856.0</t>
  </si>
  <si>
    <t>17406.0</t>
  </si>
  <si>
    <t>54584.0</t>
  </si>
  <si>
    <t>27683.0</t>
  </si>
  <si>
    <t>11138815.0</t>
  </si>
  <si>
    <t>1162.938</t>
  </si>
  <si>
    <t>0.0627</t>
  </si>
  <si>
    <t>50313.0</t>
  </si>
  <si>
    <t>23818.0</t>
  </si>
  <si>
    <t>46041.0</t>
  </si>
  <si>
    <t>17174.0</t>
  </si>
  <si>
    <t>17435.0</t>
  </si>
  <si>
    <t>8914267.0</t>
  </si>
  <si>
    <t>4991491.0</t>
  </si>
  <si>
    <t>3718448.0</t>
  </si>
  <si>
    <t>204328.0</t>
  </si>
  <si>
    <t>37499.0</t>
  </si>
  <si>
    <t>93.49</t>
  </si>
  <si>
    <t>11202495.0</t>
  </si>
  <si>
    <t>1169.586</t>
  </si>
  <si>
    <t>17696.0</t>
  </si>
  <si>
    <t>40597.0</t>
  </si>
  <si>
    <t>4258.0</t>
  </si>
  <si>
    <t>43695.0</t>
  </si>
  <si>
    <t>14870.0</t>
  </si>
  <si>
    <t>11245599.0</t>
  </si>
  <si>
    <t>1174.087</t>
  </si>
  <si>
    <t>16193.0</t>
  </si>
  <si>
    <t>18824.0</t>
  </si>
  <si>
    <t>49891.0</t>
  </si>
  <si>
    <t>17517.0</t>
  </si>
  <si>
    <t>11295567.0</t>
  </si>
  <si>
    <t>1179.303</t>
  </si>
  <si>
    <t>20119.0</t>
  </si>
  <si>
    <t>52989.0</t>
  </si>
  <si>
    <t>18840.0</t>
  </si>
  <si>
    <t>20518.0</t>
  </si>
  <si>
    <t>20164.0</t>
  </si>
  <si>
    <t>9328560.0</t>
  </si>
  <si>
    <t>5141905.0</t>
  </si>
  <si>
    <t>3910921.0</t>
  </si>
  <si>
    <t>275734.0</t>
  </si>
  <si>
    <t>59185.0</t>
  </si>
  <si>
    <t>97.84</t>
  </si>
  <si>
    <t>21488.0</t>
  </si>
  <si>
    <t>21317.0</t>
  </si>
  <si>
    <t>58597.0</t>
  </si>
  <si>
    <t>6145.0</t>
  </si>
  <si>
    <t>21132.0</t>
  </si>
  <si>
    <t>20911.0</t>
  </si>
  <si>
    <t>58008.0</t>
  </si>
  <si>
    <t>20777.0</t>
  </si>
  <si>
    <t>11389140.0</t>
  </si>
  <si>
    <t>1189.073</t>
  </si>
  <si>
    <t>57420.0</t>
  </si>
  <si>
    <t>19797.0</t>
  </si>
  <si>
    <t>56832.0</t>
  </si>
  <si>
    <t>56244.0</t>
  </si>
  <si>
    <t>19710.0</t>
  </si>
  <si>
    <t>2.012</t>
  </si>
  <si>
    <t>55656.0</t>
  </si>
  <si>
    <t>19355.0</t>
  </si>
  <si>
    <t>9714033.0</t>
  </si>
  <si>
    <t>5274902.0</t>
  </si>
  <si>
    <t>4092746.0</t>
  </si>
  <si>
    <t>55068.0</t>
  </si>
  <si>
    <t>19651.0</t>
  </si>
  <si>
    <t>0.0856</t>
  </si>
  <si>
    <t>17434.0</t>
  </si>
  <si>
    <t>11509291.0</t>
  </si>
  <si>
    <t>1201.617</t>
  </si>
  <si>
    <t>2.071</t>
  </si>
  <si>
    <t>52161.0</t>
  </si>
  <si>
    <t>15869.0</t>
  </si>
  <si>
    <t>21618.0</t>
  </si>
  <si>
    <t>14304.0</t>
  </si>
  <si>
    <t>11571634.0</t>
  </si>
  <si>
    <t>1208.126</t>
  </si>
  <si>
    <t>23210.0</t>
  </si>
  <si>
    <t>49254.0</t>
  </si>
  <si>
    <t>12739.0</t>
  </si>
  <si>
    <t>11608146.0</t>
  </si>
  <si>
    <t>36512.0</t>
  </si>
  <si>
    <t>1211.938</t>
  </si>
  <si>
    <t>3.812</t>
  </si>
  <si>
    <t>25565.0</t>
  </si>
  <si>
    <t>2.669</t>
  </si>
  <si>
    <t>0.0747</t>
  </si>
  <si>
    <t>47801.0</t>
  </si>
  <si>
    <t>11174.0</t>
  </si>
  <si>
    <t>27105.0</t>
  </si>
  <si>
    <t>46348.0</t>
  </si>
  <si>
    <t>9608.0</t>
  </si>
  <si>
    <t>28644.0</t>
  </si>
  <si>
    <t>2.991</t>
  </si>
  <si>
    <t>10028295.0</t>
  </si>
  <si>
    <t>4233740.0</t>
  </si>
  <si>
    <t>44895.0</t>
  </si>
  <si>
    <t>30184.0</t>
  </si>
  <si>
    <t>3.151</t>
  </si>
  <si>
    <t>41978.0</t>
  </si>
  <si>
    <t>11731354.0</t>
  </si>
  <si>
    <t>1224.801</t>
  </si>
  <si>
    <t>3.312</t>
  </si>
  <si>
    <t>39062.0</t>
  </si>
  <si>
    <t>11773012.0</t>
  </si>
  <si>
    <t>41658.0</t>
  </si>
  <si>
    <t>1229.151</t>
  </si>
  <si>
    <t>33221.0</t>
  </si>
  <si>
    <t>36146.0</t>
  </si>
  <si>
    <t>11823477.0</t>
  </si>
  <si>
    <t>50465.0</t>
  </si>
  <si>
    <t>1234.419</t>
  </si>
  <si>
    <t>5.269</t>
  </si>
  <si>
    <t>35978.0</t>
  </si>
  <si>
    <t>3.756</t>
  </si>
  <si>
    <t>33230.0</t>
  </si>
  <si>
    <t>11870801.0</t>
  </si>
  <si>
    <t>47324.0</t>
  </si>
  <si>
    <t>1239.36</t>
  </si>
  <si>
    <t>4.941</t>
  </si>
  <si>
    <t>37522.0</t>
  </si>
  <si>
    <t>3.917</t>
  </si>
  <si>
    <t>0.0935</t>
  </si>
  <si>
    <t>3.891</t>
  </si>
  <si>
    <t>27398.0</t>
  </si>
  <si>
    <t>37023.0</t>
  </si>
  <si>
    <t>3.865</t>
  </si>
  <si>
    <t>0.1405</t>
  </si>
  <si>
    <t>10199665.0</t>
  </si>
  <si>
    <t>5387508.0</t>
  </si>
  <si>
    <t>4372737.0</t>
  </si>
  <si>
    <t>24481.0</t>
  </si>
  <si>
    <t>106.97</t>
  </si>
  <si>
    <t>45.86</t>
  </si>
  <si>
    <t>36773.0</t>
  </si>
  <si>
    <t>25603.0</t>
  </si>
  <si>
    <t>8391.0</t>
  </si>
  <si>
    <t>36523.0</t>
  </si>
  <si>
    <t>3.813</t>
  </si>
  <si>
    <t>26725.0</t>
  </si>
  <si>
    <t>34722.0</t>
  </si>
  <si>
    <t>0.2003</t>
  </si>
  <si>
    <t>27846.0</t>
  </si>
  <si>
    <t>12045122.0</t>
  </si>
  <si>
    <t>1257.56</t>
  </si>
  <si>
    <t>31664.0</t>
  </si>
  <si>
    <t>3.306</t>
  </si>
  <si>
    <t>28968.0</t>
  </si>
  <si>
    <t>12078002.0</t>
  </si>
  <si>
    <t>1260.993</t>
  </si>
  <si>
    <t>29600.0</t>
  </si>
  <si>
    <t>0.2578</t>
  </si>
  <si>
    <t>30090.0</t>
  </si>
  <si>
    <t>29034.0</t>
  </si>
  <si>
    <t>31211.0</t>
  </si>
  <si>
    <t>10129.0</t>
  </si>
  <si>
    <t>10425997.0</t>
  </si>
  <si>
    <t>5460847.0</t>
  </si>
  <si>
    <t>4497626.0</t>
  </si>
  <si>
    <t>32333.0</t>
  </si>
  <si>
    <t>109.34</t>
  </si>
  <si>
    <t>57.27</t>
  </si>
  <si>
    <t>12153269.0</t>
  </si>
  <si>
    <t>1268.851</t>
  </si>
  <si>
    <t>2.913</t>
  </si>
  <si>
    <t>32276.0</t>
  </si>
  <si>
    <t>10357.0</t>
  </si>
  <si>
    <t>12161006.0</t>
  </si>
  <si>
    <t>7737.0</t>
  </si>
  <si>
    <t>1269.659</t>
  </si>
  <si>
    <t>24856.0</t>
  </si>
  <si>
    <t>0.3149</t>
  </si>
  <si>
    <t>32219.0</t>
  </si>
  <si>
    <t>10237.0</t>
  </si>
  <si>
    <t>12188071.0</t>
  </si>
  <si>
    <t>27065.0</t>
  </si>
  <si>
    <t>1272.485</t>
  </si>
  <si>
    <t>24572.0</t>
  </si>
  <si>
    <t>32162.0</t>
  </si>
  <si>
    <t>3373.0</t>
  </si>
  <si>
    <t>0.3136</t>
  </si>
  <si>
    <t>32105.0</t>
  </si>
  <si>
    <t>9996.0</t>
  </si>
  <si>
    <t>12248033.0</t>
  </si>
  <si>
    <t>1278.745</t>
  </si>
  <si>
    <t>24290.0</t>
  </si>
  <si>
    <t>0.3165</t>
  </si>
  <si>
    <t>32048.0</t>
  </si>
  <si>
    <t>9876.0</t>
  </si>
  <si>
    <t>23745.0</t>
  </si>
  <si>
    <t>0.3182</t>
  </si>
  <si>
    <t>31991.0</t>
  </si>
  <si>
    <t>23200.0</t>
  </si>
  <si>
    <t>0.3156</t>
  </si>
  <si>
    <t>10649534.0</t>
  </si>
  <si>
    <t>5528298.0</t>
  </si>
  <si>
    <t>4632574.0</t>
  </si>
  <si>
    <t>31934.0</t>
  </si>
  <si>
    <t>12311853.0</t>
  </si>
  <si>
    <t>1285.408</t>
  </si>
  <si>
    <t>22655.0</t>
  </si>
  <si>
    <t>0.3091</t>
  </si>
  <si>
    <t>31427.0</t>
  </si>
  <si>
    <t>12317444.0</t>
  </si>
  <si>
    <t>1285.992</t>
  </si>
  <si>
    <t>22348.0</t>
  </si>
  <si>
    <t>0.2964</t>
  </si>
  <si>
    <t>30920.0</t>
  </si>
  <si>
    <t>12343035.0</t>
  </si>
  <si>
    <t>25591.0</t>
  </si>
  <si>
    <t>1288.663</t>
  </si>
  <si>
    <t>2.672</t>
  </si>
  <si>
    <t>22138.0</t>
  </si>
  <si>
    <t>0.2883</t>
  </si>
  <si>
    <t>30413.0</t>
  </si>
  <si>
    <t>10250.0</t>
  </si>
  <si>
    <t>12367231.0</t>
  </si>
  <si>
    <t>24196.0</t>
  </si>
  <si>
    <t>1291.19</t>
  </si>
  <si>
    <t>21311.0</t>
  </si>
  <si>
    <t>2.225</t>
  </si>
  <si>
    <t>12389320.0</t>
  </si>
  <si>
    <t>1293.496</t>
  </si>
  <si>
    <t>20184.0</t>
  </si>
  <si>
    <t>0.2824</t>
  </si>
  <si>
    <t>29399.0</t>
  </si>
  <si>
    <t>12408634.0</t>
  </si>
  <si>
    <t>19314.0</t>
  </si>
  <si>
    <t>1295.512</t>
  </si>
  <si>
    <t>19904.0</t>
  </si>
  <si>
    <t>2.078</t>
  </si>
  <si>
    <t>28892.0</t>
  </si>
  <si>
    <t>12427770.0</t>
  </si>
  <si>
    <t>19136.0</t>
  </si>
  <si>
    <t>1297.51</t>
  </si>
  <si>
    <t>2.046</t>
  </si>
  <si>
    <t>0.2497</t>
  </si>
  <si>
    <t>12438809.0</t>
  </si>
  <si>
    <t>11039.0</t>
  </si>
  <si>
    <t>1298.663</t>
  </si>
  <si>
    <t>18137.0</t>
  </si>
  <si>
    <t>0.2533</t>
  </si>
  <si>
    <t>12444066.0</t>
  </si>
  <si>
    <t>1299.211</t>
  </si>
  <si>
    <t>0.2462</t>
  </si>
  <si>
    <t>12467117.0</t>
  </si>
  <si>
    <t>23051.0</t>
  </si>
  <si>
    <t>1301.618</t>
  </si>
  <si>
    <t>17726.0</t>
  </si>
  <si>
    <t>17377.0</t>
  </si>
  <si>
    <t>0.1907</t>
  </si>
  <si>
    <t>12510624.0</t>
  </si>
  <si>
    <t>1306.16</t>
  </si>
  <si>
    <t>17329.0</t>
  </si>
  <si>
    <t>0.1606</t>
  </si>
  <si>
    <t>16919.0</t>
  </si>
  <si>
    <t>0.1352</t>
  </si>
  <si>
    <t>16534.0</t>
  </si>
  <si>
    <t>11046924.0</t>
  </si>
  <si>
    <t>5683247.0</t>
  </si>
  <si>
    <t>5107020.0</t>
  </si>
  <si>
    <t>12559952.0</t>
  </si>
  <si>
    <t>1311.31</t>
  </si>
  <si>
    <t>17306.0</t>
  </si>
  <si>
    <t>0.1029</t>
  </si>
  <si>
    <t>27977.0</t>
  </si>
  <si>
    <t>12564070.0</t>
  </si>
  <si>
    <t>4118.0</t>
  </si>
  <si>
    <t>1311.74</t>
  </si>
  <si>
    <t>27569.0</t>
  </si>
  <si>
    <t>10322.0</t>
  </si>
  <si>
    <t>27160.0</t>
  </si>
  <si>
    <t>14284.0</t>
  </si>
  <si>
    <t>1.491</t>
  </si>
  <si>
    <t>26752.0</t>
  </si>
  <si>
    <t>12601257.0</t>
  </si>
  <si>
    <t>1315.623</t>
  </si>
  <si>
    <t>12948.0</t>
  </si>
  <si>
    <t>26344.0</t>
  </si>
  <si>
    <t>12620704.0</t>
  </si>
  <si>
    <t>1317.653</t>
  </si>
  <si>
    <t>13377.0</t>
  </si>
  <si>
    <t>25936.0</t>
  </si>
  <si>
    <t>8830.0</t>
  </si>
  <si>
    <t>12864.0</t>
  </si>
  <si>
    <t>0.1129</t>
  </si>
  <si>
    <t>25528.0</t>
  </si>
  <si>
    <t>8458.0</t>
  </si>
  <si>
    <t>12646405.0</t>
  </si>
  <si>
    <t>1320.337</t>
  </si>
  <si>
    <t>13822.0</t>
  </si>
  <si>
    <t>0.1136</t>
  </si>
  <si>
    <t>13918.0</t>
  </si>
  <si>
    <t>13007.0</t>
  </si>
  <si>
    <t>5801653.0</t>
  </si>
  <si>
    <t>522882.0</t>
  </si>
  <si>
    <t>12737896.0</t>
  </si>
  <si>
    <t>1329.889</t>
  </si>
  <si>
    <t>8774.0</t>
  </si>
  <si>
    <t>13074.0</t>
  </si>
  <si>
    <t>9406.0</t>
  </si>
  <si>
    <t>9723.0</t>
  </si>
  <si>
    <t>12790271.0</t>
  </si>
  <si>
    <t>1335.357</t>
  </si>
  <si>
    <t>13084.0</t>
  </si>
  <si>
    <t>1.329</t>
  </si>
  <si>
    <t>12385.0</t>
  </si>
  <si>
    <t>11583004.0</t>
  </si>
  <si>
    <t>5876354.0</t>
  </si>
  <si>
    <t>5406338.0</t>
  </si>
  <si>
    <t>562986.0</t>
  </si>
  <si>
    <t>121.48</t>
  </si>
  <si>
    <t>61.63</t>
  </si>
  <si>
    <t>12822145.0</t>
  </si>
  <si>
    <t>1338.684</t>
  </si>
  <si>
    <t>12036.0</t>
  </si>
  <si>
    <t>25864.0</t>
  </si>
  <si>
    <t>10607.0</t>
  </si>
  <si>
    <t>11838.0</t>
  </si>
  <si>
    <t>26200.0</t>
  </si>
  <si>
    <t>10542.0</t>
  </si>
  <si>
    <t>11641.0</t>
  </si>
  <si>
    <t>26537.0</t>
  </si>
  <si>
    <t>11443.0</t>
  </si>
  <si>
    <t>26873.0</t>
  </si>
  <si>
    <t>10412.0</t>
  </si>
  <si>
    <t>12868991.0</t>
  </si>
  <si>
    <t>1343.575</t>
  </si>
  <si>
    <t>11246.0</t>
  </si>
  <si>
    <t>27209.0</t>
  </si>
  <si>
    <t>2854.0</t>
  </si>
  <si>
    <t>10909.0</t>
  </si>
  <si>
    <t>11778178.0</t>
  </si>
  <si>
    <t>5947876.0</t>
  </si>
  <si>
    <t>5501250.0</t>
  </si>
  <si>
    <t>596467.0</t>
  </si>
  <si>
    <t>27882.0</t>
  </si>
  <si>
    <t>123.53</t>
  </si>
  <si>
    <t>10217.0</t>
  </si>
  <si>
    <t>12897334.0</t>
  </si>
  <si>
    <t>1346.535</t>
  </si>
  <si>
    <t>10741.0</t>
  </si>
  <si>
    <t>27632.0</t>
  </si>
  <si>
    <t>10640.0</t>
  </si>
  <si>
    <t>0.0766</t>
  </si>
  <si>
    <t>27382.0</t>
  </si>
  <si>
    <t>10496.0</t>
  </si>
  <si>
    <t>26882.0</t>
  </si>
  <si>
    <t>12941335.0</t>
  </si>
  <si>
    <t>1351.128</t>
  </si>
  <si>
    <t>10681.0</t>
  </si>
  <si>
    <t>10610.0</t>
  </si>
  <si>
    <t>26382.0</t>
  </si>
  <si>
    <t>10774.0</t>
  </si>
  <si>
    <t>12964077.0</t>
  </si>
  <si>
    <t>1353.503</t>
  </si>
  <si>
    <t>10884.0</t>
  </si>
  <si>
    <t>26132.0</t>
  </si>
  <si>
    <t>10956.0</t>
  </si>
  <si>
    <t>10657.0</t>
  </si>
  <si>
    <t>0.0648</t>
  </si>
  <si>
    <t>10507.0</t>
  </si>
  <si>
    <t>13013839.0</t>
  </si>
  <si>
    <t>1358.698</t>
  </si>
  <si>
    <t>10358.0</t>
  </si>
  <si>
    <t>0.0625</t>
  </si>
  <si>
    <t>9786.0</t>
  </si>
  <si>
    <t>12144023.0</t>
  </si>
  <si>
    <t>6100010.0</t>
  </si>
  <si>
    <t>5667040.0</t>
  </si>
  <si>
    <t>651160.0</t>
  </si>
  <si>
    <t>127.36</t>
  </si>
  <si>
    <t>63.98</t>
  </si>
  <si>
    <t>59.43</t>
  </si>
  <si>
    <t>6.83</t>
  </si>
  <si>
    <t>13041946.0</t>
  </si>
  <si>
    <t>1361.633</t>
  </si>
  <si>
    <t>9702.0</t>
  </si>
  <si>
    <t>26506.0</t>
  </si>
  <si>
    <t>10910.0</t>
  </si>
  <si>
    <t>9747.0</t>
  </si>
  <si>
    <t>26880.0</t>
  </si>
  <si>
    <t>9792.0</t>
  </si>
  <si>
    <t>10997.0</t>
  </si>
  <si>
    <t>9837.0</t>
  </si>
  <si>
    <t>27628.0</t>
  </si>
  <si>
    <t>13083013.0</t>
  </si>
  <si>
    <t>1365.92</t>
  </si>
  <si>
    <t>9882.0</t>
  </si>
  <si>
    <t>28002.0</t>
  </si>
  <si>
    <t>28376.0</t>
  </si>
  <si>
    <t>13103056.0</t>
  </si>
  <si>
    <t>1368.013</t>
  </si>
  <si>
    <t>10068.0</t>
  </si>
  <si>
    <t>12345274.0</t>
  </si>
  <si>
    <t>6178206.0</t>
  </si>
  <si>
    <t>5770133.0</t>
  </si>
  <si>
    <t>675635.0</t>
  </si>
  <si>
    <t>28750.0</t>
  </si>
  <si>
    <t>129.47</t>
  </si>
  <si>
    <t>60.52</t>
  </si>
  <si>
    <t>11171.0</t>
  </si>
  <si>
    <t>10736.0</t>
  </si>
  <si>
    <t>9816.0</t>
  </si>
  <si>
    <t>26661.0</t>
  </si>
  <si>
    <t>9625.0</t>
  </si>
  <si>
    <t>2577.0</t>
  </si>
  <si>
    <t>9430.0</t>
  </si>
  <si>
    <t>13147723.0</t>
  </si>
  <si>
    <t>1372.676</t>
  </si>
  <si>
    <t>9244.0</t>
  </si>
  <si>
    <t>23528.0</t>
  </si>
  <si>
    <t>8994.0</t>
  </si>
  <si>
    <t>13157373.0</t>
  </si>
  <si>
    <t>9650.0</t>
  </si>
  <si>
    <t>1373.684</t>
  </si>
  <si>
    <t>9191.0</t>
  </si>
  <si>
    <t>22483.0</t>
  </si>
  <si>
    <t>8559.0</t>
  </si>
  <si>
    <t>8409.0</t>
  </si>
  <si>
    <t>12495345.0</t>
  </si>
  <si>
    <t>6235073.0</t>
  </si>
  <si>
    <t>5851853.0</t>
  </si>
  <si>
    <t>691479.0</t>
  </si>
  <si>
    <t>21439.0</t>
  </si>
  <si>
    <t>131.05</t>
  </si>
  <si>
    <t>65.39</t>
  </si>
  <si>
    <t>2248.0</t>
  </si>
  <si>
    <t>7595.0</t>
  </si>
  <si>
    <t>21812.0</t>
  </si>
  <si>
    <t>13180098.0</t>
  </si>
  <si>
    <t>1376.056</t>
  </si>
  <si>
    <t>21937.0</t>
  </si>
  <si>
    <t>6254.0</t>
  </si>
  <si>
    <t>0.0441</t>
  </si>
  <si>
    <t>22061.0</t>
  </si>
  <si>
    <t>13202907.0</t>
  </si>
  <si>
    <t>1378.438</t>
  </si>
  <si>
    <t>22186.0</t>
  </si>
  <si>
    <t>6693.0</t>
  </si>
  <si>
    <t>22310.0</t>
  </si>
  <si>
    <t>13220483.0</t>
  </si>
  <si>
    <t>1380.273</t>
  </si>
  <si>
    <t>7068.0</t>
  </si>
  <si>
    <t>12807687.0</t>
  </si>
  <si>
    <t>6322897.0</t>
  </si>
  <si>
    <t>6063007.0</t>
  </si>
  <si>
    <t>712108.0</t>
  </si>
  <si>
    <t>134.32</t>
  </si>
  <si>
    <t>21643.0</t>
  </si>
  <si>
    <t>20976.0</t>
  </si>
  <si>
    <t>5817.0</t>
  </si>
  <si>
    <t>5589.0</t>
  </si>
  <si>
    <t>18976.0</t>
  </si>
  <si>
    <t>5133.0</t>
  </si>
  <si>
    <t>18309.0</t>
  </si>
  <si>
    <t>17642.0</t>
  </si>
  <si>
    <t>4677.0</t>
  </si>
  <si>
    <t>13054679.0</t>
  </si>
  <si>
    <t>6388371.0</t>
  </si>
  <si>
    <t>6237709.0</t>
  </si>
  <si>
    <t>726983.0</t>
  </si>
  <si>
    <t>136.91</t>
  </si>
  <si>
    <t>16171.0</t>
  </si>
  <si>
    <t>11757.0</t>
  </si>
  <si>
    <t>13106084.0</t>
  </si>
  <si>
    <t>6402961.0</t>
  </si>
  <si>
    <t>6271573.0</t>
  </si>
  <si>
    <t>731072.0</t>
  </si>
  <si>
    <t>137.45</t>
  </si>
  <si>
    <t>65.77</t>
  </si>
  <si>
    <t>7179.0</t>
  </si>
  <si>
    <t>13206203.0</t>
  </si>
  <si>
    <t>6425755.0</t>
  </si>
  <si>
    <t>6325490.0</t>
  </si>
  <si>
    <t>756085.0</t>
  </si>
  <si>
    <t>138.5</t>
  </si>
  <si>
    <t>7.93</t>
  </si>
  <si>
    <t>8724.0</t>
  </si>
  <si>
    <t>8986.0</t>
  </si>
  <si>
    <t>13394906.0</t>
  </si>
  <si>
    <t>6437839.0</t>
  </si>
  <si>
    <t>6332753.0</t>
  </si>
  <si>
    <t>922998.0</t>
  </si>
  <si>
    <t>140.48</t>
  </si>
  <si>
    <t>11691.0</t>
  </si>
  <si>
    <t>17102.0</t>
  </si>
  <si>
    <t>22513.0</t>
  </si>
  <si>
    <t>25218.0</t>
  </si>
  <si>
    <t>27923.0</t>
  </si>
  <si>
    <t>13981294.0</t>
  </si>
  <si>
    <t>6473443.0</t>
  </si>
  <si>
    <t>6371091.0</t>
  </si>
  <si>
    <t>1451759.0</t>
  </si>
  <si>
    <t>146.63</t>
  </si>
  <si>
    <t>30299.0</t>
  </si>
  <si>
    <t>32676.0</t>
  </si>
  <si>
    <t>35052.0</t>
  </si>
  <si>
    <t>37428.0</t>
  </si>
  <si>
    <t>42181.0</t>
  </si>
  <si>
    <t>44557.0</t>
  </si>
  <si>
    <t>14916985.0</t>
  </si>
  <si>
    <t>2146156.0</t>
  </si>
  <si>
    <t>156.45</t>
  </si>
  <si>
    <t>40851.0</t>
  </si>
  <si>
    <t>37145.0</t>
  </si>
  <si>
    <t>3896.0</t>
  </si>
  <si>
    <t>33440.0</t>
  </si>
  <si>
    <t>26029.0</t>
  </si>
  <si>
    <t>22323.0</t>
  </si>
  <si>
    <t>18617.0</t>
  </si>
  <si>
    <t>15177629.0</t>
  </si>
  <si>
    <t>6498901.0</t>
  </si>
  <si>
    <t>6387017.0</t>
  </si>
  <si>
    <t>2576773.0</t>
  </si>
  <si>
    <t>159.18</t>
  </si>
  <si>
    <t>27.02</t>
  </si>
  <si>
    <t>20088.0</t>
  </si>
  <si>
    <t>21559.0</t>
  </si>
  <si>
    <t>24501.0</t>
  </si>
  <si>
    <t>25971.0</t>
  </si>
  <si>
    <t>15582410.0</t>
  </si>
  <si>
    <t>6501526.0</t>
  </si>
  <si>
    <t>6390796.0</t>
  </si>
  <si>
    <t>2951428.0</t>
  </si>
  <si>
    <t>28297.0</t>
  </si>
  <si>
    <t>27681.0</t>
  </si>
  <si>
    <t>26450.0</t>
  </si>
  <si>
    <t>25834.0</t>
  </si>
  <si>
    <t>15754625.0</t>
  </si>
  <si>
    <t>6505785.0</t>
  </si>
  <si>
    <t>3101161.0</t>
  </si>
  <si>
    <t>24602.0</t>
  </si>
  <si>
    <t>165.23</t>
  </si>
  <si>
    <t>23457.0</t>
  </si>
  <si>
    <t>22311.0</t>
  </si>
  <si>
    <t>21165.0</t>
  </si>
  <si>
    <t>20020.0</t>
  </si>
  <si>
    <t>18874.0</t>
  </si>
  <si>
    <t>17729.0</t>
  </si>
  <si>
    <t>16102869.0</t>
  </si>
  <si>
    <t>3414776.0</t>
  </si>
  <si>
    <t>168.88</t>
  </si>
  <si>
    <t>16493.0</t>
  </si>
  <si>
    <t>16402.0</t>
  </si>
  <si>
    <t>16312.0</t>
  </si>
  <si>
    <t>15950.0</t>
  </si>
  <si>
    <t>16326173.0</t>
  </si>
  <si>
    <t>6512419.0</t>
  </si>
  <si>
    <t>6395779.0</t>
  </si>
  <si>
    <t>3632876.0</t>
  </si>
  <si>
    <t>171.22</t>
  </si>
  <si>
    <t>16878.0</t>
  </si>
  <si>
    <t>17806.0</t>
  </si>
  <si>
    <t>18734.0</t>
  </si>
  <si>
    <t>20590.0</t>
  </si>
  <si>
    <t>21519.0</t>
  </si>
  <si>
    <t>22447.0</t>
  </si>
  <si>
    <t>16797551.0</t>
  </si>
  <si>
    <t>6517478.0</t>
  </si>
  <si>
    <t>6401327.0</t>
  </si>
  <si>
    <t>4072580.0</t>
  </si>
  <si>
    <t>176.17</t>
  </si>
  <si>
    <t>42.71</t>
  </si>
  <si>
    <t>24966.0</t>
  </si>
  <si>
    <t>27486.0</t>
  </si>
  <si>
    <t>30006.0</t>
  </si>
  <si>
    <t>32525.0</t>
  </si>
  <si>
    <t>35045.0</t>
  </si>
  <si>
    <t>37565.0</t>
  </si>
  <si>
    <t>40085.0</t>
  </si>
  <si>
    <t>17358735.0</t>
  </si>
  <si>
    <t>6518021.0</t>
  </si>
  <si>
    <t>6403134.0</t>
  </si>
  <si>
    <t>4612801.0</t>
  </si>
  <si>
    <t>182.05</t>
  </si>
  <si>
    <t>48.38</t>
  </si>
  <si>
    <t>BEL</t>
  </si>
  <si>
    <t>Belgium</t>
  </si>
  <si>
    <t>-970.0</t>
  </si>
  <si>
    <t>-6.63</t>
  </si>
  <si>
    <t>-12.66</t>
  </si>
  <si>
    <t>-83.2194927849129</t>
  </si>
  <si>
    <t>-1181.5</t>
  </si>
  <si>
    <t>-6.89</t>
  </si>
  <si>
    <t>-8.4</t>
  </si>
  <si>
    <t>-101.364773943685</t>
  </si>
  <si>
    <t>-1363.2</t>
  </si>
  <si>
    <t>-6.94</t>
  </si>
  <si>
    <t>-7.32</t>
  </si>
  <si>
    <t>-116.953415014838</t>
  </si>
  <si>
    <t>-1653.9</t>
  </si>
  <si>
    <t>-7.46</t>
  </si>
  <si>
    <t>-11.45</t>
  </si>
  <si>
    <t>-141.893524862853</t>
  </si>
  <si>
    <t>2411.0</t>
  </si>
  <si>
    <t>-1889.6</t>
  </si>
  <si>
    <t>-7.67</t>
  </si>
  <si>
    <t>-9.63</t>
  </si>
  <si>
    <t>-162.115003676672</t>
  </si>
  <si>
    <t>5902.0</t>
  </si>
  <si>
    <t>8448.0</t>
  </si>
  <si>
    <t>10972.0</t>
  </si>
  <si>
    <t>4.547</t>
  </si>
  <si>
    <t>14412.0</t>
  </si>
  <si>
    <t>-1995.1</t>
  </si>
  <si>
    <t>-7.4</t>
  </si>
  <si>
    <t>-4.51</t>
  </si>
  <si>
    <t>-171.166195933175</t>
  </si>
  <si>
    <t>31.744</t>
  </si>
  <si>
    <t>16304.0</t>
  </si>
  <si>
    <t>8.579</t>
  </si>
  <si>
    <t>18559.0</t>
  </si>
  <si>
    <t>2255.0</t>
  </si>
  <si>
    <t>21273.0</t>
  </si>
  <si>
    <t>14.07</t>
  </si>
  <si>
    <t>24668.0</t>
  </si>
  <si>
    <t>19.647</t>
  </si>
  <si>
    <t>27788.0</t>
  </si>
  <si>
    <t>3120.0</t>
  </si>
  <si>
    <t>2.393</t>
  </si>
  <si>
    <t>30064.0</t>
  </si>
  <si>
    <t>31478.0</t>
  </si>
  <si>
    <t>-1758.2</t>
  </si>
  <si>
    <t>-150.841765169519</t>
  </si>
  <si>
    <t>33.03</t>
  </si>
  <si>
    <t>144.047</t>
  </si>
  <si>
    <t>2.997</t>
  </si>
  <si>
    <t>2642.0</t>
  </si>
  <si>
    <t>41.781</t>
  </si>
  <si>
    <t>38775.0</t>
  </si>
  <si>
    <t>3.339</t>
  </si>
  <si>
    <t>2888.0</t>
  </si>
  <si>
    <t>200.585</t>
  </si>
  <si>
    <t>3.708</t>
  </si>
  <si>
    <t>59.97</t>
  </si>
  <si>
    <t>47420.0</t>
  </si>
  <si>
    <t>4.084</t>
  </si>
  <si>
    <t>67.691</t>
  </si>
  <si>
    <t>313.06</t>
  </si>
  <si>
    <t>249.83</t>
  </si>
  <si>
    <t>52350.0</t>
  </si>
  <si>
    <t>74.383</t>
  </si>
  <si>
    <t>4088.0</t>
  </si>
  <si>
    <t>3232.0</t>
  </si>
  <si>
    <t>56200.0</t>
  </si>
  <si>
    <t>4536.0</t>
  </si>
  <si>
    <t>58619.0</t>
  </si>
  <si>
    <t>5.048</t>
  </si>
  <si>
    <t>-781.9</t>
  </si>
  <si>
    <t>-2.48</t>
  </si>
  <si>
    <t>-67.0817746479622</t>
  </si>
  <si>
    <t>62720.0</t>
  </si>
  <si>
    <t>5.402</t>
  </si>
  <si>
    <t>427.937</t>
  </si>
  <si>
    <t>69152.0</t>
  </si>
  <si>
    <t>5.956</t>
  </si>
  <si>
    <t>75043.0</t>
  </si>
  <si>
    <t>81131.0</t>
  </si>
  <si>
    <t>5562.0</t>
  </si>
  <si>
    <t>87849.0</t>
  </si>
  <si>
    <t>7.566</t>
  </si>
  <si>
    <t>322.24</t>
  </si>
  <si>
    <t>93217.0</t>
  </si>
  <si>
    <t>8.028</t>
  </si>
  <si>
    <t>108.7</t>
  </si>
  <si>
    <t>97045.0</t>
  </si>
  <si>
    <t>8.358</t>
  </si>
  <si>
    <t>1124.6</t>
  </si>
  <si>
    <t>96.4831356555804</t>
  </si>
  <si>
    <t>102885.0</t>
  </si>
  <si>
    <t>8.861</t>
  </si>
  <si>
    <t>109.472</t>
  </si>
  <si>
    <t>110394.0</t>
  </si>
  <si>
    <t>9.507</t>
  </si>
  <si>
    <t>110.33</t>
  </si>
  <si>
    <t>118366.0</t>
  </si>
  <si>
    <t>10.194</t>
  </si>
  <si>
    <t>109.73</t>
  </si>
  <si>
    <t>126590.0</t>
  </si>
  <si>
    <t>10.902</t>
  </si>
  <si>
    <t>5663.0</t>
  </si>
  <si>
    <t>259.353</t>
  </si>
  <si>
    <t>135127.0</t>
  </si>
  <si>
    <t>8537.0</t>
  </si>
  <si>
    <t>11.637</t>
  </si>
  <si>
    <t>143275.0</t>
  </si>
  <si>
    <t>150562.0</t>
  </si>
  <si>
    <t>7287.0</t>
  </si>
  <si>
    <t>12.967</t>
  </si>
  <si>
    <t>7645.0</t>
  </si>
  <si>
    <t>3326.5</t>
  </si>
  <si>
    <t>285.391384277333</t>
  </si>
  <si>
    <t>5554.0</t>
  </si>
  <si>
    <t>157260.0</t>
  </si>
  <si>
    <t>6698.0</t>
  </si>
  <si>
    <t>13.544</t>
  </si>
  <si>
    <t>165423.0</t>
  </si>
  <si>
    <t>14.247</t>
  </si>
  <si>
    <t>176407.0</t>
  </si>
  <si>
    <t>15.193</t>
  </si>
  <si>
    <t>8292.0</t>
  </si>
  <si>
    <t>187149.0</t>
  </si>
  <si>
    <t>16.118</t>
  </si>
  <si>
    <t>180.337</t>
  </si>
  <si>
    <t>198449.0</t>
  </si>
  <si>
    <t>17.091</t>
  </si>
  <si>
    <t>208761.0</t>
  </si>
  <si>
    <t>17.979</t>
  </si>
  <si>
    <t>215961.0</t>
  </si>
  <si>
    <t>18.599</t>
  </si>
  <si>
    <t>4983.2</t>
  </si>
  <si>
    <t>427.525130356472</t>
  </si>
  <si>
    <t>227877.0</t>
  </si>
  <si>
    <t>11916.0</t>
  </si>
  <si>
    <t>19.625</t>
  </si>
  <si>
    <t>1.026</t>
  </si>
  <si>
    <t>10088.0</t>
  </si>
  <si>
    <t>87.509</t>
  </si>
  <si>
    <t>4765.0</t>
  </si>
  <si>
    <t>238755.0</t>
  </si>
  <si>
    <t>10878.0</t>
  </si>
  <si>
    <t>20.562</t>
  </si>
  <si>
    <t>10476.0</t>
  </si>
  <si>
    <t>85.193</t>
  </si>
  <si>
    <t>4527.0</t>
  </si>
  <si>
    <t>388.386</t>
  </si>
  <si>
    <t>254343.0</t>
  </si>
  <si>
    <t>11134.0</t>
  </si>
  <si>
    <t>271722.0</t>
  </si>
  <si>
    <t>23.401</t>
  </si>
  <si>
    <t>12082.0</t>
  </si>
  <si>
    <t>4195.0</t>
  </si>
  <si>
    <t>290790.0</t>
  </si>
  <si>
    <t>19068.0</t>
  </si>
  <si>
    <t>25.043</t>
  </si>
  <si>
    <t>13192.0</t>
  </si>
  <si>
    <t>307983.0</t>
  </si>
  <si>
    <t>17193.0</t>
  </si>
  <si>
    <t>26.524</t>
  </si>
  <si>
    <t>321862.0</t>
  </si>
  <si>
    <t>13879.0</t>
  </si>
  <si>
    <t>27.719</t>
  </si>
  <si>
    <t>5995.1</t>
  </si>
  <si>
    <t>49.92</t>
  </si>
  <si>
    <t>514.339362056527</t>
  </si>
  <si>
    <t>339334.0</t>
  </si>
  <si>
    <t>29.224</t>
  </si>
  <si>
    <t>15922.0</t>
  </si>
  <si>
    <t>359705.0</t>
  </si>
  <si>
    <t>20371.0</t>
  </si>
  <si>
    <t>30.979</t>
  </si>
  <si>
    <t>17279.0</t>
  </si>
  <si>
    <t>3609.0</t>
  </si>
  <si>
    <t>382365.0</t>
  </si>
  <si>
    <t>22660.0</t>
  </si>
  <si>
    <t>18289.0</t>
  </si>
  <si>
    <t>407235.0</t>
  </si>
  <si>
    <t>24870.0</t>
  </si>
  <si>
    <t>35.072</t>
  </si>
  <si>
    <t>430786.0</t>
  </si>
  <si>
    <t>23551.0</t>
  </si>
  <si>
    <t>19999.0</t>
  </si>
  <si>
    <t>58.683</t>
  </si>
  <si>
    <t>447268.0</t>
  </si>
  <si>
    <t>16482.0</t>
  </si>
  <si>
    <t>38.52</t>
  </si>
  <si>
    <t>19898.0</t>
  </si>
  <si>
    <t>78.072</t>
  </si>
  <si>
    <t>460698.0</t>
  </si>
  <si>
    <t>13430.0</t>
  </si>
  <si>
    <t>39.676</t>
  </si>
  <si>
    <t>19834.0</t>
  </si>
  <si>
    <t>6417.0</t>
  </si>
  <si>
    <t>550.535551753387</t>
  </si>
  <si>
    <t>483897.0</t>
  </si>
  <si>
    <t>23199.0</t>
  </si>
  <si>
    <t>41.674</t>
  </si>
  <si>
    <t>20652.0</t>
  </si>
  <si>
    <t>505418.0</t>
  </si>
  <si>
    <t>21521.0</t>
  </si>
  <si>
    <t>43.528</t>
  </si>
  <si>
    <t>1.853</t>
  </si>
  <si>
    <t>526180.0</t>
  </si>
  <si>
    <t>45.316</t>
  </si>
  <si>
    <t>1.788</t>
  </si>
  <si>
    <t>548211.0</t>
  </si>
  <si>
    <t>22031.0</t>
  </si>
  <si>
    <t>47.213</t>
  </si>
  <si>
    <t>20139.0</t>
  </si>
  <si>
    <t>574093.0</t>
  </si>
  <si>
    <t>25882.0</t>
  </si>
  <si>
    <t>49.442</t>
  </si>
  <si>
    <t>20472.0</t>
  </si>
  <si>
    <t>595105.0</t>
  </si>
  <si>
    <t>21012.0</t>
  </si>
  <si>
    <t>51.252</t>
  </si>
  <si>
    <t>607406.0</t>
  </si>
  <si>
    <t>12301.0</t>
  </si>
  <si>
    <t>52.311</t>
  </si>
  <si>
    <t>20958.0</t>
  </si>
  <si>
    <t>6781.9</t>
  </si>
  <si>
    <t>18.02</t>
  </si>
  <si>
    <t>581.84152383299</t>
  </si>
  <si>
    <t>191.319</t>
  </si>
  <si>
    <t>618461.0</t>
  </si>
  <si>
    <t>53.263</t>
  </si>
  <si>
    <t>19223.0</t>
  </si>
  <si>
    <t>36.634</t>
  </si>
  <si>
    <t>638976.0</t>
  </si>
  <si>
    <t>20515.0</t>
  </si>
  <si>
    <t>19080.0</t>
  </si>
  <si>
    <t>168.67</t>
  </si>
  <si>
    <t>662116.0</t>
  </si>
  <si>
    <t>57.023</t>
  </si>
  <si>
    <t>19419.0</t>
  </si>
  <si>
    <t>32.601</t>
  </si>
  <si>
    <t>682379.0</t>
  </si>
  <si>
    <t>20263.0</t>
  </si>
  <si>
    <t>58.768</t>
  </si>
  <si>
    <t>1.745</t>
  </si>
  <si>
    <t>19167.0</t>
  </si>
  <si>
    <t>41.438</t>
  </si>
  <si>
    <t>703263.0</t>
  </si>
  <si>
    <t>20884.0</t>
  </si>
  <si>
    <t>60.566</t>
  </si>
  <si>
    <t>717688.0</t>
  </si>
  <si>
    <t>61.809</t>
  </si>
  <si>
    <t>138.47</t>
  </si>
  <si>
    <t>727791.0</t>
  </si>
  <si>
    <t>62.679</t>
  </si>
  <si>
    <t>17198.0</t>
  </si>
  <si>
    <t>6847.8</t>
  </si>
  <si>
    <t>587.495301744872</t>
  </si>
  <si>
    <t>738501.0</t>
  </si>
  <si>
    <t>63.601</t>
  </si>
  <si>
    <t>17149.0</t>
  </si>
  <si>
    <t>755202.0</t>
  </si>
  <si>
    <t>23.765</t>
  </si>
  <si>
    <t>36.548</t>
  </si>
  <si>
    <t>773961.0</t>
  </si>
  <si>
    <t>18759.0</t>
  </si>
  <si>
    <t>66.655</t>
  </si>
  <si>
    <t>15978.0</t>
  </si>
  <si>
    <t>22.993</t>
  </si>
  <si>
    <t>783839.0</t>
  </si>
  <si>
    <t>67.506</t>
  </si>
  <si>
    <t>14494.0</t>
  </si>
  <si>
    <t>797117.0</t>
  </si>
  <si>
    <t>13278.0</t>
  </si>
  <si>
    <t>68.649</t>
  </si>
  <si>
    <t>1.155</t>
  </si>
  <si>
    <t>33.374</t>
  </si>
  <si>
    <t>806344.0</t>
  </si>
  <si>
    <t>9227.0</t>
  </si>
  <si>
    <t>69.444</t>
  </si>
  <si>
    <t>12665.0</t>
  </si>
  <si>
    <t>813366.0</t>
  </si>
  <si>
    <t>70.049</t>
  </si>
  <si>
    <t>6964.7</t>
  </si>
  <si>
    <t>597.524537524827</t>
  </si>
  <si>
    <t>823348.0</t>
  </si>
  <si>
    <t>9982.0</t>
  </si>
  <si>
    <t>70.908</t>
  </si>
  <si>
    <t>839573.0</t>
  </si>
  <si>
    <t>72.306</t>
  </si>
  <si>
    <t>12053.0</t>
  </si>
  <si>
    <t>17.931</t>
  </si>
  <si>
    <t>27.282</t>
  </si>
  <si>
    <t>857345.0</t>
  </si>
  <si>
    <t>17772.0</t>
  </si>
  <si>
    <t>73.836</t>
  </si>
  <si>
    <t>1.531</t>
  </si>
  <si>
    <t>16.043</t>
  </si>
  <si>
    <t>870435.0</t>
  </si>
  <si>
    <t>74.964</t>
  </si>
  <si>
    <t>12371.0</t>
  </si>
  <si>
    <t>14.842</t>
  </si>
  <si>
    <t>884051.0</t>
  </si>
  <si>
    <t>76.136</t>
  </si>
  <si>
    <t>12419.0</t>
  </si>
  <si>
    <t>14.413</t>
  </si>
  <si>
    <t>893780.0</t>
  </si>
  <si>
    <t>76.974</t>
  </si>
  <si>
    <t>900575.0</t>
  </si>
  <si>
    <t>6795.0</t>
  </si>
  <si>
    <t>77.559</t>
  </si>
  <si>
    <t>7021.4</t>
  </si>
  <si>
    <t>602.389017154626</t>
  </si>
  <si>
    <t>906013.0</t>
  </si>
  <si>
    <t>78.028</t>
  </si>
  <si>
    <t>11809.0</t>
  </si>
  <si>
    <t>14.756</t>
  </si>
  <si>
    <t>916669.0</t>
  </si>
  <si>
    <t>10656.0</t>
  </si>
  <si>
    <t>78.945</t>
  </si>
  <si>
    <t>18.102</t>
  </si>
  <si>
    <t>931469.0</t>
  </si>
  <si>
    <t>10589.0</t>
  </si>
  <si>
    <t>944311.0</t>
  </si>
  <si>
    <t>12842.0</t>
  </si>
  <si>
    <t>957394.0</t>
  </si>
  <si>
    <t>13083.0</t>
  </si>
  <si>
    <t>82.453</t>
  </si>
  <si>
    <t>9.523</t>
  </si>
  <si>
    <t>969259.0</t>
  </si>
  <si>
    <t>83.475</t>
  </si>
  <si>
    <t>10783.0</t>
  </si>
  <si>
    <t>9.952</t>
  </si>
  <si>
    <t>49.417</t>
  </si>
  <si>
    <t>976566.0</t>
  </si>
  <si>
    <t>84.104</t>
  </si>
  <si>
    <t>6947.5</t>
  </si>
  <si>
    <t>-3.95</t>
  </si>
  <si>
    <t>596.048892910497</t>
  </si>
  <si>
    <t>9.866</t>
  </si>
  <si>
    <t>987579.0</t>
  </si>
  <si>
    <t>11013.0</t>
  </si>
  <si>
    <t>85.052</t>
  </si>
  <si>
    <t>11652.0</t>
  </si>
  <si>
    <t>8.751</t>
  </si>
  <si>
    <t>1002664.0</t>
  </si>
  <si>
    <t>15085.0</t>
  </si>
  <si>
    <t>86.352</t>
  </si>
  <si>
    <t>12285.0</t>
  </si>
  <si>
    <t>8.494</t>
  </si>
  <si>
    <t>41.524</t>
  </si>
  <si>
    <t>1016990.0</t>
  </si>
  <si>
    <t>14326.0</t>
  </si>
  <si>
    <t>87.585</t>
  </si>
  <si>
    <t>1.234</t>
  </si>
  <si>
    <t>12217.0</t>
  </si>
  <si>
    <t>1030931.0</t>
  </si>
  <si>
    <t>13941.0</t>
  </si>
  <si>
    <t>88.786</t>
  </si>
  <si>
    <t>12374.0</t>
  </si>
  <si>
    <t>36.462</t>
  </si>
  <si>
    <t>1044674.0</t>
  </si>
  <si>
    <t>89.97</t>
  </si>
  <si>
    <t>12469.0</t>
  </si>
  <si>
    <t>13.298</t>
  </si>
  <si>
    <t>1057195.0</t>
  </si>
  <si>
    <t>12521.0</t>
  </si>
  <si>
    <t>91.048</t>
  </si>
  <si>
    <t>12562.0</t>
  </si>
  <si>
    <t>7.292</t>
  </si>
  <si>
    <t>1063440.0</t>
  </si>
  <si>
    <t>91.586</t>
  </si>
  <si>
    <t>599.780901092088</t>
  </si>
  <si>
    <t>6.434</t>
  </si>
  <si>
    <t>1075345.0</t>
  </si>
  <si>
    <t>92.611</t>
  </si>
  <si>
    <t>12538.0</t>
  </si>
  <si>
    <t>5.748</t>
  </si>
  <si>
    <t>12.354</t>
  </si>
  <si>
    <t>1090539.0</t>
  </si>
  <si>
    <t>93.92</t>
  </si>
  <si>
    <t>12.268</t>
  </si>
  <si>
    <t>1105851.0</t>
  </si>
  <si>
    <t>15312.0</t>
  </si>
  <si>
    <t>95.238</t>
  </si>
  <si>
    <t>4.461</t>
  </si>
  <si>
    <t>1119810.0</t>
  </si>
  <si>
    <t>13959.0</t>
  </si>
  <si>
    <t>96.44</t>
  </si>
  <si>
    <t>12697.0</t>
  </si>
  <si>
    <t>26.424</t>
  </si>
  <si>
    <t>1133205.0</t>
  </si>
  <si>
    <t>97.594</t>
  </si>
  <si>
    <t>12647.0</t>
  </si>
  <si>
    <t>1145739.0</t>
  </si>
  <si>
    <t>98.673</t>
  </si>
  <si>
    <t>1152341.0</t>
  </si>
  <si>
    <t>6602.0</t>
  </si>
  <si>
    <t>99.242</t>
  </si>
  <si>
    <t>6895.5</t>
  </si>
  <si>
    <t>-4.98</t>
  </si>
  <si>
    <t>591.587641750893</t>
  </si>
  <si>
    <t>25.137</t>
  </si>
  <si>
    <t>11.325</t>
  </si>
  <si>
    <t>1163470.0</t>
  </si>
  <si>
    <t>11129.0</t>
  </si>
  <si>
    <t>12589.0</t>
  </si>
  <si>
    <t>3.518</t>
  </si>
  <si>
    <t>1180853.0</t>
  </si>
  <si>
    <t>101.698</t>
  </si>
  <si>
    <t>12902.0</t>
  </si>
  <si>
    <t>1199319.0</t>
  </si>
  <si>
    <t>103.288</t>
  </si>
  <si>
    <t>1214521.0</t>
  </si>
  <si>
    <t>15202.0</t>
  </si>
  <si>
    <t>104.597</t>
  </si>
  <si>
    <t>13530.0</t>
  </si>
  <si>
    <t>3.089</t>
  </si>
  <si>
    <t>1229075.0</t>
  </si>
  <si>
    <t>14554.0</t>
  </si>
  <si>
    <t>105.851</t>
  </si>
  <si>
    <t>9.351</t>
  </si>
  <si>
    <t>1240025.0</t>
  </si>
  <si>
    <t>10950.0</t>
  </si>
  <si>
    <t>106.794</t>
  </si>
  <si>
    <t>1246209.0</t>
  </si>
  <si>
    <t>107.326</t>
  </si>
  <si>
    <t>13410.0</t>
  </si>
  <si>
    <t>6971.6</t>
  </si>
  <si>
    <t>598.11651123639</t>
  </si>
  <si>
    <t>20.934</t>
  </si>
  <si>
    <t>1258201.0</t>
  </si>
  <si>
    <t>11992.0</t>
  </si>
  <si>
    <t>108.359</t>
  </si>
  <si>
    <t>1274263.0</t>
  </si>
  <si>
    <t>16062.0</t>
  </si>
  <si>
    <t>109.742</t>
  </si>
  <si>
    <t>13344.0</t>
  </si>
  <si>
    <t>17.416</t>
  </si>
  <si>
    <t>1289435.0</t>
  </si>
  <si>
    <t>15172.0</t>
  </si>
  <si>
    <t>111.049</t>
  </si>
  <si>
    <t>12874.0</t>
  </si>
  <si>
    <t>1303042.0</t>
  </si>
  <si>
    <t>112.221</t>
  </si>
  <si>
    <t>12646.0</t>
  </si>
  <si>
    <t>1315418.0</t>
  </si>
  <si>
    <t>12376.0</t>
  </si>
  <si>
    <t>113.287</t>
  </si>
  <si>
    <t>1325421.0</t>
  </si>
  <si>
    <t>114.148</t>
  </si>
  <si>
    <t>12199.0</t>
  </si>
  <si>
    <t>1331221.0</t>
  </si>
  <si>
    <t>114.648</t>
  </si>
  <si>
    <t>6721.5</t>
  </si>
  <si>
    <t>-12.39</t>
  </si>
  <si>
    <t>576.659609024528</t>
  </si>
  <si>
    <t>14.499</t>
  </si>
  <si>
    <t>1341942.0</t>
  </si>
  <si>
    <t>10721.0</t>
  </si>
  <si>
    <t>115.571</t>
  </si>
  <si>
    <t>11963.0</t>
  </si>
  <si>
    <t>15.271</t>
  </si>
  <si>
    <t>1355866.0</t>
  </si>
  <si>
    <t>13924.0</t>
  </si>
  <si>
    <t>14.156</t>
  </si>
  <si>
    <t>1369725.0</t>
  </si>
  <si>
    <t>11470.0</t>
  </si>
  <si>
    <t>13.727</t>
  </si>
  <si>
    <t>1382260.0</t>
  </si>
  <si>
    <t>119.043</t>
  </si>
  <si>
    <t>1394282.0</t>
  </si>
  <si>
    <t>12022.0</t>
  </si>
  <si>
    <t>120.079</t>
  </si>
  <si>
    <t>11266.0</t>
  </si>
  <si>
    <t>2.402</t>
  </si>
  <si>
    <t>6.091</t>
  </si>
  <si>
    <t>1403572.0</t>
  </si>
  <si>
    <t>120.879</t>
  </si>
  <si>
    <t>11164.0</t>
  </si>
  <si>
    <t>1409194.0</t>
  </si>
  <si>
    <t>121.363</t>
  </si>
  <si>
    <t>11139.0</t>
  </si>
  <si>
    <t>6546.8</t>
  </si>
  <si>
    <t>-9.41</t>
  </si>
  <si>
    <t>561.67152099409</t>
  </si>
  <si>
    <t>6.006</t>
  </si>
  <si>
    <t>1419435.0</t>
  </si>
  <si>
    <t>122.245</t>
  </si>
  <si>
    <t>1434505.0</t>
  </si>
  <si>
    <t>123.543</t>
  </si>
  <si>
    <t>6.263</t>
  </si>
  <si>
    <t>1450859.0</t>
  </si>
  <si>
    <t>16354.0</t>
  </si>
  <si>
    <t>124.951</t>
  </si>
  <si>
    <t>1465338.0</t>
  </si>
  <si>
    <t>14479.0</t>
  </si>
  <si>
    <t>126.198</t>
  </si>
  <si>
    <t>11868.0</t>
  </si>
  <si>
    <t>6.863</t>
  </si>
  <si>
    <t>1479331.0</t>
  </si>
  <si>
    <t>13993.0</t>
  </si>
  <si>
    <t>127.403</t>
  </si>
  <si>
    <t>12150.0</t>
  </si>
  <si>
    <t>13.813</t>
  </si>
  <si>
    <t>8.236</t>
  </si>
  <si>
    <t>1489780.0</t>
  </si>
  <si>
    <t>10449.0</t>
  </si>
  <si>
    <t>128.303</t>
  </si>
  <si>
    <t>1496059.0</t>
  </si>
  <si>
    <t>6279.0</t>
  </si>
  <si>
    <t>128.844</t>
  </si>
  <si>
    <t>12409.0</t>
  </si>
  <si>
    <t>6506.1</t>
  </si>
  <si>
    <t>558.179734028785</t>
  </si>
  <si>
    <t>15.529</t>
  </si>
  <si>
    <t>9.609</t>
  </si>
  <si>
    <t>1507960.0</t>
  </si>
  <si>
    <t>129.869</t>
  </si>
  <si>
    <t>1519947.0</t>
  </si>
  <si>
    <t>11987.0</t>
  </si>
  <si>
    <t>130.901</t>
  </si>
  <si>
    <t>12206.0</t>
  </si>
  <si>
    <t>1533230.0</t>
  </si>
  <si>
    <t>132.045</t>
  </si>
  <si>
    <t>1551515.0</t>
  </si>
  <si>
    <t>133.62</t>
  </si>
  <si>
    <t>18.703</t>
  </si>
  <si>
    <t>1570193.0</t>
  </si>
  <si>
    <t>135.228</t>
  </si>
  <si>
    <t>12980.0</t>
  </si>
  <si>
    <t>3.775</t>
  </si>
  <si>
    <t>18.017</t>
  </si>
  <si>
    <t>1584700.0</t>
  </si>
  <si>
    <t>136.478</t>
  </si>
  <si>
    <t>13560.0</t>
  </si>
  <si>
    <t>4.032</t>
  </si>
  <si>
    <t>13.126</t>
  </si>
  <si>
    <t>1595681.0</t>
  </si>
  <si>
    <t>137.423</t>
  </si>
  <si>
    <t>6325.4</t>
  </si>
  <si>
    <t>-9.08</t>
  </si>
  <si>
    <t>542.676886249163</t>
  </si>
  <si>
    <t>1610241.0</t>
  </si>
  <si>
    <t>138.677</t>
  </si>
  <si>
    <t>1.254</t>
  </si>
  <si>
    <t>4.204</t>
  </si>
  <si>
    <t>1635762.0</t>
  </si>
  <si>
    <t>25521.0</t>
  </si>
  <si>
    <t>140.875</t>
  </si>
  <si>
    <t>16545.0</t>
  </si>
  <si>
    <t>1661242.0</t>
  </si>
  <si>
    <t>25480.0</t>
  </si>
  <si>
    <t>143.07</t>
  </si>
  <si>
    <t>2.194</t>
  </si>
  <si>
    <t>1687376.0</t>
  </si>
  <si>
    <t>26134.0</t>
  </si>
  <si>
    <t>145.32</t>
  </si>
  <si>
    <t>2.251</t>
  </si>
  <si>
    <t>21.706</t>
  </si>
  <si>
    <t>1708906.0</t>
  </si>
  <si>
    <t>21530.0</t>
  </si>
  <si>
    <t>147.175</t>
  </si>
  <si>
    <t>19816.0</t>
  </si>
  <si>
    <t>4.804</t>
  </si>
  <si>
    <t>1729324.0</t>
  </si>
  <si>
    <t>20418.0</t>
  </si>
  <si>
    <t>148.933</t>
  </si>
  <si>
    <t>20661.0</t>
  </si>
  <si>
    <t>4.976</t>
  </si>
  <si>
    <t>1741019.0</t>
  </si>
  <si>
    <t>11695.0</t>
  </si>
  <si>
    <t>149.94</t>
  </si>
  <si>
    <t>20763.0</t>
  </si>
  <si>
    <t>6392.1</t>
  </si>
  <si>
    <t>9.56</t>
  </si>
  <si>
    <t>548.39929879427</t>
  </si>
  <si>
    <t>1757846.0</t>
  </si>
  <si>
    <t>151.389</t>
  </si>
  <si>
    <t>21086.0</t>
  </si>
  <si>
    <t>1.816</t>
  </si>
  <si>
    <t>5.405</t>
  </si>
  <si>
    <t>1783297.0</t>
  </si>
  <si>
    <t>25451.0</t>
  </si>
  <si>
    <t>153.581</t>
  </si>
  <si>
    <t>21076.0</t>
  </si>
  <si>
    <t>5.233</t>
  </si>
  <si>
    <t>17.673</t>
  </si>
  <si>
    <t>1809676.0</t>
  </si>
  <si>
    <t>26379.0</t>
  </si>
  <si>
    <t>155.853</t>
  </si>
  <si>
    <t>2.272</t>
  </si>
  <si>
    <t>21205.0</t>
  </si>
  <si>
    <t>1832871.0</t>
  </si>
  <si>
    <t>23195.0</t>
  </si>
  <si>
    <t>157.851</t>
  </si>
  <si>
    <t>20785.0</t>
  </si>
  <si>
    <t>24.451</t>
  </si>
  <si>
    <t>1855697.0</t>
  </si>
  <si>
    <t>22826.0</t>
  </si>
  <si>
    <t>159.817</t>
  </si>
  <si>
    <t>20970.0</t>
  </si>
  <si>
    <t>1872365.0</t>
  </si>
  <si>
    <t>16668.0</t>
  </si>
  <si>
    <t>161.252</t>
  </si>
  <si>
    <t>20434.0</t>
  </si>
  <si>
    <t>19.389</t>
  </si>
  <si>
    <t>1882321.0</t>
  </si>
  <si>
    <t>9956.0</t>
  </si>
  <si>
    <t>162.109</t>
  </si>
  <si>
    <t>20186.0</t>
  </si>
  <si>
    <t>6567.8</t>
  </si>
  <si>
    <t>563.473180116238</t>
  </si>
  <si>
    <t>20.419</t>
  </si>
  <si>
    <t>1899357.0</t>
  </si>
  <si>
    <t>163.577</t>
  </si>
  <si>
    <t>20216.0</t>
  </si>
  <si>
    <t>6.606</t>
  </si>
  <si>
    <t>1925015.0</t>
  </si>
  <si>
    <t>25658.0</t>
  </si>
  <si>
    <t>165.786</t>
  </si>
  <si>
    <t>25.824</t>
  </si>
  <si>
    <t>1947088.0</t>
  </si>
  <si>
    <t>22073.0</t>
  </si>
  <si>
    <t>167.687</t>
  </si>
  <si>
    <t>19630.0</t>
  </si>
  <si>
    <t>6.349</t>
  </si>
  <si>
    <t>1968947.0</t>
  </si>
  <si>
    <t>169.57</t>
  </si>
  <si>
    <t>19439.0</t>
  </si>
  <si>
    <t>1987623.0</t>
  </si>
  <si>
    <t>171.178</t>
  </si>
  <si>
    <t>18847.0</t>
  </si>
  <si>
    <t>2000604.0</t>
  </si>
  <si>
    <t>12981.0</t>
  </si>
  <si>
    <t>172.296</t>
  </si>
  <si>
    <t>18320.0</t>
  </si>
  <si>
    <t>7.378</t>
  </si>
  <si>
    <t>23.936</t>
  </si>
  <si>
    <t>2009536.0</t>
  </si>
  <si>
    <t>173.065</t>
  </si>
  <si>
    <t>7599.7</t>
  </si>
  <si>
    <t>652.00327764691</t>
  </si>
  <si>
    <t>7.807</t>
  </si>
  <si>
    <t>2027534.0</t>
  </si>
  <si>
    <t>17998.0</t>
  </si>
  <si>
    <t>174.616</t>
  </si>
  <si>
    <t>18311.0</t>
  </si>
  <si>
    <t>1.577</t>
  </si>
  <si>
    <t>2054645.0</t>
  </si>
  <si>
    <t>27111.0</t>
  </si>
  <si>
    <t>18519.0</t>
  </si>
  <si>
    <t>7.121</t>
  </si>
  <si>
    <t>28.655</t>
  </si>
  <si>
    <t>2077733.0</t>
  </si>
  <si>
    <t>23088.0</t>
  </si>
  <si>
    <t>178.939</t>
  </si>
  <si>
    <t>18664.0</t>
  </si>
  <si>
    <t>19.732</t>
  </si>
  <si>
    <t>2101585.0</t>
  </si>
  <si>
    <t>23852.0</t>
  </si>
  <si>
    <t>180.993</t>
  </si>
  <si>
    <t>18948.0</t>
  </si>
  <si>
    <t>2122398.0</t>
  </si>
  <si>
    <t>20813.0</t>
  </si>
  <si>
    <t>182.785</t>
  </si>
  <si>
    <t>19254.0</t>
  </si>
  <si>
    <t>26.596</t>
  </si>
  <si>
    <t>2138029.0</t>
  </si>
  <si>
    <t>15631.0</t>
  </si>
  <si>
    <t>184.132</t>
  </si>
  <si>
    <t>19632.0</t>
  </si>
  <si>
    <t>2146558.0</t>
  </si>
  <si>
    <t>8529.0</t>
  </si>
  <si>
    <t>184.866</t>
  </si>
  <si>
    <t>19575.0</t>
  </si>
  <si>
    <t>679.311282341175</t>
  </si>
  <si>
    <t>16.815</t>
  </si>
  <si>
    <t>2164167.0</t>
  </si>
  <si>
    <t>17609.0</t>
  </si>
  <si>
    <t>186.383</t>
  </si>
  <si>
    <t>19519.0</t>
  </si>
  <si>
    <t>2191207.0</t>
  </si>
  <si>
    <t>188.711</t>
  </si>
  <si>
    <t>19509.0</t>
  </si>
  <si>
    <t>2215803.0</t>
  </si>
  <si>
    <t>24596.0</t>
  </si>
  <si>
    <t>190.83</t>
  </si>
  <si>
    <t>12.526</t>
  </si>
  <si>
    <t>2237111.0</t>
  </si>
  <si>
    <t>192.665</t>
  </si>
  <si>
    <t>19361.0</t>
  </si>
  <si>
    <t>2262225.0</t>
  </si>
  <si>
    <t>25114.0</t>
  </si>
  <si>
    <t>194.828</t>
  </si>
  <si>
    <t>19975.0</t>
  </si>
  <si>
    <t>6.177</t>
  </si>
  <si>
    <t>2281277.0</t>
  </si>
  <si>
    <t>19052.0</t>
  </si>
  <si>
    <t>196.468</t>
  </si>
  <si>
    <t>20464.0</t>
  </si>
  <si>
    <t>2291877.0</t>
  </si>
  <si>
    <t>10600.0</t>
  </si>
  <si>
    <t>197.381</t>
  </si>
  <si>
    <t>20760.0</t>
  </si>
  <si>
    <t>7894.1</t>
  </si>
  <si>
    <t>677.260822673588</t>
  </si>
  <si>
    <t>20.848</t>
  </si>
  <si>
    <t>9.695</t>
  </si>
  <si>
    <t>2311534.0</t>
  </si>
  <si>
    <t>19657.0</t>
  </si>
  <si>
    <t>199.074</t>
  </si>
  <si>
    <t>21052.0</t>
  </si>
  <si>
    <t>2339757.0</t>
  </si>
  <si>
    <t>28223.0</t>
  </si>
  <si>
    <t>201.505</t>
  </si>
  <si>
    <t>21221.0</t>
  </si>
  <si>
    <t>2369826.0</t>
  </si>
  <si>
    <t>30069.0</t>
  </si>
  <si>
    <t>204.094</t>
  </si>
  <si>
    <t>2393843.0</t>
  </si>
  <si>
    <t>24017.0</t>
  </si>
  <si>
    <t>206.163</t>
  </si>
  <si>
    <t>2.068</t>
  </si>
  <si>
    <t>22390.0</t>
  </si>
  <si>
    <t>2420426.0</t>
  </si>
  <si>
    <t>26583.0</t>
  </si>
  <si>
    <t>208.452</t>
  </si>
  <si>
    <t>22600.0</t>
  </si>
  <si>
    <t>2440166.0</t>
  </si>
  <si>
    <t>19740.0</t>
  </si>
  <si>
    <t>210.152</t>
  </si>
  <si>
    <t>22698.0</t>
  </si>
  <si>
    <t>12.011</t>
  </si>
  <si>
    <t>2451129.0</t>
  </si>
  <si>
    <t>211.096</t>
  </si>
  <si>
    <t>22750.0</t>
  </si>
  <si>
    <t>7942.2</t>
  </si>
  <si>
    <t>681.387479996222</t>
  </si>
  <si>
    <t>12.697</t>
  </si>
  <si>
    <t>2474258.0</t>
  </si>
  <si>
    <t>213.088</t>
  </si>
  <si>
    <t>1.992</t>
  </si>
  <si>
    <t>23246.0</t>
  </si>
  <si>
    <t>2509381.0</t>
  </si>
  <si>
    <t>216.113</t>
  </si>
  <si>
    <t>24232.0</t>
  </si>
  <si>
    <t>2544428.0</t>
  </si>
  <si>
    <t>35047.0</t>
  </si>
  <si>
    <t>219.132</t>
  </si>
  <si>
    <t>24943.0</t>
  </si>
  <si>
    <t>36232.0</t>
  </si>
  <si>
    <t>222.252</t>
  </si>
  <si>
    <t>26688.0</t>
  </si>
  <si>
    <t>2618702.0</t>
  </si>
  <si>
    <t>38042.0</t>
  </si>
  <si>
    <t>225.528</t>
  </si>
  <si>
    <t>3.276</t>
  </si>
  <si>
    <t>2645828.0</t>
  </si>
  <si>
    <t>227.864</t>
  </si>
  <si>
    <t>2.336</t>
  </si>
  <si>
    <t>29380.0</t>
  </si>
  <si>
    <t>2664983.0</t>
  </si>
  <si>
    <t>19155.0</t>
  </si>
  <si>
    <t>229.514</t>
  </si>
  <si>
    <t>30551.0</t>
  </si>
  <si>
    <t>7907.9</t>
  </si>
  <si>
    <t>-1.84</t>
  </si>
  <si>
    <t>678.444770096714</t>
  </si>
  <si>
    <t>2694290.0</t>
  </si>
  <si>
    <t>29307.0</t>
  </si>
  <si>
    <t>232.038</t>
  </si>
  <si>
    <t>2.524</t>
  </si>
  <si>
    <t>31433.0</t>
  </si>
  <si>
    <t>2.707</t>
  </si>
  <si>
    <t>27.025</t>
  </si>
  <si>
    <t>2736593.0</t>
  </si>
  <si>
    <t>42303.0</t>
  </si>
  <si>
    <t>235.681</t>
  </si>
  <si>
    <t>32459.0</t>
  </si>
  <si>
    <t>2783267.0</t>
  </si>
  <si>
    <t>46674.0</t>
  </si>
  <si>
    <t>239.701</t>
  </si>
  <si>
    <t>34120.0</t>
  </si>
  <si>
    <t>24.537</t>
  </si>
  <si>
    <t>2826489.0</t>
  </si>
  <si>
    <t>43222.0</t>
  </si>
  <si>
    <t>243.423</t>
  </si>
  <si>
    <t>35118.0</t>
  </si>
  <si>
    <t>33.631</t>
  </si>
  <si>
    <t>2867917.0</t>
  </si>
  <si>
    <t>41428.0</t>
  </si>
  <si>
    <t>246.991</t>
  </si>
  <si>
    <t>35602.0</t>
  </si>
  <si>
    <t>3.066</t>
  </si>
  <si>
    <t>28.827</t>
  </si>
  <si>
    <t>2894309.0</t>
  </si>
  <si>
    <t>26392.0</t>
  </si>
  <si>
    <t>249.264</t>
  </si>
  <si>
    <t>35497.0</t>
  </si>
  <si>
    <t>2916183.0</t>
  </si>
  <si>
    <t>21874.0</t>
  </si>
  <si>
    <t>251.148</t>
  </si>
  <si>
    <t>1.884</t>
  </si>
  <si>
    <t>35886.0</t>
  </si>
  <si>
    <t>3.091</t>
  </si>
  <si>
    <t>8034.2</t>
  </si>
  <si>
    <t>689.280462817059</t>
  </si>
  <si>
    <t>31.915</t>
  </si>
  <si>
    <t>2951115.0</t>
  </si>
  <si>
    <t>34932.0</t>
  </si>
  <si>
    <t>254.156</t>
  </si>
  <si>
    <t>3.008</t>
  </si>
  <si>
    <t>36689.0</t>
  </si>
  <si>
    <t>2996164.0</t>
  </si>
  <si>
    <t>45049.0</t>
  </si>
  <si>
    <t>258.036</t>
  </si>
  <si>
    <t>37082.0</t>
  </si>
  <si>
    <t>3040598.0</t>
  </si>
  <si>
    <t>44434.0</t>
  </si>
  <si>
    <t>261.863</t>
  </si>
  <si>
    <t>3.827</t>
  </si>
  <si>
    <t>36762.0</t>
  </si>
  <si>
    <t>51.648</t>
  </si>
  <si>
    <t>3081153.0</t>
  </si>
  <si>
    <t>40555.0</t>
  </si>
  <si>
    <t>265.355</t>
  </si>
  <si>
    <t>3.493</t>
  </si>
  <si>
    <t>36381.0</t>
  </si>
  <si>
    <t>9.437</t>
  </si>
  <si>
    <t>3118998.0</t>
  </si>
  <si>
    <t>37845.0</t>
  </si>
  <si>
    <t>268.615</t>
  </si>
  <si>
    <t>35869.0</t>
  </si>
  <si>
    <t>53.707</t>
  </si>
  <si>
    <t>3152438.0</t>
  </si>
  <si>
    <t>271.495</t>
  </si>
  <si>
    <t>36876.0</t>
  </si>
  <si>
    <t>11.582</t>
  </si>
  <si>
    <t>3172834.0</t>
  </si>
  <si>
    <t>20396.0</t>
  </si>
  <si>
    <t>273.251</t>
  </si>
  <si>
    <t>36664.0</t>
  </si>
  <si>
    <t>8047.7</t>
  </si>
  <si>
    <t>690.438672252725</t>
  </si>
  <si>
    <t>60.742</t>
  </si>
  <si>
    <t>3201393.0</t>
  </si>
  <si>
    <t>28559.0</t>
  </si>
  <si>
    <t>275.711</t>
  </si>
  <si>
    <t>3.079</t>
  </si>
  <si>
    <t>43.84</t>
  </si>
  <si>
    <t>3249696.0</t>
  </si>
  <si>
    <t>48303.0</t>
  </si>
  <si>
    <t>279.871</t>
  </si>
  <si>
    <t>36219.0</t>
  </si>
  <si>
    <t>45.127</t>
  </si>
  <si>
    <t>3296394.0</t>
  </si>
  <si>
    <t>46698.0</t>
  </si>
  <si>
    <t>283.892</t>
  </si>
  <si>
    <t>36542.0</t>
  </si>
  <si>
    <t>3.147</t>
  </si>
  <si>
    <t>3338168.0</t>
  </si>
  <si>
    <t>41774.0</t>
  </si>
  <si>
    <t>287.49</t>
  </si>
  <si>
    <t>36716.0</t>
  </si>
  <si>
    <t>3379951.0</t>
  </si>
  <si>
    <t>41783.0</t>
  </si>
  <si>
    <t>291.089</t>
  </si>
  <si>
    <t>37279.0</t>
  </si>
  <si>
    <t>3414202.0</t>
  </si>
  <si>
    <t>34251.0</t>
  </si>
  <si>
    <t>294.038</t>
  </si>
  <si>
    <t>37395.0</t>
  </si>
  <si>
    <t>74.297</t>
  </si>
  <si>
    <t>3432174.0</t>
  </si>
  <si>
    <t>17972.0</t>
  </si>
  <si>
    <t>295.586</t>
  </si>
  <si>
    <t>37049.0</t>
  </si>
  <si>
    <t>3.191</t>
  </si>
  <si>
    <t>8003.8</t>
  </si>
  <si>
    <t>-2.24</t>
  </si>
  <si>
    <t>686.672346754521</t>
  </si>
  <si>
    <t>80.388</t>
  </si>
  <si>
    <t>3459575.0</t>
  </si>
  <si>
    <t>27401.0</t>
  </si>
  <si>
    <t>297.946</t>
  </si>
  <si>
    <t>36883.0</t>
  </si>
  <si>
    <t>3505477.0</t>
  </si>
  <si>
    <t>45902.0</t>
  </si>
  <si>
    <t>301.899</t>
  </si>
  <si>
    <t>3.953</t>
  </si>
  <si>
    <t>36540.0</t>
  </si>
  <si>
    <t>3559960.0</t>
  </si>
  <si>
    <t>54483.0</t>
  </si>
  <si>
    <t>306.591</t>
  </si>
  <si>
    <t>4.692</t>
  </si>
  <si>
    <t>37652.0</t>
  </si>
  <si>
    <t>18.274</t>
  </si>
  <si>
    <t>95.231</t>
  </si>
  <si>
    <t>62.2</t>
  </si>
  <si>
    <t>3610143.0</t>
  </si>
  <si>
    <t>50183.0</t>
  </si>
  <si>
    <t>310.913</t>
  </si>
  <si>
    <t>4.322</t>
  </si>
  <si>
    <t>38854.0</t>
  </si>
  <si>
    <t>3663909.0</t>
  </si>
  <si>
    <t>53766.0</t>
  </si>
  <si>
    <t>315.544</t>
  </si>
  <si>
    <t>40565.0</t>
  </si>
  <si>
    <t>3711514.0</t>
  </si>
  <si>
    <t>319.643</t>
  </si>
  <si>
    <t>42473.0</t>
  </si>
  <si>
    <t>3.658</t>
  </si>
  <si>
    <t>3741909.0</t>
  </si>
  <si>
    <t>30395.0</t>
  </si>
  <si>
    <t>322.261</t>
  </si>
  <si>
    <t>44248.0</t>
  </si>
  <si>
    <t>3.811</t>
  </si>
  <si>
    <t>8048.9</t>
  </si>
  <si>
    <t>690.541624202562</t>
  </si>
  <si>
    <t>3786458.0</t>
  </si>
  <si>
    <t>326.098</t>
  </si>
  <si>
    <t>3846013.0</t>
  </si>
  <si>
    <t>59555.0</t>
  </si>
  <si>
    <t>331.227</t>
  </si>
  <si>
    <t>5.129</t>
  </si>
  <si>
    <t>48648.0</t>
  </si>
  <si>
    <t>152.54</t>
  </si>
  <si>
    <t>107.842</t>
  </si>
  <si>
    <t>3919002.0</t>
  </si>
  <si>
    <t>72989.0</t>
  </si>
  <si>
    <t>337.513</t>
  </si>
  <si>
    <t>6.286</t>
  </si>
  <si>
    <t>51292.0</t>
  </si>
  <si>
    <t>4.417</t>
  </si>
  <si>
    <t>3985272.0</t>
  </si>
  <si>
    <t>66270.0</t>
  </si>
  <si>
    <t>343.22</t>
  </si>
  <si>
    <t>5.707</t>
  </si>
  <si>
    <t>53590.0</t>
  </si>
  <si>
    <t>180.08</t>
  </si>
  <si>
    <t>130.32</t>
  </si>
  <si>
    <t>4053993.0</t>
  </si>
  <si>
    <t>68721.0</t>
  </si>
  <si>
    <t>349.138</t>
  </si>
  <si>
    <t>55726.0</t>
  </si>
  <si>
    <t>4.799</t>
  </si>
  <si>
    <t>194.493</t>
  </si>
  <si>
    <t>147.479</t>
  </si>
  <si>
    <t>4115901.0</t>
  </si>
  <si>
    <t>61908.0</t>
  </si>
  <si>
    <t>354.47</t>
  </si>
  <si>
    <t>5.332</t>
  </si>
  <si>
    <t>57770.0</t>
  </si>
  <si>
    <t>4.975</t>
  </si>
  <si>
    <t>4160616.0</t>
  </si>
  <si>
    <t>44715.0</t>
  </si>
  <si>
    <t>358.321</t>
  </si>
  <si>
    <t>3.851</t>
  </si>
  <si>
    <t>59815.0</t>
  </si>
  <si>
    <t>8206.0</t>
  </si>
  <si>
    <t>704.019750302057</t>
  </si>
  <si>
    <t>4216547.0</t>
  </si>
  <si>
    <t>55931.0</t>
  </si>
  <si>
    <t>363.138</t>
  </si>
  <si>
    <t>4.817</t>
  </si>
  <si>
    <t>61441.0</t>
  </si>
  <si>
    <t>4294929.0</t>
  </si>
  <si>
    <t>78382.0</t>
  </si>
  <si>
    <t>369.888</t>
  </si>
  <si>
    <t>64131.0</t>
  </si>
  <si>
    <t>5.523</t>
  </si>
  <si>
    <t>4375782.0</t>
  </si>
  <si>
    <t>80853.0</t>
  </si>
  <si>
    <t>376.852</t>
  </si>
  <si>
    <t>6.963</t>
  </si>
  <si>
    <t>65254.0</t>
  </si>
  <si>
    <t>4455819.0</t>
  </si>
  <si>
    <t>80037.0</t>
  </si>
  <si>
    <t>383.745</t>
  </si>
  <si>
    <t>6.893</t>
  </si>
  <si>
    <t>67221.0</t>
  </si>
  <si>
    <t>5.789</t>
  </si>
  <si>
    <t>4056.0</t>
  </si>
  <si>
    <t>347.978</t>
  </si>
  <si>
    <t>4524991.0</t>
  </si>
  <si>
    <t>69172.0</t>
  </si>
  <si>
    <t>389.702</t>
  </si>
  <si>
    <t>5.957</t>
  </si>
  <si>
    <t>4588617.0</t>
  </si>
  <si>
    <t>63626.0</t>
  </si>
  <si>
    <t>395.181</t>
  </si>
  <si>
    <t>67531.0</t>
  </si>
  <si>
    <t>64.86</t>
  </si>
  <si>
    <t>4628092.0</t>
  </si>
  <si>
    <t>39475.0</t>
  </si>
  <si>
    <t>398.581</t>
  </si>
  <si>
    <t>66782.0</t>
  </si>
  <si>
    <t>5.751</t>
  </si>
  <si>
    <t>8848.3</t>
  </si>
  <si>
    <t>759.124781452314</t>
  </si>
  <si>
    <t>4678269.0</t>
  </si>
  <si>
    <t>50177.0</t>
  </si>
  <si>
    <t>402.902</t>
  </si>
  <si>
    <t>4.321</t>
  </si>
  <si>
    <t>65960.0</t>
  </si>
  <si>
    <t>5548.0</t>
  </si>
  <si>
    <t>475.981</t>
  </si>
  <si>
    <t>3965.0</t>
  </si>
  <si>
    <t>4749745.0</t>
  </si>
  <si>
    <t>71476.0</t>
  </si>
  <si>
    <t>409.058</t>
  </si>
  <si>
    <t>64974.0</t>
  </si>
  <si>
    <t>5.596</t>
  </si>
  <si>
    <t>367.796</t>
  </si>
  <si>
    <t>4827853.0</t>
  </si>
  <si>
    <t>78108.0</t>
  </si>
  <si>
    <t>415.785</t>
  </si>
  <si>
    <t>6.727</t>
  </si>
  <si>
    <t>64582.0</t>
  </si>
  <si>
    <t>5.562</t>
  </si>
  <si>
    <t>6187.0</t>
  </si>
  <si>
    <t>4899782.0</t>
  </si>
  <si>
    <t>71929.0</t>
  </si>
  <si>
    <t>421.98</t>
  </si>
  <si>
    <t>6.195</t>
  </si>
  <si>
    <t>63423.0</t>
  </si>
  <si>
    <t>5.462</t>
  </si>
  <si>
    <t>6439.0</t>
  </si>
  <si>
    <t>4965816.0</t>
  </si>
  <si>
    <t>66034.0</t>
  </si>
  <si>
    <t>427.667</t>
  </si>
  <si>
    <t>5.687</t>
  </si>
  <si>
    <t>62975.0</t>
  </si>
  <si>
    <t>5.424</t>
  </si>
  <si>
    <t>5020416.0</t>
  </si>
  <si>
    <t>54600.0</t>
  </si>
  <si>
    <t>432.369</t>
  </si>
  <si>
    <t>61686.0</t>
  </si>
  <si>
    <t>6824.0</t>
  </si>
  <si>
    <t>5044586.0</t>
  </si>
  <si>
    <t>24170.0</t>
  </si>
  <si>
    <t>434.45</t>
  </si>
  <si>
    <t>870.973495621068</t>
  </si>
  <si>
    <t>111.703</t>
  </si>
  <si>
    <t>5073519.0</t>
  </si>
  <si>
    <t>28933.0</t>
  </si>
  <si>
    <t>436.942</t>
  </si>
  <si>
    <t>2.492</t>
  </si>
  <si>
    <t>56464.0</t>
  </si>
  <si>
    <t>7461.0</t>
  </si>
  <si>
    <t>5128401.0</t>
  </si>
  <si>
    <t>54882.0</t>
  </si>
  <si>
    <t>441.669</t>
  </si>
  <si>
    <t>4.727</t>
  </si>
  <si>
    <t>54094.0</t>
  </si>
  <si>
    <t>121.14</t>
  </si>
  <si>
    <t>7411.0</t>
  </si>
  <si>
    <t>5173407.0</t>
  </si>
  <si>
    <t>45006.0</t>
  </si>
  <si>
    <t>445.545</t>
  </si>
  <si>
    <t>3.876</t>
  </si>
  <si>
    <t>49365.0</t>
  </si>
  <si>
    <t>4796.0</t>
  </si>
  <si>
    <t>5219135.0</t>
  </si>
  <si>
    <t>45728.0</t>
  </si>
  <si>
    <t>449.483</t>
  </si>
  <si>
    <t>3.938</t>
  </si>
  <si>
    <t>45622.0</t>
  </si>
  <si>
    <t>3.929</t>
  </si>
  <si>
    <t>7224.0</t>
  </si>
  <si>
    <t>619.771</t>
  </si>
  <si>
    <t>5258502.0</t>
  </si>
  <si>
    <t>39367.0</t>
  </si>
  <si>
    <t>452.873</t>
  </si>
  <si>
    <t>41812.0</t>
  </si>
  <si>
    <t>3.601</t>
  </si>
  <si>
    <t>5290864.0</t>
  </si>
  <si>
    <t>32362.0</t>
  </si>
  <si>
    <t>455.66</t>
  </si>
  <si>
    <t>38635.0</t>
  </si>
  <si>
    <t>3.327</t>
  </si>
  <si>
    <t>6955.0</t>
  </si>
  <si>
    <t>5304166.0</t>
  </si>
  <si>
    <t>13302.0</t>
  </si>
  <si>
    <t>456.806</t>
  </si>
  <si>
    <t>37083.0</t>
  </si>
  <si>
    <t>11839.5</t>
  </si>
  <si>
    <t>1015.74967507936</t>
  </si>
  <si>
    <t>7221.0</t>
  </si>
  <si>
    <t>5326536.0</t>
  </si>
  <si>
    <t>22370.0</t>
  </si>
  <si>
    <t>458.733</t>
  </si>
  <si>
    <t>36145.0</t>
  </si>
  <si>
    <t>7058.0</t>
  </si>
  <si>
    <t>5365741.0</t>
  </si>
  <si>
    <t>39205.0</t>
  </si>
  <si>
    <t>462.109</t>
  </si>
  <si>
    <t>3.376</t>
  </si>
  <si>
    <t>33906.0</t>
  </si>
  <si>
    <t>5397536.0</t>
  </si>
  <si>
    <t>31795.0</t>
  </si>
  <si>
    <t>464.847</t>
  </si>
  <si>
    <t>32018.0</t>
  </si>
  <si>
    <t>5425594.0</t>
  </si>
  <si>
    <t>28058.0</t>
  </si>
  <si>
    <t>467.264</t>
  </si>
  <si>
    <t>29494.0</t>
  </si>
  <si>
    <t>5463403.0</t>
  </si>
  <si>
    <t>37809.0</t>
  </si>
  <si>
    <t>470.52</t>
  </si>
  <si>
    <t>5489878.0</t>
  </si>
  <si>
    <t>26475.0</t>
  </si>
  <si>
    <t>472.8</t>
  </si>
  <si>
    <t>28431.0</t>
  </si>
  <si>
    <t>2.449</t>
  </si>
  <si>
    <t>6518.0</t>
  </si>
  <si>
    <t>5503703.0</t>
  </si>
  <si>
    <t>473.991</t>
  </si>
  <si>
    <t>28505.0</t>
  </si>
  <si>
    <t>13232.6</t>
  </si>
  <si>
    <t>13.81</t>
  </si>
  <si>
    <t>1135.26830951097</t>
  </si>
  <si>
    <t>5525158.0</t>
  </si>
  <si>
    <t>21455.0</t>
  </si>
  <si>
    <t>475.838</t>
  </si>
  <si>
    <t>28375.0</t>
  </si>
  <si>
    <t>2.444</t>
  </si>
  <si>
    <t>5565494.0</t>
  </si>
  <si>
    <t>40336.0</t>
  </si>
  <si>
    <t>479.312</t>
  </si>
  <si>
    <t>3.474</t>
  </si>
  <si>
    <t>28536.0</t>
  </si>
  <si>
    <t>113.505</t>
  </si>
  <si>
    <t>5602126.0</t>
  </si>
  <si>
    <t>482.467</t>
  </si>
  <si>
    <t>3.155</t>
  </si>
  <si>
    <t>29227.0</t>
  </si>
  <si>
    <t>2.517</t>
  </si>
  <si>
    <t>5651.0</t>
  </si>
  <si>
    <t>5637376.0</t>
  </si>
  <si>
    <t>35250.0</t>
  </si>
  <si>
    <t>485.503</t>
  </si>
  <si>
    <t>3.036</t>
  </si>
  <si>
    <t>30255.0</t>
  </si>
  <si>
    <t>5671778.0</t>
  </si>
  <si>
    <t>34402.0</t>
  </si>
  <si>
    <t>488.465</t>
  </si>
  <si>
    <t>2.963</t>
  </si>
  <si>
    <t>2.564</t>
  </si>
  <si>
    <t>5693297.0</t>
  </si>
  <si>
    <t>490.319</t>
  </si>
  <si>
    <t>29060.0</t>
  </si>
  <si>
    <t>2.503</t>
  </si>
  <si>
    <t>5704027.0</t>
  </si>
  <si>
    <t>491.243</t>
  </si>
  <si>
    <t>28618.0</t>
  </si>
  <si>
    <t>14311.9</t>
  </si>
  <si>
    <t>1227.8650090602</t>
  </si>
  <si>
    <t>2111.0</t>
  </si>
  <si>
    <t>181.11</t>
  </si>
  <si>
    <t>5726575.0</t>
  </si>
  <si>
    <t>22548.0</t>
  </si>
  <si>
    <t>493.185</t>
  </si>
  <si>
    <t>28774.0</t>
  </si>
  <si>
    <t>5768866.0</t>
  </si>
  <si>
    <t>42291.0</t>
  </si>
  <si>
    <t>496.827</t>
  </si>
  <si>
    <t>3.642</t>
  </si>
  <si>
    <t>29053.0</t>
  </si>
  <si>
    <t>5806071.0</t>
  </si>
  <si>
    <t>37205.0</t>
  </si>
  <si>
    <t>500.031</t>
  </si>
  <si>
    <t>29135.0</t>
  </si>
  <si>
    <t>88.71</t>
  </si>
  <si>
    <t>159.318</t>
  </si>
  <si>
    <t>5840257.0</t>
  </si>
  <si>
    <t>34186.0</t>
  </si>
  <si>
    <t>502.975</t>
  </si>
  <si>
    <t>2.944</t>
  </si>
  <si>
    <t>28983.0</t>
  </si>
  <si>
    <t>5873955.0</t>
  </si>
  <si>
    <t>33698.0</t>
  </si>
  <si>
    <t>505.877</t>
  </si>
  <si>
    <t>2.902</t>
  </si>
  <si>
    <t>28882.0</t>
  </si>
  <si>
    <t>2.487</t>
  </si>
  <si>
    <t>5899738.0</t>
  </si>
  <si>
    <t>25783.0</t>
  </si>
  <si>
    <t>508.098</t>
  </si>
  <si>
    <t>5909368.0</t>
  </si>
  <si>
    <t>508.927</t>
  </si>
  <si>
    <t>29334.0</t>
  </si>
  <si>
    <t>15105.8</t>
  </si>
  <si>
    <t>1295.97630320653</t>
  </si>
  <si>
    <t>5932910.0</t>
  </si>
  <si>
    <t>23542.0</t>
  </si>
  <si>
    <t>510.955</t>
  </si>
  <si>
    <t>29476.0</t>
  </si>
  <si>
    <t>127.06</t>
  </si>
  <si>
    <t>5977268.0</t>
  </si>
  <si>
    <t>44358.0</t>
  </si>
  <si>
    <t>514.775</t>
  </si>
  <si>
    <t>29772.0</t>
  </si>
  <si>
    <t>71.123</t>
  </si>
  <si>
    <t>6013941.0</t>
  </si>
  <si>
    <t>36673.0</t>
  </si>
  <si>
    <t>517.933</t>
  </si>
  <si>
    <t>6048115.0</t>
  </si>
  <si>
    <t>34174.0</t>
  </si>
  <si>
    <t>520.876</t>
  </si>
  <si>
    <t>29694.0</t>
  </si>
  <si>
    <t>6084351.0</t>
  </si>
  <si>
    <t>36236.0</t>
  </si>
  <si>
    <t>523.997</t>
  </si>
  <si>
    <t>30057.0</t>
  </si>
  <si>
    <t>116.765</t>
  </si>
  <si>
    <t>6109125.0</t>
  </si>
  <si>
    <t>24774.0</t>
  </si>
  <si>
    <t>526.131</t>
  </si>
  <si>
    <t>29912.0</t>
  </si>
  <si>
    <t>2.576</t>
  </si>
  <si>
    <t>116.936</t>
  </si>
  <si>
    <t>6119679.0</t>
  </si>
  <si>
    <t>527.04</t>
  </si>
  <si>
    <t>30044.0</t>
  </si>
  <si>
    <t>15650.3</t>
  </si>
  <si>
    <t>1342.69075044507</t>
  </si>
  <si>
    <t>62.114</t>
  </si>
  <si>
    <t>6146287.0</t>
  </si>
  <si>
    <t>26608.0</t>
  </si>
  <si>
    <t>529.331</t>
  </si>
  <si>
    <t>30482.0</t>
  </si>
  <si>
    <t>6192240.0</t>
  </si>
  <si>
    <t>45953.0</t>
  </si>
  <si>
    <t>533.289</t>
  </si>
  <si>
    <t>3.958</t>
  </si>
  <si>
    <t>30710.0</t>
  </si>
  <si>
    <t>2.645</t>
  </si>
  <si>
    <t>56.795</t>
  </si>
  <si>
    <t>6233789.0</t>
  </si>
  <si>
    <t>41549.0</t>
  </si>
  <si>
    <t>536.867</t>
  </si>
  <si>
    <t>3.578</t>
  </si>
  <si>
    <t>31407.0</t>
  </si>
  <si>
    <t>2.705</t>
  </si>
  <si>
    <t>6272010.0</t>
  </si>
  <si>
    <t>38221.0</t>
  </si>
  <si>
    <t>540.159</t>
  </si>
  <si>
    <t>3.292</t>
  </si>
  <si>
    <t>31985.0</t>
  </si>
  <si>
    <t>2.755</t>
  </si>
  <si>
    <t>6310670.0</t>
  </si>
  <si>
    <t>38660.0</t>
  </si>
  <si>
    <t>543.488</t>
  </si>
  <si>
    <t>3.329</t>
  </si>
  <si>
    <t>32331.0</t>
  </si>
  <si>
    <t>6340750.0</t>
  </si>
  <si>
    <t>30080.0</t>
  </si>
  <si>
    <t>546.079</t>
  </si>
  <si>
    <t>33089.0</t>
  </si>
  <si>
    <t>6354408.0</t>
  </si>
  <si>
    <t>13658.0</t>
  </si>
  <si>
    <t>547.255</t>
  </si>
  <si>
    <t>33533.0</t>
  </si>
  <si>
    <t>16214.4</t>
  </si>
  <si>
    <t>15.53</t>
  </si>
  <si>
    <t>1391.08674619762</t>
  </si>
  <si>
    <t>6385909.0</t>
  </si>
  <si>
    <t>31501.0</t>
  </si>
  <si>
    <t>549.968</t>
  </si>
  <si>
    <t>6438976.0</t>
  </si>
  <si>
    <t>53067.0</t>
  </si>
  <si>
    <t>554.538</t>
  </si>
  <si>
    <t>35248.0</t>
  </si>
  <si>
    <t>6489634.0</t>
  </si>
  <si>
    <t>50658.0</t>
  </si>
  <si>
    <t>558.901</t>
  </si>
  <si>
    <t>36549.0</t>
  </si>
  <si>
    <t>48.216</t>
  </si>
  <si>
    <t>6535983.0</t>
  </si>
  <si>
    <t>46349.0</t>
  </si>
  <si>
    <t>562.893</t>
  </si>
  <si>
    <t>3.992</t>
  </si>
  <si>
    <t>37710.0</t>
  </si>
  <si>
    <t>6578306.0</t>
  </si>
  <si>
    <t>42323.0</t>
  </si>
  <si>
    <t>566.538</t>
  </si>
  <si>
    <t>38234.0</t>
  </si>
  <si>
    <t>3.293</t>
  </si>
  <si>
    <t>6611310.0</t>
  </si>
  <si>
    <t>33004.0</t>
  </si>
  <si>
    <t>569.38</t>
  </si>
  <si>
    <t>38651.0</t>
  </si>
  <si>
    <t>6625791.0</t>
  </si>
  <si>
    <t>570.627</t>
  </si>
  <si>
    <t>38769.0</t>
  </si>
  <si>
    <t>16699.9</t>
  </si>
  <si>
    <t>15.66</t>
  </si>
  <si>
    <t>1432.73938923584</t>
  </si>
  <si>
    <t>223.92</t>
  </si>
  <si>
    <t>111.96</t>
  </si>
  <si>
    <t>6658329.0</t>
  </si>
  <si>
    <t>32538.0</t>
  </si>
  <si>
    <t>573.429</t>
  </si>
  <si>
    <t>38917.0</t>
  </si>
  <si>
    <t>45.985</t>
  </si>
  <si>
    <t>6710261.0</t>
  </si>
  <si>
    <t>577.902</t>
  </si>
  <si>
    <t>38755.0</t>
  </si>
  <si>
    <t>3.338</t>
  </si>
  <si>
    <t>6751527.0</t>
  </si>
  <si>
    <t>41266.0</t>
  </si>
  <si>
    <t>581.456</t>
  </si>
  <si>
    <t>3.554</t>
  </si>
  <si>
    <t>37413.0</t>
  </si>
  <si>
    <t>6788493.0</t>
  </si>
  <si>
    <t>36966.0</t>
  </si>
  <si>
    <t>584.639</t>
  </si>
  <si>
    <t>36073.0</t>
  </si>
  <si>
    <t>195.78</t>
  </si>
  <si>
    <t>6801564.0</t>
  </si>
  <si>
    <t>13071.0</t>
  </si>
  <si>
    <t>585.765</t>
  </si>
  <si>
    <t>6819475.0</t>
  </si>
  <si>
    <t>17911.0</t>
  </si>
  <si>
    <t>587.308</t>
  </si>
  <si>
    <t>29738.0</t>
  </si>
  <si>
    <t>99.778</t>
  </si>
  <si>
    <t>6832980.0</t>
  </si>
  <si>
    <t>588.471</t>
  </si>
  <si>
    <t>29598.0</t>
  </si>
  <si>
    <t>17081.6</t>
  </si>
  <si>
    <t>1465.48668861316</t>
  </si>
  <si>
    <t>43.755</t>
  </si>
  <si>
    <t>6862067.0</t>
  </si>
  <si>
    <t>29087.0</t>
  </si>
  <si>
    <t>590.976</t>
  </si>
  <si>
    <t>29105.0</t>
  </si>
  <si>
    <t>2.507</t>
  </si>
  <si>
    <t>6903539.0</t>
  </si>
  <si>
    <t>594.547</t>
  </si>
  <si>
    <t>3.572</t>
  </si>
  <si>
    <t>2.378</t>
  </si>
  <si>
    <t>200.156</t>
  </si>
  <si>
    <t>6936274.0</t>
  </si>
  <si>
    <t>597.367</t>
  </si>
  <si>
    <t>42.382</t>
  </si>
  <si>
    <t>6966831.0</t>
  </si>
  <si>
    <t>30557.0</t>
  </si>
  <si>
    <t>599.998</t>
  </si>
  <si>
    <t>25477.0</t>
  </si>
  <si>
    <t>6978829.0</t>
  </si>
  <si>
    <t>11998.0</t>
  </si>
  <si>
    <t>601.031</t>
  </si>
  <si>
    <t>25324.0</t>
  </si>
  <si>
    <t>6997505.0</t>
  </si>
  <si>
    <t>602.64</t>
  </si>
  <si>
    <t>25433.0</t>
  </si>
  <si>
    <t>7015302.0</t>
  </si>
  <si>
    <t>17797.0</t>
  </si>
  <si>
    <t>604.173</t>
  </si>
  <si>
    <t>1.533</t>
  </si>
  <si>
    <t>26046.0</t>
  </si>
  <si>
    <t>17287.3</t>
  </si>
  <si>
    <t>1483.13436868106</t>
  </si>
  <si>
    <t>39.808</t>
  </si>
  <si>
    <t>7055777.0</t>
  </si>
  <si>
    <t>607.658</t>
  </si>
  <si>
    <t>3.486</t>
  </si>
  <si>
    <t>27673.0</t>
  </si>
  <si>
    <t>36.891</t>
  </si>
  <si>
    <t>7116375.0</t>
  </si>
  <si>
    <t>60598.0</t>
  </si>
  <si>
    <t>612.877</t>
  </si>
  <si>
    <t>30405.0</t>
  </si>
  <si>
    <t>34.66</t>
  </si>
  <si>
    <t>7171937.0</t>
  </si>
  <si>
    <t>55562.0</t>
  </si>
  <si>
    <t>617.662</t>
  </si>
  <si>
    <t>4.785</t>
  </si>
  <si>
    <t>33666.0</t>
  </si>
  <si>
    <t>6944.0</t>
  </si>
  <si>
    <t>4035.0</t>
  </si>
  <si>
    <t>32.687</t>
  </si>
  <si>
    <t>7216491.0</t>
  </si>
  <si>
    <t>44554.0</t>
  </si>
  <si>
    <t>621.499</t>
  </si>
  <si>
    <t>35666.0</t>
  </si>
  <si>
    <t>3.072</t>
  </si>
  <si>
    <t>32.344</t>
  </si>
  <si>
    <t>1996.0</t>
  </si>
  <si>
    <t>81.332</t>
  </si>
  <si>
    <t>7263172.0</t>
  </si>
  <si>
    <t>46681.0</t>
  </si>
  <si>
    <t>625.52</t>
  </si>
  <si>
    <t>40620.0</t>
  </si>
  <si>
    <t>3.498</t>
  </si>
  <si>
    <t>24915.0</t>
  </si>
  <si>
    <t>24892.0</t>
  </si>
  <si>
    <t>7301607.0</t>
  </si>
  <si>
    <t>38435.0</t>
  </si>
  <si>
    <t>628.83</t>
  </si>
  <si>
    <t>43443.0</t>
  </si>
  <si>
    <t>3.741</t>
  </si>
  <si>
    <t>28215.0</t>
  </si>
  <si>
    <t>28189.0</t>
  </si>
  <si>
    <t>3887.0</t>
  </si>
  <si>
    <t>7324664.0</t>
  </si>
  <si>
    <t>630.816</t>
  </si>
  <si>
    <t>44195.0</t>
  </si>
  <si>
    <t>3.806</t>
  </si>
  <si>
    <t>28713.0</t>
  </si>
  <si>
    <t>28685.0</t>
  </si>
  <si>
    <t>3953.0</t>
  </si>
  <si>
    <t>17369.8</t>
  </si>
  <si>
    <t>1490.21231523235</t>
  </si>
  <si>
    <t>32.43</t>
  </si>
  <si>
    <t>7368838.0</t>
  </si>
  <si>
    <t>44174.0</t>
  </si>
  <si>
    <t>634.62</t>
  </si>
  <si>
    <t>3.804</t>
  </si>
  <si>
    <t>44723.0</t>
  </si>
  <si>
    <t>3.852</t>
  </si>
  <si>
    <t>34465.0</t>
  </si>
  <si>
    <t>34426.0</t>
  </si>
  <si>
    <t>5752.0</t>
  </si>
  <si>
    <t>7436205.0</t>
  </si>
  <si>
    <t>67367.0</t>
  </si>
  <si>
    <t>640.422</t>
  </si>
  <si>
    <t>5.802</t>
  </si>
  <si>
    <t>45690.0</t>
  </si>
  <si>
    <t>50577.0</t>
  </si>
  <si>
    <t>50526.0</t>
  </si>
  <si>
    <t>16112.0</t>
  </si>
  <si>
    <t>6810.0</t>
  </si>
  <si>
    <t>30.886</t>
  </si>
  <si>
    <t>7493342.0</t>
  </si>
  <si>
    <t>645.342</t>
  </si>
  <si>
    <t>4.921</t>
  </si>
  <si>
    <t>45915.0</t>
  </si>
  <si>
    <t>3.954</t>
  </si>
  <si>
    <t>72547.0</t>
  </si>
  <si>
    <t>72376.0</t>
  </si>
  <si>
    <t>9372.0</t>
  </si>
  <si>
    <t>29.684</t>
  </si>
  <si>
    <t>7536877.0</t>
  </si>
  <si>
    <t>43535.0</t>
  </si>
  <si>
    <t>649.092</t>
  </si>
  <si>
    <t>3.749</t>
  </si>
  <si>
    <t>45769.0</t>
  </si>
  <si>
    <t>3.942</t>
  </si>
  <si>
    <t>96142.0</t>
  </si>
  <si>
    <t>11500.0</t>
  </si>
  <si>
    <t>7581004.0</t>
  </si>
  <si>
    <t>44127.0</t>
  </si>
  <si>
    <t>652.892</t>
  </si>
  <si>
    <t>45405.0</t>
  </si>
  <si>
    <t>119864.0</t>
  </si>
  <si>
    <t>119665.0</t>
  </si>
  <si>
    <t>23722.0</t>
  </si>
  <si>
    <t>13564.0</t>
  </si>
  <si>
    <t>30.199</t>
  </si>
  <si>
    <t>156.83</t>
  </si>
  <si>
    <t>7615041.0</t>
  </si>
  <si>
    <t>34037.0</t>
  </si>
  <si>
    <t>655.823</t>
  </si>
  <si>
    <t>2.931</t>
  </si>
  <si>
    <t>44776.0</t>
  </si>
  <si>
    <t>3.856</t>
  </si>
  <si>
    <t>125116.0</t>
  </si>
  <si>
    <t>124913.0</t>
  </si>
  <si>
    <t>7631894.0</t>
  </si>
  <si>
    <t>16853.0</t>
  </si>
  <si>
    <t>657.275</t>
  </si>
  <si>
    <t>43890.0</t>
  </si>
  <si>
    <t>128419.0</t>
  </si>
  <si>
    <t>128187.0</t>
  </si>
  <si>
    <t>3303.0</t>
  </si>
  <si>
    <t>14244.0</t>
  </si>
  <si>
    <t>14215.0</t>
  </si>
  <si>
    <t>17341.1</t>
  </si>
  <si>
    <t>-1.18</t>
  </si>
  <si>
    <t>1487.75004776542</t>
  </si>
  <si>
    <t>31.658</t>
  </si>
  <si>
    <t>7669657.0</t>
  </si>
  <si>
    <t>37763.0</t>
  </si>
  <si>
    <t>660.527</t>
  </si>
  <si>
    <t>42974.0</t>
  </si>
  <si>
    <t>139729.0</t>
  </si>
  <si>
    <t>14989.0</t>
  </si>
  <si>
    <t>7733297.0</t>
  </si>
  <si>
    <t>63640.0</t>
  </si>
  <si>
    <t>666.008</t>
  </si>
  <si>
    <t>42442.0</t>
  </si>
  <si>
    <t>3.655</t>
  </si>
  <si>
    <t>159238.0</t>
  </si>
  <si>
    <t>158648.0</t>
  </si>
  <si>
    <t>15446.0</t>
  </si>
  <si>
    <t>7786911.0</t>
  </si>
  <si>
    <t>670.625</t>
  </si>
  <si>
    <t>4.617</t>
  </si>
  <si>
    <t>41938.0</t>
  </si>
  <si>
    <t>181019.0</t>
  </si>
  <si>
    <t>179955.0</t>
  </si>
  <si>
    <t>21781.0</t>
  </si>
  <si>
    <t>15368.0</t>
  </si>
  <si>
    <t>7832661.0</t>
  </si>
  <si>
    <t>45750.0</t>
  </si>
  <si>
    <t>674.565</t>
  </si>
  <si>
    <t>42255.0</t>
  </si>
  <si>
    <t>3.639</t>
  </si>
  <si>
    <t>211460.0</t>
  </si>
  <si>
    <t>210354.0</t>
  </si>
  <si>
    <t>30441.0</t>
  </si>
  <si>
    <t>16343.0</t>
  </si>
  <si>
    <t>164.98</t>
  </si>
  <si>
    <t>7883564.0</t>
  </si>
  <si>
    <t>678.949</t>
  </si>
  <si>
    <t>4.384</t>
  </si>
  <si>
    <t>43223.0</t>
  </si>
  <si>
    <t>241717.0</t>
  </si>
  <si>
    <t>240562.0</t>
  </si>
  <si>
    <t>30257.0</t>
  </si>
  <si>
    <t>17408.0</t>
  </si>
  <si>
    <t>7922129.0</t>
  </si>
  <si>
    <t>38565.0</t>
  </si>
  <si>
    <t>682.27</t>
  </si>
  <si>
    <t>43870.0</t>
  </si>
  <si>
    <t>3.778</t>
  </si>
  <si>
    <t>250260.0</t>
  </si>
  <si>
    <t>249092.0</t>
  </si>
  <si>
    <t>8543.0</t>
  </si>
  <si>
    <t>17878.0</t>
  </si>
  <si>
    <t>17740.0</t>
  </si>
  <si>
    <t>27.625</t>
  </si>
  <si>
    <t>7943913.0</t>
  </si>
  <si>
    <t>21784.0</t>
  </si>
  <si>
    <t>684.147</t>
  </si>
  <si>
    <t>44574.0</t>
  </si>
  <si>
    <t>252215.0</t>
  </si>
  <si>
    <t>251013.0</t>
  </si>
  <si>
    <t>17685.0</t>
  </si>
  <si>
    <t>17547.0</t>
  </si>
  <si>
    <t>17362.2</t>
  </si>
  <si>
    <t>1489.56028621672</t>
  </si>
  <si>
    <t>167.64</t>
  </si>
  <si>
    <t>7988353.0</t>
  </si>
  <si>
    <t>44440.0</t>
  </si>
  <si>
    <t>687.974</t>
  </si>
  <si>
    <t>3.921</t>
  </si>
  <si>
    <t>263703.0</t>
  </si>
  <si>
    <t>262471.0</t>
  </si>
  <si>
    <t>17711.0</t>
  </si>
  <si>
    <t>17589.0</t>
  </si>
  <si>
    <t>8053640.0</t>
  </si>
  <si>
    <t>65287.0</t>
  </si>
  <si>
    <t>693.596</t>
  </si>
  <si>
    <t>5.623</t>
  </si>
  <si>
    <t>45763.0</t>
  </si>
  <si>
    <t>3.941</t>
  </si>
  <si>
    <t>276713.0</t>
  </si>
  <si>
    <t>273697.0</t>
  </si>
  <si>
    <t>16782.0</t>
  </si>
  <si>
    <t>16436.0</t>
  </si>
  <si>
    <t>158.718</t>
  </si>
  <si>
    <t>8116079.0</t>
  </si>
  <si>
    <t>62439.0</t>
  </si>
  <si>
    <t>698.974</t>
  </si>
  <si>
    <t>47024.0</t>
  </si>
  <si>
    <t>293598.0</t>
  </si>
  <si>
    <t>287114.0</t>
  </si>
  <si>
    <t>16885.0</t>
  </si>
  <si>
    <t>15308.0</t>
  </si>
  <si>
    <t>27.711</t>
  </si>
  <si>
    <t>8172152.0</t>
  </si>
  <si>
    <t>703.803</t>
  </si>
  <si>
    <t>4.829</t>
  </si>
  <si>
    <t>48499.0</t>
  </si>
  <si>
    <t>4.177</t>
  </si>
  <si>
    <t>317682.0</t>
  </si>
  <si>
    <t>303245.0</t>
  </si>
  <si>
    <t>14970.0</t>
  </si>
  <si>
    <t>24084.0</t>
  </si>
  <si>
    <t>15175.0</t>
  </si>
  <si>
    <t>8228650.0</t>
  </si>
  <si>
    <t>56498.0</t>
  </si>
  <si>
    <t>708.669</t>
  </si>
  <si>
    <t>4.866</t>
  </si>
  <si>
    <t>49298.0</t>
  </si>
  <si>
    <t>339522.0</t>
  </si>
  <si>
    <t>315858.0</t>
  </si>
  <si>
    <t>24231.0</t>
  </si>
  <si>
    <t>21840.0</t>
  </si>
  <si>
    <t>10757.0</t>
  </si>
  <si>
    <t>8275889.0</t>
  </si>
  <si>
    <t>47239.0</t>
  </si>
  <si>
    <t>712.737</t>
  </si>
  <si>
    <t>50537.0</t>
  </si>
  <si>
    <t>4.352</t>
  </si>
  <si>
    <t>344117.0</t>
  </si>
  <si>
    <t>317522.0</t>
  </si>
  <si>
    <t>27174.0</t>
  </si>
  <si>
    <t>4595.0</t>
  </si>
  <si>
    <t>8298203.0</t>
  </si>
  <si>
    <t>22314.0</t>
  </si>
  <si>
    <t>714.659</t>
  </si>
  <si>
    <t>50613.0</t>
  </si>
  <si>
    <t>4.359</t>
  </si>
  <si>
    <t>345127.0</t>
  </si>
  <si>
    <t>318176.0</t>
  </si>
  <si>
    <t>27530.0</t>
  </si>
  <si>
    <t>13273.0</t>
  </si>
  <si>
    <t>17376.7</t>
  </si>
  <si>
    <t>1490.80428894391</t>
  </si>
  <si>
    <t>8344155.0</t>
  </si>
  <si>
    <t>45952.0</t>
  </si>
  <si>
    <t>718.616</t>
  </si>
  <si>
    <t>3.957</t>
  </si>
  <si>
    <t>50829.0</t>
  </si>
  <si>
    <t>4.378</t>
  </si>
  <si>
    <t>353167.0</t>
  </si>
  <si>
    <t>322220.0</t>
  </si>
  <si>
    <t>8040.0</t>
  </si>
  <si>
    <t>8412609.0</t>
  </si>
  <si>
    <t>68454.0</t>
  </si>
  <si>
    <t>724.512</t>
  </si>
  <si>
    <t>378017.0</t>
  </si>
  <si>
    <t>332558.0</t>
  </si>
  <si>
    <t>46085.0</t>
  </si>
  <si>
    <t>14472.0</t>
  </si>
  <si>
    <t>8473500.0</t>
  </si>
  <si>
    <t>60891.0</t>
  </si>
  <si>
    <t>729.756</t>
  </si>
  <si>
    <t>5.244</t>
  </si>
  <si>
    <t>51060.0</t>
  </si>
  <si>
    <t>4.397</t>
  </si>
  <si>
    <t>409208.0</t>
  </si>
  <si>
    <t>342882.0</t>
  </si>
  <si>
    <t>66975.0</t>
  </si>
  <si>
    <t>31191.0</t>
  </si>
  <si>
    <t>16516.0</t>
  </si>
  <si>
    <t>8527844.0</t>
  </si>
  <si>
    <t>54344.0</t>
  </si>
  <si>
    <t>734.436</t>
  </si>
  <si>
    <t>50813.0</t>
  </si>
  <si>
    <t>443875.0</t>
  </si>
  <si>
    <t>352993.0</t>
  </si>
  <si>
    <t>91554.0</t>
  </si>
  <si>
    <t>34667.0</t>
  </si>
  <si>
    <t>18028.0</t>
  </si>
  <si>
    <t>8585118.0</t>
  </si>
  <si>
    <t>57274.0</t>
  </si>
  <si>
    <t>739.368</t>
  </si>
  <si>
    <t>50924.0</t>
  </si>
  <si>
    <t>475204.0</t>
  </si>
  <si>
    <t>361193.0</t>
  </si>
  <si>
    <t>114721.0</t>
  </si>
  <si>
    <t>31329.0</t>
  </si>
  <si>
    <t>8627309.0</t>
  </si>
  <si>
    <t>42191.0</t>
  </si>
  <si>
    <t>743.002</t>
  </si>
  <si>
    <t>3.634</t>
  </si>
  <si>
    <t>50203.0</t>
  </si>
  <si>
    <t>4.324</t>
  </si>
  <si>
    <t>481827.0</t>
  </si>
  <si>
    <t>362459.0</t>
  </si>
  <si>
    <t>120093.0</t>
  </si>
  <si>
    <t>19673.0</t>
  </si>
  <si>
    <t>8646536.0</t>
  </si>
  <si>
    <t>19227.0</t>
  </si>
  <si>
    <t>744.658</t>
  </si>
  <si>
    <t>49762.0</t>
  </si>
  <si>
    <t>4.286</t>
  </si>
  <si>
    <t>485279.0</t>
  </si>
  <si>
    <t>362802.0</t>
  </si>
  <si>
    <t>17148.6</t>
  </si>
  <si>
    <t>13.91</t>
  </si>
  <si>
    <t>-9.11</t>
  </si>
  <si>
    <t>1471.23483914573</t>
  </si>
  <si>
    <t>8691526.0</t>
  </si>
  <si>
    <t>44990.0</t>
  </si>
  <si>
    <t>748.533</t>
  </si>
  <si>
    <t>3.875</t>
  </si>
  <si>
    <t>49624.0</t>
  </si>
  <si>
    <t>495652.0</t>
  </si>
  <si>
    <t>365226.0</t>
  </si>
  <si>
    <t>131174.0</t>
  </si>
  <si>
    <t>6144.0</t>
  </si>
  <si>
    <t>143.618</t>
  </si>
  <si>
    <t>8752463.0</t>
  </si>
  <si>
    <t>60937.0</t>
  </si>
  <si>
    <t>753.781</t>
  </si>
  <si>
    <t>5.248</t>
  </si>
  <si>
    <t>48551.0</t>
  </si>
  <si>
    <t>4.181</t>
  </si>
  <si>
    <t>523888.0</t>
  </si>
  <si>
    <t>373510.0</t>
  </si>
  <si>
    <t>151150.0</t>
  </si>
  <si>
    <t>20839.0</t>
  </si>
  <si>
    <t>5850.0</t>
  </si>
  <si>
    <t>8802556.0</t>
  </si>
  <si>
    <t>50093.0</t>
  </si>
  <si>
    <t>758.095</t>
  </si>
  <si>
    <t>4.314</t>
  </si>
  <si>
    <t>47008.0</t>
  </si>
  <si>
    <t>4.048</t>
  </si>
  <si>
    <t>549853.0</t>
  </si>
  <si>
    <t>380159.0</t>
  </si>
  <si>
    <t>170495.0</t>
  </si>
  <si>
    <t>25965.0</t>
  </si>
  <si>
    <t>20092.0</t>
  </si>
  <si>
    <t>8849003.0</t>
  </si>
  <si>
    <t>46447.0</t>
  </si>
  <si>
    <t>762.095</t>
  </si>
  <si>
    <t>45880.0</t>
  </si>
  <si>
    <t>586816.0</t>
  </si>
  <si>
    <t>388578.0</t>
  </si>
  <si>
    <t>199056.0</t>
  </si>
  <si>
    <t>20420.0</t>
  </si>
  <si>
    <t>8895702.0</t>
  </si>
  <si>
    <t>46699.0</t>
  </si>
  <si>
    <t>766.117</t>
  </si>
  <si>
    <t>44369.0</t>
  </si>
  <si>
    <t>622104.0</t>
  </si>
  <si>
    <t>395459.0</t>
  </si>
  <si>
    <t>227502.0</t>
  </si>
  <si>
    <t>35288.0</t>
  </si>
  <si>
    <t>20986.0</t>
  </si>
  <si>
    <t>8929951.0</t>
  </si>
  <si>
    <t>34249.0</t>
  </si>
  <si>
    <t>769.066</t>
  </si>
  <si>
    <t>630957.0</t>
  </si>
  <si>
    <t>396112.0</t>
  </si>
  <si>
    <t>235718.0</t>
  </si>
  <si>
    <t>21304.0</t>
  </si>
  <si>
    <t>8946065.0</t>
  </si>
  <si>
    <t>16114.0</t>
  </si>
  <si>
    <t>770.454</t>
  </si>
  <si>
    <t>42790.0</t>
  </si>
  <si>
    <t>3.685</t>
  </si>
  <si>
    <t>633006.0</t>
  </si>
  <si>
    <t>396263.0</t>
  </si>
  <si>
    <t>237618.0</t>
  </si>
  <si>
    <t>4780.0</t>
  </si>
  <si>
    <t>16891.1</t>
  </si>
  <si>
    <t>-10.38</t>
  </si>
  <si>
    <t>1449.14306657654</t>
  </si>
  <si>
    <t>8984813.0</t>
  </si>
  <si>
    <t>38748.0</t>
  </si>
  <si>
    <t>773.791</t>
  </si>
  <si>
    <t>647049.0</t>
  </si>
  <si>
    <t>398471.0</t>
  </si>
  <si>
    <t>249472.0</t>
  </si>
  <si>
    <t>21628.0</t>
  </si>
  <si>
    <t>1856.0</t>
  </si>
  <si>
    <t>4749.0</t>
  </si>
  <si>
    <t>9034405.0</t>
  </si>
  <si>
    <t>49592.0</t>
  </si>
  <si>
    <t>778.062</t>
  </si>
  <si>
    <t>4.271</t>
  </si>
  <si>
    <t>40277.0</t>
  </si>
  <si>
    <t>3.469</t>
  </si>
  <si>
    <t>662252.0</t>
  </si>
  <si>
    <t>402976.0</t>
  </si>
  <si>
    <t>260187.0</t>
  </si>
  <si>
    <t>19766.0</t>
  </si>
  <si>
    <t>4209.0</t>
  </si>
  <si>
    <t>9077835.0</t>
  </si>
  <si>
    <t>43430.0</t>
  </si>
  <si>
    <t>781.802</t>
  </si>
  <si>
    <t>39326.0</t>
  </si>
  <si>
    <t>3.387</t>
  </si>
  <si>
    <t>682580.0</t>
  </si>
  <si>
    <t>410337.0</t>
  </si>
  <si>
    <t>273174.0</t>
  </si>
  <si>
    <t>20328.0</t>
  </si>
  <si>
    <t>18961.0</t>
  </si>
  <si>
    <t>136.24</t>
  </si>
  <si>
    <t>9118570.0</t>
  </si>
  <si>
    <t>40735.0</t>
  </si>
  <si>
    <t>785.31</t>
  </si>
  <si>
    <t>38510.0</t>
  </si>
  <si>
    <t>3.317</t>
  </si>
  <si>
    <t>710810.0</t>
  </si>
  <si>
    <t>421084.0</t>
  </si>
  <si>
    <t>290664.0</t>
  </si>
  <si>
    <t>17713.0</t>
  </si>
  <si>
    <t>137.87</t>
  </si>
  <si>
    <t>9160943.0</t>
  </si>
  <si>
    <t>42373.0</t>
  </si>
  <si>
    <t>788.96</t>
  </si>
  <si>
    <t>3.649</t>
  </si>
  <si>
    <t>37892.0</t>
  </si>
  <si>
    <t>3.263</t>
  </si>
  <si>
    <t>742404.0</t>
  </si>
  <si>
    <t>439261.0</t>
  </si>
  <si>
    <t>304104.0</t>
  </si>
  <si>
    <t>31594.0</t>
  </si>
  <si>
    <t>9195167.0</t>
  </si>
  <si>
    <t>34224.0</t>
  </si>
  <si>
    <t>791.907</t>
  </si>
  <si>
    <t>2.947</t>
  </si>
  <si>
    <t>37888.0</t>
  </si>
  <si>
    <t>748537.0</t>
  </si>
  <si>
    <t>443770.0</t>
  </si>
  <si>
    <t>305743.0</t>
  </si>
  <si>
    <t>6133.0</t>
  </si>
  <si>
    <t>16797.0</t>
  </si>
  <si>
    <t>6808.0</t>
  </si>
  <si>
    <t>9212254.0</t>
  </si>
  <si>
    <t>17087.0</t>
  </si>
  <si>
    <t>793.379</t>
  </si>
  <si>
    <t>38027.0</t>
  </si>
  <si>
    <t>750813.0</t>
  </si>
  <si>
    <t>445740.0</t>
  </si>
  <si>
    <t>306050.0</t>
  </si>
  <si>
    <t>16830.0</t>
  </si>
  <si>
    <t>16690.4</t>
  </si>
  <si>
    <t>1431.9243529663</t>
  </si>
  <si>
    <t>29.856</t>
  </si>
  <si>
    <t>147.65</t>
  </si>
  <si>
    <t>9252722.0</t>
  </si>
  <si>
    <t>40468.0</t>
  </si>
  <si>
    <t>796.864</t>
  </si>
  <si>
    <t>3.485</t>
  </si>
  <si>
    <t>38273.0</t>
  </si>
  <si>
    <t>763775.0</t>
  </si>
  <si>
    <t>455683.0</t>
  </si>
  <si>
    <t>309073.0</t>
  </si>
  <si>
    <t>12962.0</t>
  </si>
  <si>
    <t>16675.0</t>
  </si>
  <si>
    <t>9307760.0</t>
  </si>
  <si>
    <t>55038.0</t>
  </si>
  <si>
    <t>801.604</t>
  </si>
  <si>
    <t>39051.0</t>
  </si>
  <si>
    <t>784230.0</t>
  </si>
  <si>
    <t>467792.0</t>
  </si>
  <si>
    <t>317435.0</t>
  </si>
  <si>
    <t>20455.0</t>
  </si>
  <si>
    <t>17425.0</t>
  </si>
  <si>
    <t>9259.0</t>
  </si>
  <si>
    <t>9357026.0</t>
  </si>
  <si>
    <t>49266.0</t>
  </si>
  <si>
    <t>805.847</t>
  </si>
  <si>
    <t>4.243</t>
  </si>
  <si>
    <t>39884.0</t>
  </si>
  <si>
    <t>807777.0</t>
  </si>
  <si>
    <t>482844.0</t>
  </si>
  <si>
    <t>325949.0</t>
  </si>
  <si>
    <t>9398833.0</t>
  </si>
  <si>
    <t>41807.0</t>
  </si>
  <si>
    <t>809.447</t>
  </si>
  <si>
    <t>40038.0</t>
  </si>
  <si>
    <t>3.448</t>
  </si>
  <si>
    <t>840113.0</t>
  </si>
  <si>
    <t>505790.0</t>
  </si>
  <si>
    <t>335349.0</t>
  </si>
  <si>
    <t>32336.0</t>
  </si>
  <si>
    <t>18472.0</t>
  </si>
  <si>
    <t>7.21</t>
  </si>
  <si>
    <t>12101.0</t>
  </si>
  <si>
    <t>9446293.0</t>
  </si>
  <si>
    <t>813.535</t>
  </si>
  <si>
    <t>40764.0</t>
  </si>
  <si>
    <t>872614.0</t>
  </si>
  <si>
    <t>531222.0</t>
  </si>
  <si>
    <t>342449.0</t>
  </si>
  <si>
    <t>32501.0</t>
  </si>
  <si>
    <t>18601.0</t>
  </si>
  <si>
    <t>9484119.0</t>
  </si>
  <si>
    <t>816.792</t>
  </si>
  <si>
    <t>41279.0</t>
  </si>
  <si>
    <t>877191.0</t>
  </si>
  <si>
    <t>534934.0</t>
  </si>
  <si>
    <t>343329.0</t>
  </si>
  <si>
    <t>18379.0</t>
  </si>
  <si>
    <t>7.53</t>
  </si>
  <si>
    <t>13023.0</t>
  </si>
  <si>
    <t>9500604.0</t>
  </si>
  <si>
    <t>16485.0</t>
  </si>
  <si>
    <t>818.212</t>
  </si>
  <si>
    <t>3.548</t>
  </si>
  <si>
    <t>878110.0</t>
  </si>
  <si>
    <t>535572.0</t>
  </si>
  <si>
    <t>343610.0</t>
  </si>
  <si>
    <t>18185.0</t>
  </si>
  <si>
    <t>12833.0</t>
  </si>
  <si>
    <t>16346.5</t>
  </si>
  <si>
    <t>-13.86</t>
  </si>
  <si>
    <t>1402.42004000884</t>
  </si>
  <si>
    <t>9544109.0</t>
  </si>
  <si>
    <t>43505.0</t>
  </si>
  <si>
    <t>821.959</t>
  </si>
  <si>
    <t>3.747</t>
  </si>
  <si>
    <t>41627.0</t>
  </si>
  <si>
    <t>3.585</t>
  </si>
  <si>
    <t>891991.0</t>
  </si>
  <si>
    <t>546628.0</t>
  </si>
  <si>
    <t>346447.0</t>
  </si>
  <si>
    <t>13881.0</t>
  </si>
  <si>
    <t>18317.0</t>
  </si>
  <si>
    <t>4.69</t>
  </si>
  <si>
    <t>12992.0</t>
  </si>
  <si>
    <t>9602076.0</t>
  </si>
  <si>
    <t>57967.0</t>
  </si>
  <si>
    <t>826.951</t>
  </si>
  <si>
    <t>4.992</t>
  </si>
  <si>
    <t>42045.0</t>
  </si>
  <si>
    <t>3.621</t>
  </si>
  <si>
    <t>916058.0</t>
  </si>
  <si>
    <t>563713.0</t>
  </si>
  <si>
    <t>353448.0</t>
  </si>
  <si>
    <t>24067.0</t>
  </si>
  <si>
    <t>18833.0</t>
  </si>
  <si>
    <t>13703.0</t>
  </si>
  <si>
    <t>37.234</t>
  </si>
  <si>
    <t>9653551.0</t>
  </si>
  <si>
    <t>51475.0</t>
  </si>
  <si>
    <t>831.384</t>
  </si>
  <si>
    <t>4.433</t>
  </si>
  <si>
    <t>42361.0</t>
  </si>
  <si>
    <t>3.648</t>
  </si>
  <si>
    <t>946711.0</t>
  </si>
  <si>
    <t>588091.0</t>
  </si>
  <si>
    <t>359747.0</t>
  </si>
  <si>
    <t>30653.0</t>
  </si>
  <si>
    <t>1703.0</t>
  </si>
  <si>
    <t>9700685.0</t>
  </si>
  <si>
    <t>835.443</t>
  </si>
  <si>
    <t>4.059</t>
  </si>
  <si>
    <t>43122.0</t>
  </si>
  <si>
    <t>997179.0</t>
  </si>
  <si>
    <t>629536.0</t>
  </si>
  <si>
    <t>368785.0</t>
  </si>
  <si>
    <t>50468.0</t>
  </si>
  <si>
    <t>8.56</t>
  </si>
  <si>
    <t>9753467.0</t>
  </si>
  <si>
    <t>52782.0</t>
  </si>
  <si>
    <t>839.989</t>
  </si>
  <si>
    <t>43882.0</t>
  </si>
  <si>
    <t>3.779</t>
  </si>
  <si>
    <t>1042733.0</t>
  </si>
  <si>
    <t>668181.0</t>
  </si>
  <si>
    <t>375711.0</t>
  </si>
  <si>
    <t>45554.0</t>
  </si>
  <si>
    <t>24303.0</t>
  </si>
  <si>
    <t>19566.0</t>
  </si>
  <si>
    <t>9792799.0</t>
  </si>
  <si>
    <t>39332.0</t>
  </si>
  <si>
    <t>843.377</t>
  </si>
  <si>
    <t>44097.0</t>
  </si>
  <si>
    <t>1051231.0</t>
  </si>
  <si>
    <t>675995.0</t>
  </si>
  <si>
    <t>376415.0</t>
  </si>
  <si>
    <t>8498.0</t>
  </si>
  <si>
    <t>24863.0</t>
  </si>
  <si>
    <t>20152.0</t>
  </si>
  <si>
    <t>9809959.0</t>
  </si>
  <si>
    <t>17160.0</t>
  </si>
  <si>
    <t>844.854</t>
  </si>
  <si>
    <t>1.478</t>
  </si>
  <si>
    <t>44194.0</t>
  </si>
  <si>
    <t>1052837.0</t>
  </si>
  <si>
    <t>677390.0</t>
  </si>
  <si>
    <t>376626.0</t>
  </si>
  <si>
    <t>24961.0</t>
  </si>
  <si>
    <t>15823.6</t>
  </si>
  <si>
    <t>11.87</t>
  </si>
  <si>
    <t>-20.6</t>
  </si>
  <si>
    <t>1357.55872786737</t>
  </si>
  <si>
    <t>37.406</t>
  </si>
  <si>
    <t>88.11</t>
  </si>
  <si>
    <t>9854016.0</t>
  </si>
  <si>
    <t>44057.0</t>
  </si>
  <si>
    <t>848.649</t>
  </si>
  <si>
    <t>3.794</t>
  </si>
  <si>
    <t>44272.0</t>
  </si>
  <si>
    <t>1070522.0</t>
  </si>
  <si>
    <t>378717.0</t>
  </si>
  <si>
    <t>25504.0</t>
  </si>
  <si>
    <t>37.835</t>
  </si>
  <si>
    <t>9916159.0</t>
  </si>
  <si>
    <t>854.001</t>
  </si>
  <si>
    <t>5.352</t>
  </si>
  <si>
    <t>44869.0</t>
  </si>
  <si>
    <t>1099886.0</t>
  </si>
  <si>
    <t>714799.0</t>
  </si>
  <si>
    <t>386305.0</t>
  </si>
  <si>
    <t>29364.0</t>
  </si>
  <si>
    <t>26261.0</t>
  </si>
  <si>
    <t>21584.0</t>
  </si>
  <si>
    <t>9972367.0</t>
  </si>
  <si>
    <t>56208.0</t>
  </si>
  <si>
    <t>858.841</t>
  </si>
  <si>
    <t>4.841</t>
  </si>
  <si>
    <t>45545.0</t>
  </si>
  <si>
    <t>1136466.0</t>
  </si>
  <si>
    <t>742058.0</t>
  </si>
  <si>
    <t>395659.0</t>
  </si>
  <si>
    <t>36580.0</t>
  </si>
  <si>
    <t>27108.0</t>
  </si>
  <si>
    <t>10024101.0</t>
  </si>
  <si>
    <t>51734.0</t>
  </si>
  <si>
    <t>863.297</t>
  </si>
  <si>
    <t>4.455</t>
  </si>
  <si>
    <t>46202.0</t>
  </si>
  <si>
    <t>3.979</t>
  </si>
  <si>
    <t>1191266.0</t>
  </si>
  <si>
    <t>786579.0</t>
  </si>
  <si>
    <t>405956.0</t>
  </si>
  <si>
    <t>54800.0</t>
  </si>
  <si>
    <t>27727.0</t>
  </si>
  <si>
    <t>22435.0</t>
  </si>
  <si>
    <t>10082489.0</t>
  </si>
  <si>
    <t>58388.0</t>
  </si>
  <si>
    <t>868.325</t>
  </si>
  <si>
    <t>5.028</t>
  </si>
  <si>
    <t>47003.0</t>
  </si>
  <si>
    <t>1236901.0</t>
  </si>
  <si>
    <t>818305.0</t>
  </si>
  <si>
    <t>419900.0</t>
  </si>
  <si>
    <t>45635.0</t>
  </si>
  <si>
    <t>27738.0</t>
  </si>
  <si>
    <t>21446.0</t>
  </si>
  <si>
    <t>40.666</t>
  </si>
  <si>
    <t>10128413.0</t>
  </si>
  <si>
    <t>45924.0</t>
  </si>
  <si>
    <t>872.28</t>
  </si>
  <si>
    <t>3.955</t>
  </si>
  <si>
    <t>47945.0</t>
  </si>
  <si>
    <t>1247031.0</t>
  </si>
  <si>
    <t>826159.0</t>
  </si>
  <si>
    <t>422188.0</t>
  </si>
  <si>
    <t>10130.0</t>
  </si>
  <si>
    <t>27971.0</t>
  </si>
  <si>
    <t>2400.0</t>
  </si>
  <si>
    <t>41.61</t>
  </si>
  <si>
    <t>10150052.0</t>
  </si>
  <si>
    <t>21639.0</t>
  </si>
  <si>
    <t>874.144</t>
  </si>
  <si>
    <t>48585.0</t>
  </si>
  <si>
    <t>4.184</t>
  </si>
  <si>
    <t>1248646.0</t>
  </si>
  <si>
    <t>826445.0</t>
  </si>
  <si>
    <t>423520.0</t>
  </si>
  <si>
    <t>27973.0</t>
  </si>
  <si>
    <t>21294.0</t>
  </si>
  <si>
    <t>15532.7</t>
  </si>
  <si>
    <t>-11.89</t>
  </si>
  <si>
    <t>1332.60145936105</t>
  </si>
  <si>
    <t>10199121.0</t>
  </si>
  <si>
    <t>49069.0</t>
  </si>
  <si>
    <t>878.37</t>
  </si>
  <si>
    <t>49301.0</t>
  </si>
  <si>
    <t>1279788.0</t>
  </si>
  <si>
    <t>852791.0</t>
  </si>
  <si>
    <t>428319.0</t>
  </si>
  <si>
    <t>31142.0</t>
  </si>
  <si>
    <t>29895.0</t>
  </si>
  <si>
    <t>22827.0</t>
  </si>
  <si>
    <t>10273597.0</t>
  </si>
  <si>
    <t>884.784</t>
  </si>
  <si>
    <t>6.414</t>
  </si>
  <si>
    <t>51063.0</t>
  </si>
  <si>
    <t>4.398</t>
  </si>
  <si>
    <t>1327000.0</t>
  </si>
  <si>
    <t>895611.0</t>
  </si>
  <si>
    <t>432722.0</t>
  </si>
  <si>
    <t>47212.0</t>
  </si>
  <si>
    <t>32445.0</t>
  </si>
  <si>
    <t>10341007.0</t>
  </si>
  <si>
    <t>67410.0</t>
  </si>
  <si>
    <t>890.589</t>
  </si>
  <si>
    <t>5.805</t>
  </si>
  <si>
    <t>52663.0</t>
  </si>
  <si>
    <t>4.535</t>
  </si>
  <si>
    <t>1375083.0</t>
  </si>
  <si>
    <t>934743.0</t>
  </si>
  <si>
    <t>441678.0</t>
  </si>
  <si>
    <t>48083.0</t>
  </si>
  <si>
    <t>34088.0</t>
  </si>
  <si>
    <t>27526.0</t>
  </si>
  <si>
    <t>1297.0</t>
  </si>
  <si>
    <t>10408005.0</t>
  </si>
  <si>
    <t>896.359</t>
  </si>
  <si>
    <t>54843.0</t>
  </si>
  <si>
    <t>4.723</t>
  </si>
  <si>
    <t>1450932.0</t>
  </si>
  <si>
    <t>993685.0</t>
  </si>
  <si>
    <t>458590.0</t>
  </si>
  <si>
    <t>75849.0</t>
  </si>
  <si>
    <t>37095.0</t>
  </si>
  <si>
    <t>29587.0</t>
  </si>
  <si>
    <t>184.713</t>
  </si>
  <si>
    <t>10481726.0</t>
  </si>
  <si>
    <t>73721.0</t>
  </si>
  <si>
    <t>902.708</t>
  </si>
  <si>
    <t>57034.0</t>
  </si>
  <si>
    <t>1519354.0</t>
  </si>
  <si>
    <t>1042970.0</t>
  </si>
  <si>
    <t>477734.0</t>
  </si>
  <si>
    <t>68422.0</t>
  </si>
  <si>
    <t>40350.0</t>
  </si>
  <si>
    <t>32095.0</t>
  </si>
  <si>
    <t>10538337.0</t>
  </si>
  <si>
    <t>56611.0</t>
  </si>
  <si>
    <t>907.584</t>
  </si>
  <si>
    <t>58561.0</t>
  </si>
  <si>
    <t>1541943.0</t>
  </si>
  <si>
    <t>1064126.0</t>
  </si>
  <si>
    <t>479177.0</t>
  </si>
  <si>
    <t>42130.0</t>
  </si>
  <si>
    <t>4.11</t>
  </si>
  <si>
    <t>33995.0</t>
  </si>
  <si>
    <t>10566446.0</t>
  </si>
  <si>
    <t>28109.0</t>
  </si>
  <si>
    <t>910.005</t>
  </si>
  <si>
    <t>59485.0</t>
  </si>
  <si>
    <t>5.123</t>
  </si>
  <si>
    <t>1543051.0</t>
  </si>
  <si>
    <t>1064681.0</t>
  </si>
  <si>
    <t>479736.0</t>
  </si>
  <si>
    <t>42058.0</t>
  </si>
  <si>
    <t>34034.0</t>
  </si>
  <si>
    <t>-10.13</t>
  </si>
  <si>
    <t>1312.2941872557</t>
  </si>
  <si>
    <t>10623935.0</t>
  </si>
  <si>
    <t>57489.0</t>
  </si>
  <si>
    <t>914.956</t>
  </si>
  <si>
    <t>4.951</t>
  </si>
  <si>
    <t>60688.0</t>
  </si>
  <si>
    <t>5.227</t>
  </si>
  <si>
    <t>1576308.0</t>
  </si>
  <si>
    <t>1092424.0</t>
  </si>
  <si>
    <t>485253.0</t>
  </si>
  <si>
    <t>33257.0</t>
  </si>
  <si>
    <t>42360.0</t>
  </si>
  <si>
    <t>10711452.0</t>
  </si>
  <si>
    <t>87517.0</t>
  </si>
  <si>
    <t>922.493</t>
  </si>
  <si>
    <t>62551.0</t>
  </si>
  <si>
    <t>5.387</t>
  </si>
  <si>
    <t>1624813.0</t>
  </si>
  <si>
    <t>1134995.0</t>
  </si>
  <si>
    <t>491190.0</t>
  </si>
  <si>
    <t>42545.0</t>
  </si>
  <si>
    <t>34198.0</t>
  </si>
  <si>
    <t>54.565</t>
  </si>
  <si>
    <t>10792059.0</t>
  </si>
  <si>
    <t>80607.0</t>
  </si>
  <si>
    <t>929.435</t>
  </si>
  <si>
    <t>64436.0</t>
  </si>
  <si>
    <t>1687139.0</t>
  </si>
  <si>
    <t>1186508.0</t>
  </si>
  <si>
    <t>502011.0</t>
  </si>
  <si>
    <t>62326.0</t>
  </si>
  <si>
    <t>44579.0</t>
  </si>
  <si>
    <t>35966.0</t>
  </si>
  <si>
    <t>55.937</t>
  </si>
  <si>
    <t>136.068</t>
  </si>
  <si>
    <t>10873843.0</t>
  </si>
  <si>
    <t>81784.0</t>
  </si>
  <si>
    <t>936.478</t>
  </si>
  <si>
    <t>7.043</t>
  </si>
  <si>
    <t>66548.0</t>
  </si>
  <si>
    <t>5.731</t>
  </si>
  <si>
    <t>1767050.0</t>
  </si>
  <si>
    <t>1246053.0</t>
  </si>
  <si>
    <t>522383.0</t>
  </si>
  <si>
    <t>79911.0</t>
  </si>
  <si>
    <t>45160.0</t>
  </si>
  <si>
    <t>36053.0</t>
  </si>
  <si>
    <t>10952991.0</t>
  </si>
  <si>
    <t>79148.0</t>
  </si>
  <si>
    <t>943.295</t>
  </si>
  <si>
    <t>67324.0</t>
  </si>
  <si>
    <t>1837825.0</t>
  </si>
  <si>
    <t>1296853.0</t>
  </si>
  <si>
    <t>542365.0</t>
  </si>
  <si>
    <t>70775.0</t>
  </si>
  <si>
    <t>45496.0</t>
  </si>
  <si>
    <t>36269.0</t>
  </si>
  <si>
    <t>11019243.0</t>
  </si>
  <si>
    <t>66252.0</t>
  </si>
  <si>
    <t>68701.0</t>
  </si>
  <si>
    <t>5.917</t>
  </si>
  <si>
    <t>1860646.0</t>
  </si>
  <si>
    <t>1315801.0</t>
  </si>
  <si>
    <t>546247.0</t>
  </si>
  <si>
    <t>22821.0</t>
  </si>
  <si>
    <t>45529.0</t>
  </si>
  <si>
    <t>35954.0</t>
  </si>
  <si>
    <t>145.248</t>
  </si>
  <si>
    <t>11047986.0</t>
  </si>
  <si>
    <t>28743.0</t>
  </si>
  <si>
    <t>951.476</t>
  </si>
  <si>
    <t>2.475</t>
  </si>
  <si>
    <t>68791.0</t>
  </si>
  <si>
    <t>5.924</t>
  </si>
  <si>
    <t>1863270.0</t>
  </si>
  <si>
    <t>1317425.0</t>
  </si>
  <si>
    <t>547249.0</t>
  </si>
  <si>
    <t>45746.0</t>
  </si>
  <si>
    <t>36106.0</t>
  </si>
  <si>
    <t>15095.7</t>
  </si>
  <si>
    <t>-8.65</t>
  </si>
  <si>
    <t>1295.10979096207</t>
  </si>
  <si>
    <t>63.487</t>
  </si>
  <si>
    <t>11104683.0</t>
  </si>
  <si>
    <t>56697.0</t>
  </si>
  <si>
    <t>956.359</t>
  </si>
  <si>
    <t>68678.0</t>
  </si>
  <si>
    <t>5.915</t>
  </si>
  <si>
    <t>1887417.0</t>
  </si>
  <si>
    <t>1336172.0</t>
  </si>
  <si>
    <t>552652.0</t>
  </si>
  <si>
    <t>24147.0</t>
  </si>
  <si>
    <t>3813.0</t>
  </si>
  <si>
    <t>34821.0</t>
  </si>
  <si>
    <t>63.23</t>
  </si>
  <si>
    <t>11186435.0</t>
  </si>
  <si>
    <t>81752.0</t>
  </si>
  <si>
    <t>963.399</t>
  </si>
  <si>
    <t>7.041</t>
  </si>
  <si>
    <t>67855.0</t>
  </si>
  <si>
    <t>5.844</t>
  </si>
  <si>
    <t>1920085.0</t>
  </si>
  <si>
    <t>1362961.0</t>
  </si>
  <si>
    <t>558539.0</t>
  </si>
  <si>
    <t>32668.0</t>
  </si>
  <si>
    <t>42182.0</t>
  </si>
  <si>
    <t>32567.0</t>
  </si>
  <si>
    <t>11260379.0</t>
  </si>
  <si>
    <t>73944.0</t>
  </si>
  <si>
    <t>969.768</t>
  </si>
  <si>
    <t>6.368</t>
  </si>
  <si>
    <t>66903.0</t>
  </si>
  <si>
    <t>5.762</t>
  </si>
  <si>
    <t>2005581.0</t>
  </si>
  <si>
    <t>1436925.0</t>
  </si>
  <si>
    <t>570088.0</t>
  </si>
  <si>
    <t>85496.0</t>
  </si>
  <si>
    <t>45492.0</t>
  </si>
  <si>
    <t>12.33</t>
  </si>
  <si>
    <t>35774.0</t>
  </si>
  <si>
    <t>11324799.0</t>
  </si>
  <si>
    <t>64420.0</t>
  </si>
  <si>
    <t>975.316</t>
  </si>
  <si>
    <t>5.548</t>
  </si>
  <si>
    <t>64422.0</t>
  </si>
  <si>
    <t>2108122.0</t>
  </si>
  <si>
    <t>1514356.0</t>
  </si>
  <si>
    <t>595247.0</t>
  </si>
  <si>
    <t>102541.0</t>
  </si>
  <si>
    <t>48725.0</t>
  </si>
  <si>
    <t>18.09</t>
  </si>
  <si>
    <t>38329.0</t>
  </si>
  <si>
    <t>259.611</t>
  </si>
  <si>
    <t>11392805.0</t>
  </si>
  <si>
    <t>68006.0</t>
  </si>
  <si>
    <t>981.172</t>
  </si>
  <si>
    <t>5.857</t>
  </si>
  <si>
    <t>62831.0</t>
  </si>
  <si>
    <t>5.411</t>
  </si>
  <si>
    <t>2191455.0</t>
  </si>
  <si>
    <t>1578849.0</t>
  </si>
  <si>
    <t>614546.0</t>
  </si>
  <si>
    <t>83333.0</t>
  </si>
  <si>
    <t>50519.0</t>
  </si>
  <si>
    <t>40285.0</t>
  </si>
  <si>
    <t>11439350.0</t>
  </si>
  <si>
    <t>46545.0</t>
  </si>
  <si>
    <t>985.181</t>
  </si>
  <si>
    <t>4.009</t>
  </si>
  <si>
    <t>60015.0</t>
  </si>
  <si>
    <t>2212653.0</t>
  </si>
  <si>
    <t>1598590.0</t>
  </si>
  <si>
    <t>616055.0</t>
  </si>
  <si>
    <t>21198.0</t>
  </si>
  <si>
    <t>50287.0</t>
  </si>
  <si>
    <t>5.29</t>
  </si>
  <si>
    <t>40398.0</t>
  </si>
  <si>
    <t>11463182.0</t>
  </si>
  <si>
    <t>23832.0</t>
  </si>
  <si>
    <t>987.233</t>
  </si>
  <si>
    <t>59314.0</t>
  </si>
  <si>
    <t>5.108</t>
  </si>
  <si>
    <t>2212998.0</t>
  </si>
  <si>
    <t>1598793.0</t>
  </si>
  <si>
    <t>616211.0</t>
  </si>
  <si>
    <t>49961.0</t>
  </si>
  <si>
    <t>13.72</t>
  </si>
  <si>
    <t>15092.8</t>
  </si>
  <si>
    <t>1294.86099041663</t>
  </si>
  <si>
    <t>11485201.0</t>
  </si>
  <si>
    <t>989.13</t>
  </si>
  <si>
    <t>54360.0</t>
  </si>
  <si>
    <t>4.682</t>
  </si>
  <si>
    <t>2228019.0</t>
  </si>
  <si>
    <t>1611233.0</t>
  </si>
  <si>
    <t>618825.0</t>
  </si>
  <si>
    <t>15021.0</t>
  </si>
  <si>
    <t>48657.0</t>
  </si>
  <si>
    <t>39294.0</t>
  </si>
  <si>
    <t>153.57</t>
  </si>
  <si>
    <t>11533249.0</t>
  </si>
  <si>
    <t>48048.0</t>
  </si>
  <si>
    <t>993.268</t>
  </si>
  <si>
    <t>4.138</t>
  </si>
  <si>
    <t>49545.0</t>
  </si>
  <si>
    <t>4.267</t>
  </si>
  <si>
    <t>2275456.0</t>
  </si>
  <si>
    <t>1649339.0</t>
  </si>
  <si>
    <t>628234.0</t>
  </si>
  <si>
    <t>50767.0</t>
  </si>
  <si>
    <t>11593611.0</t>
  </si>
  <si>
    <t>60362.0</t>
  </si>
  <si>
    <t>998.466</t>
  </si>
  <si>
    <t>5.199</t>
  </si>
  <si>
    <t>2323914.0</t>
  </si>
  <si>
    <t>1687853.0</t>
  </si>
  <si>
    <t>638317.0</t>
  </si>
  <si>
    <t>48458.0</t>
  </si>
  <si>
    <t>45476.0</t>
  </si>
  <si>
    <t>35847.0</t>
  </si>
  <si>
    <t>11643427.0</t>
  </si>
  <si>
    <t>49816.0</t>
  </si>
  <si>
    <t>1002.757</t>
  </si>
  <si>
    <t>45518.0</t>
  </si>
  <si>
    <t>2451864.0</t>
  </si>
  <si>
    <t>1798745.0</t>
  </si>
  <si>
    <t>655443.0</t>
  </si>
  <si>
    <t>127950.0</t>
  </si>
  <si>
    <t>49106.0</t>
  </si>
  <si>
    <t>3117.0</t>
  </si>
  <si>
    <t>11692363.0</t>
  </si>
  <si>
    <t>48936.0</t>
  </si>
  <si>
    <t>1006.971</t>
  </si>
  <si>
    <t>4.214</t>
  </si>
  <si>
    <t>42794.0</t>
  </si>
  <si>
    <t>2587893.0</t>
  </si>
  <si>
    <t>1918692.0</t>
  </si>
  <si>
    <t>671653.0</t>
  </si>
  <si>
    <t>56634.0</t>
  </si>
  <si>
    <t>48549.0</t>
  </si>
  <si>
    <t>11728701.0</t>
  </si>
  <si>
    <t>36338.0</t>
  </si>
  <si>
    <t>1010.1</t>
  </si>
  <si>
    <t>41336.0</t>
  </si>
  <si>
    <t>2657067.0</t>
  </si>
  <si>
    <t>1983692.0</t>
  </si>
  <si>
    <t>675901.0</t>
  </si>
  <si>
    <t>69174.0</t>
  </si>
  <si>
    <t>63488.0</t>
  </si>
  <si>
    <t>55015.0</t>
  </si>
  <si>
    <t>3085.0</t>
  </si>
  <si>
    <t>11748294.0</t>
  </si>
  <si>
    <t>19593.0</t>
  </si>
  <si>
    <t>1011.788</t>
  </si>
  <si>
    <t>40730.0</t>
  </si>
  <si>
    <t>2661239.0</t>
  </si>
  <si>
    <t>1987447.0</t>
  </si>
  <si>
    <t>676339.0</t>
  </si>
  <si>
    <t>64034.0</t>
  </si>
  <si>
    <t>22.83</t>
  </si>
  <si>
    <t>55522.0</t>
  </si>
  <si>
    <t>15185.1</t>
  </si>
  <si>
    <t>1302.77971122493</t>
  </si>
  <si>
    <t>11790202.0</t>
  </si>
  <si>
    <t>41908.0</t>
  </si>
  <si>
    <t>1015.397</t>
  </si>
  <si>
    <t>43572.0</t>
  </si>
  <si>
    <t>3.753</t>
  </si>
  <si>
    <t>2710525.0</t>
  </si>
  <si>
    <t>2027541.0</t>
  </si>
  <si>
    <t>685592.0</t>
  </si>
  <si>
    <t>49286.0</t>
  </si>
  <si>
    <t>68929.0</t>
  </si>
  <si>
    <t>5914.0</t>
  </si>
  <si>
    <t>59473.0</t>
  </si>
  <si>
    <t>11843866.0</t>
  </si>
  <si>
    <t>53664.0</t>
  </si>
  <si>
    <t>1020.019</t>
  </si>
  <si>
    <t>44374.0</t>
  </si>
  <si>
    <t>2783577.0</t>
  </si>
  <si>
    <t>2092067.0</t>
  </si>
  <si>
    <t>694202.0</t>
  </si>
  <si>
    <t>73052.0</t>
  </si>
  <si>
    <t>72589.0</t>
  </si>
  <si>
    <t>6228.0</t>
  </si>
  <si>
    <t>63247.0</t>
  </si>
  <si>
    <t>11888103.0</t>
  </si>
  <si>
    <t>44237.0</t>
  </si>
  <si>
    <t>1023.829</t>
  </si>
  <si>
    <t>42070.0</t>
  </si>
  <si>
    <t>2884944.0</t>
  </si>
  <si>
    <t>2168576.0</t>
  </si>
  <si>
    <t>719067.0</t>
  </si>
  <si>
    <t>101367.0</t>
  </si>
  <si>
    <t>80147.0</t>
  </si>
  <si>
    <t>6876.0</t>
  </si>
  <si>
    <t>68675.0</t>
  </si>
  <si>
    <t>11930110.0</t>
  </si>
  <si>
    <t>42007.0</t>
  </si>
  <si>
    <t>1027.446</t>
  </si>
  <si>
    <t>3.618</t>
  </si>
  <si>
    <t>40955.0</t>
  </si>
  <si>
    <t>3.527</t>
  </si>
  <si>
    <t>2997341.0</t>
  </si>
  <si>
    <t>2254089.0</t>
  </si>
  <si>
    <t>745954.0</t>
  </si>
  <si>
    <t>112397.0</t>
  </si>
  <si>
    <t>77925.0</t>
  </si>
  <si>
    <t>25.72</t>
  </si>
  <si>
    <t>6685.0</t>
  </si>
  <si>
    <t>65049.0</t>
  </si>
  <si>
    <t>11974497.0</t>
  </si>
  <si>
    <t>44387.0</t>
  </si>
  <si>
    <t>1031.269</t>
  </si>
  <si>
    <t>3.823</t>
  </si>
  <si>
    <t>40305.0</t>
  </si>
  <si>
    <t>3.471</t>
  </si>
  <si>
    <t>3091946.0</t>
  </si>
  <si>
    <t>2331147.0</t>
  </si>
  <si>
    <t>763504.0</t>
  </si>
  <si>
    <t>94605.0</t>
  </si>
  <si>
    <t>72008.0</t>
  </si>
  <si>
    <t>58922.0</t>
  </si>
  <si>
    <t>249.658</t>
  </si>
  <si>
    <t>12010987.0</t>
  </si>
  <si>
    <t>36490.0</t>
  </si>
  <si>
    <t>1034.412</t>
  </si>
  <si>
    <t>40327.0</t>
  </si>
  <si>
    <t>3.473</t>
  </si>
  <si>
    <t>3150416.0</t>
  </si>
  <si>
    <t>2383707.0</t>
  </si>
  <si>
    <t>769415.0</t>
  </si>
  <si>
    <t>58470.0</t>
  </si>
  <si>
    <t>70478.0</t>
  </si>
  <si>
    <t>6047.0</t>
  </si>
  <si>
    <t>57145.0</t>
  </si>
  <si>
    <t>12031083.0</t>
  </si>
  <si>
    <t>20096.0</t>
  </si>
  <si>
    <t>1036.142</t>
  </si>
  <si>
    <t>3.479</t>
  </si>
  <si>
    <t>3156688.0</t>
  </si>
  <si>
    <t>2389810.0</t>
  </si>
  <si>
    <t>769584.0</t>
  </si>
  <si>
    <t>70778.0</t>
  </si>
  <si>
    <t>6072.0</t>
  </si>
  <si>
    <t>57480.0</t>
  </si>
  <si>
    <t>15261.8</t>
  </si>
  <si>
    <t>10.39</t>
  </si>
  <si>
    <t>1309.36005668534</t>
  </si>
  <si>
    <t>3140.0</t>
  </si>
  <si>
    <t>12075489.0</t>
  </si>
  <si>
    <t>1039.967</t>
  </si>
  <si>
    <t>3.824</t>
  </si>
  <si>
    <t>40755.0</t>
  </si>
  <si>
    <t>3218329.0</t>
  </si>
  <si>
    <t>2446873.0</t>
  </si>
  <si>
    <t>774164.0</t>
  </si>
  <si>
    <t>61641.0</t>
  </si>
  <si>
    <t>72543.0</t>
  </si>
  <si>
    <t>6224.0</t>
  </si>
  <si>
    <t>12133500.0</t>
  </si>
  <si>
    <t>1044.963</t>
  </si>
  <si>
    <t>41376.0</t>
  </si>
  <si>
    <t>3.563</t>
  </si>
  <si>
    <t>3269159.0</t>
  </si>
  <si>
    <t>2494283.0</t>
  </si>
  <si>
    <t>777587.0</t>
  </si>
  <si>
    <t>50830.0</t>
  </si>
  <si>
    <t>69369.0</t>
  </si>
  <si>
    <t>57459.0</t>
  </si>
  <si>
    <t>12183307.0</t>
  </si>
  <si>
    <t>49807.0</t>
  </si>
  <si>
    <t>1049.252</t>
  </si>
  <si>
    <t>3.632</t>
  </si>
  <si>
    <t>3361824.0</t>
  </si>
  <si>
    <t>2582144.0</t>
  </si>
  <si>
    <t>782395.0</t>
  </si>
  <si>
    <t>92665.0</t>
  </si>
  <si>
    <t>5845.0</t>
  </si>
  <si>
    <t>59081.0</t>
  </si>
  <si>
    <t>144.39</t>
  </si>
  <si>
    <t>12231032.0</t>
  </si>
  <si>
    <t>47725.0</t>
  </si>
  <si>
    <t>1053.362</t>
  </si>
  <si>
    <t>3458989.0</t>
  </si>
  <si>
    <t>2673026.0</t>
  </si>
  <si>
    <t>788683.0</t>
  </si>
  <si>
    <t>97165.0</t>
  </si>
  <si>
    <t>65950.0</t>
  </si>
  <si>
    <t>22.93</t>
  </si>
  <si>
    <t>59848.0</t>
  </si>
  <si>
    <t>252.49</t>
  </si>
  <si>
    <t>12282638.0</t>
  </si>
  <si>
    <t>1057.807</t>
  </si>
  <si>
    <t>4.444</t>
  </si>
  <si>
    <t>44020.0</t>
  </si>
  <si>
    <t>3.791</t>
  </si>
  <si>
    <t>3531688.0</t>
  </si>
  <si>
    <t>2738289.0</t>
  </si>
  <si>
    <t>796122.0</t>
  </si>
  <si>
    <t>72699.0</t>
  </si>
  <si>
    <t>62820.0</t>
  </si>
  <si>
    <t>58163.0</t>
  </si>
  <si>
    <t>12321528.0</t>
  </si>
  <si>
    <t>38890.0</t>
  </si>
  <si>
    <t>1061.156</t>
  </si>
  <si>
    <t>3.349</t>
  </si>
  <si>
    <t>44363.0</t>
  </si>
  <si>
    <t>3578429.0</t>
  </si>
  <si>
    <t>2783096.0</t>
  </si>
  <si>
    <t>798080.0</t>
  </si>
  <si>
    <t>46741.0</t>
  </si>
  <si>
    <t>61145.0</t>
  </si>
  <si>
    <t>57056.0</t>
  </si>
  <si>
    <t>12342522.0</t>
  </si>
  <si>
    <t>20994.0</t>
  </si>
  <si>
    <t>1062.964</t>
  </si>
  <si>
    <t>3.832</t>
  </si>
  <si>
    <t>3584984.0</t>
  </si>
  <si>
    <t>2789541.0</t>
  </si>
  <si>
    <t>798193.0</t>
  </si>
  <si>
    <t>61185.0</t>
  </si>
  <si>
    <t>57104.0</t>
  </si>
  <si>
    <t>15428.3</t>
  </si>
  <si>
    <t>1323.64463972523</t>
  </si>
  <si>
    <t>12390854.0</t>
  </si>
  <si>
    <t>1067.127</t>
  </si>
  <si>
    <t>4.162</t>
  </si>
  <si>
    <t>45052.0</t>
  </si>
  <si>
    <t>3648903.0</t>
  </si>
  <si>
    <t>2846234.0</t>
  </si>
  <si>
    <t>805427.0</t>
  </si>
  <si>
    <t>63919.0</t>
  </si>
  <si>
    <t>61511.0</t>
  </si>
  <si>
    <t>57052.0</t>
  </si>
  <si>
    <t>12449782.0</t>
  </si>
  <si>
    <t>58928.0</t>
  </si>
  <si>
    <t>1072.202</t>
  </si>
  <si>
    <t>5.075</t>
  </si>
  <si>
    <t>45183.0</t>
  </si>
  <si>
    <t>3702572.0</t>
  </si>
  <si>
    <t>2885019.0</t>
  </si>
  <si>
    <t>820347.0</t>
  </si>
  <si>
    <t>53669.0</t>
  </si>
  <si>
    <t>55819.0</t>
  </si>
  <si>
    <t>12504339.0</t>
  </si>
  <si>
    <t>54557.0</t>
  </si>
  <si>
    <t>1076.9</t>
  </si>
  <si>
    <t>3797913.0</t>
  </si>
  <si>
    <t>2964915.0</t>
  </si>
  <si>
    <t>835919.0</t>
  </si>
  <si>
    <t>95341.0</t>
  </si>
  <si>
    <t>62298.0</t>
  </si>
  <si>
    <t>32.58</t>
  </si>
  <si>
    <t>54682.0</t>
  </si>
  <si>
    <t>12558972.0</t>
  </si>
  <si>
    <t>54633.0</t>
  </si>
  <si>
    <t>1081.605</t>
  </si>
  <si>
    <t>4.705</t>
  </si>
  <si>
    <t>46849.0</t>
  </si>
  <si>
    <t>4.035</t>
  </si>
  <si>
    <t>3905043.0</t>
  </si>
  <si>
    <t>3053252.0</t>
  </si>
  <si>
    <t>856132.0</t>
  </si>
  <si>
    <t>107130.0</t>
  </si>
  <si>
    <t>63722.0</t>
  </si>
  <si>
    <t>54318.0</t>
  </si>
  <si>
    <t>73.353</t>
  </si>
  <si>
    <t>12616060.0</t>
  </si>
  <si>
    <t>57088.0</t>
  </si>
  <si>
    <t>1086.522</t>
  </si>
  <si>
    <t>4.917</t>
  </si>
  <si>
    <t>47632.0</t>
  </si>
  <si>
    <t>4.102</t>
  </si>
  <si>
    <t>3988052.0</t>
  </si>
  <si>
    <t>3114190.0</t>
  </si>
  <si>
    <t>879218.0</t>
  </si>
  <si>
    <t>83009.0</t>
  </si>
  <si>
    <t>65195.0</t>
  </si>
  <si>
    <t>7.54</t>
  </si>
  <si>
    <t>53700.0</t>
  </si>
  <si>
    <t>12653677.0</t>
  </si>
  <si>
    <t>1089.761</t>
  </si>
  <si>
    <t>47450.0</t>
  </si>
  <si>
    <t>4.086</t>
  </si>
  <si>
    <t>4035841.0</t>
  </si>
  <si>
    <t>3154258.0</t>
  </si>
  <si>
    <t>887473.0</t>
  </si>
  <si>
    <t>47789.0</t>
  </si>
  <si>
    <t>65345.0</t>
  </si>
  <si>
    <t>53023.0</t>
  </si>
  <si>
    <t>70.779</t>
  </si>
  <si>
    <t>12674803.0</t>
  </si>
  <si>
    <t>1091.581</t>
  </si>
  <si>
    <t>47469.0</t>
  </si>
  <si>
    <t>4.088</t>
  </si>
  <si>
    <t>4039754.0</t>
  </si>
  <si>
    <t>3157944.0</t>
  </si>
  <si>
    <t>887733.0</t>
  </si>
  <si>
    <t>64967.0</t>
  </si>
  <si>
    <t>52629.0</t>
  </si>
  <si>
    <t>15604.0</t>
  </si>
  <si>
    <t>1338.7185210472</t>
  </si>
  <si>
    <t>12725013.0</t>
  </si>
  <si>
    <t>50210.0</t>
  </si>
  <si>
    <t>1095.905</t>
  </si>
  <si>
    <t>47737.0</t>
  </si>
  <si>
    <t>4.111</t>
  </si>
  <si>
    <t>4119232.0</t>
  </si>
  <si>
    <t>3224757.0</t>
  </si>
  <si>
    <t>903067.0</t>
  </si>
  <si>
    <t>79478.0</t>
  </si>
  <si>
    <t>67190.0</t>
  </si>
  <si>
    <t>54075.0</t>
  </si>
  <si>
    <t>12790880.0</t>
  </si>
  <si>
    <t>1101.578</t>
  </si>
  <si>
    <t>5.673</t>
  </si>
  <si>
    <t>48728.0</t>
  </si>
  <si>
    <t>4203246.0</t>
  </si>
  <si>
    <t>3292722.0</t>
  </si>
  <si>
    <t>922467.0</t>
  </si>
  <si>
    <t>71525.0</t>
  </si>
  <si>
    <t>58243.0</t>
  </si>
  <si>
    <t>12851616.0</t>
  </si>
  <si>
    <t>60736.0</t>
  </si>
  <si>
    <t>1106.808</t>
  </si>
  <si>
    <t>5.231</t>
  </si>
  <si>
    <t>49611.0</t>
  </si>
  <si>
    <t>4.273</t>
  </si>
  <si>
    <t>4359049.0</t>
  </si>
  <si>
    <t>3377589.0</t>
  </si>
  <si>
    <t>997195.0</t>
  </si>
  <si>
    <t>155803.0</t>
  </si>
  <si>
    <t>80162.0</t>
  </si>
  <si>
    <t>6877.0</t>
  </si>
  <si>
    <t>12915236.0</t>
  </si>
  <si>
    <t>63620.0</t>
  </si>
  <si>
    <t>1112.287</t>
  </si>
  <si>
    <t>50895.0</t>
  </si>
  <si>
    <t>4.383</t>
  </si>
  <si>
    <t>4521828.0</t>
  </si>
  <si>
    <t>3466648.0</t>
  </si>
  <si>
    <t>1075915.0</t>
  </si>
  <si>
    <t>162779.0</t>
  </si>
  <si>
    <t>88112.0</t>
  </si>
  <si>
    <t>59057.0</t>
  </si>
  <si>
    <t>100.55</t>
  </si>
  <si>
    <t>12979250.0</t>
  </si>
  <si>
    <t>64014.0</t>
  </si>
  <si>
    <t>1117.8</t>
  </si>
  <si>
    <t>5.513</t>
  </si>
  <si>
    <t>51884.0</t>
  </si>
  <si>
    <t>4.468</t>
  </si>
  <si>
    <t>4678365.0</t>
  </si>
  <si>
    <t>3568021.0</t>
  </si>
  <si>
    <t>1135713.0</t>
  </si>
  <si>
    <t>156537.0</t>
  </si>
  <si>
    <t>98616.0</t>
  </si>
  <si>
    <t>40.14</t>
  </si>
  <si>
    <t>8461.0</t>
  </si>
  <si>
    <t>97.89</t>
  </si>
  <si>
    <t>13023059.0</t>
  </si>
  <si>
    <t>43809.0</t>
  </si>
  <si>
    <t>1121.573</t>
  </si>
  <si>
    <t>3.773</t>
  </si>
  <si>
    <t>52769.0</t>
  </si>
  <si>
    <t>4.545</t>
  </si>
  <si>
    <t>4769350.0</t>
  </si>
  <si>
    <t>3649137.0</t>
  </si>
  <si>
    <t>1147349.0</t>
  </si>
  <si>
    <t>90985.0</t>
  </si>
  <si>
    <t>104787.0</t>
  </si>
  <si>
    <t>70697.0</t>
  </si>
  <si>
    <t>13045679.0</t>
  </si>
  <si>
    <t>22620.0</t>
  </si>
  <si>
    <t>1123.521</t>
  </si>
  <si>
    <t>52982.0</t>
  </si>
  <si>
    <t>4.563</t>
  </si>
  <si>
    <t>4777628.0</t>
  </si>
  <si>
    <t>3657209.0</t>
  </si>
  <si>
    <t>1147605.0</t>
  </si>
  <si>
    <t>8278.0</t>
  </si>
  <si>
    <t>105411.0</t>
  </si>
  <si>
    <t>71324.0</t>
  </si>
  <si>
    <t>15849.7</t>
  </si>
  <si>
    <t>1359.79793277632</t>
  </si>
  <si>
    <t>13091642.0</t>
  </si>
  <si>
    <t>45963.0</t>
  </si>
  <si>
    <t>1127.48</t>
  </si>
  <si>
    <t>52376.0</t>
  </si>
  <si>
    <t>4862027.0</t>
  </si>
  <si>
    <t>3736721.0</t>
  </si>
  <si>
    <t>1153930.0</t>
  </si>
  <si>
    <t>84399.0</t>
  </si>
  <si>
    <t>106114.0</t>
  </si>
  <si>
    <t>41.71</t>
  </si>
  <si>
    <t>73138.0</t>
  </si>
  <si>
    <t>13157032.0</t>
  </si>
  <si>
    <t>65390.0</t>
  </si>
  <si>
    <t>1133.111</t>
  </si>
  <si>
    <t>52307.0</t>
  </si>
  <si>
    <t>4.505</t>
  </si>
  <si>
    <t>4931612.0</t>
  </si>
  <si>
    <t>3796041.0</t>
  </si>
  <si>
    <t>1165495.0</t>
  </si>
  <si>
    <t>69585.0</t>
  </si>
  <si>
    <t>104052.0</t>
  </si>
  <si>
    <t>42.31</t>
  </si>
  <si>
    <t>8927.0</t>
  </si>
  <si>
    <t>71903.0</t>
  </si>
  <si>
    <t>13213928.0</t>
  </si>
  <si>
    <t>56896.0</t>
  </si>
  <si>
    <t>1138.011</t>
  </si>
  <si>
    <t>51759.0</t>
  </si>
  <si>
    <t>4.458</t>
  </si>
  <si>
    <t>5025643.0</t>
  </si>
  <si>
    <t>3861557.0</t>
  </si>
  <si>
    <t>1195366.0</t>
  </si>
  <si>
    <t>95228.0</t>
  </si>
  <si>
    <t>69138.0</t>
  </si>
  <si>
    <t>13244064.0</t>
  </si>
  <si>
    <t>30136.0</t>
  </si>
  <si>
    <t>1140.607</t>
  </si>
  <si>
    <t>46975.0</t>
  </si>
  <si>
    <t>4.046</t>
  </si>
  <si>
    <t>5145318.0</t>
  </si>
  <si>
    <t>3900473.0</t>
  </si>
  <si>
    <t>1276516.0</t>
  </si>
  <si>
    <t>119675.0</t>
  </si>
  <si>
    <t>89070.0</t>
  </si>
  <si>
    <t>61975.0</t>
  </si>
  <si>
    <t>13284711.0</t>
  </si>
  <si>
    <t>40647.0</t>
  </si>
  <si>
    <t>1144.107</t>
  </si>
  <si>
    <t>3.501</t>
  </si>
  <si>
    <t>43637.0</t>
  </si>
  <si>
    <t>3.758</t>
  </si>
  <si>
    <t>5291631.0</t>
  </si>
  <si>
    <t>3943167.0</t>
  </si>
  <si>
    <t>1381293.0</t>
  </si>
  <si>
    <t>146313.0</t>
  </si>
  <si>
    <t>87609.0</t>
  </si>
  <si>
    <t>7516.0</t>
  </si>
  <si>
    <t>53592.0</t>
  </si>
  <si>
    <t>13320811.0</t>
  </si>
  <si>
    <t>36100.0</t>
  </si>
  <si>
    <t>1147.216</t>
  </si>
  <si>
    <t>42536.0</t>
  </si>
  <si>
    <t>5380235.0</t>
  </si>
  <si>
    <t>3976367.0</t>
  </si>
  <si>
    <t>1437042.0</t>
  </si>
  <si>
    <t>88604.0</t>
  </si>
  <si>
    <t>34.11</t>
  </si>
  <si>
    <t>7487.0</t>
  </si>
  <si>
    <t>46747.0</t>
  </si>
  <si>
    <t>154.6</t>
  </si>
  <si>
    <t>13340775.0</t>
  </si>
  <si>
    <t>1148.936</t>
  </si>
  <si>
    <t>42157.0</t>
  </si>
  <si>
    <t>5386624.0</t>
  </si>
  <si>
    <t>3978840.0</t>
  </si>
  <si>
    <t>1441002.0</t>
  </si>
  <si>
    <t>86999.0</t>
  </si>
  <si>
    <t>46.21</t>
  </si>
  <si>
    <t>45947.0</t>
  </si>
  <si>
    <t>15902.4</t>
  </si>
  <si>
    <t>1364.31923924</t>
  </si>
  <si>
    <t>13382267.0</t>
  </si>
  <si>
    <t>41492.0</t>
  </si>
  <si>
    <t>1152.509</t>
  </si>
  <si>
    <t>3.573</t>
  </si>
  <si>
    <t>41518.0</t>
  </si>
  <si>
    <t>3.576</t>
  </si>
  <si>
    <t>5496199.0</t>
  </si>
  <si>
    <t>4065731.0</t>
  </si>
  <si>
    <t>1467302.0</t>
  </si>
  <si>
    <t>109575.0</t>
  </si>
  <si>
    <t>90596.0</t>
  </si>
  <si>
    <t>47001.0</t>
  </si>
  <si>
    <t>51.047</t>
  </si>
  <si>
    <t>13456263.0</t>
  </si>
  <si>
    <t>73996.0</t>
  </si>
  <si>
    <t>1158.882</t>
  </si>
  <si>
    <t>6.373</t>
  </si>
  <si>
    <t>42747.0</t>
  </si>
  <si>
    <t>3.681</t>
  </si>
  <si>
    <t>5630375.0</t>
  </si>
  <si>
    <t>4168855.0</t>
  </si>
  <si>
    <t>1501507.0</t>
  </si>
  <si>
    <t>134176.0</t>
  </si>
  <si>
    <t>99823.0</t>
  </si>
  <si>
    <t>53259.0</t>
  </si>
  <si>
    <t>146.02</t>
  </si>
  <si>
    <t>13520582.0</t>
  </si>
  <si>
    <t>64319.0</t>
  </si>
  <si>
    <t>1164.421</t>
  </si>
  <si>
    <t>43808.0</t>
  </si>
  <si>
    <t>5772778.0</t>
  </si>
  <si>
    <t>4247604.0</t>
  </si>
  <si>
    <t>1569430.0</t>
  </si>
  <si>
    <t>142403.0</t>
  </si>
  <si>
    <t>106734.0</t>
  </si>
  <si>
    <t>49.53</t>
  </si>
  <si>
    <t>55150.0</t>
  </si>
  <si>
    <t>13580166.0</t>
  </si>
  <si>
    <t>1169.553</t>
  </si>
  <si>
    <t>5.131</t>
  </si>
  <si>
    <t>4.135</t>
  </si>
  <si>
    <t>5920695.0</t>
  </si>
  <si>
    <t>4317427.0</t>
  </si>
  <si>
    <t>1652968.0</t>
  </si>
  <si>
    <t>147917.0</t>
  </si>
  <si>
    <t>110768.0</t>
  </si>
  <si>
    <t>9503.0</t>
  </si>
  <si>
    <t>59565.0</t>
  </si>
  <si>
    <t>13635626.0</t>
  </si>
  <si>
    <t>55460.0</t>
  </si>
  <si>
    <t>1174.329</t>
  </si>
  <si>
    <t>6050051.0</t>
  </si>
  <si>
    <t>4388033.0</t>
  </si>
  <si>
    <t>1715557.0</t>
  </si>
  <si>
    <t>129356.0</t>
  </si>
  <si>
    <t>108346.0</t>
  </si>
  <si>
    <t>63552.0</t>
  </si>
  <si>
    <t>13675604.0</t>
  </si>
  <si>
    <t>1177.772</t>
  </si>
  <si>
    <t>50685.0</t>
  </si>
  <si>
    <t>6139705.0</t>
  </si>
  <si>
    <t>4432726.0</t>
  </si>
  <si>
    <t>1761133.0</t>
  </si>
  <si>
    <t>108496.0</t>
  </si>
  <si>
    <t>65194.0</t>
  </si>
  <si>
    <t>13697415.0</t>
  </si>
  <si>
    <t>21811.0</t>
  </si>
  <si>
    <t>1179.65</t>
  </si>
  <si>
    <t>50949.0</t>
  </si>
  <si>
    <t>4.388</t>
  </si>
  <si>
    <t>6149652.0</t>
  </si>
  <si>
    <t>4439803.0</t>
  </si>
  <si>
    <t>1764066.0</t>
  </si>
  <si>
    <t>109004.0</t>
  </si>
  <si>
    <t>65852.0</t>
  </si>
  <si>
    <t>15955.1</t>
  </si>
  <si>
    <t>1368.84054570367</t>
  </si>
  <si>
    <t>13722504.0</t>
  </si>
  <si>
    <t>25089.0</t>
  </si>
  <si>
    <t>1181.811</t>
  </si>
  <si>
    <t>2.161</t>
  </si>
  <si>
    <t>48605.0</t>
  </si>
  <si>
    <t>6212297.0</t>
  </si>
  <si>
    <t>4466679.0</t>
  </si>
  <si>
    <t>1800897.0</t>
  </si>
  <si>
    <t>62645.0</t>
  </si>
  <si>
    <t>102300.0</t>
  </si>
  <si>
    <t>57278.0</t>
  </si>
  <si>
    <t>45.556</t>
  </si>
  <si>
    <t>13774220.0</t>
  </si>
  <si>
    <t>51716.0</t>
  </si>
  <si>
    <t>1186.265</t>
  </si>
  <si>
    <t>4.454</t>
  </si>
  <si>
    <t>6313126.0</t>
  </si>
  <si>
    <t>4526885.0</t>
  </si>
  <si>
    <t>1848560.0</t>
  </si>
  <si>
    <t>100829.0</t>
  </si>
  <si>
    <t>38.84</t>
  </si>
  <si>
    <t>8368.0</t>
  </si>
  <si>
    <t>51147.0</t>
  </si>
  <si>
    <t>13838509.0</t>
  </si>
  <si>
    <t>64289.0</t>
  </si>
  <si>
    <t>1191.802</t>
  </si>
  <si>
    <t>5.537</t>
  </si>
  <si>
    <t>45418.0</t>
  </si>
  <si>
    <t>3.911</t>
  </si>
  <si>
    <t>6436709.0</t>
  </si>
  <si>
    <t>4563191.0</t>
  </si>
  <si>
    <t>1940928.0</t>
  </si>
  <si>
    <t>123583.0</t>
  </si>
  <si>
    <t>94847.0</t>
  </si>
  <si>
    <t>45084.0</t>
  </si>
  <si>
    <t>13893798.0</t>
  </si>
  <si>
    <t>55289.0</t>
  </si>
  <si>
    <t>1196.563</t>
  </si>
  <si>
    <t>4.762</t>
  </si>
  <si>
    <t>6577625.0</t>
  </si>
  <si>
    <t>4604948.0</t>
  </si>
  <si>
    <t>2044513.0</t>
  </si>
  <si>
    <t>140916.0</t>
  </si>
  <si>
    <t>93847.0</t>
  </si>
  <si>
    <t>8051.0</t>
  </si>
  <si>
    <t>41074.0</t>
  </si>
  <si>
    <t>13947279.0</t>
  </si>
  <si>
    <t>53481.0</t>
  </si>
  <si>
    <t>1201.169</t>
  </si>
  <si>
    <t>4.606</t>
  </si>
  <si>
    <t>44522.0</t>
  </si>
  <si>
    <t>6690932.0</t>
  </si>
  <si>
    <t>4644363.0</t>
  </si>
  <si>
    <t>2122301.0</t>
  </si>
  <si>
    <t>113307.0</t>
  </si>
  <si>
    <t>36619.0</t>
  </si>
  <si>
    <t>54.05</t>
  </si>
  <si>
    <t>13984920.0</t>
  </si>
  <si>
    <t>37641.0</t>
  </si>
  <si>
    <t>1204.411</t>
  </si>
  <si>
    <t>3.242</t>
  </si>
  <si>
    <t>44188.0</t>
  </si>
  <si>
    <t>6782606.0</t>
  </si>
  <si>
    <t>4687820.0</t>
  </si>
  <si>
    <t>2173004.0</t>
  </si>
  <si>
    <t>91674.0</t>
  </si>
  <si>
    <t>91843.0</t>
  </si>
  <si>
    <t>58.19</t>
  </si>
  <si>
    <t>40.22</t>
  </si>
  <si>
    <t>36442.0</t>
  </si>
  <si>
    <t>14005818.0</t>
  </si>
  <si>
    <t>20898.0</t>
  </si>
  <si>
    <t>1206.211</t>
  </si>
  <si>
    <t>44058.0</t>
  </si>
  <si>
    <t>6794452.0</t>
  </si>
  <si>
    <t>4692448.0</t>
  </si>
  <si>
    <t>2180378.0</t>
  </si>
  <si>
    <t>11846.0</t>
  </si>
  <si>
    <t>92114.0</t>
  </si>
  <si>
    <t>36092.0</t>
  </si>
  <si>
    <t>15986.8</t>
  </si>
  <si>
    <t>10.06</t>
  </si>
  <si>
    <t>1371.5601930452</t>
  </si>
  <si>
    <t>37.663</t>
  </si>
  <si>
    <t>14055821.0</t>
  </si>
  <si>
    <t>1210.517</t>
  </si>
  <si>
    <t>4.306</t>
  </si>
  <si>
    <t>47617.0</t>
  </si>
  <si>
    <t>4.101</t>
  </si>
  <si>
    <t>6915615.0</t>
  </si>
  <si>
    <t>4758764.0</t>
  </si>
  <si>
    <t>2238559.0</t>
  </si>
  <si>
    <t>121163.0</t>
  </si>
  <si>
    <t>100474.0</t>
  </si>
  <si>
    <t>14110333.0</t>
  </si>
  <si>
    <t>54512.0</t>
  </si>
  <si>
    <t>1215.212</t>
  </si>
  <si>
    <t>4.695</t>
  </si>
  <si>
    <t>48016.0</t>
  </si>
  <si>
    <t>7019753.0</t>
  </si>
  <si>
    <t>4823468.0</t>
  </si>
  <si>
    <t>2286992.0</t>
  </si>
  <si>
    <t>104138.0</t>
  </si>
  <si>
    <t>100947.0</t>
  </si>
  <si>
    <t>8661.0</t>
  </si>
  <si>
    <t>42369.0</t>
  </si>
  <si>
    <t>14160951.0</t>
  </si>
  <si>
    <t>50618.0</t>
  </si>
  <si>
    <t>1219.571</t>
  </si>
  <si>
    <t>3.967</t>
  </si>
  <si>
    <t>7189015.0</t>
  </si>
  <si>
    <t>4904923.0</t>
  </si>
  <si>
    <t>2377962.0</t>
  </si>
  <si>
    <t>169262.0</t>
  </si>
  <si>
    <t>107472.0</t>
  </si>
  <si>
    <t>61.68</t>
  </si>
  <si>
    <t>9220.0</t>
  </si>
  <si>
    <t>48819.0</t>
  </si>
  <si>
    <t>14210519.0</t>
  </si>
  <si>
    <t>49568.0</t>
  </si>
  <si>
    <t>1223.84</t>
  </si>
  <si>
    <t>45246.0</t>
  </si>
  <si>
    <t>3.897</t>
  </si>
  <si>
    <t>7377036.0</t>
  </si>
  <si>
    <t>4998348.0</t>
  </si>
  <si>
    <t>2475930.0</t>
  </si>
  <si>
    <t>188021.0</t>
  </si>
  <si>
    <t>114202.0</t>
  </si>
  <si>
    <t>14260131.0</t>
  </si>
  <si>
    <t>49612.0</t>
  </si>
  <si>
    <t>1228.113</t>
  </si>
  <si>
    <t>44693.0</t>
  </si>
  <si>
    <t>3.849</t>
  </si>
  <si>
    <t>7531107.0</t>
  </si>
  <si>
    <t>5080747.0</t>
  </si>
  <si>
    <t>2550387.0</t>
  </si>
  <si>
    <t>154071.0</t>
  </si>
  <si>
    <t>120025.0</t>
  </si>
  <si>
    <t>43.59</t>
  </si>
  <si>
    <t>62341.0</t>
  </si>
  <si>
    <t>14298671.0</t>
  </si>
  <si>
    <t>38540.0</t>
  </si>
  <si>
    <t>1231.432</t>
  </si>
  <si>
    <t>44822.0</t>
  </si>
  <si>
    <t>7670880.0</t>
  </si>
  <si>
    <t>5170373.0</t>
  </si>
  <si>
    <t>2602483.0</t>
  </si>
  <si>
    <t>139773.0</t>
  </si>
  <si>
    <t>126896.0</t>
  </si>
  <si>
    <t>10887.0</t>
  </si>
  <si>
    <t>68936.0</t>
  </si>
  <si>
    <t>14318045.0</t>
  </si>
  <si>
    <t>19374.0</t>
  </si>
  <si>
    <t>1233.1</t>
  </si>
  <si>
    <t>44604.0</t>
  </si>
  <si>
    <t>3.841</t>
  </si>
  <si>
    <t>7702523.0</t>
  </si>
  <si>
    <t>5196490.0</t>
  </si>
  <si>
    <t>2608566.0</t>
  </si>
  <si>
    <t>31643.0</t>
  </si>
  <si>
    <t>129724.0</t>
  </si>
  <si>
    <t>72006.0</t>
  </si>
  <si>
    <t>16054.3</t>
  </si>
  <si>
    <t>9.98</t>
  </si>
  <si>
    <t>1377.35124022353</t>
  </si>
  <si>
    <t>14361215.0</t>
  </si>
  <si>
    <t>43170.0</t>
  </si>
  <si>
    <t>1236.818</t>
  </si>
  <si>
    <t>3.718</t>
  </si>
  <si>
    <t>43628.0</t>
  </si>
  <si>
    <t>3.757</t>
  </si>
  <si>
    <t>7872053.0</t>
  </si>
  <si>
    <t>5296544.0</t>
  </si>
  <si>
    <t>2686614.0</t>
  </si>
  <si>
    <t>169530.0</t>
  </si>
  <si>
    <t>136634.0</t>
  </si>
  <si>
    <t>23.05</t>
  </si>
  <si>
    <t>76826.0</t>
  </si>
  <si>
    <t>14411208.0</t>
  </si>
  <si>
    <t>49993.0</t>
  </si>
  <si>
    <t>1241.124</t>
  </si>
  <si>
    <t>42982.0</t>
  </si>
  <si>
    <t>8021884.0</t>
  </si>
  <si>
    <t>5381048.0</t>
  </si>
  <si>
    <t>2768163.0</t>
  </si>
  <si>
    <t>149831.0</t>
  </si>
  <si>
    <t>143162.0</t>
  </si>
  <si>
    <t>68.82</t>
  </si>
  <si>
    <t>12282.0</t>
  </si>
  <si>
    <t>79654.0</t>
  </si>
  <si>
    <t>73.096</t>
  </si>
  <si>
    <t>14455995.0</t>
  </si>
  <si>
    <t>44787.0</t>
  </si>
  <si>
    <t>1244.981</t>
  </si>
  <si>
    <t>3.857</t>
  </si>
  <si>
    <t>42149.0</t>
  </si>
  <si>
    <t>8219613.0</t>
  </si>
  <si>
    <t>5474823.0</t>
  </si>
  <si>
    <t>2878572.0</t>
  </si>
  <si>
    <t>197729.0</t>
  </si>
  <si>
    <t>147228.0</t>
  </si>
  <si>
    <t>81414.0</t>
  </si>
  <si>
    <t>14499469.0</t>
  </si>
  <si>
    <t>1248.725</t>
  </si>
  <si>
    <t>8415767.0</t>
  </si>
  <si>
    <t>5556773.0</t>
  </si>
  <si>
    <t>2997409.0</t>
  </si>
  <si>
    <t>196154.0</t>
  </si>
  <si>
    <t>148390.0</t>
  </si>
  <si>
    <t>12731.0</t>
  </si>
  <si>
    <t>79775.0</t>
  </si>
  <si>
    <t>14543693.0</t>
  </si>
  <si>
    <t>44224.0</t>
  </si>
  <si>
    <t>1252.534</t>
  </si>
  <si>
    <t>3.809</t>
  </si>
  <si>
    <t>40509.0</t>
  </si>
  <si>
    <t>3.489</t>
  </si>
  <si>
    <t>8612587.0</t>
  </si>
  <si>
    <t>5646237.0</t>
  </si>
  <si>
    <t>3108258.0</t>
  </si>
  <si>
    <t>196820.0</t>
  </si>
  <si>
    <t>154497.0</t>
  </si>
  <si>
    <t>80784.0</t>
  </si>
  <si>
    <t>14578126.0</t>
  </si>
  <si>
    <t>34433.0</t>
  </si>
  <si>
    <t>1255.499</t>
  </si>
  <si>
    <t>2.965</t>
  </si>
  <si>
    <t>39922.0</t>
  </si>
  <si>
    <t>8756488.0</t>
  </si>
  <si>
    <t>5725167.0</t>
  </si>
  <si>
    <t>3180105.0</t>
  </si>
  <si>
    <t>143901.0</t>
  </si>
  <si>
    <t>155087.0</t>
  </si>
  <si>
    <t>27.28</t>
  </si>
  <si>
    <t>79256.0</t>
  </si>
  <si>
    <t>14596740.0</t>
  </si>
  <si>
    <t>1257.102</t>
  </si>
  <si>
    <t>39814.0</t>
  </si>
  <si>
    <t>3.429</t>
  </si>
  <si>
    <t>8780840.0</t>
  </si>
  <si>
    <t>5741150.0</t>
  </si>
  <si>
    <t>3188918.0</t>
  </si>
  <si>
    <t>154045.0</t>
  </si>
  <si>
    <t>77809.0</t>
  </si>
  <si>
    <t>16061.2</t>
  </si>
  <si>
    <t>1377.9432139351</t>
  </si>
  <si>
    <t>23.679</t>
  </si>
  <si>
    <t>29.427</t>
  </si>
  <si>
    <t>14640175.0</t>
  </si>
  <si>
    <t>1260.843</t>
  </si>
  <si>
    <t>8935694.0</t>
  </si>
  <si>
    <t>5820023.0</t>
  </si>
  <si>
    <t>3278332.0</t>
  </si>
  <si>
    <t>154854.0</t>
  </si>
  <si>
    <t>151949.0</t>
  </si>
  <si>
    <t>74783.0</t>
  </si>
  <si>
    <t>14687418.0</t>
  </si>
  <si>
    <t>47243.0</t>
  </si>
  <si>
    <t>1264.911</t>
  </si>
  <si>
    <t>4.069</t>
  </si>
  <si>
    <t>39459.0</t>
  </si>
  <si>
    <t>9087682.0</t>
  </si>
  <si>
    <t>5914493.0</t>
  </si>
  <si>
    <t>3362310.0</t>
  </si>
  <si>
    <t>151988.0</t>
  </si>
  <si>
    <t>152257.0</t>
  </si>
  <si>
    <t>76206.0</t>
  </si>
  <si>
    <t>14730353.0</t>
  </si>
  <si>
    <t>42935.0</t>
  </si>
  <si>
    <t>1268.609</t>
  </si>
  <si>
    <t>3.698</t>
  </si>
  <si>
    <t>39194.0</t>
  </si>
  <si>
    <t>9272358.0</t>
  </si>
  <si>
    <t>6036164.0</t>
  </si>
  <si>
    <t>3441819.0</t>
  </si>
  <si>
    <t>184676.0</t>
  </si>
  <si>
    <t>150392.0</t>
  </si>
  <si>
    <t>29.53</t>
  </si>
  <si>
    <t>80192.0</t>
  </si>
  <si>
    <t>22.478</t>
  </si>
  <si>
    <t>14772842.0</t>
  </si>
  <si>
    <t>42489.0</t>
  </si>
  <si>
    <t>1272.268</t>
  </si>
  <si>
    <t>3.659</t>
  </si>
  <si>
    <t>39053.0</t>
  </si>
  <si>
    <t>9462462.0</t>
  </si>
  <si>
    <t>6174250.0</t>
  </si>
  <si>
    <t>3498710.0</t>
  </si>
  <si>
    <t>190104.0</t>
  </si>
  <si>
    <t>149528.0</t>
  </si>
  <si>
    <t>30.02</t>
  </si>
  <si>
    <t>12828.0</t>
  </si>
  <si>
    <t>88211.0</t>
  </si>
  <si>
    <t>14817871.0</t>
  </si>
  <si>
    <t>45029.0</t>
  </si>
  <si>
    <t>1276.146</t>
  </si>
  <si>
    <t>39168.0</t>
  </si>
  <si>
    <t>3.373</t>
  </si>
  <si>
    <t>9656331.0</t>
  </si>
  <si>
    <t>6313236.0</t>
  </si>
  <si>
    <t>3559168.0</t>
  </si>
  <si>
    <t>193869.0</t>
  </si>
  <si>
    <t>149106.0</t>
  </si>
  <si>
    <t>12792.0</t>
  </si>
  <si>
    <t>14849639.0</t>
  </si>
  <si>
    <t>31768.0</t>
  </si>
  <si>
    <t>1278.882</t>
  </si>
  <si>
    <t>38788.0</t>
  </si>
  <si>
    <t>9782933.0</t>
  </si>
  <si>
    <t>6410030.0</t>
  </si>
  <si>
    <t>3591469.0</t>
  </si>
  <si>
    <t>126602.0</t>
  </si>
  <si>
    <t>146635.0</t>
  </si>
  <si>
    <t>12580.0</t>
  </si>
  <si>
    <t>97838.0</t>
  </si>
  <si>
    <t>14870514.0</t>
  </si>
  <si>
    <t>20875.0</t>
  </si>
  <si>
    <t>1280.68</t>
  </si>
  <si>
    <t>39111.0</t>
  </si>
  <si>
    <t>3.368</t>
  </si>
  <si>
    <t>9815571.0</t>
  </si>
  <si>
    <t>6441122.0</t>
  </si>
  <si>
    <t>3593499.0</t>
  </si>
  <si>
    <t>32638.0</t>
  </si>
  <si>
    <t>147819.0</t>
  </si>
  <si>
    <t>99996.0</t>
  </si>
  <si>
    <t>16171.5</t>
  </si>
  <si>
    <t>1387.40621399095</t>
  </si>
  <si>
    <t>14910112.0</t>
  </si>
  <si>
    <t>39598.0</t>
  </si>
  <si>
    <t>1284.09</t>
  </si>
  <si>
    <t>38562.0</t>
  </si>
  <si>
    <t>9934985.0</t>
  </si>
  <si>
    <t>6524502.0</t>
  </si>
  <si>
    <t>3632605.0</t>
  </si>
  <si>
    <t>119414.0</t>
  </si>
  <si>
    <t>142756.0</t>
  </si>
  <si>
    <t>85.24</t>
  </si>
  <si>
    <t>100640.0</t>
  </si>
  <si>
    <t>14956640.0</t>
  </si>
  <si>
    <t>46528.0</t>
  </si>
  <si>
    <t>1288.097</t>
  </si>
  <si>
    <t>4.007</t>
  </si>
  <si>
    <t>38460.0</t>
  </si>
  <si>
    <t>10044364.0</t>
  </si>
  <si>
    <t>6586542.0</t>
  </si>
  <si>
    <t>3689127.0</t>
  </si>
  <si>
    <t>109379.0</t>
  </si>
  <si>
    <t>136669.0</t>
  </si>
  <si>
    <t>86.17</t>
  </si>
  <si>
    <t>11725.0</t>
  </si>
  <si>
    <t>15002432.0</t>
  </si>
  <si>
    <t>45792.0</t>
  </si>
  <si>
    <t>1292.041</t>
  </si>
  <si>
    <t>3.944</t>
  </si>
  <si>
    <t>38868.0</t>
  </si>
  <si>
    <t>3.347</t>
  </si>
  <si>
    <t>10229445.0</t>
  </si>
  <si>
    <t>6710146.0</t>
  </si>
  <si>
    <t>3753997.0</t>
  </si>
  <si>
    <t>185081.0</t>
  </si>
  <si>
    <t>136727.0</t>
  </si>
  <si>
    <t>87.76</t>
  </si>
  <si>
    <t>15053265.0</t>
  </si>
  <si>
    <t>1296.419</t>
  </si>
  <si>
    <t>10412059.0</t>
  </si>
  <si>
    <t>6836778.0</t>
  </si>
  <si>
    <t>3815670.0</t>
  </si>
  <si>
    <t>182614.0</t>
  </si>
  <si>
    <t>135657.0</t>
  </si>
  <si>
    <t>89.33</t>
  </si>
  <si>
    <t>58.65</t>
  </si>
  <si>
    <t>15102006.0</t>
  </si>
  <si>
    <t>48741.0</t>
  </si>
  <si>
    <t>1300.617</t>
  </si>
  <si>
    <t>4.198</t>
  </si>
  <si>
    <t>40591.0</t>
  </si>
  <si>
    <t>3.496</t>
  </si>
  <si>
    <t>10577818.0</t>
  </si>
  <si>
    <t>6955155.0</t>
  </si>
  <si>
    <t>3868276.0</t>
  </si>
  <si>
    <t>165759.0</t>
  </si>
  <si>
    <t>131641.0</t>
  </si>
  <si>
    <t>11294.0</t>
  </si>
  <si>
    <t>91703.0</t>
  </si>
  <si>
    <t>12.783</t>
  </si>
  <si>
    <t>15.185</t>
  </si>
  <si>
    <t>15141141.0</t>
  </si>
  <si>
    <t>39135.0</t>
  </si>
  <si>
    <t>1303.987</t>
  </si>
  <si>
    <t>41643.0</t>
  </si>
  <si>
    <t>3.586</t>
  </si>
  <si>
    <t>10693728.0</t>
  </si>
  <si>
    <t>7026316.0</t>
  </si>
  <si>
    <t>3918765.0</t>
  </si>
  <si>
    <t>115910.0</t>
  </si>
  <si>
    <t>130114.0</t>
  </si>
  <si>
    <t>91.75</t>
  </si>
  <si>
    <t>11163.0</t>
  </si>
  <si>
    <t>88041.0</t>
  </si>
  <si>
    <t>15165276.0</t>
  </si>
  <si>
    <t>24135.0</t>
  </si>
  <si>
    <t>1306.066</t>
  </si>
  <si>
    <t>42109.0</t>
  </si>
  <si>
    <t>3.627</t>
  </si>
  <si>
    <t>10728898.0</t>
  </si>
  <si>
    <t>7055084.0</t>
  </si>
  <si>
    <t>3925922.0</t>
  </si>
  <si>
    <t>35170.0</t>
  </si>
  <si>
    <t>130475.0</t>
  </si>
  <si>
    <t>92.05</t>
  </si>
  <si>
    <t>87709.0</t>
  </si>
  <si>
    <t>16035.8</t>
  </si>
  <si>
    <t>1375.76406433021</t>
  </si>
  <si>
    <t>15217810.0</t>
  </si>
  <si>
    <t>52534.0</t>
  </si>
  <si>
    <t>1310.59</t>
  </si>
  <si>
    <t>4.524</t>
  </si>
  <si>
    <t>43957.0</t>
  </si>
  <si>
    <t>3.786</t>
  </si>
  <si>
    <t>10850180.0</t>
  </si>
  <si>
    <t>7124294.0</t>
  </si>
  <si>
    <t>3981933.0</t>
  </si>
  <si>
    <t>121282.0</t>
  </si>
  <si>
    <t>130742.0</t>
  </si>
  <si>
    <t>93.09</t>
  </si>
  <si>
    <t>85685.0</t>
  </si>
  <si>
    <t>15288702.0</t>
  </si>
  <si>
    <t>70892.0</t>
  </si>
  <si>
    <t>1316.695</t>
  </si>
  <si>
    <t>6.105</t>
  </si>
  <si>
    <t>4.085</t>
  </si>
  <si>
    <t>10972509.0</t>
  </si>
  <si>
    <t>7182810.0</t>
  </si>
  <si>
    <t>4051735.0</t>
  </si>
  <si>
    <t>122329.0</t>
  </si>
  <si>
    <t>132592.0</t>
  </si>
  <si>
    <t>94.14</t>
  </si>
  <si>
    <t>34.76</t>
  </si>
  <si>
    <t>85181.0</t>
  </si>
  <si>
    <t>15363675.0</t>
  </si>
  <si>
    <t>74973.0</t>
  </si>
  <si>
    <t>1323.152</t>
  </si>
  <si>
    <t>6.457</t>
  </si>
  <si>
    <t>11098592.0</t>
  </si>
  <si>
    <t>7268436.0</t>
  </si>
  <si>
    <t>4099048.0</t>
  </si>
  <si>
    <t>126083.0</t>
  </si>
  <si>
    <t>124164.0</t>
  </si>
  <si>
    <t>95.22</t>
  </si>
  <si>
    <t>62.36</t>
  </si>
  <si>
    <t>35.17</t>
  </si>
  <si>
    <t>10652.0</t>
  </si>
  <si>
    <t>79756.0</t>
  </si>
  <si>
    <t>9.008</t>
  </si>
  <si>
    <t>15446596.0</t>
  </si>
  <si>
    <t>82921.0</t>
  </si>
  <si>
    <t>1330.293</t>
  </si>
  <si>
    <t>7.141</t>
  </si>
  <si>
    <t>56190.0</t>
  </si>
  <si>
    <t>4.839</t>
  </si>
  <si>
    <t>11236307.0</t>
  </si>
  <si>
    <t>7360865.0</t>
  </si>
  <si>
    <t>4148655.0</t>
  </si>
  <si>
    <t>137715.0</t>
  </si>
  <si>
    <t>117750.0</t>
  </si>
  <si>
    <t>74870.0</t>
  </si>
  <si>
    <t>10.553</t>
  </si>
  <si>
    <t>23.336</t>
  </si>
  <si>
    <t>15528316.0</t>
  </si>
  <si>
    <t>81720.0</t>
  </si>
  <si>
    <t>1337.331</t>
  </si>
  <si>
    <t>60901.0</t>
  </si>
  <si>
    <t>5.245</t>
  </si>
  <si>
    <t>11351467.0</t>
  </si>
  <si>
    <t>7437825.0</t>
  </si>
  <si>
    <t>4190716.0</t>
  </si>
  <si>
    <t>115160.0</t>
  </si>
  <si>
    <t>110521.0</t>
  </si>
  <si>
    <t>97.39</t>
  </si>
  <si>
    <t>63.81</t>
  </si>
  <si>
    <t>35.95</t>
  </si>
  <si>
    <t>9482.0</t>
  </si>
  <si>
    <t>68953.0</t>
  </si>
  <si>
    <t>15584362.0</t>
  </si>
  <si>
    <t>56046.0</t>
  </si>
  <si>
    <t>1342.158</t>
  </si>
  <si>
    <t>4.827</t>
  </si>
  <si>
    <t>63317.0</t>
  </si>
  <si>
    <t>11441007.0</t>
  </si>
  <si>
    <t>7475637.0</t>
  </si>
  <si>
    <t>4243398.0</t>
  </si>
  <si>
    <t>89540.0</t>
  </si>
  <si>
    <t>106754.0</t>
  </si>
  <si>
    <t>98.16</t>
  </si>
  <si>
    <t>9159.0</t>
  </si>
  <si>
    <t>64189.0</t>
  </si>
  <si>
    <t>15618279.0</t>
  </si>
  <si>
    <t>33917.0</t>
  </si>
  <si>
    <t>1345.079</t>
  </si>
  <si>
    <t>2.921</t>
  </si>
  <si>
    <t>64715.0</t>
  </si>
  <si>
    <t>5.573</t>
  </si>
  <si>
    <t>11455719.0</t>
  </si>
  <si>
    <t>7483343.0</t>
  </si>
  <si>
    <t>4250480.0</t>
  </si>
  <si>
    <t>14712.0</t>
  </si>
  <si>
    <t>103832.0</t>
  </si>
  <si>
    <t>61180.0</t>
  </si>
  <si>
    <t>16073.7</t>
  </si>
  <si>
    <t>1379.01563007923</t>
  </si>
  <si>
    <t>15672120.0</t>
  </si>
  <si>
    <t>1349.716</t>
  </si>
  <si>
    <t>4.637</t>
  </si>
  <si>
    <t>64901.0</t>
  </si>
  <si>
    <t>5.589</t>
  </si>
  <si>
    <t>11576950.0</t>
  </si>
  <si>
    <t>7508239.0</t>
  </si>
  <si>
    <t>4350154.0</t>
  </si>
  <si>
    <t>121231.0</t>
  </si>
  <si>
    <t>103824.0</t>
  </si>
  <si>
    <t>99.32</t>
  </si>
  <si>
    <t>37.32</t>
  </si>
  <si>
    <t>54849.0</t>
  </si>
  <si>
    <t>8.665</t>
  </si>
  <si>
    <t>15732333.0</t>
  </si>
  <si>
    <t>60213.0</t>
  </si>
  <si>
    <t>1354.902</t>
  </si>
  <si>
    <t>5.186</t>
  </si>
  <si>
    <t>63376.0</t>
  </si>
  <si>
    <t>5.458</t>
  </si>
  <si>
    <t>11693433.0</t>
  </si>
  <si>
    <t>7531311.0</t>
  </si>
  <si>
    <t>4445924.0</t>
  </si>
  <si>
    <t>116483.0</t>
  </si>
  <si>
    <t>102989.0</t>
  </si>
  <si>
    <t>100.32</t>
  </si>
  <si>
    <t>8836.0</t>
  </si>
  <si>
    <t>49786.0</t>
  </si>
  <si>
    <t>10.724</t>
  </si>
  <si>
    <t>15797634.0</t>
  </si>
  <si>
    <t>65301.0</t>
  </si>
  <si>
    <t>1360.526</t>
  </si>
  <si>
    <t>5.624</t>
  </si>
  <si>
    <t>61994.0</t>
  </si>
  <si>
    <t>5.339</t>
  </si>
  <si>
    <t>11854077.0</t>
  </si>
  <si>
    <t>7570564.0</t>
  </si>
  <si>
    <t>4570452.0</t>
  </si>
  <si>
    <t>160644.0</t>
  </si>
  <si>
    <t>107926.0</t>
  </si>
  <si>
    <t>101.7</t>
  </si>
  <si>
    <t>39.21</t>
  </si>
  <si>
    <t>43161.0</t>
  </si>
  <si>
    <t>15874355.0</t>
  </si>
  <si>
    <t>76721.0</t>
  </si>
  <si>
    <t>1367.133</t>
  </si>
  <si>
    <t>6.607</t>
  </si>
  <si>
    <t>5.263</t>
  </si>
  <si>
    <t>12020410.0</t>
  </si>
  <si>
    <t>7608016.0</t>
  </si>
  <si>
    <t>4702903.0</t>
  </si>
  <si>
    <t>166333.0</t>
  </si>
  <si>
    <t>112015.0</t>
  </si>
  <si>
    <t>103.13</t>
  </si>
  <si>
    <t>35307.0</t>
  </si>
  <si>
    <t>15947514.0</t>
  </si>
  <si>
    <t>73159.0</t>
  </si>
  <si>
    <t>1373.434</t>
  </si>
  <si>
    <t>6.301</t>
  </si>
  <si>
    <t>59885.0</t>
  </si>
  <si>
    <t>12169169.0</t>
  </si>
  <si>
    <t>7644146.0</t>
  </si>
  <si>
    <t>4817695.0</t>
  </si>
  <si>
    <t>148759.0</t>
  </si>
  <si>
    <t>116815.0</t>
  </si>
  <si>
    <t>104.4</t>
  </si>
  <si>
    <t>41.33</t>
  </si>
  <si>
    <t>29474.0</t>
  </si>
  <si>
    <t>16008607.0</t>
  </si>
  <si>
    <t>61093.0</t>
  </si>
  <si>
    <t>1378.695</t>
  </si>
  <si>
    <t>5.261</t>
  </si>
  <si>
    <t>60606.0</t>
  </si>
  <si>
    <t>12299318.0</t>
  </si>
  <si>
    <t>7664044.0</t>
  </si>
  <si>
    <t>4929341.0</t>
  </si>
  <si>
    <t>130149.0</t>
  </si>
  <si>
    <t>122616.0</t>
  </si>
  <si>
    <t>105.52</t>
  </si>
  <si>
    <t>26915.0</t>
  </si>
  <si>
    <t>10.124</t>
  </si>
  <si>
    <t>16045507.0</t>
  </si>
  <si>
    <t>1381.873</t>
  </si>
  <si>
    <t>3.178</t>
  </si>
  <si>
    <t>61033.0</t>
  </si>
  <si>
    <t>5.256</t>
  </si>
  <si>
    <t>12330762.0</t>
  </si>
  <si>
    <t>7668501.0</t>
  </si>
  <si>
    <t>4956604.0</t>
  </si>
  <si>
    <t>31444.0</t>
  </si>
  <si>
    <t>125006.0</t>
  </si>
  <si>
    <t>105.79</t>
  </si>
  <si>
    <t>26451.0</t>
  </si>
  <si>
    <t>15886.4</t>
  </si>
  <si>
    <t>-9.29</t>
  </si>
  <si>
    <t>1362.94654657551</t>
  </si>
  <si>
    <t>16104217.0</t>
  </si>
  <si>
    <t>58710.0</t>
  </si>
  <si>
    <t>1386.929</t>
  </si>
  <si>
    <t>5.056</t>
  </si>
  <si>
    <t>5.316</t>
  </si>
  <si>
    <t>12477780.0</t>
  </si>
  <si>
    <t>7694482.0</t>
  </si>
  <si>
    <t>5080383.0</t>
  </si>
  <si>
    <t>147018.0</t>
  </si>
  <si>
    <t>128690.0</t>
  </si>
  <si>
    <t>66.01</t>
  </si>
  <si>
    <t>26606.0</t>
  </si>
  <si>
    <t>7.721</t>
  </si>
  <si>
    <t>16174777.0</t>
  </si>
  <si>
    <t>70560.0</t>
  </si>
  <si>
    <t>1393.006</t>
  </si>
  <si>
    <t>63206.0</t>
  </si>
  <si>
    <t>12596030.0</t>
  </si>
  <si>
    <t>7722520.0</t>
  </si>
  <si>
    <t>5175038.0</t>
  </si>
  <si>
    <t>118250.0</t>
  </si>
  <si>
    <t>128942.0</t>
  </si>
  <si>
    <t>27316.0</t>
  </si>
  <si>
    <t>16250029.0</t>
  </si>
  <si>
    <t>75252.0</t>
  </si>
  <si>
    <t>1399.487</t>
  </si>
  <si>
    <t>6.481</t>
  </si>
  <si>
    <t>64628.0</t>
  </si>
  <si>
    <t>5.566</t>
  </si>
  <si>
    <t>12744412.0</t>
  </si>
  <si>
    <t>7757951.0</t>
  </si>
  <si>
    <t>5291313.0</t>
  </si>
  <si>
    <t>148382.0</t>
  </si>
  <si>
    <t>127191.0</t>
  </si>
  <si>
    <t>66.56</t>
  </si>
  <si>
    <t>26770.0</t>
  </si>
  <si>
    <t>12.183</t>
  </si>
  <si>
    <t>16337035.0</t>
  </si>
  <si>
    <t>87006.0</t>
  </si>
  <si>
    <t>1406.98</t>
  </si>
  <si>
    <t>7.493</t>
  </si>
  <si>
    <t>66097.0</t>
  </si>
  <si>
    <t>12880860.0</t>
  </si>
  <si>
    <t>7790072.0</t>
  </si>
  <si>
    <t>5398994.0</t>
  </si>
  <si>
    <t>136448.0</t>
  </si>
  <si>
    <t>122921.0</t>
  </si>
  <si>
    <t>66.83</t>
  </si>
  <si>
    <t>16433087.0</t>
  </si>
  <si>
    <t>96052.0</t>
  </si>
  <si>
    <t>1415.252</t>
  </si>
  <si>
    <t>8.272</t>
  </si>
  <si>
    <t>69368.0</t>
  </si>
  <si>
    <t>5.974</t>
  </si>
  <si>
    <t>13019643.0</t>
  </si>
  <si>
    <t>7820692.0</t>
  </si>
  <si>
    <t>5510430.0</t>
  </si>
  <si>
    <t>138783.0</t>
  </si>
  <si>
    <t>121496.0</t>
  </si>
  <si>
    <t>47.28</t>
  </si>
  <si>
    <t>10424.0</t>
  </si>
  <si>
    <t>25221.0</t>
  </si>
  <si>
    <t>16505694.0</t>
  </si>
  <si>
    <t>72607.0</t>
  </si>
  <si>
    <t>1421.505</t>
  </si>
  <si>
    <t>6.253</t>
  </si>
  <si>
    <t>71012.0</t>
  </si>
  <si>
    <t>13122325.0</t>
  </si>
  <si>
    <t>7839722.0</t>
  </si>
  <si>
    <t>5595778.0</t>
  </si>
  <si>
    <t>102682.0</t>
  </si>
  <si>
    <t>117572.0</t>
  </si>
  <si>
    <t>48.01</t>
  </si>
  <si>
    <t>25097.0</t>
  </si>
  <si>
    <t>16548539.0</t>
  </si>
  <si>
    <t>42845.0</t>
  </si>
  <si>
    <t>1425.195</t>
  </si>
  <si>
    <t>71862.0</t>
  </si>
  <si>
    <t>13137469.0</t>
  </si>
  <si>
    <t>7843227.0</t>
  </si>
  <si>
    <t>5607965.0</t>
  </si>
  <si>
    <t>15144.0</t>
  </si>
  <si>
    <t>115244.0</t>
  </si>
  <si>
    <t>112.71</t>
  </si>
  <si>
    <t>9887.0</t>
  </si>
  <si>
    <t>15937.5</t>
  </si>
  <si>
    <t>1367.33058377273</t>
  </si>
  <si>
    <t>16613740.0</t>
  </si>
  <si>
    <t>65201.0</t>
  </si>
  <si>
    <t>1430.81</t>
  </si>
  <si>
    <t>72789.0</t>
  </si>
  <si>
    <t>6.269</t>
  </si>
  <si>
    <t>13267109.0</t>
  </si>
  <si>
    <t>7863840.0</t>
  </si>
  <si>
    <t>5718633.0</t>
  </si>
  <si>
    <t>129640.0</t>
  </si>
  <si>
    <t>112761.0</t>
  </si>
  <si>
    <t>113.82</t>
  </si>
  <si>
    <t>49.06</t>
  </si>
  <si>
    <t>16690076.0</t>
  </si>
  <si>
    <t>1437.385</t>
  </si>
  <si>
    <t>73614.0</t>
  </si>
  <si>
    <t>6.34</t>
  </si>
  <si>
    <t>13389857.0</t>
  </si>
  <si>
    <t>7890416.0</t>
  </si>
  <si>
    <t>5816905.0</t>
  </si>
  <si>
    <t>122748.0</t>
  </si>
  <si>
    <t>114.88</t>
  </si>
  <si>
    <t>23985.0</t>
  </si>
  <si>
    <t>24.022</t>
  </si>
  <si>
    <t>16736164.0</t>
  </si>
  <si>
    <t>46088.0</t>
  </si>
  <si>
    <t>1441.354</t>
  </si>
  <si>
    <t>3.969</t>
  </si>
  <si>
    <t>69448.0</t>
  </si>
  <si>
    <t>5.981</t>
  </si>
  <si>
    <t>13491047.0</t>
  </si>
  <si>
    <t>7904559.0</t>
  </si>
  <si>
    <t>5905410.0</t>
  </si>
  <si>
    <t>101190.0</t>
  </si>
  <si>
    <t>106662.0</t>
  </si>
  <si>
    <t>115.74</t>
  </si>
  <si>
    <t>9151.0</t>
  </si>
  <si>
    <t>16806183.0</t>
  </si>
  <si>
    <t>1447.384</t>
  </si>
  <si>
    <t>67021.0</t>
  </si>
  <si>
    <t>5.772</t>
  </si>
  <si>
    <t>13676838.0</t>
  </si>
  <si>
    <t>7932686.0</t>
  </si>
  <si>
    <t>6064995.0</t>
  </si>
  <si>
    <t>185791.0</t>
  </si>
  <si>
    <t>113711.0</t>
  </si>
  <si>
    <t>117.34</t>
  </si>
  <si>
    <t>20373.0</t>
  </si>
  <si>
    <t>16884324.0</t>
  </si>
  <si>
    <t>78141.0</t>
  </si>
  <si>
    <t>1454.114</t>
  </si>
  <si>
    <t>64462.0</t>
  </si>
  <si>
    <t>5.552</t>
  </si>
  <si>
    <t>13840863.0</t>
  </si>
  <si>
    <t>7957788.0</t>
  </si>
  <si>
    <t>6206597.0</t>
  </si>
  <si>
    <t>164025.0</t>
  </si>
  <si>
    <t>117317.0</t>
  </si>
  <si>
    <t>118.75</t>
  </si>
  <si>
    <t>10065.0</t>
  </si>
  <si>
    <t>19585.0</t>
  </si>
  <si>
    <t>16939484.0</t>
  </si>
  <si>
    <t>55160.0</t>
  </si>
  <si>
    <t>1458.864</t>
  </si>
  <si>
    <t>61970.0</t>
  </si>
  <si>
    <t>5.337</t>
  </si>
  <si>
    <t>13939095.0</t>
  </si>
  <si>
    <t>7974148.0</t>
  </si>
  <si>
    <t>6289606.0</t>
  </si>
  <si>
    <t>98232.0</t>
  </si>
  <si>
    <t>116681.0</t>
  </si>
  <si>
    <t>119.59</t>
  </si>
  <si>
    <t>10010.0</t>
  </si>
  <si>
    <t>16970555.0</t>
  </si>
  <si>
    <t>31071.0</t>
  </si>
  <si>
    <t>1461.54</t>
  </si>
  <si>
    <t>5.192</t>
  </si>
  <si>
    <t>13953364.0</t>
  </si>
  <si>
    <t>7975853.0</t>
  </si>
  <si>
    <t>6302487.0</t>
  </si>
  <si>
    <t>14269.0</t>
  </si>
  <si>
    <t>116556.0</t>
  </si>
  <si>
    <t>119.71</t>
  </si>
  <si>
    <t>18947.0</t>
  </si>
  <si>
    <t>16038.6</t>
  </si>
  <si>
    <t>1376.0042855465</t>
  </si>
  <si>
    <t>26.167</t>
  </si>
  <si>
    <t>17021443.0</t>
  </si>
  <si>
    <t>50888.0</t>
  </si>
  <si>
    <t>1465.923</t>
  </si>
  <si>
    <t>5.016</t>
  </si>
  <si>
    <t>14072310.0</t>
  </si>
  <si>
    <t>7997635.0</t>
  </si>
  <si>
    <t>6401629.0</t>
  </si>
  <si>
    <t>118946.0</t>
  </si>
  <si>
    <t>115029.0</t>
  </si>
  <si>
    <t>120.73</t>
  </si>
  <si>
    <t>9869.0</t>
  </si>
  <si>
    <t>19114.0</t>
  </si>
  <si>
    <t>17.845</t>
  </si>
  <si>
    <t>17077441.0</t>
  </si>
  <si>
    <t>55998.0</t>
  </si>
  <si>
    <t>1470.745</t>
  </si>
  <si>
    <t>4.823</t>
  </si>
  <si>
    <t>55338.0</t>
  </si>
  <si>
    <t>4.766</t>
  </si>
  <si>
    <t>14183868.0</t>
  </si>
  <si>
    <t>8020441.0</t>
  </si>
  <si>
    <t>6492638.0</t>
  </si>
  <si>
    <t>111558.0</t>
  </si>
  <si>
    <t>113430.0</t>
  </si>
  <si>
    <t>121.69</t>
  </si>
  <si>
    <t>17128076.0</t>
  </si>
  <si>
    <t>50635.0</t>
  </si>
  <si>
    <t>1475.106</t>
  </si>
  <si>
    <t>4.361</t>
  </si>
  <si>
    <t>55987.0</t>
  </si>
  <si>
    <t>4.822</t>
  </si>
  <si>
    <t>14342812.0</t>
  </si>
  <si>
    <t>8049133.0</t>
  </si>
  <si>
    <t>6624251.0</t>
  </si>
  <si>
    <t>158944.0</t>
  </si>
  <si>
    <t>121681.0</t>
  </si>
  <si>
    <t>123.05</t>
  </si>
  <si>
    <t>69.06</t>
  </si>
  <si>
    <t>17188248.0</t>
  </si>
  <si>
    <t>60172.0</t>
  </si>
  <si>
    <t>1480.288</t>
  </si>
  <si>
    <t>5.182</t>
  </si>
  <si>
    <t>54581.0</t>
  </si>
  <si>
    <t>4.701</t>
  </si>
  <si>
    <t>14491337.0</t>
  </si>
  <si>
    <t>8073760.0</t>
  </si>
  <si>
    <t>6749523.0</t>
  </si>
  <si>
    <t>148525.0</t>
  </si>
  <si>
    <t>116357.0</t>
  </si>
  <si>
    <t>124.33</t>
  </si>
  <si>
    <t>9983.0</t>
  </si>
  <si>
    <t>20153.0</t>
  </si>
  <si>
    <t>17258866.0</t>
  </si>
  <si>
    <t>70618.0</t>
  </si>
  <si>
    <t>1486.37</t>
  </si>
  <si>
    <t>6.082</t>
  </si>
  <si>
    <t>53506.0</t>
  </si>
  <si>
    <t>4.608</t>
  </si>
  <si>
    <t>14634602.0</t>
  </si>
  <si>
    <t>8100097.0</t>
  </si>
  <si>
    <t>6868074.0</t>
  </si>
  <si>
    <t>143265.0</t>
  </si>
  <si>
    <t>113391.0</t>
  </si>
  <si>
    <t>125.56</t>
  </si>
  <si>
    <t>69.49</t>
  </si>
  <si>
    <t>58.92</t>
  </si>
  <si>
    <t>20330.0</t>
  </si>
  <si>
    <t>17319079.0</t>
  </si>
  <si>
    <t>1491.556</t>
  </si>
  <si>
    <t>54228.0</t>
  </si>
  <si>
    <t>14721033.0</t>
  </si>
  <si>
    <t>8116572.0</t>
  </si>
  <si>
    <t>6939218.0</t>
  </si>
  <si>
    <t>86431.0</t>
  </si>
  <si>
    <t>111705.0</t>
  </si>
  <si>
    <t>9584.0</t>
  </si>
  <si>
    <t>20346.0</t>
  </si>
  <si>
    <t>17354395.0</t>
  </si>
  <si>
    <t>35316.0</t>
  </si>
  <si>
    <t>1494.597</t>
  </si>
  <si>
    <t>3.041</t>
  </si>
  <si>
    <t>54834.0</t>
  </si>
  <si>
    <t>14733508.0</t>
  </si>
  <si>
    <t>8118870.0</t>
  </si>
  <si>
    <t>6949491.0</t>
  </si>
  <si>
    <t>111449.0</t>
  </si>
  <si>
    <t>69.65</t>
  </si>
  <si>
    <t>20431.0</t>
  </si>
  <si>
    <t>15939.7</t>
  </si>
  <si>
    <t>-4.97</t>
  </si>
  <si>
    <t>1367.5193290141</t>
  </si>
  <si>
    <t>17410104.0</t>
  </si>
  <si>
    <t>55709.0</t>
  </si>
  <si>
    <t>1499.395</t>
  </si>
  <si>
    <t>4.798</t>
  </si>
  <si>
    <t>55523.0</t>
  </si>
  <si>
    <t>4.782</t>
  </si>
  <si>
    <t>14840559.0</t>
  </si>
  <si>
    <t>8138763.0</t>
  </si>
  <si>
    <t>7037707.0</t>
  </si>
  <si>
    <t>107051.0</t>
  </si>
  <si>
    <t>109750.0</t>
  </si>
  <si>
    <t>20161.0</t>
  </si>
  <si>
    <t>17468639.0</t>
  </si>
  <si>
    <t>58535.0</t>
  </si>
  <si>
    <t>1504.436</t>
  </si>
  <si>
    <t>5.041</t>
  </si>
  <si>
    <t>55885.0</t>
  </si>
  <si>
    <t>14934521.0</t>
  </si>
  <si>
    <t>8162084.0</t>
  </si>
  <si>
    <t>7110348.0</t>
  </si>
  <si>
    <t>93962.0</t>
  </si>
  <si>
    <t>107236.0</t>
  </si>
  <si>
    <t>128.13</t>
  </si>
  <si>
    <t>9200.0</t>
  </si>
  <si>
    <t>20235.0</t>
  </si>
  <si>
    <t>7.893</t>
  </si>
  <si>
    <t>17518427.0</t>
  </si>
  <si>
    <t>49788.0</t>
  </si>
  <si>
    <t>1508.724</t>
  </si>
  <si>
    <t>4.288</t>
  </si>
  <si>
    <t>15052611.0</t>
  </si>
  <si>
    <t>8194200.0</t>
  </si>
  <si>
    <t>7197897.0</t>
  </si>
  <si>
    <t>118090.0</t>
  </si>
  <si>
    <t>101400.0</t>
  </si>
  <si>
    <t>129.14</t>
  </si>
  <si>
    <t>8699.0</t>
  </si>
  <si>
    <t>20724.0</t>
  </si>
  <si>
    <t>17568896.0</t>
  </si>
  <si>
    <t>50469.0</t>
  </si>
  <si>
    <t>1513.07</t>
  </si>
  <si>
    <t>54378.0</t>
  </si>
  <si>
    <t>4.683</t>
  </si>
  <si>
    <t>15168794.0</t>
  </si>
  <si>
    <t>8220122.0</t>
  </si>
  <si>
    <t>7289870.0</t>
  </si>
  <si>
    <t>116183.0</t>
  </si>
  <si>
    <t>96780.0</t>
  </si>
  <si>
    <t>130.14</t>
  </si>
  <si>
    <t>8.408</t>
  </si>
  <si>
    <t>17626253.0</t>
  </si>
  <si>
    <t>57357.0</t>
  </si>
  <si>
    <t>1518.01</t>
  </si>
  <si>
    <t>52484.0</t>
  </si>
  <si>
    <t>15281376.0</t>
  </si>
  <si>
    <t>8246229.0</t>
  </si>
  <si>
    <t>7378154.0</t>
  </si>
  <si>
    <t>112582.0</t>
  </si>
  <si>
    <t>92396.0</t>
  </si>
  <si>
    <t>20876.0</t>
  </si>
  <si>
    <t>17676417.0</t>
  </si>
  <si>
    <t>50164.0</t>
  </si>
  <si>
    <t>1522.33</t>
  </si>
  <si>
    <t>51048.0</t>
  </si>
  <si>
    <t>4.396</t>
  </si>
  <si>
    <t>15341045.0</t>
  </si>
  <si>
    <t>8268299.0</t>
  </si>
  <si>
    <t>7417144.0</t>
  </si>
  <si>
    <t>88573.0</t>
  </si>
  <si>
    <t>131.62</t>
  </si>
  <si>
    <t>7599.0</t>
  </si>
  <si>
    <t>21675.0</t>
  </si>
  <si>
    <t>9.094</t>
  </si>
  <si>
    <t>17706382.0</t>
  </si>
  <si>
    <t>1524.911</t>
  </si>
  <si>
    <t>50284.0</t>
  </si>
  <si>
    <t>4.331</t>
  </si>
  <si>
    <t>15347905.0</t>
  </si>
  <si>
    <t>8269886.0</t>
  </si>
  <si>
    <t>7422630.0</t>
  </si>
  <si>
    <t>87771.0</t>
  </si>
  <si>
    <t>131.67</t>
  </si>
  <si>
    <t>7530.0</t>
  </si>
  <si>
    <t>21574.0</t>
  </si>
  <si>
    <t>15938.2</t>
  </si>
  <si>
    <t>-0.08</t>
  </si>
  <si>
    <t>1367.3906390768</t>
  </si>
  <si>
    <t>17754186.0</t>
  </si>
  <si>
    <t>47804.0</t>
  </si>
  <si>
    <t>1529.028</t>
  </si>
  <si>
    <t>4.117</t>
  </si>
  <si>
    <t>49155.0</t>
  </si>
  <si>
    <t>4.233</t>
  </si>
  <si>
    <t>15418881.0</t>
  </si>
  <si>
    <t>8289112.0</t>
  </si>
  <si>
    <t>7475838.0</t>
  </si>
  <si>
    <t>70976.0</t>
  </si>
  <si>
    <t>82617.0</t>
  </si>
  <si>
    <t>132.28</t>
  </si>
  <si>
    <t>7088.0</t>
  </si>
  <si>
    <t>21478.0</t>
  </si>
  <si>
    <t>28.569</t>
  </si>
  <si>
    <t>17805864.0</t>
  </si>
  <si>
    <t>51678.0</t>
  </si>
  <si>
    <t>1533.479</t>
  </si>
  <si>
    <t>4.451</t>
  </si>
  <si>
    <t>48175.0</t>
  </si>
  <si>
    <t>4.149</t>
  </si>
  <si>
    <t>15499485.0</t>
  </si>
  <si>
    <t>8305373.0</t>
  </si>
  <si>
    <t>7542092.0</t>
  </si>
  <si>
    <t>80604.0</t>
  </si>
  <si>
    <t>80709.0</t>
  </si>
  <si>
    <t>132.98</t>
  </si>
  <si>
    <t>64.71</t>
  </si>
  <si>
    <t>20470.0</t>
  </si>
  <si>
    <t>10.638</t>
  </si>
  <si>
    <t>17852762.0</t>
  </si>
  <si>
    <t>46898.0</t>
  </si>
  <si>
    <t>1537.518</t>
  </si>
  <si>
    <t>4.039</t>
  </si>
  <si>
    <t>47762.0</t>
  </si>
  <si>
    <t>15577037.0</t>
  </si>
  <si>
    <t>8321933.0</t>
  </si>
  <si>
    <t>7604458.0</t>
  </si>
  <si>
    <t>77552.0</t>
  </si>
  <si>
    <t>74918.0</t>
  </si>
  <si>
    <t>133.64</t>
  </si>
  <si>
    <t>65.24</t>
  </si>
  <si>
    <t>18248.0</t>
  </si>
  <si>
    <t>17904188.0</t>
  </si>
  <si>
    <t>51426.0</t>
  </si>
  <si>
    <t>1541.946</t>
  </si>
  <si>
    <t>4.429</t>
  </si>
  <si>
    <t>4.125</t>
  </si>
  <si>
    <t>15653801.0</t>
  </si>
  <si>
    <t>8339160.0</t>
  </si>
  <si>
    <t>7665363.0</t>
  </si>
  <si>
    <t>76764.0</t>
  </si>
  <si>
    <t>69287.0</t>
  </si>
  <si>
    <t>134.3</t>
  </si>
  <si>
    <t>71.54</t>
  </si>
  <si>
    <t>65.76</t>
  </si>
  <si>
    <t>17005.0</t>
  </si>
  <si>
    <t>11.668</t>
  </si>
  <si>
    <t>17975013.0</t>
  </si>
  <si>
    <t>70825.0</t>
  </si>
  <si>
    <t>1548.046</t>
  </si>
  <si>
    <t>49823.0</t>
  </si>
  <si>
    <t>15715518.0</t>
  </si>
  <si>
    <t>8353452.0</t>
  </si>
  <si>
    <t>7713635.0</t>
  </si>
  <si>
    <t>61717.0</t>
  </si>
  <si>
    <t>62020.0</t>
  </si>
  <si>
    <t>134.83</t>
  </si>
  <si>
    <t>66.18</t>
  </si>
  <si>
    <t>15318.0</t>
  </si>
  <si>
    <t>18031683.0</t>
  </si>
  <si>
    <t>56670.0</t>
  </si>
  <si>
    <t>1552.927</t>
  </si>
  <si>
    <t>4.881</t>
  </si>
  <si>
    <t>50752.0</t>
  </si>
  <si>
    <t>4.371</t>
  </si>
  <si>
    <t>15743311.0</t>
  </si>
  <si>
    <t>8360300.0</t>
  </si>
  <si>
    <t>7735271.0</t>
  </si>
  <si>
    <t>27793.0</t>
  </si>
  <si>
    <t>57467.0</t>
  </si>
  <si>
    <t>135.07</t>
  </si>
  <si>
    <t>18058181.0</t>
  </si>
  <si>
    <t>26498.0</t>
  </si>
  <si>
    <t>1555.209</t>
  </si>
  <si>
    <t>2.282</t>
  </si>
  <si>
    <t>50257.0</t>
  </si>
  <si>
    <t>15745400.0</t>
  </si>
  <si>
    <t>8360618.0</t>
  </si>
  <si>
    <t>7737071.0</t>
  </si>
  <si>
    <t>56785.0</t>
  </si>
  <si>
    <t>135.08</t>
  </si>
  <si>
    <t>66.38</t>
  </si>
  <si>
    <t>4872.0</t>
  </si>
  <si>
    <t>15959.7</t>
  </si>
  <si>
    <t>1369.23519484472</t>
  </si>
  <si>
    <t>13.555</t>
  </si>
  <si>
    <t>18101915.0</t>
  </si>
  <si>
    <t>43734.0</t>
  </si>
  <si>
    <t>1558.975</t>
  </si>
  <si>
    <t>49676.0</t>
  </si>
  <si>
    <t>15785445.0</t>
  </si>
  <si>
    <t>8368870.0</t>
  </si>
  <si>
    <t>7770023.0</t>
  </si>
  <si>
    <t>40045.0</t>
  </si>
  <si>
    <t>52366.0</t>
  </si>
  <si>
    <t>135.43</t>
  </si>
  <si>
    <t>11394.0</t>
  </si>
  <si>
    <t>18153231.0</t>
  </si>
  <si>
    <t>51316.0</t>
  </si>
  <si>
    <t>1563.395</t>
  </si>
  <si>
    <t>4.419</t>
  </si>
  <si>
    <t>15831853.0</t>
  </si>
  <si>
    <t>8381355.0</t>
  </si>
  <si>
    <t>7805624.0</t>
  </si>
  <si>
    <t>46408.0</t>
  </si>
  <si>
    <t>47481.0</t>
  </si>
  <si>
    <t>135.83</t>
  </si>
  <si>
    <t>10855.0</t>
  </si>
  <si>
    <t>18198665.0</t>
  </si>
  <si>
    <t>45434.0</t>
  </si>
  <si>
    <t>1567.307</t>
  </si>
  <si>
    <t>49415.0</t>
  </si>
  <si>
    <t>4.256</t>
  </si>
  <si>
    <t>15884088.0</t>
  </si>
  <si>
    <t>8392931.0</t>
  </si>
  <si>
    <t>7847390.0</t>
  </si>
  <si>
    <t>52235.0</t>
  </si>
  <si>
    <t>43864.0</t>
  </si>
  <si>
    <t>136.27</t>
  </si>
  <si>
    <t>18243845.0</t>
  </si>
  <si>
    <t>45180.0</t>
  </si>
  <si>
    <t>1571.198</t>
  </si>
  <si>
    <t>48522.0</t>
  </si>
  <si>
    <t>15933504.0</t>
  </si>
  <si>
    <t>8402733.0</t>
  </si>
  <si>
    <t>7887982.0</t>
  </si>
  <si>
    <t>49416.0</t>
  </si>
  <si>
    <t>39958.0</t>
  </si>
  <si>
    <t>67.67</t>
  </si>
  <si>
    <t>9082.0</t>
  </si>
  <si>
    <t>18297513.0</t>
  </si>
  <si>
    <t>1575.82</t>
  </si>
  <si>
    <t>46071.0</t>
  </si>
  <si>
    <t>3.968</t>
  </si>
  <si>
    <t>15976671.0</t>
  </si>
  <si>
    <t>8412196.0</t>
  </si>
  <si>
    <t>7922667.0</t>
  </si>
  <si>
    <t>43167.0</t>
  </si>
  <si>
    <t>37308.0</t>
  </si>
  <si>
    <t>137.07</t>
  </si>
  <si>
    <t>8392.0</t>
  </si>
  <si>
    <t>18338293.0</t>
  </si>
  <si>
    <t>40780.0</t>
  </si>
  <si>
    <t>1579.333</t>
  </si>
  <si>
    <t>3.512</t>
  </si>
  <si>
    <t>43801.0</t>
  </si>
  <si>
    <t>3.772</t>
  </si>
  <si>
    <t>16001560.0</t>
  </si>
  <si>
    <t>8418974.0</t>
  </si>
  <si>
    <t>7941350.0</t>
  </si>
  <si>
    <t>24889.0</t>
  </si>
  <si>
    <t>36893.0</t>
  </si>
  <si>
    <t>137.28</t>
  </si>
  <si>
    <t>8382.0</t>
  </si>
  <si>
    <t>18364748.0</t>
  </si>
  <si>
    <t>26455.0</t>
  </si>
  <si>
    <t>1581.611</t>
  </si>
  <si>
    <t>43795.0</t>
  </si>
  <si>
    <t>16004734.0</t>
  </si>
  <si>
    <t>8419219.0</t>
  </si>
  <si>
    <t>7944293.0</t>
  </si>
  <si>
    <t>37048.0</t>
  </si>
  <si>
    <t>137.31</t>
  </si>
  <si>
    <t>8372.0</t>
  </si>
  <si>
    <t>15951.4</t>
  </si>
  <si>
    <t>1368.52311052501</t>
  </si>
  <si>
    <t>18406272.0</t>
  </si>
  <si>
    <t>1585.187</t>
  </si>
  <si>
    <t>43480.0</t>
  </si>
  <si>
    <t>16045945.0</t>
  </si>
  <si>
    <t>8428001.0</t>
  </si>
  <si>
    <t>7977679.0</t>
  </si>
  <si>
    <t>41211.0</t>
  </si>
  <si>
    <t>37214.0</t>
  </si>
  <si>
    <t>137.66</t>
  </si>
  <si>
    <t>18452637.0</t>
  </si>
  <si>
    <t>46365.0</t>
  </si>
  <si>
    <t>1589.18</t>
  </si>
  <si>
    <t>3.993</t>
  </si>
  <si>
    <t>42772.0</t>
  </si>
  <si>
    <t>16086024.0</t>
  </si>
  <si>
    <t>8436464.0</t>
  </si>
  <si>
    <t>8010963.0</t>
  </si>
  <si>
    <t>40079.0</t>
  </si>
  <si>
    <t>36310.0</t>
  </si>
  <si>
    <t>138.01</t>
  </si>
  <si>
    <t>7873.0</t>
  </si>
  <si>
    <t>18493631.0</t>
  </si>
  <si>
    <t>40994.0</t>
  </si>
  <si>
    <t>1592.711</t>
  </si>
  <si>
    <t>16129862.0</t>
  </si>
  <si>
    <t>8446514.0</t>
  </si>
  <si>
    <t>8045903.0</t>
  </si>
  <si>
    <t>43838.0</t>
  </si>
  <si>
    <t>35111.0</t>
  </si>
  <si>
    <t>138.38</t>
  </si>
  <si>
    <t>15.614</t>
  </si>
  <si>
    <t>18536788.0</t>
  </si>
  <si>
    <t>43157.0</t>
  </si>
  <si>
    <t>1596.427</t>
  </si>
  <si>
    <t>41849.0</t>
  </si>
  <si>
    <t>16179068.0</t>
  </si>
  <si>
    <t>8456940.0</t>
  </si>
  <si>
    <t>8085580.0</t>
  </si>
  <si>
    <t>35081.0</t>
  </si>
  <si>
    <t>138.81</t>
  </si>
  <si>
    <t>18587198.0</t>
  </si>
  <si>
    <t>50410.0</t>
  </si>
  <si>
    <t>1600.769</t>
  </si>
  <si>
    <t>4.341</t>
  </si>
  <si>
    <t>41384.0</t>
  </si>
  <si>
    <t>16218900.0</t>
  </si>
  <si>
    <t>8464377.0</t>
  </si>
  <si>
    <t>8118817.0</t>
  </si>
  <si>
    <t>39832.0</t>
  </si>
  <si>
    <t>34604.0</t>
  </si>
  <si>
    <t>139.15</t>
  </si>
  <si>
    <t>18630271.0</t>
  </si>
  <si>
    <t>1604.478</t>
  </si>
  <si>
    <t>41711.0</t>
  </si>
  <si>
    <t>3.592</t>
  </si>
  <si>
    <t>16253792.0</t>
  </si>
  <si>
    <t>8471670.0</t>
  </si>
  <si>
    <t>8146929.0</t>
  </si>
  <si>
    <t>36033.0</t>
  </si>
  <si>
    <t>139.45</t>
  </si>
  <si>
    <t>7528.0</t>
  </si>
  <si>
    <t>54.136</t>
  </si>
  <si>
    <t>18651519.0</t>
  </si>
  <si>
    <t>21248.0</t>
  </si>
  <si>
    <t>1606.308</t>
  </si>
  <si>
    <t>40967.0</t>
  </si>
  <si>
    <t>16255273.0</t>
  </si>
  <si>
    <t>8471784.0</t>
  </si>
  <si>
    <t>8148309.0</t>
  </si>
  <si>
    <t>139.46</t>
  </si>
  <si>
    <t>15917.5</t>
  </si>
  <si>
    <t>1365.61471794211</t>
  </si>
  <si>
    <t>18693382.0</t>
  </si>
  <si>
    <t>41863.0</t>
  </si>
  <si>
    <t>1609.914</t>
  </si>
  <si>
    <t>3.605</t>
  </si>
  <si>
    <t>41016.0</t>
  </si>
  <si>
    <t>3.532</t>
  </si>
  <si>
    <t>16287902.0</t>
  </si>
  <si>
    <t>8478404.0</t>
  </si>
  <si>
    <t>8175047.0</t>
  </si>
  <si>
    <t>32629.0</t>
  </si>
  <si>
    <t>34565.0</t>
  </si>
  <si>
    <t>139.74</t>
  </si>
  <si>
    <t>36.805</t>
  </si>
  <si>
    <t>18742895.0</t>
  </si>
  <si>
    <t>49513.0</t>
  </si>
  <si>
    <t>1614.178</t>
  </si>
  <si>
    <t>41465.0</t>
  </si>
  <si>
    <t>3.571</t>
  </si>
  <si>
    <t>16327548.0</t>
  </si>
  <si>
    <t>8489778.0</t>
  </si>
  <si>
    <t>8204900.0</t>
  </si>
  <si>
    <t>39646.0</t>
  </si>
  <si>
    <t>140.08</t>
  </si>
  <si>
    <t>18782296.0</t>
  </si>
  <si>
    <t>1617.571</t>
  </si>
  <si>
    <t>41238.0</t>
  </si>
  <si>
    <t>3.552</t>
  </si>
  <si>
    <t>16349201.0</t>
  </si>
  <si>
    <t>8496587.0</t>
  </si>
  <si>
    <t>8220707.0</t>
  </si>
  <si>
    <t>21653.0</t>
  </si>
  <si>
    <t>31334.0</t>
  </si>
  <si>
    <t>140.27</t>
  </si>
  <si>
    <t>18824320.0</t>
  </si>
  <si>
    <t>42024.0</t>
  </si>
  <si>
    <t>1621.19</t>
  </si>
  <si>
    <t>41076.0</t>
  </si>
  <si>
    <t>3.538</t>
  </si>
  <si>
    <t>16366555.0</t>
  </si>
  <si>
    <t>8503023.0</t>
  </si>
  <si>
    <t>8232450.0</t>
  </si>
  <si>
    <t>140.41</t>
  </si>
  <si>
    <t>58.597</t>
  </si>
  <si>
    <t>18873435.0</t>
  </si>
  <si>
    <t>49115.0</t>
  </si>
  <si>
    <t>1625.42</t>
  </si>
  <si>
    <t>16391714.0</t>
  </si>
  <si>
    <t>8511113.0</t>
  </si>
  <si>
    <t>8250557.0</t>
  </si>
  <si>
    <t>25159.0</t>
  </si>
  <si>
    <t>140.63</t>
  </si>
  <si>
    <t>18914728.0</t>
  </si>
  <si>
    <t>41293.0</t>
  </si>
  <si>
    <t>1628.976</t>
  </si>
  <si>
    <t>3.556</t>
  </si>
  <si>
    <t>40637.0</t>
  </si>
  <si>
    <t>16422160.0</t>
  </si>
  <si>
    <t>8521942.0</t>
  </si>
  <si>
    <t>8271186.0</t>
  </si>
  <si>
    <t>24053.0</t>
  </si>
  <si>
    <t>140.89</t>
  </si>
  <si>
    <t>18933766.0</t>
  </si>
  <si>
    <t>19038.0</t>
  </si>
  <si>
    <t>1630.616</t>
  </si>
  <si>
    <t>40321.0</t>
  </si>
  <si>
    <t>16423643.0</t>
  </si>
  <si>
    <t>8523045.0</t>
  </si>
  <si>
    <t>8271648.0</t>
  </si>
  <si>
    <t>140.9</t>
  </si>
  <si>
    <t>15970.4</t>
  </si>
  <si>
    <t>1370.1531830641</t>
  </si>
  <si>
    <t>18972139.0</t>
  </si>
  <si>
    <t>38373.0</t>
  </si>
  <si>
    <t>1633.921</t>
  </si>
  <si>
    <t>16430218.0</t>
  </si>
  <si>
    <t>8525915.0</t>
  </si>
  <si>
    <t>8275758.0</t>
  </si>
  <si>
    <t>20331.0</t>
  </si>
  <si>
    <t>140.96</t>
  </si>
  <si>
    <t>6787.0</t>
  </si>
  <si>
    <t>19019333.0</t>
  </si>
  <si>
    <t>47194.0</t>
  </si>
  <si>
    <t>1637.985</t>
  </si>
  <si>
    <t>4.064</t>
  </si>
  <si>
    <t>39491.0</t>
  </si>
  <si>
    <t>16440308.0</t>
  </si>
  <si>
    <t>8529862.0</t>
  </si>
  <si>
    <t>8282504.0</t>
  </si>
  <si>
    <t>10090.0</t>
  </si>
  <si>
    <t>141.05</t>
  </si>
  <si>
    <t>73.18</t>
  </si>
  <si>
    <t>5726.0</t>
  </si>
  <si>
    <t>18.875</t>
  </si>
  <si>
    <t>41.867</t>
  </si>
  <si>
    <t>19065187.0</t>
  </si>
  <si>
    <t>45854.0</t>
  </si>
  <si>
    <t>1641.934</t>
  </si>
  <si>
    <t>3.949</t>
  </si>
  <si>
    <t>40413.0</t>
  </si>
  <si>
    <t>16467127.0</t>
  </si>
  <si>
    <t>8540806.0</t>
  </si>
  <si>
    <t>8299509.0</t>
  </si>
  <si>
    <t>16847.0</t>
  </si>
  <si>
    <t>141.28</t>
  </si>
  <si>
    <t>19109694.0</t>
  </si>
  <si>
    <t>44507.0</t>
  </si>
  <si>
    <t>1645.767</t>
  </si>
  <si>
    <t>40768.0</t>
  </si>
  <si>
    <t>16478628.0</t>
  </si>
  <si>
    <t>8544985.0</t>
  </si>
  <si>
    <t>8307513.0</t>
  </si>
  <si>
    <t>11501.0</t>
  </si>
  <si>
    <t>16010.0</t>
  </si>
  <si>
    <t>141.38</t>
  </si>
  <si>
    <t>5995.0</t>
  </si>
  <si>
    <t>19164774.0</t>
  </si>
  <si>
    <t>55080.0</t>
  </si>
  <si>
    <t>1650.511</t>
  </si>
  <si>
    <t>4.744</t>
  </si>
  <si>
    <t>3.584</t>
  </si>
  <si>
    <t>16497250.0</t>
  </si>
  <si>
    <t>8552895.0</t>
  </si>
  <si>
    <t>8319065.0</t>
  </si>
  <si>
    <t>141.54</t>
  </si>
  <si>
    <t>73.38</t>
  </si>
  <si>
    <t>1294.0</t>
  </si>
  <si>
    <t>19210629.0</t>
  </si>
  <si>
    <t>1654.46</t>
  </si>
  <si>
    <t>42272.0</t>
  </si>
  <si>
    <t>3.641</t>
  </si>
  <si>
    <t>16520044.0</t>
  </si>
  <si>
    <t>8561919.0</t>
  </si>
  <si>
    <t>8333811.0</t>
  </si>
  <si>
    <t>22794.0</t>
  </si>
  <si>
    <t>13983.0</t>
  </si>
  <si>
    <t>58.425</t>
  </si>
  <si>
    <t>19232961.0</t>
  </si>
  <si>
    <t>22332.0</t>
  </si>
  <si>
    <t>1656.383</t>
  </si>
  <si>
    <t>42742.0</t>
  </si>
  <si>
    <t>16521509.0</t>
  </si>
  <si>
    <t>8562593.0</t>
  </si>
  <si>
    <t>8334653.0</t>
  </si>
  <si>
    <t>13981.0</t>
  </si>
  <si>
    <t>141.74</t>
  </si>
  <si>
    <t>16141.3</t>
  </si>
  <si>
    <t>1384.81525658672</t>
  </si>
  <si>
    <t>19274744.0</t>
  </si>
  <si>
    <t>1659.982</t>
  </si>
  <si>
    <t>43229.0</t>
  </si>
  <si>
    <t>16530292.0</t>
  </si>
  <si>
    <t>8565612.0</t>
  </si>
  <si>
    <t>8340843.0</t>
  </si>
  <si>
    <t>8783.0</t>
  </si>
  <si>
    <t>141.82</t>
  </si>
  <si>
    <t>19334357.0</t>
  </si>
  <si>
    <t>59613.0</t>
  </si>
  <si>
    <t>1665.116</t>
  </si>
  <si>
    <t>5.134</t>
  </si>
  <si>
    <t>45003.0</t>
  </si>
  <si>
    <t>16535510.0</t>
  </si>
  <si>
    <t>8567741.0</t>
  </si>
  <si>
    <t>8344250.0</t>
  </si>
  <si>
    <t>13600.0</t>
  </si>
  <si>
    <t>141.86</t>
  </si>
  <si>
    <t>19388290.0</t>
  </si>
  <si>
    <t>53933.0</t>
  </si>
  <si>
    <t>1669.76</t>
  </si>
  <si>
    <t>4.645</t>
  </si>
  <si>
    <t>46158.0</t>
  </si>
  <si>
    <t>16553353.0</t>
  </si>
  <si>
    <t>8574506.0</t>
  </si>
  <si>
    <t>8355406.0</t>
  </si>
  <si>
    <t>17843.0</t>
  </si>
  <si>
    <t>12318.0</t>
  </si>
  <si>
    <t>142.02</t>
  </si>
  <si>
    <t>19438733.0</t>
  </si>
  <si>
    <t>50443.0</t>
  </si>
  <si>
    <t>1674.105</t>
  </si>
  <si>
    <t>4.344</t>
  </si>
  <si>
    <t>47006.0</t>
  </si>
  <si>
    <t>16567827.0</t>
  </si>
  <si>
    <t>8579455.0</t>
  </si>
  <si>
    <t>8364698.0</t>
  </si>
  <si>
    <t>14474.0</t>
  </si>
  <si>
    <t>12743.0</t>
  </si>
  <si>
    <t>142.14</t>
  </si>
  <si>
    <t>71.76</t>
  </si>
  <si>
    <t>19495701.0</t>
  </si>
  <si>
    <t>1679.011</t>
  </si>
  <si>
    <t>4.906</t>
  </si>
  <si>
    <t>47275.0</t>
  </si>
  <si>
    <t>4.071</t>
  </si>
  <si>
    <t>16590103.0</t>
  </si>
  <si>
    <t>8586873.0</t>
  </si>
  <si>
    <t>8375192.0</t>
  </si>
  <si>
    <t>22276.0</t>
  </si>
  <si>
    <t>13265.0</t>
  </si>
  <si>
    <t>19541320.0</t>
  </si>
  <si>
    <t>45619.0</t>
  </si>
  <si>
    <t>1682.94</t>
  </si>
  <si>
    <t>47242.0</t>
  </si>
  <si>
    <t>16618022.0</t>
  </si>
  <si>
    <t>8594727.0</t>
  </si>
  <si>
    <t>8389428.0</t>
  </si>
  <si>
    <t>16738.0</t>
  </si>
  <si>
    <t>27919.0</t>
  </si>
  <si>
    <t>13997.0</t>
  </si>
  <si>
    <t>142.57</t>
  </si>
  <si>
    <t>19563733.0</t>
  </si>
  <si>
    <t>22413.0</t>
  </si>
  <si>
    <t>1684.87</t>
  </si>
  <si>
    <t>47253.0</t>
  </si>
  <si>
    <t>16618537.0</t>
  </si>
  <si>
    <t>8595075.0</t>
  </si>
  <si>
    <t>8389684.0</t>
  </si>
  <si>
    <t>13861.0</t>
  </si>
  <si>
    <t>142.58</t>
  </si>
  <si>
    <t>16178.8</t>
  </si>
  <si>
    <t>1388.03250501912</t>
  </si>
  <si>
    <t>19609635.0</t>
  </si>
  <si>
    <t>1688.823</t>
  </si>
  <si>
    <t>47842.0</t>
  </si>
  <si>
    <t>16627340.0</t>
  </si>
  <si>
    <t>8598160.0</t>
  </si>
  <si>
    <t>8393353.0</t>
  </si>
  <si>
    <t>142.65</t>
  </si>
  <si>
    <t>19670535.0</t>
  </si>
  <si>
    <t>60900.0</t>
  </si>
  <si>
    <t>1694.068</t>
  </si>
  <si>
    <t>48025.0</t>
  </si>
  <si>
    <t>4.136</t>
  </si>
  <si>
    <t>16643644.0</t>
  </si>
  <si>
    <t>8603097.0</t>
  </si>
  <si>
    <t>8400164.0</t>
  </si>
  <si>
    <t>25090.0</t>
  </si>
  <si>
    <t>142.79</t>
  </si>
  <si>
    <t>19724778.0</t>
  </si>
  <si>
    <t>1698.74</t>
  </si>
  <si>
    <t>4.672</t>
  </si>
  <si>
    <t>16674388.0</t>
  </si>
  <si>
    <t>8610229.0</t>
  </si>
  <si>
    <t>8411659.0</t>
  </si>
  <si>
    <t>38427.0</t>
  </si>
  <si>
    <t>30744.0</t>
  </si>
  <si>
    <t>17291.0</t>
  </si>
  <si>
    <t>19776555.0</t>
  </si>
  <si>
    <t>51777.0</t>
  </si>
  <si>
    <t>1703.199</t>
  </si>
  <si>
    <t>4.459</t>
  </si>
  <si>
    <t>48260.0</t>
  </si>
  <si>
    <t>4.156</t>
  </si>
  <si>
    <t>16694745.0</t>
  </si>
  <si>
    <t>8615020.0</t>
  </si>
  <si>
    <t>8419155.0</t>
  </si>
  <si>
    <t>47863.0</t>
  </si>
  <si>
    <t>20357.0</t>
  </si>
  <si>
    <t>143.23</t>
  </si>
  <si>
    <t>19831552.0</t>
  </si>
  <si>
    <t>54997.0</t>
  </si>
  <si>
    <t>1707.935</t>
  </si>
  <si>
    <t>4.736</t>
  </si>
  <si>
    <t>16721360.0</t>
  </si>
  <si>
    <t>8622175.0</t>
  </si>
  <si>
    <t>8427986.0</t>
  </si>
  <si>
    <t>59560.0</t>
  </si>
  <si>
    <t>26615.0</t>
  </si>
  <si>
    <t>143.46</t>
  </si>
  <si>
    <t>5043.0</t>
  </si>
  <si>
    <t>19875578.0</t>
  </si>
  <si>
    <t>1711.727</t>
  </si>
  <si>
    <t>3.792</t>
  </si>
  <si>
    <t>4.112</t>
  </si>
  <si>
    <t>16761839.0</t>
  </si>
  <si>
    <t>8630827.0</t>
  </si>
  <si>
    <t>8446056.0</t>
  </si>
  <si>
    <t>74751.0</t>
  </si>
  <si>
    <t>40479.0</t>
  </si>
  <si>
    <t>143.81</t>
  </si>
  <si>
    <t>74.05</t>
  </si>
  <si>
    <t>5157.0</t>
  </si>
  <si>
    <t>19896322.0</t>
  </si>
  <si>
    <t>20744.0</t>
  </si>
  <si>
    <t>1713.513</t>
  </si>
  <si>
    <t>47513.0</t>
  </si>
  <si>
    <t>4.092</t>
  </si>
  <si>
    <t>16763145.0</t>
  </si>
  <si>
    <t>8631491.0</t>
  </si>
  <si>
    <t>8446960.0</t>
  </si>
  <si>
    <t>74826.0</t>
  </si>
  <si>
    <t>20658.0</t>
  </si>
  <si>
    <t>143.82</t>
  </si>
  <si>
    <t>16187.9</t>
  </si>
  <si>
    <t>1388.81322397205</t>
  </si>
  <si>
    <t>19937502.0</t>
  </si>
  <si>
    <t>41180.0</t>
  </si>
  <si>
    <t>1717.06</t>
  </si>
  <si>
    <t>46838.0</t>
  </si>
  <si>
    <t>16777879.0</t>
  </si>
  <si>
    <t>8634274.0</t>
  </si>
  <si>
    <t>8451177.0</t>
  </si>
  <si>
    <t>83194.0</t>
  </si>
  <si>
    <t>21506.0</t>
  </si>
  <si>
    <t>143.94</t>
  </si>
  <si>
    <t>32.258</t>
  </si>
  <si>
    <t>19993839.0</t>
  </si>
  <si>
    <t>56337.0</t>
  </si>
  <si>
    <t>1721.912</t>
  </si>
  <si>
    <t>4.852</t>
  </si>
  <si>
    <t>46186.0</t>
  </si>
  <si>
    <t>3.978</t>
  </si>
  <si>
    <t>16801232.0</t>
  </si>
  <si>
    <t>8638764.0</t>
  </si>
  <si>
    <t>8456725.0</t>
  </si>
  <si>
    <t>97615.0</t>
  </si>
  <si>
    <t>23353.0</t>
  </si>
  <si>
    <t>20044235.0</t>
  </si>
  <si>
    <t>50396.0</t>
  </si>
  <si>
    <t>1726.252</t>
  </si>
  <si>
    <t>45637.0</t>
  </si>
  <si>
    <t>16845475.0</t>
  </si>
  <si>
    <t>8646219.0</t>
  </si>
  <si>
    <t>8471244.0</t>
  </si>
  <si>
    <t>121021.0</t>
  </si>
  <si>
    <t>44243.0</t>
  </si>
  <si>
    <t>144.52</t>
  </si>
  <si>
    <t>20093288.0</t>
  </si>
  <si>
    <t>1730.476</t>
  </si>
  <si>
    <t>4.225</t>
  </si>
  <si>
    <t>45248.0</t>
  </si>
  <si>
    <t>16874934.0</t>
  </si>
  <si>
    <t>8650958.0</t>
  </si>
  <si>
    <t>8478502.0</t>
  </si>
  <si>
    <t>139340.0</t>
  </si>
  <si>
    <t>29459.0</t>
  </si>
  <si>
    <t>25741.0</t>
  </si>
  <si>
    <t>144.78</t>
  </si>
  <si>
    <t>20145292.0</t>
  </si>
  <si>
    <t>52004.0</t>
  </si>
  <si>
    <t>1734.955</t>
  </si>
  <si>
    <t>4.479</t>
  </si>
  <si>
    <t>44820.0</t>
  </si>
  <si>
    <t>16904453.0</t>
  </si>
  <si>
    <t>8658163.0</t>
  </si>
  <si>
    <t>8486517.0</t>
  </si>
  <si>
    <t>154501.0</t>
  </si>
  <si>
    <t>29519.0</t>
  </si>
  <si>
    <t>26156.0</t>
  </si>
  <si>
    <t>145.03</t>
  </si>
  <si>
    <t>20187604.0</t>
  </si>
  <si>
    <t>42312.0</t>
  </si>
  <si>
    <t>1738.599</t>
  </si>
  <si>
    <t>3.644</t>
  </si>
  <si>
    <t>44575.0</t>
  </si>
  <si>
    <t>16933925.0</t>
  </si>
  <si>
    <t>8664684.0</t>
  </si>
  <si>
    <t>8496800.0</t>
  </si>
  <si>
    <t>167789.0</t>
  </si>
  <si>
    <t>29472.0</t>
  </si>
  <si>
    <t>24584.0</t>
  </si>
  <si>
    <t>145.28</t>
  </si>
  <si>
    <t>20206759.0</t>
  </si>
  <si>
    <t>1740.249</t>
  </si>
  <si>
    <t>44348.0</t>
  </si>
  <si>
    <t>3.819</t>
  </si>
  <si>
    <t>16935098.0</t>
  </si>
  <si>
    <t>8664987.0</t>
  </si>
  <si>
    <t>8497253.0</t>
  </si>
  <si>
    <t>145.29</t>
  </si>
  <si>
    <t>16226.2</t>
  </si>
  <si>
    <t>1392.09910703768</t>
  </si>
  <si>
    <t>20248342.0</t>
  </si>
  <si>
    <t>41583.0</t>
  </si>
  <si>
    <t>1743.83</t>
  </si>
  <si>
    <t>3.581</t>
  </si>
  <si>
    <t>16949373.0</t>
  </si>
  <si>
    <t>8667544.0</t>
  </si>
  <si>
    <t>8500295.0</t>
  </si>
  <si>
    <t>177347.0</t>
  </si>
  <si>
    <t>24499.0</t>
  </si>
  <si>
    <t>145.41</t>
  </si>
  <si>
    <t>72.93</t>
  </si>
  <si>
    <t>4753.0</t>
  </si>
  <si>
    <t>20302810.0</t>
  </si>
  <si>
    <t>54468.0</t>
  </si>
  <si>
    <t>1748.521</t>
  </si>
  <si>
    <t>4.691</t>
  </si>
  <si>
    <t>3.801</t>
  </si>
  <si>
    <t>16969122.0</t>
  </si>
  <si>
    <t>8671389.0</t>
  </si>
  <si>
    <t>8502949.0</t>
  </si>
  <si>
    <t>191073.0</t>
  </si>
  <si>
    <t>20353341.0</t>
  </si>
  <si>
    <t>50531.0</t>
  </si>
  <si>
    <t>1752.873</t>
  </si>
  <si>
    <t>17010972.0</t>
  </si>
  <si>
    <t>8676475.0</t>
  </si>
  <si>
    <t>8509376.0</t>
  </si>
  <si>
    <t>221950.0</t>
  </si>
  <si>
    <t>23642.0</t>
  </si>
  <si>
    <t>145.94</t>
  </si>
  <si>
    <t>74.44</t>
  </si>
  <si>
    <t>62.886</t>
  </si>
  <si>
    <t>20400212.0</t>
  </si>
  <si>
    <t>1756.909</t>
  </si>
  <si>
    <t>4.037</t>
  </si>
  <si>
    <t>43846.0</t>
  </si>
  <si>
    <t>3.776</t>
  </si>
  <si>
    <t>17057435.0</t>
  </si>
  <si>
    <t>8680701.0</t>
  </si>
  <si>
    <t>8513815.0</t>
  </si>
  <si>
    <t>46463.0</t>
  </si>
  <si>
    <t>26072.0</t>
  </si>
  <si>
    <t>146.34</t>
  </si>
  <si>
    <t>20456222.0</t>
  </si>
  <si>
    <t>56010.0</t>
  </si>
  <si>
    <t>1761.733</t>
  </si>
  <si>
    <t>4.824</t>
  </si>
  <si>
    <t>44419.0</t>
  </si>
  <si>
    <t>3.825</t>
  </si>
  <si>
    <t>17097407.0</t>
  </si>
  <si>
    <t>8685331.0</t>
  </si>
  <si>
    <t>8521270.0</t>
  </si>
  <si>
    <t>289161.0</t>
  </si>
  <si>
    <t>39972.0</t>
  </si>
  <si>
    <t>27565.0</t>
  </si>
  <si>
    <t>146.68</t>
  </si>
  <si>
    <t>20498755.0</t>
  </si>
  <si>
    <t>42533.0</t>
  </si>
  <si>
    <t>1765.396</t>
  </si>
  <si>
    <t>44450.0</t>
  </si>
  <si>
    <t>17125797.0</t>
  </si>
  <si>
    <t>8690404.0</t>
  </si>
  <si>
    <t>8530778.0</t>
  </si>
  <si>
    <t>304111.0</t>
  </si>
  <si>
    <t>28390.0</t>
  </si>
  <si>
    <t>27410.0</t>
  </si>
  <si>
    <t>146.93</t>
  </si>
  <si>
    <t>20519246.0</t>
  </si>
  <si>
    <t>1767.161</t>
  </si>
  <si>
    <t>44641.0</t>
  </si>
  <si>
    <t>3.845</t>
  </si>
  <si>
    <t>17127013.0</t>
  </si>
  <si>
    <t>8690645.0</t>
  </si>
  <si>
    <t>8530978.0</t>
  </si>
  <si>
    <t>304907.0</t>
  </si>
  <si>
    <t>27416.0</t>
  </si>
  <si>
    <t>146.94</t>
  </si>
  <si>
    <t>16318.1</t>
  </si>
  <si>
    <t>1399.98351052937</t>
  </si>
  <si>
    <t>20563875.0</t>
  </si>
  <si>
    <t>44629.0</t>
  </si>
  <si>
    <t>1771.004</t>
  </si>
  <si>
    <t>3.844</t>
  </si>
  <si>
    <t>45076.0</t>
  </si>
  <si>
    <t>17147289.0</t>
  </si>
  <si>
    <t>8693267.0</t>
  </si>
  <si>
    <t>8534186.0</t>
  </si>
  <si>
    <t>319735.0</t>
  </si>
  <si>
    <t>20276.0</t>
  </si>
  <si>
    <t>28274.0</t>
  </si>
  <si>
    <t>147.11</t>
  </si>
  <si>
    <t>20623655.0</t>
  </si>
  <si>
    <t>59780.0</t>
  </si>
  <si>
    <t>1776.153</t>
  </si>
  <si>
    <t>45835.0</t>
  </si>
  <si>
    <t>3.947</t>
  </si>
  <si>
    <t>17182862.0</t>
  </si>
  <si>
    <t>8697051.0</t>
  </si>
  <si>
    <t>8538491.0</t>
  </si>
  <si>
    <t>347792.0</t>
  </si>
  <si>
    <t>30534.0</t>
  </si>
  <si>
    <t>147.42</t>
  </si>
  <si>
    <t>73.25</t>
  </si>
  <si>
    <t>20679449.0</t>
  </si>
  <si>
    <t>55794.0</t>
  </si>
  <si>
    <t>1780.958</t>
  </si>
  <si>
    <t>4.805</t>
  </si>
  <si>
    <t>4.012</t>
  </si>
  <si>
    <t>17226838.0</t>
  </si>
  <si>
    <t>8701563.0</t>
  </si>
  <si>
    <t>8546105.0</t>
  </si>
  <si>
    <t>380447.0</t>
  </si>
  <si>
    <t>43976.0</t>
  </si>
  <si>
    <t>30838.0</t>
  </si>
  <si>
    <t>147.79</t>
  </si>
  <si>
    <t>20733419.0</t>
  </si>
  <si>
    <t>53970.0</t>
  </si>
  <si>
    <t>1785.606</t>
  </si>
  <si>
    <t>47601.0</t>
  </si>
  <si>
    <t>4.099</t>
  </si>
  <si>
    <t>17267339.0</t>
  </si>
  <si>
    <t>8706230.0</t>
  </si>
  <si>
    <t>8550315.0</t>
  </si>
  <si>
    <t>412797.0</t>
  </si>
  <si>
    <t>40501.0</t>
  </si>
  <si>
    <t>29986.0</t>
  </si>
  <si>
    <t>148.14</t>
  </si>
  <si>
    <t>2573.0</t>
  </si>
  <si>
    <t>20795585.0</t>
  </si>
  <si>
    <t>62166.0</t>
  </si>
  <si>
    <t>1790.96</t>
  </si>
  <si>
    <t>5.354</t>
  </si>
  <si>
    <t>17301082.0</t>
  </si>
  <si>
    <t>8711011.0</t>
  </si>
  <si>
    <t>8558656.0</t>
  </si>
  <si>
    <t>434452.0</t>
  </si>
  <si>
    <t>33743.0</t>
  </si>
  <si>
    <t>29096.0</t>
  </si>
  <si>
    <t>148.43</t>
  </si>
  <si>
    <t>20846828.0</t>
  </si>
  <si>
    <t>51243.0</t>
  </si>
  <si>
    <t>1795.373</t>
  </si>
  <si>
    <t>4.413</t>
  </si>
  <si>
    <t>49725.0</t>
  </si>
  <si>
    <t>17322830.0</t>
  </si>
  <si>
    <t>8715351.0</t>
  </si>
  <si>
    <t>8566190.0</t>
  </si>
  <si>
    <t>444995.0</t>
  </si>
  <si>
    <t>21748.0</t>
  </si>
  <si>
    <t>28148.0</t>
  </si>
  <si>
    <t>20870726.0</t>
  </si>
  <si>
    <t>23898.0</t>
  </si>
  <si>
    <t>1797.431</t>
  </si>
  <si>
    <t>50211.0</t>
  </si>
  <si>
    <t>17324044.0</t>
  </si>
  <si>
    <t>8715687.0</t>
  </si>
  <si>
    <t>8566347.0</t>
  </si>
  <si>
    <t>445731.0</t>
  </si>
  <si>
    <t>16526.0</t>
  </si>
  <si>
    <t>1417.81993583863</t>
  </si>
  <si>
    <t>20922392.0</t>
  </si>
  <si>
    <t>51666.0</t>
  </si>
  <si>
    <t>1801.881</t>
  </si>
  <si>
    <t>4.45</t>
  </si>
  <si>
    <t>51217.0</t>
  </si>
  <si>
    <t>4.411</t>
  </si>
  <si>
    <t>17336114.0</t>
  </si>
  <si>
    <t>8718509.0</t>
  </si>
  <si>
    <t>8568900.0</t>
  </si>
  <si>
    <t>452939.0</t>
  </si>
  <si>
    <t>26975.0</t>
  </si>
  <si>
    <t>148.73</t>
  </si>
  <si>
    <t>73.52</t>
  </si>
  <si>
    <t>21002074.0</t>
  </si>
  <si>
    <t>79682.0</t>
  </si>
  <si>
    <t>1808.743</t>
  </si>
  <si>
    <t>6.862</t>
  </si>
  <si>
    <t>54060.0</t>
  </si>
  <si>
    <t>4.656</t>
  </si>
  <si>
    <t>17359304.0</t>
  </si>
  <si>
    <t>8722055.0</t>
  </si>
  <si>
    <t>8571948.0</t>
  </si>
  <si>
    <t>470137.0</t>
  </si>
  <si>
    <t>23190.0</t>
  </si>
  <si>
    <t>25206.0</t>
  </si>
  <si>
    <t>52.677</t>
  </si>
  <si>
    <t>21075985.0</t>
  </si>
  <si>
    <t>73911.0</t>
  </si>
  <si>
    <t>1815.108</t>
  </si>
  <si>
    <t>6.365</t>
  </si>
  <si>
    <t>56648.0</t>
  </si>
  <si>
    <t>17392227.0</t>
  </si>
  <si>
    <t>8727339.0</t>
  </si>
  <si>
    <t>8577135.0</t>
  </si>
  <si>
    <t>493308.0</t>
  </si>
  <si>
    <t>32923.0</t>
  </si>
  <si>
    <t>23627.0</t>
  </si>
  <si>
    <t>149.21</t>
  </si>
  <si>
    <t>74.87</t>
  </si>
  <si>
    <t>3682.0</t>
  </si>
  <si>
    <t>21152714.0</t>
  </si>
  <si>
    <t>76729.0</t>
  </si>
  <si>
    <t>1821.716</t>
  </si>
  <si>
    <t>59899.0</t>
  </si>
  <si>
    <t>5.159</t>
  </si>
  <si>
    <t>17427758.0</t>
  </si>
  <si>
    <t>8731753.0</t>
  </si>
  <si>
    <t>8581056.0</t>
  </si>
  <si>
    <t>521244.0</t>
  </si>
  <si>
    <t>35531.0</t>
  </si>
  <si>
    <t>22917.0</t>
  </si>
  <si>
    <t>74.91</t>
  </si>
  <si>
    <t>95.66</t>
  </si>
  <si>
    <t>21237439.0</t>
  </si>
  <si>
    <t>84725.0</t>
  </si>
  <si>
    <t>1829.013</t>
  </si>
  <si>
    <t>7.297</t>
  </si>
  <si>
    <t>63122.0</t>
  </si>
  <si>
    <t>5.436</t>
  </si>
  <si>
    <t>17458783.0</t>
  </si>
  <si>
    <t>8735804.0</t>
  </si>
  <si>
    <t>8589076.0</t>
  </si>
  <si>
    <t>540928.0</t>
  </si>
  <si>
    <t>149.78</t>
  </si>
  <si>
    <t>73.69</t>
  </si>
  <si>
    <t>21305520.0</t>
  </si>
  <si>
    <t>68081.0</t>
  </si>
  <si>
    <t>1834.876</t>
  </si>
  <si>
    <t>5.863</t>
  </si>
  <si>
    <t>65527.0</t>
  </si>
  <si>
    <t>5.643</t>
  </si>
  <si>
    <t>17477150.0</t>
  </si>
  <si>
    <t>8739744.0</t>
  </si>
  <si>
    <t>8596119.0</t>
  </si>
  <si>
    <t>548889.0</t>
  </si>
  <si>
    <t>18367.0</t>
  </si>
  <si>
    <t>22046.0</t>
  </si>
  <si>
    <t>74.98</t>
  </si>
  <si>
    <t>21339971.0</t>
  </si>
  <si>
    <t>1837.843</t>
  </si>
  <si>
    <t>2.967</t>
  </si>
  <si>
    <t>67035.0</t>
  </si>
  <si>
    <t>5.773</t>
  </si>
  <si>
    <t>17477680.0</t>
  </si>
  <si>
    <t>8739998.0</t>
  </si>
  <si>
    <t>8596242.0</t>
  </si>
  <si>
    <t>549055.0</t>
  </si>
  <si>
    <t>21948.0</t>
  </si>
  <si>
    <t>16862.9</t>
  </si>
  <si>
    <t>1446.72369575537</t>
  </si>
  <si>
    <t>21406429.0</t>
  </si>
  <si>
    <t>66458.0</t>
  </si>
  <si>
    <t>1843.567</t>
  </si>
  <si>
    <t>69148.0</t>
  </si>
  <si>
    <t>17494124.0</t>
  </si>
  <si>
    <t>8743152.0</t>
  </si>
  <si>
    <t>8599389.0</t>
  </si>
  <si>
    <t>559744.0</t>
  </si>
  <si>
    <t>22573.0</t>
  </si>
  <si>
    <t>150.09</t>
  </si>
  <si>
    <t>21502211.0</t>
  </si>
  <si>
    <t>95782.0</t>
  </si>
  <si>
    <t>1851.816</t>
  </si>
  <si>
    <t>8.249</t>
  </si>
  <si>
    <t>71448.0</t>
  </si>
  <si>
    <t>6.153</t>
  </si>
  <si>
    <t>17524528.0</t>
  </si>
  <si>
    <t>8747624.0</t>
  </si>
  <si>
    <t>8603978.0</t>
  </si>
  <si>
    <t>581751.0</t>
  </si>
  <si>
    <t>30404.0</t>
  </si>
  <si>
    <t>150.35</t>
  </si>
  <si>
    <t>21600833.0</t>
  </si>
  <si>
    <t>98622.0</t>
  </si>
  <si>
    <t>1860.309</t>
  </si>
  <si>
    <t>74978.0</t>
  </si>
  <si>
    <t>17561717.0</t>
  </si>
  <si>
    <t>8754029.0</t>
  </si>
  <si>
    <t>8610573.0</t>
  </si>
  <si>
    <t>606664.0</t>
  </si>
  <si>
    <t>24213.0</t>
  </si>
  <si>
    <t>150.67</t>
  </si>
  <si>
    <t>21698081.0</t>
  </si>
  <si>
    <t>97248.0</t>
  </si>
  <si>
    <t>1868.685</t>
  </si>
  <si>
    <t>8.375</t>
  </si>
  <si>
    <t>77910.0</t>
  </si>
  <si>
    <t>17599862.0</t>
  </si>
  <si>
    <t>8759441.0</t>
  </si>
  <si>
    <t>8615714.0</t>
  </si>
  <si>
    <t>635133.0</t>
  </si>
  <si>
    <t>38145.0</t>
  </si>
  <si>
    <t>24586.0</t>
  </si>
  <si>
    <t>3955.0</t>
  </si>
  <si>
    <t>21806451.0</t>
  </si>
  <si>
    <t>108370.0</t>
  </si>
  <si>
    <t>1878.018</t>
  </si>
  <si>
    <t>9.333</t>
  </si>
  <si>
    <t>81287.0</t>
  </si>
  <si>
    <t>17630790.0</t>
  </si>
  <si>
    <t>8764638.0</t>
  </si>
  <si>
    <t>8622080.0</t>
  </si>
  <si>
    <t>655591.0</t>
  </si>
  <si>
    <t>151.26</t>
  </si>
  <si>
    <t>1564.0</t>
  </si>
  <si>
    <t>21892178.0</t>
  </si>
  <si>
    <t>85727.0</t>
  </si>
  <si>
    <t>1885.401</t>
  </si>
  <si>
    <t>83808.0</t>
  </si>
  <si>
    <t>7.218</t>
  </si>
  <si>
    <t>17647961.0</t>
  </si>
  <si>
    <t>8769004.0</t>
  </si>
  <si>
    <t>8628025.0</t>
  </si>
  <si>
    <t>663061.0</t>
  </si>
  <si>
    <t>151.41</t>
  </si>
  <si>
    <t>2094.0</t>
  </si>
  <si>
    <t>139.5</t>
  </si>
  <si>
    <t>91.97</t>
  </si>
  <si>
    <t>21933696.0</t>
  </si>
  <si>
    <t>1888.976</t>
  </si>
  <si>
    <t>84818.0</t>
  </si>
  <si>
    <t>17648249.0</t>
  </si>
  <si>
    <t>8769113.0</t>
  </si>
  <si>
    <t>8628103.0</t>
  </si>
  <si>
    <t>663170.0</t>
  </si>
  <si>
    <t>24367.0</t>
  </si>
  <si>
    <t>17205.0</t>
  </si>
  <si>
    <t>1476.07358078807</t>
  </si>
  <si>
    <t>27.797</t>
  </si>
  <si>
    <t>21971194.0</t>
  </si>
  <si>
    <t>1892.206</t>
  </si>
  <si>
    <t>80681.0</t>
  </si>
  <si>
    <t>6.948</t>
  </si>
  <si>
    <t>17649489.0</t>
  </si>
  <si>
    <t>8769596.0</t>
  </si>
  <si>
    <t>8628436.0</t>
  </si>
  <si>
    <t>663758.0</t>
  </si>
  <si>
    <t>22195.0</t>
  </si>
  <si>
    <t>22047775.0</t>
  </si>
  <si>
    <t>76581.0</t>
  </si>
  <si>
    <t>1898.801</t>
  </si>
  <si>
    <t>6.595</t>
  </si>
  <si>
    <t>77938.0</t>
  </si>
  <si>
    <t>17669019.0</t>
  </si>
  <si>
    <t>8774267.0</t>
  </si>
  <si>
    <t>8632504.0</t>
  </si>
  <si>
    <t>675156.0</t>
  </si>
  <si>
    <t>19530.0</t>
  </si>
  <si>
    <t>151.59</t>
  </si>
  <si>
    <t>22142651.0</t>
  </si>
  <si>
    <t>94876.0</t>
  </si>
  <si>
    <t>1906.972</t>
  </si>
  <si>
    <t>8.171</t>
  </si>
  <si>
    <t>77403.0</t>
  </si>
  <si>
    <t>17700502.0</t>
  </si>
  <si>
    <t>8780595.0</t>
  </si>
  <si>
    <t>8637535.0</t>
  </si>
  <si>
    <t>696242.0</t>
  </si>
  <si>
    <t>31483.0</t>
  </si>
  <si>
    <t>19826.0</t>
  </si>
  <si>
    <t>151.86</t>
  </si>
  <si>
    <t>74.1</t>
  </si>
  <si>
    <t>22233835.0</t>
  </si>
  <si>
    <t>91184.0</t>
  </si>
  <si>
    <t>1914.825</t>
  </si>
  <si>
    <t>76536.0</t>
  </si>
  <si>
    <t>17731258.0</t>
  </si>
  <si>
    <t>8786259.0</t>
  </si>
  <si>
    <t>8641834.0</t>
  </si>
  <si>
    <t>717799.0</t>
  </si>
  <si>
    <t>152.12</t>
  </si>
  <si>
    <t>22333768.0</t>
  </si>
  <si>
    <t>99933.0</t>
  </si>
  <si>
    <t>1923.431</t>
  </si>
  <si>
    <t>8.606</t>
  </si>
  <si>
    <t>75331.0</t>
  </si>
  <si>
    <t>17759858.0</t>
  </si>
  <si>
    <t>8791312.0</t>
  </si>
  <si>
    <t>8647141.0</t>
  </si>
  <si>
    <t>18438.0</t>
  </si>
  <si>
    <t>152.37</t>
  </si>
  <si>
    <t>22413712.0</t>
  </si>
  <si>
    <t>79944.0</t>
  </si>
  <si>
    <t>1930.316</t>
  </si>
  <si>
    <t>74505.0</t>
  </si>
  <si>
    <t>6.417</t>
  </si>
  <si>
    <t>17778807.0</t>
  </si>
  <si>
    <t>8795245.0</t>
  </si>
  <si>
    <t>8651325.0</t>
  </si>
  <si>
    <t>748692.0</t>
  </si>
  <si>
    <t>18949.0</t>
  </si>
  <si>
    <t>18692.0</t>
  </si>
  <si>
    <t>152.53</t>
  </si>
  <si>
    <t>3749.0</t>
  </si>
  <si>
    <t>22455868.0</t>
  </si>
  <si>
    <t>42156.0</t>
  </si>
  <si>
    <t>1933.947</t>
  </si>
  <si>
    <t>74596.0</t>
  </si>
  <si>
    <t>6.424</t>
  </si>
  <si>
    <t>17780830.0</t>
  </si>
  <si>
    <t>8795657.0</t>
  </si>
  <si>
    <t>8651737.0</t>
  </si>
  <si>
    <t>749966.0</t>
  </si>
  <si>
    <t>18940.0</t>
  </si>
  <si>
    <t>152.55</t>
  </si>
  <si>
    <t>74.23</t>
  </si>
  <si>
    <t>17504.5</t>
  </si>
  <si>
    <t>1501.76867160155</t>
  </si>
  <si>
    <t>22532246.0</t>
  </si>
  <si>
    <t>76378.0</t>
  </si>
  <si>
    <t>1940.525</t>
  </si>
  <si>
    <t>6.578</t>
  </si>
  <si>
    <t>80150.0</t>
  </si>
  <si>
    <t>6.903</t>
  </si>
  <si>
    <t>17801697.0</t>
  </si>
  <si>
    <t>8798586.0</t>
  </si>
  <si>
    <t>8654644.0</t>
  </si>
  <si>
    <t>765545.0</t>
  </si>
  <si>
    <t>21744.0</t>
  </si>
  <si>
    <t>4141.0</t>
  </si>
  <si>
    <t>22634212.0</t>
  </si>
  <si>
    <t>101966.0</t>
  </si>
  <si>
    <t>1949.306</t>
  </si>
  <si>
    <t>8.782</t>
  </si>
  <si>
    <t>17833757.0</t>
  </si>
  <si>
    <t>8803434.0</t>
  </si>
  <si>
    <t>8659748.0</t>
  </si>
  <si>
    <t>788292.0</t>
  </si>
  <si>
    <t>32060.0</t>
  </si>
  <si>
    <t>23534.0</t>
  </si>
  <si>
    <t>22742139.0</t>
  </si>
  <si>
    <t>107927.0</t>
  </si>
  <si>
    <t>1958.601</t>
  </si>
  <si>
    <t>9.295</t>
  </si>
  <si>
    <t>85641.0</t>
  </si>
  <si>
    <t>7.376</t>
  </si>
  <si>
    <t>17881042.0</t>
  </si>
  <si>
    <t>8810604.0</t>
  </si>
  <si>
    <t>8666589.0</t>
  </si>
  <si>
    <t>822732.0</t>
  </si>
  <si>
    <t>47285.0</t>
  </si>
  <si>
    <t>25791.0</t>
  </si>
  <si>
    <t>22801920.0</t>
  </si>
  <si>
    <t>59781.0</t>
  </si>
  <si>
    <t>1963.749</t>
  </si>
  <si>
    <t>81155.0</t>
  </si>
  <si>
    <t>6.989</t>
  </si>
  <si>
    <t>17887829.0</t>
  </si>
  <si>
    <t>8811743.0</t>
  </si>
  <si>
    <t>8667550.0</t>
  </si>
  <si>
    <t>827547.0</t>
  </si>
  <si>
    <t>153.47</t>
  </si>
  <si>
    <t>22890884.0</t>
  </si>
  <si>
    <t>88964.0</t>
  </si>
  <si>
    <t>1971.411</t>
  </si>
  <si>
    <t>7.662</t>
  </si>
  <si>
    <t>79588.0</t>
  </si>
  <si>
    <t>17919704.0</t>
  </si>
  <si>
    <t>8816233.0</t>
  </si>
  <si>
    <t>8672189.0</t>
  </si>
  <si>
    <t>851005.0</t>
  </si>
  <si>
    <t>31875.0</t>
  </si>
  <si>
    <t>153.74</t>
  </si>
  <si>
    <t>22979081.0</t>
  </si>
  <si>
    <t>88197.0</t>
  </si>
  <si>
    <t>1979.007</t>
  </si>
  <si>
    <t>7.596</t>
  </si>
  <si>
    <t>80767.0</t>
  </si>
  <si>
    <t>6.956</t>
  </si>
  <si>
    <t>17941299.0</t>
  </si>
  <si>
    <t>8820308.0</t>
  </si>
  <si>
    <t>8676515.0</t>
  </si>
  <si>
    <t>864821.0</t>
  </si>
  <si>
    <t>21595.0</t>
  </si>
  <si>
    <t>23213.0</t>
  </si>
  <si>
    <t>153.92</t>
  </si>
  <si>
    <t>214.14</t>
  </si>
  <si>
    <t>23021847.0</t>
  </si>
  <si>
    <t>42766.0</t>
  </si>
  <si>
    <t>1982.69</t>
  </si>
  <si>
    <t>80854.0</t>
  </si>
  <si>
    <t>17941889.0</t>
  </si>
  <si>
    <t>8820487.0</t>
  </si>
  <si>
    <t>8676636.0</t>
  </si>
  <si>
    <t>865116.0</t>
  </si>
  <si>
    <t>23008.0</t>
  </si>
  <si>
    <t>153.93</t>
  </si>
  <si>
    <t>17886.8</t>
  </si>
  <si>
    <t>1534.56744695379</t>
  </si>
  <si>
    <t>23110268.0</t>
  </si>
  <si>
    <t>88421.0</t>
  </si>
  <si>
    <t>1990.305</t>
  </si>
  <si>
    <t>7.615</t>
  </si>
  <si>
    <t>82575.0</t>
  </si>
  <si>
    <t>17972788.0</t>
  </si>
  <si>
    <t>8823491.0</t>
  </si>
  <si>
    <t>8679937.0</t>
  </si>
  <si>
    <t>890070.0</t>
  </si>
  <si>
    <t>30899.0</t>
  </si>
  <si>
    <t>24442.0</t>
  </si>
  <si>
    <t>154.19</t>
  </si>
  <si>
    <t>23229513.0</t>
  </si>
  <si>
    <t>119245.0</t>
  </si>
  <si>
    <t>2000.575</t>
  </si>
  <si>
    <t>85043.0</t>
  </si>
  <si>
    <t>7.324</t>
  </si>
  <si>
    <t>18025194.0</t>
  </si>
  <si>
    <t>8828330.0</t>
  </si>
  <si>
    <t>8685370.0</t>
  </si>
  <si>
    <t>932636.0</t>
  </si>
  <si>
    <t>27348.0</t>
  </si>
  <si>
    <t>23356115.0</t>
  </si>
  <si>
    <t>2011.478</t>
  </si>
  <si>
    <t>10.903</t>
  </si>
  <si>
    <t>87711.0</t>
  </si>
  <si>
    <t>18102153.0</t>
  </si>
  <si>
    <t>8836057.0</t>
  </si>
  <si>
    <t>8692262.0</t>
  </si>
  <si>
    <t>995341.0</t>
  </si>
  <si>
    <t>76959.0</t>
  </si>
  <si>
    <t>31587.0</t>
  </si>
  <si>
    <t>23484750.0</t>
  </si>
  <si>
    <t>128635.0</t>
  </si>
  <si>
    <t>2022.556</t>
  </si>
  <si>
    <t>97547.0</t>
  </si>
  <si>
    <t>18170941.0</t>
  </si>
  <si>
    <t>8841080.0</t>
  </si>
  <si>
    <t>8697142.0</t>
  </si>
  <si>
    <t>1054618.0</t>
  </si>
  <si>
    <t>68788.0</t>
  </si>
  <si>
    <t>40445.0</t>
  </si>
  <si>
    <t>155.89</t>
  </si>
  <si>
    <t>2990.0</t>
  </si>
  <si>
    <t>23616567.0</t>
  </si>
  <si>
    <t>131817.0</t>
  </si>
  <si>
    <t>2033.909</t>
  </si>
  <si>
    <t>11.352</t>
  </si>
  <si>
    <t>103669.0</t>
  </si>
  <si>
    <t>8.928</t>
  </si>
  <si>
    <t>18233166.0</t>
  </si>
  <si>
    <t>8845762.0</t>
  </si>
  <si>
    <t>8702025.0</t>
  </si>
  <si>
    <t>1107760.0</t>
  </si>
  <si>
    <t>62225.0</t>
  </si>
  <si>
    <t>44780.0</t>
  </si>
  <si>
    <t>4218.0</t>
  </si>
  <si>
    <t>23727796.0</t>
  </si>
  <si>
    <t>111229.0</t>
  </si>
  <si>
    <t>2043.488</t>
  </si>
  <si>
    <t>9.579</t>
  </si>
  <si>
    <t>106959.0</t>
  </si>
  <si>
    <t>9.212</t>
  </si>
  <si>
    <t>18264868.0</t>
  </si>
  <si>
    <t>8849909.0</t>
  </si>
  <si>
    <t>8706456.0</t>
  </si>
  <si>
    <t>1131228.0</t>
  </si>
  <si>
    <t>31702.0</t>
  </si>
  <si>
    <t>168.755</t>
  </si>
  <si>
    <t>23778591.0</t>
  </si>
  <si>
    <t>2047.862</t>
  </si>
  <si>
    <t>4.375</t>
  </si>
  <si>
    <t>108106.0</t>
  </si>
  <si>
    <t>18266016.0</t>
  </si>
  <si>
    <t>8850057.0</t>
  </si>
  <si>
    <t>8706608.0</t>
  </si>
  <si>
    <t>1132081.0</t>
  </si>
  <si>
    <t>46304.0</t>
  </si>
  <si>
    <t>156.71</t>
  </si>
  <si>
    <t>18246.7</t>
  </si>
  <si>
    <t>1565.44445257574</t>
  </si>
  <si>
    <t>23880973.0</t>
  </si>
  <si>
    <t>102382.0</t>
  </si>
  <si>
    <t>2056.68</t>
  </si>
  <si>
    <t>8.817</t>
  </si>
  <si>
    <t>9.482</t>
  </si>
  <si>
    <t>18315259.0</t>
  </si>
  <si>
    <t>8853211.0</t>
  </si>
  <si>
    <t>8708785.0</t>
  </si>
  <si>
    <t>1176328.0</t>
  </si>
  <si>
    <t>49243.0</t>
  </si>
  <si>
    <t>48924.0</t>
  </si>
  <si>
    <t>157.13</t>
  </si>
  <si>
    <t>24016384.0</t>
  </si>
  <si>
    <t>135411.0</t>
  </si>
  <si>
    <t>2068.342</t>
  </si>
  <si>
    <t>11.662</t>
  </si>
  <si>
    <t>112410.0</t>
  </si>
  <si>
    <t>9.681</t>
  </si>
  <si>
    <t>18403321.0</t>
  </si>
  <si>
    <t>8857438.0</t>
  </si>
  <si>
    <t>8713563.0</t>
  </si>
  <si>
    <t>1255765.0</t>
  </si>
  <si>
    <t>88062.0</t>
  </si>
  <si>
    <t>54018.0</t>
  </si>
  <si>
    <t>56.538</t>
  </si>
  <si>
    <t>24158329.0</t>
  </si>
  <si>
    <t>141945.0</t>
  </si>
  <si>
    <t>2080.566</t>
  </si>
  <si>
    <t>12.225</t>
  </si>
  <si>
    <t>114602.0</t>
  </si>
  <si>
    <t>18509528.0</t>
  </si>
  <si>
    <t>8864813.0</t>
  </si>
  <si>
    <t>8720011.0</t>
  </si>
  <si>
    <t>1348532.0</t>
  </si>
  <si>
    <t>106207.0</t>
  </si>
  <si>
    <t>58196.0</t>
  </si>
  <si>
    <t>158.8</t>
  </si>
  <si>
    <t>4993.0</t>
  </si>
  <si>
    <t>4108.0</t>
  </si>
  <si>
    <t>24300012.0</t>
  </si>
  <si>
    <t>141683.0</t>
  </si>
  <si>
    <t>2092.768</t>
  </si>
  <si>
    <t>12.202</t>
  </si>
  <si>
    <t>116466.0</t>
  </si>
  <si>
    <t>18631425.0</t>
  </si>
  <si>
    <t>8869148.0</t>
  </si>
  <si>
    <t>8724520.0</t>
  </si>
  <si>
    <t>1461887.0</t>
  </si>
  <si>
    <t>121897.0</t>
  </si>
  <si>
    <t>65783.0</t>
  </si>
  <si>
    <t>159.85</t>
  </si>
  <si>
    <t>74.85</t>
  </si>
  <si>
    <t>5644.0</t>
  </si>
  <si>
    <t>4010.0</t>
  </si>
  <si>
    <t>24439519.0</t>
  </si>
  <si>
    <t>139507.0</t>
  </si>
  <si>
    <t>2104.783</t>
  </si>
  <si>
    <t>12.015</t>
  </si>
  <si>
    <t>117565.0</t>
  </si>
  <si>
    <t>10.125</t>
  </si>
  <si>
    <t>18730660.0</t>
  </si>
  <si>
    <t>8872599.0</t>
  </si>
  <si>
    <t>8728740.0</t>
  </si>
  <si>
    <t>1553788.0</t>
  </si>
  <si>
    <t>71071.0</t>
  </si>
  <si>
    <t>24553738.0</t>
  </si>
  <si>
    <t>114219.0</t>
  </si>
  <si>
    <t>2114.62</t>
  </si>
  <si>
    <t>9.837</t>
  </si>
  <si>
    <t>117992.0</t>
  </si>
  <si>
    <t>10.162</t>
  </si>
  <si>
    <t>18771091.0</t>
  </si>
  <si>
    <t>8875656.0</t>
  </si>
  <si>
    <t>8733552.0</t>
  </si>
  <si>
    <t>1586613.0</t>
  </si>
  <si>
    <t>40431.0</t>
  </si>
  <si>
    <t>72318.0</t>
  </si>
  <si>
    <t>24615660.0</t>
  </si>
  <si>
    <t>2119.953</t>
  </si>
  <si>
    <t>5.333</t>
  </si>
  <si>
    <t>119581.0</t>
  </si>
  <si>
    <t>10.299</t>
  </si>
  <si>
    <t>18774458.0</t>
  </si>
  <si>
    <t>8875851.0</t>
  </si>
  <si>
    <t>8733815.0</t>
  </si>
  <si>
    <t>1589527.0</t>
  </si>
  <si>
    <t>72635.0</t>
  </si>
  <si>
    <t>161.07</t>
  </si>
  <si>
    <t>18633.8</t>
  </si>
  <si>
    <t>1598.65503572733</t>
  </si>
  <si>
    <t>3698.0</t>
  </si>
  <si>
    <t>24717795.0</t>
  </si>
  <si>
    <t>102135.0</t>
  </si>
  <si>
    <t>2128.749</t>
  </si>
  <si>
    <t>8.796</t>
  </si>
  <si>
    <t>119546.0</t>
  </si>
  <si>
    <t>10.296</t>
  </si>
  <si>
    <t>18854150.0</t>
  </si>
  <si>
    <t>8877824.0</t>
  </si>
  <si>
    <t>8736510.0</t>
  </si>
  <si>
    <t>1664782.0</t>
  </si>
  <si>
    <t>79692.0</t>
  </si>
  <si>
    <t>76984.0</t>
  </si>
  <si>
    <t>3750.0</t>
  </si>
  <si>
    <t>24856917.0</t>
  </si>
  <si>
    <t>2140.73</t>
  </si>
  <si>
    <t>11.981</t>
  </si>
  <si>
    <t>120076.0</t>
  </si>
  <si>
    <t>10.341</t>
  </si>
  <si>
    <t>18961512.0</t>
  </si>
  <si>
    <t>8881150.0</t>
  </si>
  <si>
    <t>8740163.0</t>
  </si>
  <si>
    <t>1765356.0</t>
  </si>
  <si>
    <t>107362.0</t>
  </si>
  <si>
    <t>79742.0</t>
  </si>
  <si>
    <t>162.68</t>
  </si>
  <si>
    <t>76.19</t>
  </si>
  <si>
    <t>24992410.0</t>
  </si>
  <si>
    <t>135493.0</t>
  </si>
  <si>
    <t>2152.399</t>
  </si>
  <si>
    <t>11.669</t>
  </si>
  <si>
    <t>119154.0</t>
  </si>
  <si>
    <t>10.262</t>
  </si>
  <si>
    <t>19086257.0</t>
  </si>
  <si>
    <t>8886470.0</t>
  </si>
  <si>
    <t>8746967.0</t>
  </si>
  <si>
    <t>1878139.0</t>
  </si>
  <si>
    <t>124745.0</t>
  </si>
  <si>
    <t>82390.0</t>
  </si>
  <si>
    <t>163.75</t>
  </si>
  <si>
    <t>3708.0</t>
  </si>
  <si>
    <t>25119407.0</t>
  </si>
  <si>
    <t>126997.0</t>
  </si>
  <si>
    <t>2163.336</t>
  </si>
  <si>
    <t>10.937</t>
  </si>
  <si>
    <t>117056.0</t>
  </si>
  <si>
    <t>10.081</t>
  </si>
  <si>
    <t>19211799.0</t>
  </si>
  <si>
    <t>8889060.0</t>
  </si>
  <si>
    <t>8749843.0</t>
  </si>
  <si>
    <t>1998370.0</t>
  </si>
  <si>
    <t>125542.0</t>
  </si>
  <si>
    <t>82911.0</t>
  </si>
  <si>
    <t>164.82</t>
  </si>
  <si>
    <t>7113.0</t>
  </si>
  <si>
    <t>25242051.0</t>
  </si>
  <si>
    <t>122644.0</t>
  </si>
  <si>
    <t>2173.899</t>
  </si>
  <si>
    <t>10.562</t>
  </si>
  <si>
    <t>114647.0</t>
  </si>
  <si>
    <t>9.874</t>
  </si>
  <si>
    <t>19326995.0</t>
  </si>
  <si>
    <t>8891849.0</t>
  </si>
  <si>
    <t>8753382.0</t>
  </si>
  <si>
    <t>2107406.0</t>
  </si>
  <si>
    <t>115196.0</t>
  </si>
  <si>
    <t>165.81</t>
  </si>
  <si>
    <t>7309.0</t>
  </si>
  <si>
    <t>25337758.0</t>
  </si>
  <si>
    <t>95707.0</t>
  </si>
  <si>
    <t>2182.141</t>
  </si>
  <si>
    <t>8.242</t>
  </si>
  <si>
    <t>112003.0</t>
  </si>
  <si>
    <t>9.646</t>
  </si>
  <si>
    <t>19381056.0</t>
  </si>
  <si>
    <t>8893862.0</t>
  </si>
  <si>
    <t>8757623.0</t>
  </si>
  <si>
    <t>2155442.0</t>
  </si>
  <si>
    <t>54061.0</t>
  </si>
  <si>
    <t>87138.0</t>
  </si>
  <si>
    <t>166.28</t>
  </si>
  <si>
    <t>25380907.0</t>
  </si>
  <si>
    <t>43149.0</t>
  </si>
  <si>
    <t>2185.857</t>
  </si>
  <si>
    <t>3.716</t>
  </si>
  <si>
    <t>109321.0</t>
  </si>
  <si>
    <t>9.415</t>
  </si>
  <si>
    <t>19385414.0</t>
  </si>
  <si>
    <t>8894018.0</t>
  </si>
  <si>
    <t>8757795.0</t>
  </si>
  <si>
    <t>2159545.0</t>
  </si>
  <si>
    <t>87279.0</t>
  </si>
  <si>
    <t>166.31</t>
  </si>
  <si>
    <t>7488.0</t>
  </si>
  <si>
    <t>19264.5</t>
  </si>
  <si>
    <t>30.07</t>
  </si>
  <si>
    <t>1652.76486469583</t>
  </si>
  <si>
    <t>25466864.0</t>
  </si>
  <si>
    <t>85957.0</t>
  </si>
  <si>
    <t>2193.26</t>
  </si>
  <si>
    <t>7.403</t>
  </si>
  <si>
    <t>9.216</t>
  </si>
  <si>
    <t>19469452.0</t>
  </si>
  <si>
    <t>8895574.0</t>
  </si>
  <si>
    <t>8760040.0</t>
  </si>
  <si>
    <t>2239904.0</t>
  </si>
  <si>
    <t>84038.0</t>
  </si>
  <si>
    <t>87900.0</t>
  </si>
  <si>
    <t>167.03</t>
  </si>
  <si>
    <t>19.22</t>
  </si>
  <si>
    <t>304.909</t>
  </si>
  <si>
    <t>25578160.0</t>
  </si>
  <si>
    <t>2202.845</t>
  </si>
  <si>
    <t>9.585</t>
  </si>
  <si>
    <t>103035.0</t>
  </si>
  <si>
    <t>8.874</t>
  </si>
  <si>
    <t>19584092.0</t>
  </si>
  <si>
    <t>8897765.0</t>
  </si>
  <si>
    <t>8764124.0</t>
  </si>
  <si>
    <t>2348397.0</t>
  </si>
  <si>
    <t>114640.0</t>
  </si>
  <si>
    <t>88940.0</t>
  </si>
  <si>
    <t>168.02</t>
  </si>
  <si>
    <t>25690047.0</t>
  </si>
  <si>
    <t>111887.0</t>
  </si>
  <si>
    <t>2212.481</t>
  </si>
  <si>
    <t>9.636</t>
  </si>
  <si>
    <t>99662.0</t>
  </si>
  <si>
    <t>8.583</t>
  </si>
  <si>
    <t>19705673.0</t>
  </si>
  <si>
    <t>8901134.0</t>
  </si>
  <si>
    <t>8770731.0</t>
  </si>
  <si>
    <t>2460141.0</t>
  </si>
  <si>
    <t>121581.0</t>
  </si>
  <si>
    <t>169.06</t>
  </si>
  <si>
    <t>70.951</t>
  </si>
  <si>
    <t>3448.0</t>
  </si>
  <si>
    <t>25790678.0</t>
  </si>
  <si>
    <t>100631.0</t>
  </si>
  <si>
    <t>2221.148</t>
  </si>
  <si>
    <t>8.259</t>
  </si>
  <si>
    <t>19840754.0</t>
  </si>
  <si>
    <t>8903402.0</t>
  </si>
  <si>
    <t>8774490.0</t>
  </si>
  <si>
    <t>2589312.0</t>
  </si>
  <si>
    <t>135081.0</t>
  </si>
  <si>
    <t>89851.0</t>
  </si>
  <si>
    <t>170.22</t>
  </si>
  <si>
    <t>25891701.0</t>
  </si>
  <si>
    <t>101023.0</t>
  </si>
  <si>
    <t>2229.848</t>
  </si>
  <si>
    <t>92807.0</t>
  </si>
  <si>
    <t>7.993</t>
  </si>
  <si>
    <t>19958170.0</t>
  </si>
  <si>
    <t>8905894.0</t>
  </si>
  <si>
    <t>8778404.0</t>
  </si>
  <si>
    <t>2700527.0</t>
  </si>
  <si>
    <t>117416.0</t>
  </si>
  <si>
    <t>90168.0</t>
  </si>
  <si>
    <t>171.23</t>
  </si>
  <si>
    <t>25969252.0</t>
  </si>
  <si>
    <t>77551.0</t>
  </si>
  <si>
    <t>2236.527</t>
  </si>
  <si>
    <t>6.679</t>
  </si>
  <si>
    <t>90213.0</t>
  </si>
  <si>
    <t>7.769</t>
  </si>
  <si>
    <t>20021939.0</t>
  </si>
  <si>
    <t>8908012.0</t>
  </si>
  <si>
    <t>8781895.0</t>
  </si>
  <si>
    <t>2758817.0</t>
  </si>
  <si>
    <t>63769.0</t>
  </si>
  <si>
    <t>91555.0</t>
  </si>
  <si>
    <t>171.77</t>
  </si>
  <si>
    <t>26006644.0</t>
  </si>
  <si>
    <t>37392.0</t>
  </si>
  <si>
    <t>2239.747</t>
  </si>
  <si>
    <t>89391.0</t>
  </si>
  <si>
    <t>7.699</t>
  </si>
  <si>
    <t>20027682.0</t>
  </si>
  <si>
    <t>8908160.0</t>
  </si>
  <si>
    <t>8782292.0</t>
  </si>
  <si>
    <t>2764051.0</t>
  </si>
  <si>
    <t>91753.0</t>
  </si>
  <si>
    <t>171.82</t>
  </si>
  <si>
    <t>7872.0</t>
  </si>
  <si>
    <t>19710.8</t>
  </si>
  <si>
    <t>1691.05441070604</t>
  </si>
  <si>
    <t>1886.0</t>
  </si>
  <si>
    <t>26079740.0</t>
  </si>
  <si>
    <t>73096.0</t>
  </si>
  <si>
    <t>2246.042</t>
  </si>
  <si>
    <t>6.295</t>
  </si>
  <si>
    <t>87554.0</t>
  </si>
  <si>
    <t>20133315.0</t>
  </si>
  <si>
    <t>8910027.0</t>
  </si>
  <si>
    <t>8785321.0</t>
  </si>
  <si>
    <t>2864905.0</t>
  </si>
  <si>
    <t>105633.0</t>
  </si>
  <si>
    <t>94838.0</t>
  </si>
  <si>
    <t>172.73</t>
  </si>
  <si>
    <t>1842.0</t>
  </si>
  <si>
    <t>26174144.0</t>
  </si>
  <si>
    <t>94404.0</t>
  </si>
  <si>
    <t>2254.173</t>
  </si>
  <si>
    <t>8.13</t>
  </si>
  <si>
    <t>85141.0</t>
  </si>
  <si>
    <t>7.333</t>
  </si>
  <si>
    <t>20263912.0</t>
  </si>
  <si>
    <t>8912046.0</t>
  </si>
  <si>
    <t>8788771.0</t>
  </si>
  <si>
    <t>2990207.0</t>
  </si>
  <si>
    <t>130597.0</t>
  </si>
  <si>
    <t>97117.0</t>
  </si>
  <si>
    <t>173.85</t>
  </si>
  <si>
    <t>25.65</t>
  </si>
  <si>
    <t>26257225.0</t>
  </si>
  <si>
    <t>83081.0</t>
  </si>
  <si>
    <t>2261.328</t>
  </si>
  <si>
    <t>7.155</t>
  </si>
  <si>
    <t>81025.0</t>
  </si>
  <si>
    <t>6.978</t>
  </si>
  <si>
    <t>20393688.0</t>
  </si>
  <si>
    <t>8915410.0</t>
  </si>
  <si>
    <t>8794978.0</t>
  </si>
  <si>
    <t>3110623.0</t>
  </si>
  <si>
    <t>129776.0</t>
  </si>
  <si>
    <t>98288.0</t>
  </si>
  <si>
    <t>174.96</t>
  </si>
  <si>
    <t>8432.0</t>
  </si>
  <si>
    <t>2970.0</t>
  </si>
  <si>
    <t>26335620.0</t>
  </si>
  <si>
    <t>78395.0</t>
  </si>
  <si>
    <t>2268.079</t>
  </si>
  <si>
    <t>6.752</t>
  </si>
  <si>
    <t>77849.0</t>
  </si>
  <si>
    <t>6.705</t>
  </si>
  <si>
    <t>20533587.0</t>
  </si>
  <si>
    <t>8917894.0</t>
  </si>
  <si>
    <t>8798778.0</t>
  </si>
  <si>
    <t>3244395.0</t>
  </si>
  <si>
    <t>139899.0</t>
  </si>
  <si>
    <t>98976.0</t>
  </si>
  <si>
    <t>27.83</t>
  </si>
  <si>
    <t>8491.0</t>
  </si>
  <si>
    <t>26419343.0</t>
  </si>
  <si>
    <t>83723.0</t>
  </si>
  <si>
    <t>2275.29</t>
  </si>
  <si>
    <t>6.492</t>
  </si>
  <si>
    <t>20671410.0</t>
  </si>
  <si>
    <t>8921142.0</t>
  </si>
  <si>
    <t>8802687.0</t>
  </si>
  <si>
    <t>3375261.0</t>
  </si>
  <si>
    <t>137823.0</t>
  </si>
  <si>
    <t>101891.0</t>
  </si>
  <si>
    <t>177.35</t>
  </si>
  <si>
    <t>8742.0</t>
  </si>
  <si>
    <t>26484799.0</t>
  </si>
  <si>
    <t>65456.0</t>
  </si>
  <si>
    <t>2280.927</t>
  </si>
  <si>
    <t>5.637</t>
  </si>
  <si>
    <t>73650.0</t>
  </si>
  <si>
    <t>6.343</t>
  </si>
  <si>
    <t>20746681.0</t>
  </si>
  <si>
    <t>8923185.0</t>
  </si>
  <si>
    <t>8805946.0</t>
  </si>
  <si>
    <t>3445333.0</t>
  </si>
  <si>
    <t>75271.0</t>
  </si>
  <si>
    <t>103535.0</t>
  </si>
  <si>
    <t>26517589.0</t>
  </si>
  <si>
    <t>32790.0</t>
  </si>
  <si>
    <t>2283.751</t>
  </si>
  <si>
    <t>72992.0</t>
  </si>
  <si>
    <t>20761532.0</t>
  </si>
  <si>
    <t>8923464.0</t>
  </si>
  <si>
    <t>8806259.0</t>
  </si>
  <si>
    <t>3459640.0</t>
  </si>
  <si>
    <t>14851.0</t>
  </si>
  <si>
    <t>104836.0</t>
  </si>
  <si>
    <t>178.12</t>
  </si>
  <si>
    <t>76.56</t>
  </si>
  <si>
    <t>20030.7</t>
  </si>
  <si>
    <t>14.45</t>
  </si>
  <si>
    <t>1718.49968466676</t>
  </si>
  <si>
    <t>26583611.0</t>
  </si>
  <si>
    <t>66022.0</t>
  </si>
  <si>
    <t>2289.437</t>
  </si>
  <si>
    <t>5.686</t>
  </si>
  <si>
    <t>71982.0</t>
  </si>
  <si>
    <t>20905866.0</t>
  </si>
  <si>
    <t>8925245.0</t>
  </si>
  <si>
    <t>8808893.0</t>
  </si>
  <si>
    <t>3599661.0</t>
  </si>
  <si>
    <t>144334.0</t>
  </si>
  <si>
    <t>110364.0</t>
  </si>
  <si>
    <t>179.36</t>
  </si>
  <si>
    <t>9468.0</t>
  </si>
  <si>
    <t>26665505.0</t>
  </si>
  <si>
    <t>81894.0</t>
  </si>
  <si>
    <t>2296.49</t>
  </si>
  <si>
    <t>7.053</t>
  </si>
  <si>
    <t>70194.0</t>
  </si>
  <si>
    <t>6.045</t>
  </si>
  <si>
    <t>21086882.0</t>
  </si>
  <si>
    <t>8928161.0</t>
  </si>
  <si>
    <t>8812824.0</t>
  </si>
  <si>
    <t>3773927.0</t>
  </si>
  <si>
    <t>181016.0</t>
  </si>
  <si>
    <t>117567.0</t>
  </si>
  <si>
    <t>180.91</t>
  </si>
  <si>
    <t>75.61</t>
  </si>
  <si>
    <t>98.834</t>
  </si>
  <si>
    <t>26742763.0</t>
  </si>
  <si>
    <t>77258.0</t>
  </si>
  <si>
    <t>2303.143</t>
  </si>
  <si>
    <t>6.654</t>
  </si>
  <si>
    <t>69363.0</t>
  </si>
  <si>
    <t>21258451.0</t>
  </si>
  <si>
    <t>8932080.0</t>
  </si>
  <si>
    <t>8820224.0</t>
  </si>
  <si>
    <t>3934288.0</t>
  </si>
  <si>
    <t>171569.0</t>
  </si>
  <si>
    <t>123538.0</t>
  </si>
  <si>
    <t>182.38</t>
  </si>
  <si>
    <t>33.75</t>
  </si>
  <si>
    <t>10599.0</t>
  </si>
  <si>
    <t>188.574</t>
  </si>
  <si>
    <t>95.402</t>
  </si>
  <si>
    <t>26819798.0</t>
  </si>
  <si>
    <t>77035.0</t>
  </si>
  <si>
    <t>2309.778</t>
  </si>
  <si>
    <t>6.634</t>
  </si>
  <si>
    <t>69168.0</t>
  </si>
  <si>
    <t>21395039.0</t>
  </si>
  <si>
    <t>8934686.0</t>
  </si>
  <si>
    <t>8824310.0</t>
  </si>
  <si>
    <t>4064268.0</t>
  </si>
  <si>
    <t>136588.0</t>
  </si>
  <si>
    <t>123065.0</t>
  </si>
  <si>
    <t>183.56</t>
  </si>
  <si>
    <t>26903090.0</t>
  </si>
  <si>
    <t>83292.0</t>
  </si>
  <si>
    <t>2316.951</t>
  </si>
  <si>
    <t>69107.0</t>
  </si>
  <si>
    <t>5.952</t>
  </si>
  <si>
    <t>21409185.0</t>
  </si>
  <si>
    <t>8935117.0</t>
  </si>
  <si>
    <t>8824760.0</t>
  </si>
  <si>
    <t>4077554.0</t>
  </si>
  <si>
    <t>105396.0</t>
  </si>
  <si>
    <t>183.68</t>
  </si>
  <si>
    <t>34.98</t>
  </si>
  <si>
    <t>26934314.0</t>
  </si>
  <si>
    <t>31224.0</t>
  </si>
  <si>
    <t>2319.64</t>
  </si>
  <si>
    <t>64216.0</t>
  </si>
  <si>
    <t>21409287.0</t>
  </si>
  <si>
    <t>8935131.0</t>
  </si>
  <si>
    <t>8824772.0</t>
  </si>
  <si>
    <t>4077631.0</t>
  </si>
  <si>
    <t>94658.0</t>
  </si>
  <si>
    <t>26964028.0</t>
  </si>
  <si>
    <t>29714.0</t>
  </si>
  <si>
    <t>2322.199</t>
  </si>
  <si>
    <t>63777.0</t>
  </si>
  <si>
    <t>21410801.0</t>
  </si>
  <si>
    <t>8935148.0</t>
  </si>
  <si>
    <t>8824789.0</t>
  </si>
  <si>
    <t>4079117.0</t>
  </si>
  <si>
    <t>92753.0</t>
  </si>
  <si>
    <t>183.69</t>
  </si>
  <si>
    <t>1734.13980171283</t>
  </si>
  <si>
    <t>27036277.0</t>
  </si>
  <si>
    <t>72249.0</t>
  </si>
  <si>
    <t>2328.421</t>
  </si>
  <si>
    <t>6.222</t>
  </si>
  <si>
    <t>64667.0</t>
  </si>
  <si>
    <t>5.569</t>
  </si>
  <si>
    <t>21485512.0</t>
  </si>
  <si>
    <t>8936488.0</t>
  </si>
  <si>
    <t>8826544.0</t>
  </si>
  <si>
    <t>4150788.0</t>
  </si>
  <si>
    <t>74711.0</t>
  </si>
  <si>
    <t>82807.0</t>
  </si>
  <si>
    <t>184.33</t>
  </si>
  <si>
    <t>27112851.0</t>
  </si>
  <si>
    <t>76574.0</t>
  </si>
  <si>
    <t>2335.016</t>
  </si>
  <si>
    <t>63907.0</t>
  </si>
  <si>
    <t>21577157.0</t>
  </si>
  <si>
    <t>8938183.0</t>
  </si>
  <si>
    <t>8828178.0</t>
  </si>
  <si>
    <t>4239189.0</t>
  </si>
  <si>
    <t>91645.0</t>
  </si>
  <si>
    <t>70039.0</t>
  </si>
  <si>
    <t>185.12</t>
  </si>
  <si>
    <t>36.37</t>
  </si>
  <si>
    <t>6009.0</t>
  </si>
  <si>
    <t>27190743.0</t>
  </si>
  <si>
    <t>77892.0</t>
  </si>
  <si>
    <t>2341.724</t>
  </si>
  <si>
    <t>6.708</t>
  </si>
  <si>
    <t>63997.0</t>
  </si>
  <si>
    <t>5.512</t>
  </si>
  <si>
    <t>21671074.0</t>
  </si>
  <si>
    <t>8940134.0</t>
  </si>
  <si>
    <t>8830240.0</t>
  </si>
  <si>
    <t>4329170.0</t>
  </si>
  <si>
    <t>93917.0</t>
  </si>
  <si>
    <t>58946.0</t>
  </si>
  <si>
    <t>185.92</t>
  </si>
  <si>
    <t>27274235.0</t>
  </si>
  <si>
    <t>83492.0</t>
  </si>
  <si>
    <t>2348.915</t>
  </si>
  <si>
    <t>7.191</t>
  </si>
  <si>
    <t>64920.0</t>
  </si>
  <si>
    <t>5.591</t>
  </si>
  <si>
    <t>21726064.0</t>
  </si>
  <si>
    <t>8941558.0</t>
  </si>
  <si>
    <t>8831472.0</t>
  </si>
  <si>
    <t>4381559.0</t>
  </si>
  <si>
    <t>54990.0</t>
  </si>
  <si>
    <t>47289.0</t>
  </si>
  <si>
    <t>27361349.0</t>
  </si>
  <si>
    <t>87114.0</t>
  </si>
  <si>
    <t>2356.417</t>
  </si>
  <si>
    <t>7.502</t>
  </si>
  <si>
    <t>65466.0</t>
  </si>
  <si>
    <t>5.638</t>
  </si>
  <si>
    <t>21731326.0</t>
  </si>
  <si>
    <t>8941909.0</t>
  </si>
  <si>
    <t>8831699.0</t>
  </si>
  <si>
    <t>4386256.0</t>
  </si>
  <si>
    <t>5262.0</t>
  </si>
  <si>
    <t>46020.0</t>
  </si>
  <si>
    <t>186.44</t>
  </si>
  <si>
    <t>27400673.0</t>
  </si>
  <si>
    <t>39324.0</t>
  </si>
  <si>
    <t>2359.804</t>
  </si>
  <si>
    <t>66623.0</t>
  </si>
  <si>
    <t>5.738</t>
  </si>
  <si>
    <t>21731401.0</t>
  </si>
  <si>
    <t>8941916.0</t>
  </si>
  <si>
    <t>8831706.0</t>
  </si>
  <si>
    <t>4386317.0</t>
  </si>
  <si>
    <t>46016.0</t>
  </si>
  <si>
    <t>88.968</t>
  </si>
  <si>
    <t>27431446.0</t>
  </si>
  <si>
    <t>30773.0</t>
  </si>
  <si>
    <t>2362.454</t>
  </si>
  <si>
    <t>21731541.0</t>
  </si>
  <si>
    <t>8941939.0</t>
  </si>
  <si>
    <t>8831719.0</t>
  </si>
  <si>
    <t>4386423.0</t>
  </si>
  <si>
    <t>45820.0</t>
  </si>
  <si>
    <t>20427.5</t>
  </si>
  <si>
    <t>1752.54246274619</t>
  </si>
  <si>
    <t>27512034.0</t>
  </si>
  <si>
    <t>80588.0</t>
  </si>
  <si>
    <t>2369.394</t>
  </si>
  <si>
    <t>67965.0</t>
  </si>
  <si>
    <t>5.853</t>
  </si>
  <si>
    <t>21857238.0</t>
  </si>
  <si>
    <t>8943764.0</t>
  </si>
  <si>
    <t>8833835.0</t>
  </si>
  <si>
    <t>4508228.0</t>
  </si>
  <si>
    <t>125697.0</t>
  </si>
  <si>
    <t>187.52</t>
  </si>
  <si>
    <t>27612990.0</t>
  </si>
  <si>
    <t>100956.0</t>
  </si>
  <si>
    <t>2378.089</t>
  </si>
  <si>
    <t>8.695</t>
  </si>
  <si>
    <t>22005052.0</t>
  </si>
  <si>
    <t>8945908.0</t>
  </si>
  <si>
    <t>8836113.0</t>
  </si>
  <si>
    <t>4651662.0</t>
  </si>
  <si>
    <t>147814.0</t>
  </si>
  <si>
    <t>188.79</t>
  </si>
  <si>
    <t>27713636.0</t>
  </si>
  <si>
    <t>100646.0</t>
  </si>
  <si>
    <t>2386.757</t>
  </si>
  <si>
    <t>8.668</t>
  </si>
  <si>
    <t>74699.0</t>
  </si>
  <si>
    <t>6.433</t>
  </si>
  <si>
    <t>22169869.0</t>
  </si>
  <si>
    <t>8949757.0</t>
  </si>
  <si>
    <t>8840895.0</t>
  </si>
  <si>
    <t>4807901.0</t>
  </si>
  <si>
    <t>164817.0</t>
  </si>
  <si>
    <t>71256.0</t>
  </si>
  <si>
    <t>190.2</t>
  </si>
  <si>
    <t>27809669.0</t>
  </si>
  <si>
    <t>96033.0</t>
  </si>
  <si>
    <t>2395.027</t>
  </si>
  <si>
    <t>8.271</t>
  </si>
  <si>
    <t>6.588</t>
  </si>
  <si>
    <t>22332075.0</t>
  </si>
  <si>
    <t>8952626.0</t>
  </si>
  <si>
    <t>8843198.0</t>
  </si>
  <si>
    <t>4965000.0</t>
  </si>
  <si>
    <t>162206.0</t>
  </si>
  <si>
    <t>86573.0</t>
  </si>
  <si>
    <t>191.59</t>
  </si>
  <si>
    <t>7427.0</t>
  </si>
  <si>
    <t>27910515.0</t>
  </si>
  <si>
    <t>100846.0</t>
  </si>
  <si>
    <t>2403.712</t>
  </si>
  <si>
    <t>8.685</t>
  </si>
  <si>
    <t>78452.0</t>
  </si>
  <si>
    <t>6.756</t>
  </si>
  <si>
    <t>22490574.0</t>
  </si>
  <si>
    <t>8955626.0</t>
  </si>
  <si>
    <t>8845332.0</t>
  </si>
  <si>
    <t>5118457.0</t>
  </si>
  <si>
    <t>158499.0</t>
  </si>
  <si>
    <t>108464.0</t>
  </si>
  <si>
    <t>192.95</t>
  </si>
  <si>
    <t>27988393.0</t>
  </si>
  <si>
    <t>77878.0</t>
  </si>
  <si>
    <t>2410.419</t>
  </si>
  <si>
    <t>22583653.0</t>
  </si>
  <si>
    <t>8965088.0</t>
  </si>
  <si>
    <t>8847532.0</t>
  </si>
  <si>
    <t>5199904.0</t>
  </si>
  <si>
    <t>93079.0</t>
  </si>
  <si>
    <t>121750.0</t>
  </si>
  <si>
    <t>193.75</t>
  </si>
  <si>
    <t>44.61</t>
  </si>
  <si>
    <t>10445.0</t>
  </si>
  <si>
    <t>28034328.0</t>
  </si>
  <si>
    <t>45935.0</t>
  </si>
  <si>
    <t>2414.376</t>
  </si>
  <si>
    <t>3.956</t>
  </si>
  <si>
    <t>86126.0</t>
  </si>
  <si>
    <t>22613381.0</t>
  </si>
  <si>
    <t>8971939.0</t>
  </si>
  <si>
    <t>8847766.0</t>
  </si>
  <si>
    <t>5222553.0</t>
  </si>
  <si>
    <t>125977.0</t>
  </si>
  <si>
    <t>194.01</t>
  </si>
  <si>
    <t>10808.0</t>
  </si>
  <si>
    <t>20403.7</t>
  </si>
  <si>
    <t>-1.0</t>
  </si>
  <si>
    <t>1750.50058240776</t>
  </si>
  <si>
    <t>28118553.0</t>
  </si>
  <si>
    <t>84225.0</t>
  </si>
  <si>
    <t>2421.629</t>
  </si>
  <si>
    <t>86646.0</t>
  </si>
  <si>
    <t>7.462</t>
  </si>
  <si>
    <t>22739011.0</t>
  </si>
  <si>
    <t>8973445.0</t>
  </si>
  <si>
    <t>8849377.0</t>
  </si>
  <si>
    <t>5345119.0</t>
  </si>
  <si>
    <t>125630.0</t>
  </si>
  <si>
    <t>125968.0</t>
  </si>
  <si>
    <t>195.09</t>
  </si>
  <si>
    <t>75.92</t>
  </si>
  <si>
    <t>28230174.0</t>
  </si>
  <si>
    <t>111621.0</t>
  </si>
  <si>
    <t>2431.242</t>
  </si>
  <si>
    <t>9.613</t>
  </si>
  <si>
    <t>88169.0</t>
  </si>
  <si>
    <t>7.593</t>
  </si>
  <si>
    <t>22886069.0</t>
  </si>
  <si>
    <t>8976086.0</t>
  </si>
  <si>
    <t>8852073.0</t>
  </si>
  <si>
    <t>5486886.0</t>
  </si>
  <si>
    <t>147058.0</t>
  </si>
  <si>
    <t>125860.0</t>
  </si>
  <si>
    <t>196.35</t>
  </si>
  <si>
    <t>47.07</t>
  </si>
  <si>
    <t>10798.0</t>
  </si>
  <si>
    <t>28326581.0</t>
  </si>
  <si>
    <t>2439.545</t>
  </si>
  <si>
    <t>8.303</t>
  </si>
  <si>
    <t>87564.0</t>
  </si>
  <si>
    <t>23028068.0</t>
  </si>
  <si>
    <t>8992135.0</t>
  </si>
  <si>
    <t>8857801.0</t>
  </si>
  <si>
    <t>5607183.0</t>
  </si>
  <si>
    <t>141999.0</t>
  </si>
  <si>
    <t>122600.0</t>
  </si>
  <si>
    <t>197.57</t>
  </si>
  <si>
    <t>10518.0</t>
  </si>
  <si>
    <t>110.073</t>
  </si>
  <si>
    <t>28421062.0</t>
  </si>
  <si>
    <t>94481.0</t>
  </si>
  <si>
    <t>2447.682</t>
  </si>
  <si>
    <t>8.137</t>
  </si>
  <si>
    <t>87342.0</t>
  </si>
  <si>
    <t>7.522</t>
  </si>
  <si>
    <t>23164545.0</t>
  </si>
  <si>
    <t>8994873.0</t>
  </si>
  <si>
    <t>8859718.0</t>
  </si>
  <si>
    <t>5739053.0</t>
  </si>
  <si>
    <t>136477.0</t>
  </si>
  <si>
    <t>118924.0</t>
  </si>
  <si>
    <t>198.74</t>
  </si>
  <si>
    <t>49.24</t>
  </si>
  <si>
    <t>10203.0</t>
  </si>
  <si>
    <t>6035.0</t>
  </si>
  <si>
    <t>28519428.0</t>
  </si>
  <si>
    <t>2456.153</t>
  </si>
  <si>
    <t>86988.0</t>
  </si>
  <si>
    <t>7.492</t>
  </si>
  <si>
    <t>23289291.0</t>
  </si>
  <si>
    <t>8998593.0</t>
  </si>
  <si>
    <t>8861380.0</t>
  </si>
  <si>
    <t>5858481.0</t>
  </si>
  <si>
    <t>124746.0</t>
  </si>
  <si>
    <t>114102.0</t>
  </si>
  <si>
    <t>199.81</t>
  </si>
  <si>
    <t>179.48</t>
  </si>
  <si>
    <t>119.51</t>
  </si>
  <si>
    <t>28595106.0</t>
  </si>
  <si>
    <t>75678.0</t>
  </si>
  <si>
    <t>2462.671</t>
  </si>
  <si>
    <t>86673.0</t>
  </si>
  <si>
    <t>23376879.0</t>
  </si>
  <si>
    <t>9029379.0</t>
  </si>
  <si>
    <t>8862670.0</t>
  </si>
  <si>
    <t>5914013.0</t>
  </si>
  <si>
    <t>87588.0</t>
  </si>
  <si>
    <t>113318.0</t>
  </si>
  <si>
    <t>200.56</t>
  </si>
  <si>
    <t>77.47</t>
  </si>
  <si>
    <t>9184.0</t>
  </si>
  <si>
    <t>28638791.0</t>
  </si>
  <si>
    <t>43685.0</t>
  </si>
  <si>
    <t>2466.433</t>
  </si>
  <si>
    <t>3.762</t>
  </si>
  <si>
    <t>86352.0</t>
  </si>
  <si>
    <t>7.437</t>
  </si>
  <si>
    <t>23399171.0</t>
  </si>
  <si>
    <t>9039223.0</t>
  </si>
  <si>
    <t>8862785.0</t>
  </si>
  <si>
    <t>5926346.0</t>
  </si>
  <si>
    <t>22292.0</t>
  </si>
  <si>
    <t>112256.0</t>
  </si>
  <si>
    <t>200.75</t>
  </si>
  <si>
    <t>50.84</t>
  </si>
  <si>
    <t>20200.7</t>
  </si>
  <si>
    <t>-8.38</t>
  </si>
  <si>
    <t>1733.084544227</t>
  </si>
  <si>
    <t>28735769.0</t>
  </si>
  <si>
    <t>96978.0</t>
  </si>
  <si>
    <t>2474.785</t>
  </si>
  <si>
    <t>8.352</t>
  </si>
  <si>
    <t>88174.0</t>
  </si>
  <si>
    <t>7.594</t>
  </si>
  <si>
    <t>23486884.0</t>
  </si>
  <si>
    <t>9042161.0</t>
  </si>
  <si>
    <t>8863947.0</t>
  </si>
  <si>
    <t>6009990.0</t>
  </si>
  <si>
    <t>87713.0</t>
  </si>
  <si>
    <t>106839.0</t>
  </si>
  <si>
    <t>201.5</t>
  </si>
  <si>
    <t>28871775.0</t>
  </si>
  <si>
    <t>136006.0</t>
  </si>
  <si>
    <t>2486.498</t>
  </si>
  <si>
    <t>11.713</t>
  </si>
  <si>
    <t>91657.0</t>
  </si>
  <si>
    <t>23577507.0</t>
  </si>
  <si>
    <t>9045977.0</t>
  </si>
  <si>
    <t>8865582.0</t>
  </si>
  <si>
    <t>6095209.0</t>
  </si>
  <si>
    <t>90623.0</t>
  </si>
  <si>
    <t>98777.0</t>
  </si>
  <si>
    <t>202.28</t>
  </si>
  <si>
    <t>77.61</t>
  </si>
  <si>
    <t>8474.0</t>
  </si>
  <si>
    <t>29010530.0</t>
  </si>
  <si>
    <t>138755.0</t>
  </si>
  <si>
    <t>2498.448</t>
  </si>
  <si>
    <t>97707.0</t>
  </si>
  <si>
    <t>8.415</t>
  </si>
  <si>
    <t>23670692.0</t>
  </si>
  <si>
    <t>9071305.0</t>
  </si>
  <si>
    <t>8867814.0</t>
  </si>
  <si>
    <t>6160902.0</t>
  </si>
  <si>
    <t>93185.0</t>
  </si>
  <si>
    <t>91803.0</t>
  </si>
  <si>
    <t>234.387</t>
  </si>
  <si>
    <t>29148309.0</t>
  </si>
  <si>
    <t>137779.0</t>
  </si>
  <si>
    <t>2510.314</t>
  </si>
  <si>
    <t>11.866</t>
  </si>
  <si>
    <t>103892.0</t>
  </si>
  <si>
    <t>23749230.0</t>
  </si>
  <si>
    <t>9075019.0</t>
  </si>
  <si>
    <t>8869214.0</t>
  </si>
  <si>
    <t>6234393.0</t>
  </si>
  <si>
    <t>78538.0</t>
  </si>
  <si>
    <t>83526.0</t>
  </si>
  <si>
    <t>203.75</t>
  </si>
  <si>
    <t>29285805.0</t>
  </si>
  <si>
    <t>137496.0</t>
  </si>
  <si>
    <t>2522.155</t>
  </si>
  <si>
    <t>11.841</t>
  </si>
  <si>
    <t>109482.0</t>
  </si>
  <si>
    <t>9.429</t>
  </si>
  <si>
    <t>23821495.0</t>
  </si>
  <si>
    <t>9080231.0</t>
  </si>
  <si>
    <t>8870248.0</t>
  </si>
  <si>
    <t>6300468.0</t>
  </si>
  <si>
    <t>72265.0</t>
  </si>
  <si>
    <t>76029.0</t>
  </si>
  <si>
    <t>204.37</t>
  </si>
  <si>
    <t>11663.0</t>
  </si>
  <si>
    <t>29396526.0</t>
  </si>
  <si>
    <t>110721.0</t>
  </si>
  <si>
    <t>2531.691</t>
  </si>
  <si>
    <t>9.536</t>
  </si>
  <si>
    <t>114489.0</t>
  </si>
  <si>
    <t>23884212.0</t>
  </si>
  <si>
    <t>9111117.0</t>
  </si>
  <si>
    <t>8871263.0</t>
  </si>
  <si>
    <t>6331306.0</t>
  </si>
  <si>
    <t>72476.0</t>
  </si>
  <si>
    <t>29449415.0</t>
  </si>
  <si>
    <t>52889.0</t>
  </si>
  <si>
    <t>2536.246</t>
  </si>
  <si>
    <t>115803.0</t>
  </si>
  <si>
    <t>23894453.0</t>
  </si>
  <si>
    <t>9117498.0</t>
  </si>
  <si>
    <t>8871321.0</t>
  </si>
  <si>
    <t>6335111.0</t>
  </si>
  <si>
    <t>11182.0</t>
  </si>
  <si>
    <t>20154.5</t>
  </si>
  <si>
    <t>-1.91</t>
  </si>
  <si>
    <t>1729.12089415828</t>
  </si>
  <si>
    <t>29560592.0</t>
  </si>
  <si>
    <t>111177.0</t>
  </si>
  <si>
    <t>2545.821</t>
  </si>
  <si>
    <t>9.575</t>
  </si>
  <si>
    <t>117832.0</t>
  </si>
  <si>
    <t>10.148</t>
  </si>
  <si>
    <t>23947417.0</t>
  </si>
  <si>
    <t>9120110.0</t>
  </si>
  <si>
    <t>8872485.0</t>
  </si>
  <si>
    <t>6384333.0</t>
  </si>
  <si>
    <t>52964.0</t>
  </si>
  <si>
    <t>65790.0</t>
  </si>
  <si>
    <t>205.45</t>
  </si>
  <si>
    <t>11136.0</t>
  </si>
  <si>
    <t>29711212.0</t>
  </si>
  <si>
    <t>150620.0</t>
  </si>
  <si>
    <t>2558.792</t>
  </si>
  <si>
    <t>12.972</t>
  </si>
  <si>
    <t>119920.0</t>
  </si>
  <si>
    <t>10.328</t>
  </si>
  <si>
    <t>23991950.0</t>
  </si>
  <si>
    <t>9123040.0</t>
  </si>
  <si>
    <t>8873788.0</t>
  </si>
  <si>
    <t>6424676.0</t>
  </si>
  <si>
    <t>44533.0</t>
  </si>
  <si>
    <t>307.397</t>
  </si>
  <si>
    <t>29853719.0</t>
  </si>
  <si>
    <t>142507.0</t>
  </si>
  <si>
    <t>2571.065</t>
  </si>
  <si>
    <t>12.273</t>
  </si>
  <si>
    <t>120456.0</t>
  </si>
  <si>
    <t>10.374</t>
  </si>
  <si>
    <t>24053607.0</t>
  </si>
  <si>
    <t>9140913.0</t>
  </si>
  <si>
    <t>8877045.0</t>
  </si>
  <si>
    <t>6465260.0</t>
  </si>
  <si>
    <t>61657.0</t>
  </si>
  <si>
    <t>54702.0</t>
  </si>
  <si>
    <t>206.36</t>
  </si>
  <si>
    <t>29982746.0</t>
  </si>
  <si>
    <t>129027.0</t>
  </si>
  <si>
    <t>2582.177</t>
  </si>
  <si>
    <t>11.112</t>
  </si>
  <si>
    <t>119205.0</t>
  </si>
  <si>
    <t>10.266</t>
  </si>
  <si>
    <t>24096693.0</t>
  </si>
  <si>
    <t>9143753.0</t>
  </si>
  <si>
    <t>8878458.0</t>
  </si>
  <si>
    <t>6504117.0</t>
  </si>
  <si>
    <t>43086.0</t>
  </si>
  <si>
    <t>49638.0</t>
  </si>
  <si>
    <t>9819.0</t>
  </si>
  <si>
    <t>2494.0</t>
  </si>
  <si>
    <t>30098761.0</t>
  </si>
  <si>
    <t>116015.0</t>
  </si>
  <si>
    <t>2592.169</t>
  </si>
  <si>
    <t>116137.0</t>
  </si>
  <si>
    <t>24142746.0</t>
  </si>
  <si>
    <t>9146394.0</t>
  </si>
  <si>
    <t>8880137.0</t>
  </si>
  <si>
    <t>6545894.0</t>
  </si>
  <si>
    <t>46053.0</t>
  </si>
  <si>
    <t>207.13</t>
  </si>
  <si>
    <t>9452.0</t>
  </si>
  <si>
    <t>30181734.0</t>
  </si>
  <si>
    <t>82973.0</t>
  </si>
  <si>
    <t>2599.315</t>
  </si>
  <si>
    <t>7.146</t>
  </si>
  <si>
    <t>112173.0</t>
  </si>
  <si>
    <t>24188865.0</t>
  </si>
  <si>
    <t>9163845.0</t>
  </si>
  <si>
    <t>8889319.0</t>
  </si>
  <si>
    <t>6565390.0</t>
  </si>
  <si>
    <t>43522.0</t>
  </si>
  <si>
    <t>207.52</t>
  </si>
  <si>
    <t>30223515.0</t>
  </si>
  <si>
    <t>41781.0</t>
  </si>
  <si>
    <t>2602.913</t>
  </si>
  <si>
    <t>110586.0</t>
  </si>
  <si>
    <t>24195139.0</t>
  </si>
  <si>
    <t>9166233.0</t>
  </si>
  <si>
    <t>8891247.0</t>
  </si>
  <si>
    <t>6567348.0</t>
  </si>
  <si>
    <t>42955.0</t>
  </si>
  <si>
    <t>207.58</t>
  </si>
  <si>
    <t>6962.0</t>
  </si>
  <si>
    <t>20268.7</t>
  </si>
  <si>
    <t>4.73</t>
  </si>
  <si>
    <t>1738.9184880511</t>
  </si>
  <si>
    <t>218.687</t>
  </si>
  <si>
    <t>30311447.0</t>
  </si>
  <si>
    <t>87932.0</t>
  </si>
  <si>
    <t>2610.486</t>
  </si>
  <si>
    <t>7.573</t>
  </si>
  <si>
    <t>107265.0</t>
  </si>
  <si>
    <t>9.238</t>
  </si>
  <si>
    <t>24219530.0</t>
  </si>
  <si>
    <t>9167912.0</t>
  </si>
  <si>
    <t>8892385.0</t>
  </si>
  <si>
    <t>6588943.0</t>
  </si>
  <si>
    <t>24391.0</t>
  </si>
  <si>
    <t>38873.0</t>
  </si>
  <si>
    <t>56.53</t>
  </si>
  <si>
    <t>356.9</t>
  </si>
  <si>
    <t>2560.0</t>
  </si>
  <si>
    <t>30421059.0</t>
  </si>
  <si>
    <t>109612.0</t>
  </si>
  <si>
    <t>2619.926</t>
  </si>
  <si>
    <t>101407.0</t>
  </si>
  <si>
    <t>8.733</t>
  </si>
  <si>
    <t>24250981.0</t>
  </si>
  <si>
    <t>9170123.0</t>
  </si>
  <si>
    <t>8894659.0</t>
  </si>
  <si>
    <t>6615924.0</t>
  </si>
  <si>
    <t>31451.0</t>
  </si>
  <si>
    <t>37004.0</t>
  </si>
  <si>
    <t>208.06</t>
  </si>
  <si>
    <t>3175.0</t>
  </si>
  <si>
    <t>30514458.0</t>
  </si>
  <si>
    <t>93399.0</t>
  </si>
  <si>
    <t>2627.97</t>
  </si>
  <si>
    <t>8.044</t>
  </si>
  <si>
    <t>94391.0</t>
  </si>
  <si>
    <t>8.129</t>
  </si>
  <si>
    <t>24303027.0</t>
  </si>
  <si>
    <t>9179482.0</t>
  </si>
  <si>
    <t>8906249.0</t>
  </si>
  <si>
    <t>6647028.0</t>
  </si>
  <si>
    <t>52046.0</t>
  </si>
  <si>
    <t>35631.0</t>
  </si>
  <si>
    <t>36.977</t>
  </si>
  <si>
    <t>30598124.0</t>
  </si>
  <si>
    <t>83666.0</t>
  </si>
  <si>
    <t>2635.175</t>
  </si>
  <si>
    <t>7.205</t>
  </si>
  <si>
    <t>87911.0</t>
  </si>
  <si>
    <t>7.571</t>
  </si>
  <si>
    <t>24333023.0</t>
  </si>
  <si>
    <t>9182065.0</t>
  </si>
  <si>
    <t>8908362.0</t>
  </si>
  <si>
    <t>6672366.0</t>
  </si>
  <si>
    <t>29996.0</t>
  </si>
  <si>
    <t>33761.0</t>
  </si>
  <si>
    <t>208.76</t>
  </si>
  <si>
    <t>30673193.0</t>
  </si>
  <si>
    <t>2641.64</t>
  </si>
  <si>
    <t>6.465</t>
  </si>
  <si>
    <t>82062.0</t>
  </si>
  <si>
    <t>7.067</t>
  </si>
  <si>
    <t>24365131.0</t>
  </si>
  <si>
    <t>9183889.0</t>
  </si>
  <si>
    <t>8911198.0</t>
  </si>
  <si>
    <t>6699847.0</t>
  </si>
  <si>
    <t>32108.0</t>
  </si>
  <si>
    <t>209.04</t>
  </si>
  <si>
    <t>30728751.0</t>
  </si>
  <si>
    <t>55558.0</t>
  </si>
  <si>
    <t>2646.425</t>
  </si>
  <si>
    <t>78145.0</t>
  </si>
  <si>
    <t>24410227.0</t>
  </si>
  <si>
    <t>9191583.0</t>
  </si>
  <si>
    <t>8935403.0</t>
  </si>
  <si>
    <t>6713046.0</t>
  </si>
  <si>
    <t>45096.0</t>
  </si>
  <si>
    <t>31623.0</t>
  </si>
  <si>
    <t>209.42</t>
  </si>
  <si>
    <t>30755899.0</t>
  </si>
  <si>
    <t>27148.0</t>
  </si>
  <si>
    <t>2648.763</t>
  </si>
  <si>
    <t>76055.0</t>
  </si>
  <si>
    <t>24419769.0</t>
  </si>
  <si>
    <t>9192926.0</t>
  </si>
  <si>
    <t>8942767.0</t>
  </si>
  <si>
    <t>6713884.0</t>
  </si>
  <si>
    <t>32090.0</t>
  </si>
  <si>
    <t>209.51</t>
  </si>
  <si>
    <t>20400.3</t>
  </si>
  <si>
    <t>1750.20888521656</t>
  </si>
  <si>
    <t>30819339.0</t>
  </si>
  <si>
    <t>63440.0</t>
  </si>
  <si>
    <t>2654.227</t>
  </si>
  <si>
    <t>5.464</t>
  </si>
  <si>
    <t>72556.0</t>
  </si>
  <si>
    <t>6.249</t>
  </si>
  <si>
    <t>24433570.0</t>
  </si>
  <si>
    <t>9193724.0</t>
  </si>
  <si>
    <t>8945045.0</t>
  </si>
  <si>
    <t>6724649.0</t>
  </si>
  <si>
    <t>30577.0</t>
  </si>
  <si>
    <t>30897125.0</t>
  </si>
  <si>
    <t>77786.0</t>
  </si>
  <si>
    <t>2660.926</t>
  </si>
  <si>
    <t>6.699</t>
  </si>
  <si>
    <t>68009.0</t>
  </si>
  <si>
    <t>24455259.0</t>
  </si>
  <si>
    <t>9194883.0</t>
  </si>
  <si>
    <t>8948076.0</t>
  </si>
  <si>
    <t>6742159.0</t>
  </si>
  <si>
    <t>21689.0</t>
  </si>
  <si>
    <t>209.81</t>
  </si>
  <si>
    <t>30960322.0</t>
  </si>
  <si>
    <t>2666.368</t>
  </si>
  <si>
    <t>63695.0</t>
  </si>
  <si>
    <t>5.486</t>
  </si>
  <si>
    <t>24518047.0</t>
  </si>
  <si>
    <t>9201020.0</t>
  </si>
  <si>
    <t>8968530.0</t>
  </si>
  <si>
    <t>6778368.0</t>
  </si>
  <si>
    <t>62788.0</t>
  </si>
  <si>
    <t>30717.0</t>
  </si>
  <si>
    <t>210.35</t>
  </si>
  <si>
    <t>78.94</t>
  </si>
  <si>
    <t>178.793</t>
  </si>
  <si>
    <t>31013960.0</t>
  </si>
  <si>
    <t>53638.0</t>
  </si>
  <si>
    <t>2670.988</t>
  </si>
  <si>
    <t>4.619</t>
  </si>
  <si>
    <t>59405.0</t>
  </si>
  <si>
    <t>24556776.0</t>
  </si>
  <si>
    <t>9202298.0</t>
  </si>
  <si>
    <t>8971755.0</t>
  </si>
  <si>
    <t>6812616.0</t>
  </si>
  <si>
    <t>31965.0</t>
  </si>
  <si>
    <t>58.45</t>
  </si>
  <si>
    <t>31070279.0</t>
  </si>
  <si>
    <t>56319.0</t>
  </si>
  <si>
    <t>2675.838</t>
  </si>
  <si>
    <t>56727.0</t>
  </si>
  <si>
    <t>4.885</t>
  </si>
  <si>
    <t>24593844.0</t>
  </si>
  <si>
    <t>9203772.0</t>
  </si>
  <si>
    <t>8976401.0</t>
  </si>
  <si>
    <t>6843579.0</t>
  </si>
  <si>
    <t>37068.0</t>
  </si>
  <si>
    <t>32673.0</t>
  </si>
  <si>
    <t>31109537.0</t>
  </si>
  <si>
    <t>39258.0</t>
  </si>
  <si>
    <t>2679.219</t>
  </si>
  <si>
    <t>3.381</t>
  </si>
  <si>
    <t>54398.0</t>
  </si>
  <si>
    <t>4.685</t>
  </si>
  <si>
    <t>24652896.0</t>
  </si>
  <si>
    <t>9209358.0</t>
  </si>
  <si>
    <t>9004003.0</t>
  </si>
  <si>
    <t>6869444.0</t>
  </si>
  <si>
    <t>59052.0</t>
  </si>
  <si>
    <t>211.51</t>
  </si>
  <si>
    <t>31131429.0</t>
  </si>
  <si>
    <t>21892.0</t>
  </si>
  <si>
    <t>2681.104</t>
  </si>
  <si>
    <t>53647.0</t>
  </si>
  <si>
    <t>24663846.0</t>
  </si>
  <si>
    <t>9210124.0</t>
  </si>
  <si>
    <t>9010869.0</t>
  </si>
  <si>
    <t>6872763.0</t>
  </si>
  <si>
    <t>34868.0</t>
  </si>
  <si>
    <t>20472.5</t>
  </si>
  <si>
    <t>1756.40316086508</t>
  </si>
  <si>
    <t>3654.0</t>
  </si>
  <si>
    <t>31185725.0</t>
  </si>
  <si>
    <t>54296.0</t>
  </si>
  <si>
    <t>2685.78</t>
  </si>
  <si>
    <t>52341.0</t>
  </si>
  <si>
    <t>24675540.0</t>
  </si>
  <si>
    <t>9210656.0</t>
  </si>
  <si>
    <t>9012783.0</t>
  </si>
  <si>
    <t>6882021.0</t>
  </si>
  <si>
    <t>11694.0</t>
  </si>
  <si>
    <t>34567.0</t>
  </si>
  <si>
    <t>31244022.0</t>
  </si>
  <si>
    <t>58297.0</t>
  </si>
  <si>
    <t>2690.801</t>
  </si>
  <si>
    <t>49557.0</t>
  </si>
  <si>
    <t>24696542.0</t>
  </si>
  <si>
    <t>9211329.0</t>
  </si>
  <si>
    <t>9015374.0</t>
  </si>
  <si>
    <t>6899774.0</t>
  </si>
  <si>
    <t>211.88</t>
  </si>
  <si>
    <t>3350.0</t>
  </si>
  <si>
    <t>31294610.0</t>
  </si>
  <si>
    <t>50588.0</t>
  </si>
  <si>
    <t>2695.158</t>
  </si>
  <si>
    <t>4.357</t>
  </si>
  <si>
    <t>47755.0</t>
  </si>
  <si>
    <t>24770193.0</t>
  </si>
  <si>
    <t>9216762.0</t>
  </si>
  <si>
    <t>9035194.0</t>
  </si>
  <si>
    <t>6948177.0</t>
  </si>
  <si>
    <t>73651.0</t>
  </si>
  <si>
    <t>36021.0</t>
  </si>
  <si>
    <t>30.028</t>
  </si>
  <si>
    <t>3253.0</t>
  </si>
  <si>
    <t>31339185.0</t>
  </si>
  <si>
    <t>2698.997</t>
  </si>
  <si>
    <t>46461.0</t>
  </si>
  <si>
    <t>4.001</t>
  </si>
  <si>
    <t>24797437.0</t>
  </si>
  <si>
    <t>9217728.0</t>
  </si>
  <si>
    <t>9037739.0</t>
  </si>
  <si>
    <t>6971919.0</t>
  </si>
  <si>
    <t>27244.0</t>
  </si>
  <si>
    <t>34380.0</t>
  </si>
  <si>
    <t>212.75</t>
  </si>
  <si>
    <t>31383642.0</t>
  </si>
  <si>
    <t>44457.0</t>
  </si>
  <si>
    <t>2702.825</t>
  </si>
  <si>
    <t>3.829</t>
  </si>
  <si>
    <t>44766.0</t>
  </si>
  <si>
    <t>3.855</t>
  </si>
  <si>
    <t>24818776.0</t>
  </si>
  <si>
    <t>9218495.0</t>
  </si>
  <si>
    <t>9039725.0</t>
  </si>
  <si>
    <t>6990523.0</t>
  </si>
  <si>
    <t>21339.0</t>
  </si>
  <si>
    <t>32133.0</t>
  </si>
  <si>
    <t>212.93</t>
  </si>
  <si>
    <t>79.09</t>
  </si>
  <si>
    <t>31416586.0</t>
  </si>
  <si>
    <t>32944.0</t>
  </si>
  <si>
    <t>2705.663</t>
  </si>
  <si>
    <t>24862268.0</t>
  </si>
  <si>
    <t>9222764.0</t>
  </si>
  <si>
    <t>9060041.0</t>
  </si>
  <si>
    <t>7009431.0</t>
  </si>
  <si>
    <t>43492.0</t>
  </si>
  <si>
    <t>213.3</t>
  </si>
  <si>
    <t>125.945</t>
  </si>
  <si>
    <t>31434090.0</t>
  </si>
  <si>
    <t>17504.0</t>
  </si>
  <si>
    <t>2707.17</t>
  </si>
  <si>
    <t>43237.0</t>
  </si>
  <si>
    <t>3.724</t>
  </si>
  <si>
    <t>24866337.0</t>
  </si>
  <si>
    <t>9223303.0</t>
  </si>
  <si>
    <t>9062328.0</t>
  </si>
  <si>
    <t>7010674.0</t>
  </si>
  <si>
    <t>28927.0</t>
  </si>
  <si>
    <t>213.34</t>
  </si>
  <si>
    <t>20406.5</t>
  </si>
  <si>
    <t>1750.74080362405</t>
  </si>
  <si>
    <t>31476624.0</t>
  </si>
  <si>
    <t>42534.0</t>
  </si>
  <si>
    <t>2710.833</t>
  </si>
  <si>
    <t>41557.0</t>
  </si>
  <si>
    <t>24881857.0</t>
  </si>
  <si>
    <t>9223856.0</t>
  </si>
  <si>
    <t>9063963.0</t>
  </si>
  <si>
    <t>7024026.0</t>
  </si>
  <si>
    <t>15520.0</t>
  </si>
  <si>
    <t>213.47</t>
  </si>
  <si>
    <t>60.26</t>
  </si>
  <si>
    <t>31524876.0</t>
  </si>
  <si>
    <t>48252.0</t>
  </si>
  <si>
    <t>2714.989</t>
  </si>
  <si>
    <t>40122.0</t>
  </si>
  <si>
    <t>3.455</t>
  </si>
  <si>
    <t>24912508.0</t>
  </si>
  <si>
    <t>9224671.0</t>
  </si>
  <si>
    <t>9065845.0</t>
  </si>
  <si>
    <t>7051994.0</t>
  </si>
  <si>
    <t>30651.0</t>
  </si>
  <si>
    <t>30852.0</t>
  </si>
  <si>
    <t>31567951.0</t>
  </si>
  <si>
    <t>43075.0</t>
  </si>
  <si>
    <t>2718.699</t>
  </si>
  <si>
    <t>39049.0</t>
  </si>
  <si>
    <t>24970266.0</t>
  </si>
  <si>
    <t>9227394.0</t>
  </si>
  <si>
    <t>9078517.0</t>
  </si>
  <si>
    <t>7094369.0</t>
  </si>
  <si>
    <t>57758.0</t>
  </si>
  <si>
    <t>28582.0</t>
  </si>
  <si>
    <t>214.23</t>
  </si>
  <si>
    <t>77.89</t>
  </si>
  <si>
    <t>60.86</t>
  </si>
  <si>
    <t>31609690.0</t>
  </si>
  <si>
    <t>41739.0</t>
  </si>
  <si>
    <t>2722.293</t>
  </si>
  <si>
    <t>38644.0</t>
  </si>
  <si>
    <t>25006487.0</t>
  </si>
  <si>
    <t>9228345.0</t>
  </si>
  <si>
    <t>9081831.0</t>
  </si>
  <si>
    <t>7126344.0</t>
  </si>
  <si>
    <t>36221.0</t>
  </si>
  <si>
    <t>29864.0</t>
  </si>
  <si>
    <t>214.54</t>
  </si>
  <si>
    <t>61.14</t>
  </si>
  <si>
    <t>31653217.0</t>
  </si>
  <si>
    <t>43527.0</t>
  </si>
  <si>
    <t>2726.042</t>
  </si>
  <si>
    <t>38511.0</t>
  </si>
  <si>
    <t>25034729.0</t>
  </si>
  <si>
    <t>9229087.0</t>
  </si>
  <si>
    <t>9083791.0</t>
  </si>
  <si>
    <t>7151911.0</t>
  </si>
  <si>
    <t>28242.0</t>
  </si>
  <si>
    <t>30850.0</t>
  </si>
  <si>
    <t>214.78</t>
  </si>
  <si>
    <t>77.93</t>
  </si>
  <si>
    <t>31682901.0</t>
  </si>
  <si>
    <t>29684.0</t>
  </si>
  <si>
    <t>2728.598</t>
  </si>
  <si>
    <t>38045.0</t>
  </si>
  <si>
    <t>3.277</t>
  </si>
  <si>
    <t>25062111.0</t>
  </si>
  <si>
    <t>9230796.0</t>
  </si>
  <si>
    <t>9092714.0</t>
  </si>
  <si>
    <t>7168662.0</t>
  </si>
  <si>
    <t>28549.0</t>
  </si>
  <si>
    <t>215.02</t>
  </si>
  <si>
    <t>2291.0</t>
  </si>
  <si>
    <t>31697700.0</t>
  </si>
  <si>
    <t>2729.873</t>
  </si>
  <si>
    <t>37659.0</t>
  </si>
  <si>
    <t>25063786.0</t>
  </si>
  <si>
    <t>9230910.0</t>
  </si>
  <si>
    <t>9093660.0</t>
  </si>
  <si>
    <t>7169277.0</t>
  </si>
  <si>
    <t>28207.0</t>
  </si>
  <si>
    <t>215.03</t>
  </si>
  <si>
    <t>20226.3</t>
  </si>
  <si>
    <t>8.44</t>
  </si>
  <si>
    <t>-7.27</t>
  </si>
  <si>
    <t>1735.28085249019</t>
  </si>
  <si>
    <t>31734557.0</t>
  </si>
  <si>
    <t>2733.047</t>
  </si>
  <si>
    <t>36848.0</t>
  </si>
  <si>
    <t>25069790.0</t>
  </si>
  <si>
    <t>9231237.0</t>
  </si>
  <si>
    <t>9094403.0</t>
  </si>
  <si>
    <t>7174231.0</t>
  </si>
  <si>
    <t>6004.0</t>
  </si>
  <si>
    <t>26848.0</t>
  </si>
  <si>
    <t>31773447.0</t>
  </si>
  <si>
    <t>2736.396</t>
  </si>
  <si>
    <t>35510.0</t>
  </si>
  <si>
    <t>3.058</t>
  </si>
  <si>
    <t>25078472.0</t>
  </si>
  <si>
    <t>9231646.0</t>
  </si>
  <si>
    <t>9095069.0</t>
  </si>
  <si>
    <t>7181849.0</t>
  </si>
  <si>
    <t>8682.0</t>
  </si>
  <si>
    <t>23709.0</t>
  </si>
  <si>
    <t>215.16</t>
  </si>
  <si>
    <t>78.03</t>
  </si>
  <si>
    <t>31810015.0</t>
  </si>
  <si>
    <t>36568.0</t>
  </si>
  <si>
    <t>2739.546</t>
  </si>
  <si>
    <t>34581.0</t>
  </si>
  <si>
    <t>2.978</t>
  </si>
  <si>
    <t>25100775.0</t>
  </si>
  <si>
    <t>9233344.0</t>
  </si>
  <si>
    <t>9100097.0</t>
  </si>
  <si>
    <t>7197455.0</t>
  </si>
  <si>
    <t>22303.0</t>
  </si>
  <si>
    <t>18644.0</t>
  </si>
  <si>
    <t>215.35</t>
  </si>
  <si>
    <t>31845841.0</t>
  </si>
  <si>
    <t>35826.0</t>
  </si>
  <si>
    <t>2742.631</t>
  </si>
  <si>
    <t>3.085</t>
  </si>
  <si>
    <t>33736.0</t>
  </si>
  <si>
    <t>2.905</t>
  </si>
  <si>
    <t>25110519.0</t>
  </si>
  <si>
    <t>9234024.0</t>
  </si>
  <si>
    <t>9101384.0</t>
  </si>
  <si>
    <t>7205250.0</t>
  </si>
  <si>
    <t>14862.0</t>
  </si>
  <si>
    <t>215.43</t>
  </si>
  <si>
    <t>1275.0</t>
  </si>
  <si>
    <t>31881356.0</t>
  </si>
  <si>
    <t>35515.0</t>
  </si>
  <si>
    <t>2745.69</t>
  </si>
  <si>
    <t>32591.0</t>
  </si>
  <si>
    <t>2.807</t>
  </si>
  <si>
    <t>25118501.0</t>
  </si>
  <si>
    <t>9234546.0</t>
  </si>
  <si>
    <t>9102475.0</t>
  </si>
  <si>
    <t>7211631.0</t>
  </si>
  <si>
    <t>31909604.0</t>
  </si>
  <si>
    <t>2748.122</t>
  </si>
  <si>
    <t>32386.0</t>
  </si>
  <si>
    <t>25130047.0</t>
  </si>
  <si>
    <t>9235356.0</t>
  </si>
  <si>
    <t>9106763.0</t>
  </si>
  <si>
    <t>7218080.0</t>
  </si>
  <si>
    <t>9705.0</t>
  </si>
  <si>
    <t>215.6</t>
  </si>
  <si>
    <t>31925869.0</t>
  </si>
  <si>
    <t>2749.523</t>
  </si>
  <si>
    <t>1.401</t>
  </si>
  <si>
    <t>25130238.0</t>
  </si>
  <si>
    <t>9235374.0</t>
  </si>
  <si>
    <t>9106845.0</t>
  </si>
  <si>
    <t>7218171.0</t>
  </si>
  <si>
    <t>19857.1</t>
  </si>
  <si>
    <t>-14.56</t>
  </si>
  <si>
    <t>1703.605969257</t>
  </si>
  <si>
    <t>31965168.0</t>
  </si>
  <si>
    <t>2752.908</t>
  </si>
  <si>
    <t>3.385</t>
  </si>
  <si>
    <t>25134789.0</t>
  </si>
  <si>
    <t>9235536.0</t>
  </si>
  <si>
    <t>9107133.0</t>
  </si>
  <si>
    <t>7222276.0</t>
  </si>
  <si>
    <t>9286.0</t>
  </si>
  <si>
    <t>215.64</t>
  </si>
  <si>
    <t>32011215.0</t>
  </si>
  <si>
    <t>46047.0</t>
  </si>
  <si>
    <t>2756.873</t>
  </si>
  <si>
    <t>25140584.0</t>
  </si>
  <si>
    <t>9235795.0</t>
  </si>
  <si>
    <t>9107946.0</t>
  </si>
  <si>
    <t>7227001.0</t>
  </si>
  <si>
    <t>8873.0</t>
  </si>
  <si>
    <t>32052559.0</t>
  </si>
  <si>
    <t>41344.0</t>
  </si>
  <si>
    <t>2760.434</t>
  </si>
  <si>
    <t>3.561</t>
  </si>
  <si>
    <t>34649.0</t>
  </si>
  <si>
    <t>2.984</t>
  </si>
  <si>
    <t>25172361.0</t>
  </si>
  <si>
    <t>9237742.0</t>
  </si>
  <si>
    <t>9117771.0</t>
  </si>
  <si>
    <t>7247011.0</t>
  </si>
  <si>
    <t>31777.0</t>
  </si>
  <si>
    <t>10227.0</t>
  </si>
  <si>
    <t>32090305.0</t>
  </si>
  <si>
    <t>37746.0</t>
  </si>
  <si>
    <t>2763.685</t>
  </si>
  <si>
    <t>3.251</t>
  </si>
  <si>
    <t>34923.0</t>
  </si>
  <si>
    <t>25177676.0</t>
  </si>
  <si>
    <t>9238112.0</t>
  </si>
  <si>
    <t>9118545.0</t>
  </si>
  <si>
    <t>7251183.0</t>
  </si>
  <si>
    <t>5315.0</t>
  </si>
  <si>
    <t>9594.0</t>
  </si>
  <si>
    <t>216.01</t>
  </si>
  <si>
    <t>32125990.0</t>
  </si>
  <si>
    <t>35685.0</t>
  </si>
  <si>
    <t>2766.758</t>
  </si>
  <si>
    <t>34948.0</t>
  </si>
  <si>
    <t>25181750.0</t>
  </si>
  <si>
    <t>9238266.0</t>
  </si>
  <si>
    <t>9119086.0</t>
  </si>
  <si>
    <t>7254570.0</t>
  </si>
  <si>
    <t>9036.0</t>
  </si>
  <si>
    <t>216.04</t>
  </si>
  <si>
    <t>32153702.0</t>
  </si>
  <si>
    <t>27712.0</t>
  </si>
  <si>
    <t>2769.145</t>
  </si>
  <si>
    <t>2.387</t>
  </si>
  <si>
    <t>34871.0</t>
  </si>
  <si>
    <t>25191385.0</t>
  </si>
  <si>
    <t>9238750.0</t>
  </si>
  <si>
    <t>9123567.0</t>
  </si>
  <si>
    <t>7259240.0</t>
  </si>
  <si>
    <t>9635.0</t>
  </si>
  <si>
    <t>8763.0</t>
  </si>
  <si>
    <t>216.13</t>
  </si>
  <si>
    <t>32169769.0</t>
  </si>
  <si>
    <t>16067.0</t>
  </si>
  <si>
    <t>2770.528</t>
  </si>
  <si>
    <t>34843.0</t>
  </si>
  <si>
    <t>25192927.0</t>
  </si>
  <si>
    <t>9238804.0</t>
  </si>
  <si>
    <t>9124584.0</t>
  </si>
  <si>
    <t>7259711.0</t>
  </si>
  <si>
    <t>19832.9</t>
  </si>
  <si>
    <t>1701.52977160196</t>
  </si>
  <si>
    <t>32213046.0</t>
  </si>
  <si>
    <t>43277.0</t>
  </si>
  <si>
    <t>2774.256</t>
  </si>
  <si>
    <t>3.727</t>
  </si>
  <si>
    <t>35411.0</t>
  </si>
  <si>
    <t>25194625.0</t>
  </si>
  <si>
    <t>9238889.0</t>
  </si>
  <si>
    <t>9125066.0</t>
  </si>
  <si>
    <t>7260844.0</t>
  </si>
  <si>
    <t>8548.0</t>
  </si>
  <si>
    <t>216.15</t>
  </si>
  <si>
    <t>62.29</t>
  </si>
  <si>
    <t>190.29</t>
  </si>
  <si>
    <t>32266071.0</t>
  </si>
  <si>
    <t>53025.0</t>
  </si>
  <si>
    <t>2778.822</t>
  </si>
  <si>
    <t>4.567</t>
  </si>
  <si>
    <t>36408.0</t>
  </si>
  <si>
    <t>25199248.0</t>
  </si>
  <si>
    <t>9239005.0</t>
  </si>
  <si>
    <t>9125648.0</t>
  </si>
  <si>
    <t>7264777.0</t>
  </si>
  <si>
    <t>216.19</t>
  </si>
  <si>
    <t>32311982.0</t>
  </si>
  <si>
    <t>45911.0</t>
  </si>
  <si>
    <t>2782.776</t>
  </si>
  <si>
    <t>37060.0</t>
  </si>
  <si>
    <t>3.192</t>
  </si>
  <si>
    <t>25217039.0</t>
  </si>
  <si>
    <t>9239637.0</t>
  </si>
  <si>
    <t>9129885.0</t>
  </si>
  <si>
    <t>7277724.0</t>
  </si>
  <si>
    <t>17791.0</t>
  </si>
  <si>
    <t>216.35</t>
  </si>
  <si>
    <t>79.27</t>
  </si>
  <si>
    <t>194.15</t>
  </si>
  <si>
    <t>32354387.0</t>
  </si>
  <si>
    <t>42405.0</t>
  </si>
  <si>
    <t>2786.428</t>
  </si>
  <si>
    <t>3.652</t>
  </si>
  <si>
    <t>37726.0</t>
  </si>
  <si>
    <t>25223113.0</t>
  </si>
  <si>
    <t>9239873.0</t>
  </si>
  <si>
    <t>9130655.0</t>
  </si>
  <si>
    <t>7282806.0</t>
  </si>
  <si>
    <t>216.4</t>
  </si>
  <si>
    <t>32394015.0</t>
  </si>
  <si>
    <t>39628.0</t>
  </si>
  <si>
    <t>2789.841</t>
  </si>
  <si>
    <t>3.413</t>
  </si>
  <si>
    <t>38289.0</t>
  </si>
  <si>
    <t>3.298</t>
  </si>
  <si>
    <t>25228013.0</t>
  </si>
  <si>
    <t>9240041.0</t>
  </si>
  <si>
    <t>9131135.0</t>
  </si>
  <si>
    <t>7287068.0</t>
  </si>
  <si>
    <t>6609.0</t>
  </si>
  <si>
    <t>216.44</t>
  </si>
  <si>
    <t>32422339.0</t>
  </si>
  <si>
    <t>28324.0</t>
  </si>
  <si>
    <t>2792.28</t>
  </si>
  <si>
    <t>38377.0</t>
  </si>
  <si>
    <t>25234850.0</t>
  </si>
  <si>
    <t>9240411.0</t>
  </si>
  <si>
    <t>9133012.0</t>
  </si>
  <si>
    <t>7291658.0</t>
  </si>
  <si>
    <t>216.5</t>
  </si>
  <si>
    <t>199.04</t>
  </si>
  <si>
    <t>32438290.0</t>
  </si>
  <si>
    <t>15951.0</t>
  </si>
  <si>
    <t>2793.654</t>
  </si>
  <si>
    <t>1.374</t>
  </si>
  <si>
    <t>38360.0</t>
  </si>
  <si>
    <t>3.304</t>
  </si>
  <si>
    <t>25234945.0</t>
  </si>
  <si>
    <t>9240427.0</t>
  </si>
  <si>
    <t>9133033.0</t>
  </si>
  <si>
    <t>7291718.0</t>
  </si>
  <si>
    <t>19887.9</t>
  </si>
  <si>
    <t>1706.24840263615</t>
  </si>
  <si>
    <t>32479652.0</t>
  </si>
  <si>
    <t>41362.0</t>
  </si>
  <si>
    <t>2797.216</t>
  </si>
  <si>
    <t>3.562</t>
  </si>
  <si>
    <t>38087.0</t>
  </si>
  <si>
    <t>25237162.0</t>
  </si>
  <si>
    <t>9240535.0</t>
  </si>
  <si>
    <t>9133670.0</t>
  </si>
  <si>
    <t>7293195.0</t>
  </si>
  <si>
    <t>216.52</t>
  </si>
  <si>
    <t>32532684.0</t>
  </si>
  <si>
    <t>53032.0</t>
  </si>
  <si>
    <t>2801.783</t>
  </si>
  <si>
    <t>38088.0</t>
  </si>
  <si>
    <t>25241325.0</t>
  </si>
  <si>
    <t>9240735.0</t>
  </si>
  <si>
    <t>9134457.0</t>
  </si>
  <si>
    <t>7296376.0</t>
  </si>
  <si>
    <t>216.55</t>
  </si>
  <si>
    <t>32580344.0</t>
  </si>
  <si>
    <t>47660.0</t>
  </si>
  <si>
    <t>2805.888</t>
  </si>
  <si>
    <t>38337.0</t>
  </si>
  <si>
    <t>25255146.0</t>
  </si>
  <si>
    <t>9241226.0</t>
  </si>
  <si>
    <t>9136573.0</t>
  </si>
  <si>
    <t>7307600.0</t>
  </si>
  <si>
    <t>5444.0</t>
  </si>
  <si>
    <t>216.67</t>
  </si>
  <si>
    <t>113.59</t>
  </si>
  <si>
    <t>32624419.0</t>
  </si>
  <si>
    <t>44075.0</t>
  </si>
  <si>
    <t>2809.684</t>
  </si>
  <si>
    <t>38576.0</t>
  </si>
  <si>
    <t>25258970.0</t>
  </si>
  <si>
    <t>9241394.0</t>
  </si>
  <si>
    <t>9136957.0</t>
  </si>
  <si>
    <t>7310873.0</t>
  </si>
  <si>
    <t>5122.0</t>
  </si>
  <si>
    <t>32663869.0</t>
  </si>
  <si>
    <t>39450.0</t>
  </si>
  <si>
    <t>2813.081</t>
  </si>
  <si>
    <t>38551.0</t>
  </si>
  <si>
    <t>25262766.0</t>
  </si>
  <si>
    <t>9241540.0</t>
  </si>
  <si>
    <t>9137354.0</t>
  </si>
  <si>
    <t>7314127.0</t>
  </si>
  <si>
    <t>216.74</t>
  </si>
  <si>
    <t>79.29</t>
  </si>
  <si>
    <t>62.75</t>
  </si>
  <si>
    <t>32693712.0</t>
  </si>
  <si>
    <t>29843.0</t>
  </si>
  <si>
    <t>2815.651</t>
  </si>
  <si>
    <t>38768.0</t>
  </si>
  <si>
    <t>25268864.0</t>
  </si>
  <si>
    <t>9241815.0</t>
  </si>
  <si>
    <t>9138412.0</t>
  </si>
  <si>
    <t>7318893.0</t>
  </si>
  <si>
    <t>216.79</t>
  </si>
  <si>
    <t>62.79</t>
  </si>
  <si>
    <t>32708432.0</t>
  </si>
  <si>
    <t>14720.0</t>
  </si>
  <si>
    <t>2816.919</t>
  </si>
  <si>
    <t>38592.0</t>
  </si>
  <si>
    <t>3.324</t>
  </si>
  <si>
    <t>25269011.0</t>
  </si>
  <si>
    <t>9241823.0</t>
  </si>
  <si>
    <t>9138466.0</t>
  </si>
  <si>
    <t>7318978.0</t>
  </si>
  <si>
    <t>19972.3</t>
  </si>
  <si>
    <t>1713.48935644136</t>
  </si>
  <si>
    <t>32751601.0</t>
  </si>
  <si>
    <t>43169.0</t>
  </si>
  <si>
    <t>2820.637</t>
  </si>
  <si>
    <t>38850.0</t>
  </si>
  <si>
    <t>25270952.0</t>
  </si>
  <si>
    <t>9241919.0</t>
  </si>
  <si>
    <t>9138824.0</t>
  </si>
  <si>
    <t>7320468.0</t>
  </si>
  <si>
    <t>216.81</t>
  </si>
  <si>
    <t>32804593.0</t>
  </si>
  <si>
    <t>52992.0</t>
  </si>
  <si>
    <t>2825.201</t>
  </si>
  <si>
    <t>4.564</t>
  </si>
  <si>
    <t>38844.0</t>
  </si>
  <si>
    <t>3.345</t>
  </si>
  <si>
    <t>25274087.0</t>
  </si>
  <si>
    <t>9242042.0</t>
  </si>
  <si>
    <t>9139049.0</t>
  </si>
  <si>
    <t>7323257.0</t>
  </si>
  <si>
    <t>216.83</t>
  </si>
  <si>
    <t>62.83</t>
  </si>
  <si>
    <t>32851418.0</t>
  </si>
  <si>
    <t>46825.0</t>
  </si>
  <si>
    <t>2829.233</t>
  </si>
  <si>
    <t>38725.0</t>
  </si>
  <si>
    <t>25290726.0</t>
  </si>
  <si>
    <t>9242702.0</t>
  </si>
  <si>
    <t>9142204.0</t>
  </si>
  <si>
    <t>7336082.0</t>
  </si>
  <si>
    <t>216.98</t>
  </si>
  <si>
    <t>32894167.0</t>
  </si>
  <si>
    <t>42749.0</t>
  </si>
  <si>
    <t>2832.915</t>
  </si>
  <si>
    <t>3.682</t>
  </si>
  <si>
    <t>38535.0</t>
  </si>
  <si>
    <t>25294264.0</t>
  </si>
  <si>
    <t>9242887.0</t>
  </si>
  <si>
    <t>9142759.0</t>
  </si>
  <si>
    <t>7338883.0</t>
  </si>
  <si>
    <t>217.01</t>
  </si>
  <si>
    <t>32936360.0</t>
  </si>
  <si>
    <t>42193.0</t>
  </si>
  <si>
    <t>2836.549</t>
  </si>
  <si>
    <t>25296249.0</t>
  </si>
  <si>
    <t>9242993.0</t>
  </si>
  <si>
    <t>9143031.0</t>
  </si>
  <si>
    <t>7340490.0</t>
  </si>
  <si>
    <t>32965489.0</t>
  </si>
  <si>
    <t>29129.0</t>
  </si>
  <si>
    <t>2839.057</t>
  </si>
  <si>
    <t>38825.0</t>
  </si>
  <si>
    <t>25298092.0</t>
  </si>
  <si>
    <t>9243193.0</t>
  </si>
  <si>
    <t>9143321.0</t>
  </si>
  <si>
    <t>7341843.0</t>
  </si>
  <si>
    <t>217.04</t>
  </si>
  <si>
    <t>32980468.0</t>
  </si>
  <si>
    <t>14979.0</t>
  </si>
  <si>
    <t>2840.348</t>
  </si>
  <si>
    <t>38862.0</t>
  </si>
  <si>
    <t>25298111.0</t>
  </si>
  <si>
    <t>9243197.0</t>
  </si>
  <si>
    <t>9143325.0</t>
  </si>
  <si>
    <t>7341856.0</t>
  </si>
  <si>
    <t>20260.1</t>
  </si>
  <si>
    <t>1738.18066574393</t>
  </si>
  <si>
    <t>264.587</t>
  </si>
  <si>
    <t>33017232.0</t>
  </si>
  <si>
    <t>36764.0</t>
  </si>
  <si>
    <t>2843.514</t>
  </si>
  <si>
    <t>37947.0</t>
  </si>
  <si>
    <t>3.268</t>
  </si>
  <si>
    <t>25298625.0</t>
  </si>
  <si>
    <t>9243252.0</t>
  </si>
  <si>
    <t>9143422.0</t>
  </si>
  <si>
    <t>7342219.0</t>
  </si>
  <si>
    <t>33060156.0</t>
  </si>
  <si>
    <t>42924.0</t>
  </si>
  <si>
    <t>2847.21</t>
  </si>
  <si>
    <t>3.697</t>
  </si>
  <si>
    <t>36509.0</t>
  </si>
  <si>
    <t>3.144</t>
  </si>
  <si>
    <t>25299845.0</t>
  </si>
  <si>
    <t>9243312.0</t>
  </si>
  <si>
    <t>9143533.0</t>
  </si>
  <si>
    <t>7343269.0</t>
  </si>
  <si>
    <t>217.06</t>
  </si>
  <si>
    <t>33098229.0</t>
  </si>
  <si>
    <t>38073.0</t>
  </si>
  <si>
    <t>2850.489</t>
  </si>
  <si>
    <t>25303758.0</t>
  </si>
  <si>
    <t>9243505.0</t>
  </si>
  <si>
    <t>9143954.0</t>
  </si>
  <si>
    <t>7346570.0</t>
  </si>
  <si>
    <t>217.09</t>
  </si>
  <si>
    <t>33132657.0</t>
  </si>
  <si>
    <t>2853.454</t>
  </si>
  <si>
    <t>34070.0</t>
  </si>
  <si>
    <t>2.934</t>
  </si>
  <si>
    <t>25305551.0</t>
  </si>
  <si>
    <t>9243679.0</t>
  </si>
  <si>
    <t>9144133.0</t>
  </si>
  <si>
    <t>7348011.0</t>
  </si>
  <si>
    <t>217.1</t>
  </si>
  <si>
    <t>33165271.0</t>
  </si>
  <si>
    <t>32614.0</t>
  </si>
  <si>
    <t>2856.263</t>
  </si>
  <si>
    <t>2.816</t>
  </si>
  <si>
    <t>25307635.0</t>
  </si>
  <si>
    <t>9243819.0</t>
  </si>
  <si>
    <t>9144274.0</t>
  </si>
  <si>
    <t>7349815.0</t>
  </si>
  <si>
    <t>217.12</t>
  </si>
  <si>
    <t>63.06</t>
  </si>
  <si>
    <t>33187589.0</t>
  </si>
  <si>
    <t>22318.0</t>
  </si>
  <si>
    <t>2858.185</t>
  </si>
  <si>
    <t>31729.0</t>
  </si>
  <si>
    <t>25309980.0</t>
  </si>
  <si>
    <t>9244053.0</t>
  </si>
  <si>
    <t>9144612.0</t>
  </si>
  <si>
    <t>7351588.0</t>
  </si>
  <si>
    <t>217.14</t>
  </si>
  <si>
    <t>263.3</t>
  </si>
  <si>
    <t>33198794.0</t>
  </si>
  <si>
    <t>11205.0</t>
  </si>
  <si>
    <t>2859.15</t>
  </si>
  <si>
    <t>31189.0</t>
  </si>
  <si>
    <t>2.686</t>
  </si>
  <si>
    <t>25309990.0</t>
  </si>
  <si>
    <t>9144616.0</t>
  </si>
  <si>
    <t>7351594.0</t>
  </si>
  <si>
    <t>20691.1</t>
  </si>
  <si>
    <t>1775.15757439372</t>
  </si>
  <si>
    <t>33229829.0</t>
  </si>
  <si>
    <t>31035.0</t>
  </si>
  <si>
    <t>2861.823</t>
  </si>
  <si>
    <t>30371.0</t>
  </si>
  <si>
    <t>25310876.0</t>
  </si>
  <si>
    <t>9244126.0</t>
  </si>
  <si>
    <t>9144738.0</t>
  </si>
  <si>
    <t>7352290.0</t>
  </si>
  <si>
    <t>217.15</t>
  </si>
  <si>
    <t>33263109.0</t>
  </si>
  <si>
    <t>33280.0</t>
  </si>
  <si>
    <t>2864.689</t>
  </si>
  <si>
    <t>28993.0</t>
  </si>
  <si>
    <t>25311774.0</t>
  </si>
  <si>
    <t>9244209.0</t>
  </si>
  <si>
    <t>9144832.0</t>
  </si>
  <si>
    <t>7353013.0</t>
  </si>
  <si>
    <t>33292120.0</t>
  </si>
  <si>
    <t>29011.0</t>
  </si>
  <si>
    <t>2867.188</t>
  </si>
  <si>
    <t>2.498</t>
  </si>
  <si>
    <t>27699.0</t>
  </si>
  <si>
    <t>25314650.0</t>
  </si>
  <si>
    <t>9244392.0</t>
  </si>
  <si>
    <t>9145189.0</t>
  </si>
  <si>
    <t>7355355.0</t>
  </si>
  <si>
    <t>217.18</t>
  </si>
  <si>
    <t>33318236.0</t>
  </si>
  <si>
    <t>2869.437</t>
  </si>
  <si>
    <t>2.249</t>
  </si>
  <si>
    <t>26511.0</t>
  </si>
  <si>
    <t>25316192.0</t>
  </si>
  <si>
    <t>9244510.0</t>
  </si>
  <si>
    <t>9145342.0</t>
  </si>
  <si>
    <t>7356628.0</t>
  </si>
  <si>
    <t>217.2</t>
  </si>
  <si>
    <t>63.11</t>
  </si>
  <si>
    <t>33342515.0</t>
  </si>
  <si>
    <t>24279.0</t>
  </si>
  <si>
    <t>2871.528</t>
  </si>
  <si>
    <t>25318140.0</t>
  </si>
  <si>
    <t>9244657.0</t>
  </si>
  <si>
    <t>9145500.0</t>
  </si>
  <si>
    <t>7358285.0</t>
  </si>
  <si>
    <t>217.21</t>
  </si>
  <si>
    <t>63.13</t>
  </si>
  <si>
    <t>131.35</t>
  </si>
  <si>
    <t>33358904.0</t>
  </si>
  <si>
    <t>16389.0</t>
  </si>
  <si>
    <t>2872.939</t>
  </si>
  <si>
    <t>25319579.0</t>
  </si>
  <si>
    <t>9244847.0</t>
  </si>
  <si>
    <t>9145811.0</t>
  </si>
  <si>
    <t>7359224.0</t>
  </si>
  <si>
    <t>217.23</t>
  </si>
  <si>
    <t>14.928</t>
  </si>
  <si>
    <t>33367843.0</t>
  </si>
  <si>
    <t>8939.0</t>
  </si>
  <si>
    <t>2873.709</t>
  </si>
  <si>
    <t>24150.0</t>
  </si>
  <si>
    <t>25319590.0</t>
  </si>
  <si>
    <t>7359235.0</t>
  </si>
  <si>
    <t>21039.5</t>
  </si>
  <si>
    <t>1805.04795716307</t>
  </si>
  <si>
    <t>33378455.0</t>
  </si>
  <si>
    <t>10612.0</t>
  </si>
  <si>
    <t>2874.623</t>
  </si>
  <si>
    <t>21232.0</t>
  </si>
  <si>
    <t>25319610.0</t>
  </si>
  <si>
    <t>9244848.0</t>
  </si>
  <si>
    <t>9145815.0</t>
  </si>
  <si>
    <t>7359250.0</t>
  </si>
  <si>
    <t>33407743.0</t>
  </si>
  <si>
    <t>29288.0</t>
  </si>
  <si>
    <t>2877.145</t>
  </si>
  <si>
    <t>2.522</t>
  </si>
  <si>
    <t>20662.0</t>
  </si>
  <si>
    <t>25321392.0</t>
  </si>
  <si>
    <t>9244993.0</t>
  </si>
  <si>
    <t>9146101.0</t>
  </si>
  <si>
    <t>7360603.0</t>
  </si>
  <si>
    <t>217.24</t>
  </si>
  <si>
    <t>33438659.0</t>
  </si>
  <si>
    <t>30916.0</t>
  </si>
  <si>
    <t>2879.808</t>
  </si>
  <si>
    <t>25325168.0</t>
  </si>
  <si>
    <t>9245275.0</t>
  </si>
  <si>
    <t>9146701.0</t>
  </si>
  <si>
    <t>7363510.0</t>
  </si>
  <si>
    <t>217.27</t>
  </si>
  <si>
    <t>33463031.0</t>
  </si>
  <si>
    <t>24372.0</t>
  </si>
  <si>
    <t>2881.907</t>
  </si>
  <si>
    <t>20685.0</t>
  </si>
  <si>
    <t>25327068.0</t>
  </si>
  <si>
    <t>9245401.0</t>
  </si>
  <si>
    <t>9146925.0</t>
  </si>
  <si>
    <t>7365064.0</t>
  </si>
  <si>
    <t>33485210.0</t>
  </si>
  <si>
    <t>22179.0</t>
  </si>
  <si>
    <t>2883.817</t>
  </si>
  <si>
    <t>25329467.0</t>
  </si>
  <si>
    <t>9245620.0</t>
  </si>
  <si>
    <t>9147142.0</t>
  </si>
  <si>
    <t>7367035.0</t>
  </si>
  <si>
    <t>217.31</t>
  </si>
  <si>
    <t>2656.0</t>
  </si>
  <si>
    <t>33501358.0</t>
  </si>
  <si>
    <t>2885.208</t>
  </si>
  <si>
    <t>25332011.0</t>
  </si>
  <si>
    <t>9245924.0</t>
  </si>
  <si>
    <t>9147590.0</t>
  </si>
  <si>
    <t>7368827.0</t>
  </si>
  <si>
    <t>217.33</t>
  </si>
  <si>
    <t>33509858.0</t>
  </si>
  <si>
    <t>8500.0</t>
  </si>
  <si>
    <t>2885.94</t>
  </si>
  <si>
    <t>20288.0</t>
  </si>
  <si>
    <t>25332030.0</t>
  </si>
  <si>
    <t>9245925.0</t>
  </si>
  <si>
    <t>9147592.0</t>
  </si>
  <si>
    <t>7368843.0</t>
  </si>
  <si>
    <t>21332.7</t>
  </si>
  <si>
    <t>1830.20255023991</t>
  </si>
  <si>
    <t>33533828.0</t>
  </si>
  <si>
    <t>2888.004</t>
  </si>
  <si>
    <t>22196.0</t>
  </si>
  <si>
    <t>25332699.0</t>
  </si>
  <si>
    <t>9245992.0</t>
  </si>
  <si>
    <t>9147676.0</t>
  </si>
  <si>
    <t>7369362.0</t>
  </si>
  <si>
    <t>217.34</t>
  </si>
  <si>
    <t>33560036.0</t>
  </si>
  <si>
    <t>26208.0</t>
  </si>
  <si>
    <t>2890.261</t>
  </si>
  <si>
    <t>21756.0</t>
  </si>
  <si>
    <t>25333930.0</t>
  </si>
  <si>
    <t>9246087.0</t>
  </si>
  <si>
    <t>9147826.0</t>
  </si>
  <si>
    <t>7370354.0</t>
  </si>
  <si>
    <t>217.35</t>
  </si>
  <si>
    <t>33582768.0</t>
  </si>
  <si>
    <t>22732.0</t>
  </si>
  <si>
    <t>2892.219</t>
  </si>
  <si>
    <t>1.958</t>
  </si>
  <si>
    <t>20587.0</t>
  </si>
  <si>
    <t>1.773</t>
  </si>
  <si>
    <t>25338117.0</t>
  </si>
  <si>
    <t>9246435.0</t>
  </si>
  <si>
    <t>9148287.0</t>
  </si>
  <si>
    <t>7373733.0</t>
  </si>
  <si>
    <t>217.38</t>
  </si>
  <si>
    <t>63.26</t>
  </si>
  <si>
    <t>33602287.0</t>
  </si>
  <si>
    <t>2893.9</t>
  </si>
  <si>
    <t>19894.0</t>
  </si>
  <si>
    <t>25339550.0</t>
  </si>
  <si>
    <t>9246573.0</t>
  </si>
  <si>
    <t>9148478.0</t>
  </si>
  <si>
    <t>7374839.0</t>
  </si>
  <si>
    <t>33621110.0</t>
  </si>
  <si>
    <t>18823.0</t>
  </si>
  <si>
    <t>2895.521</t>
  </si>
  <si>
    <t>19414.0</t>
  </si>
  <si>
    <t>25341216.0</t>
  </si>
  <si>
    <t>9246718.0</t>
  </si>
  <si>
    <t>9148657.0</t>
  </si>
  <si>
    <t>7376184.0</t>
  </si>
  <si>
    <t>217.41</t>
  </si>
  <si>
    <t>33635791.0</t>
  </si>
  <si>
    <t>14681.0</t>
  </si>
  <si>
    <t>2896.785</t>
  </si>
  <si>
    <t>1.264</t>
  </si>
  <si>
    <t>19205.0</t>
  </si>
  <si>
    <t>25342929.0</t>
  </si>
  <si>
    <t>9246951.0</t>
  </si>
  <si>
    <t>9148996.0</t>
  </si>
  <si>
    <t>7377325.0</t>
  </si>
  <si>
    <t>217.43</t>
  </si>
  <si>
    <t>2189.0</t>
  </si>
  <si>
    <t>187.802</t>
  </si>
  <si>
    <t>33643732.0</t>
  </si>
  <si>
    <t>2897.469</t>
  </si>
  <si>
    <t>25342940.0</t>
  </si>
  <si>
    <t>9246952.0</t>
  </si>
  <si>
    <t>9148998.0</t>
  </si>
  <si>
    <t>7377334.0</t>
  </si>
  <si>
    <t>21514.1</t>
  </si>
  <si>
    <t>1845.7654533236</t>
  </si>
  <si>
    <t>2252.0</t>
  </si>
  <si>
    <t>193.206</t>
  </si>
  <si>
    <t>33666446.0</t>
  </si>
  <si>
    <t>2899.425</t>
  </si>
  <si>
    <t>18945.0</t>
  </si>
  <si>
    <t>25343403.0</t>
  </si>
  <si>
    <t>9247001.0</t>
  </si>
  <si>
    <t>9149044.0</t>
  </si>
  <si>
    <t>7377708.0</t>
  </si>
  <si>
    <t>33691609.0</t>
  </si>
  <si>
    <t>2901.592</t>
  </si>
  <si>
    <t>18796.0</t>
  </si>
  <si>
    <t>25344379.0</t>
  </si>
  <si>
    <t>9247093.0</t>
  </si>
  <si>
    <t>9149143.0</t>
  </si>
  <si>
    <t>7378495.0</t>
  </si>
  <si>
    <t>217.44</t>
  </si>
  <si>
    <t>2041.0</t>
  </si>
  <si>
    <t>33714454.0</t>
  </si>
  <si>
    <t>22845.0</t>
  </si>
  <si>
    <t>2903.56</t>
  </si>
  <si>
    <t>25346404.0</t>
  </si>
  <si>
    <t>9247406.0</t>
  </si>
  <si>
    <t>9149378.0</t>
  </si>
  <si>
    <t>7379972.0</t>
  </si>
  <si>
    <t>217.46</t>
  </si>
  <si>
    <t>79.34</t>
  </si>
  <si>
    <t>33736335.0</t>
  </si>
  <si>
    <t>21881.0</t>
  </si>
  <si>
    <t>2905.444</t>
  </si>
  <si>
    <t>19150.0</t>
  </si>
  <si>
    <t>25347331.0</t>
  </si>
  <si>
    <t>9247491.0</t>
  </si>
  <si>
    <t>9149471.0</t>
  </si>
  <si>
    <t>7380724.0</t>
  </si>
  <si>
    <t>33757418.0</t>
  </si>
  <si>
    <t>21083.0</t>
  </si>
  <si>
    <t>2907.26</t>
  </si>
  <si>
    <t>19473.0</t>
  </si>
  <si>
    <t>25349237.0</t>
  </si>
  <si>
    <t>9247698.0</t>
  </si>
  <si>
    <t>9149655.0</t>
  </si>
  <si>
    <t>7382242.0</t>
  </si>
  <si>
    <t>217.48</t>
  </si>
  <si>
    <t>10.209</t>
  </si>
  <si>
    <t>157.602</t>
  </si>
  <si>
    <t>33772756.0</t>
  </si>
  <si>
    <t>15338.0</t>
  </si>
  <si>
    <t>2908.581</t>
  </si>
  <si>
    <t>25350557.0</t>
  </si>
  <si>
    <t>9247945.0</t>
  </si>
  <si>
    <t>9149895.0</t>
  </si>
  <si>
    <t>7383079.0</t>
  </si>
  <si>
    <t>217.49</t>
  </si>
  <si>
    <t>159.49</t>
  </si>
  <si>
    <t>33780327.0</t>
  </si>
  <si>
    <t>2909.233</t>
  </si>
  <si>
    <t>19514.0</t>
  </si>
  <si>
    <t>25350573.0</t>
  </si>
  <si>
    <t>9149902.0</t>
  </si>
  <si>
    <t>7383088.0</t>
  </si>
  <si>
    <t>21758.5</t>
  </si>
  <si>
    <t>1866.73333377374</t>
  </si>
  <si>
    <t>33803317.0</t>
  </si>
  <si>
    <t>22990.0</t>
  </si>
  <si>
    <t>2911.213</t>
  </si>
  <si>
    <t>19553.0</t>
  </si>
  <si>
    <t>25351163.0</t>
  </si>
  <si>
    <t>9248010.0</t>
  </si>
  <si>
    <t>9149940.0</t>
  </si>
  <si>
    <t>7383576.0</t>
  </si>
  <si>
    <t>33827873.0</t>
  </si>
  <si>
    <t>2913.328</t>
  </si>
  <si>
    <t>2.115</t>
  </si>
  <si>
    <t>19466.0</t>
  </si>
  <si>
    <t>1.676</t>
  </si>
  <si>
    <t>25352306.0</t>
  </si>
  <si>
    <t>9248153.0</t>
  </si>
  <si>
    <t>9150066.0</t>
  </si>
  <si>
    <t>7384455.0</t>
  </si>
  <si>
    <t>217.51</t>
  </si>
  <si>
    <t>73.525</t>
  </si>
  <si>
    <t>33849709.0</t>
  </si>
  <si>
    <t>21836.0</t>
  </si>
  <si>
    <t>2915.208</t>
  </si>
  <si>
    <t>25354926.0</t>
  </si>
  <si>
    <t>9248553.0</t>
  </si>
  <si>
    <t>9150381.0</t>
  </si>
  <si>
    <t>7386363.0</t>
  </si>
  <si>
    <t>79.35</t>
  </si>
  <si>
    <t>33868487.0</t>
  </si>
  <si>
    <t>18778.0</t>
  </si>
  <si>
    <t>2916.826</t>
  </si>
  <si>
    <t>25355910.0</t>
  </si>
  <si>
    <t>9248641.0</t>
  </si>
  <si>
    <t>9150475.0</t>
  </si>
  <si>
    <t>7387167.0</t>
  </si>
  <si>
    <t>217.54</t>
  </si>
  <si>
    <t>33887540.0</t>
  </si>
  <si>
    <t>2918.466</t>
  </si>
  <si>
    <t>25357415.0</t>
  </si>
  <si>
    <t>9248835.0</t>
  </si>
  <si>
    <t>9150637.0</t>
  </si>
  <si>
    <t>7388319.0</t>
  </si>
  <si>
    <t>217.55</t>
  </si>
  <si>
    <t>63.39</t>
  </si>
  <si>
    <t>33900473.0</t>
  </si>
  <si>
    <t>2919.58</t>
  </si>
  <si>
    <t>18245.0</t>
  </si>
  <si>
    <t>25358848.0</t>
  </si>
  <si>
    <t>9249048.0</t>
  </si>
  <si>
    <t>9150892.0</t>
  </si>
  <si>
    <t>7389286.0</t>
  </si>
  <si>
    <t>217.56</t>
  </si>
  <si>
    <t>33907239.0</t>
  </si>
  <si>
    <t>6766.0</t>
  </si>
  <si>
    <t>2920.163</t>
  </si>
  <si>
    <t>18130.0</t>
  </si>
  <si>
    <t>25358862.0</t>
  </si>
  <si>
    <t>9249049.0</t>
  </si>
  <si>
    <t>9150894.0</t>
  </si>
  <si>
    <t>7389297.0</t>
  </si>
  <si>
    <t>21790.9</t>
  </si>
  <si>
    <t>1869.51303641934</t>
  </si>
  <si>
    <t>33926976.0</t>
  </si>
  <si>
    <t>19737.0</t>
  </si>
  <si>
    <t>2921.863</t>
  </si>
  <si>
    <t>17666.0</t>
  </si>
  <si>
    <t>25359360.0</t>
  </si>
  <si>
    <t>9249106.0</t>
  </si>
  <si>
    <t>9150926.0</t>
  </si>
  <si>
    <t>7389710.0</t>
  </si>
  <si>
    <t>217.57</t>
  </si>
  <si>
    <t>33947619.0</t>
  </si>
  <si>
    <t>2923.641</t>
  </si>
  <si>
    <t>25360488.0</t>
  </si>
  <si>
    <t>9249197.0</t>
  </si>
  <si>
    <t>9151019.0</t>
  </si>
  <si>
    <t>7390656.0</t>
  </si>
  <si>
    <t>33965071.0</t>
  </si>
  <si>
    <t>2925.144</t>
  </si>
  <si>
    <t>16480.0</t>
  </si>
  <si>
    <t>25363384.0</t>
  </si>
  <si>
    <t>9249532.0</t>
  </si>
  <si>
    <t>9151324.0</t>
  </si>
  <si>
    <t>7392912.0</t>
  </si>
  <si>
    <t>217.6</t>
  </si>
  <si>
    <t>33980418.0</t>
  </si>
  <si>
    <t>15347.0</t>
  </si>
  <si>
    <t>2926.465</t>
  </si>
  <si>
    <t>25366671.0</t>
  </si>
  <si>
    <t>9249665.0</t>
  </si>
  <si>
    <t>9151441.0</t>
  </si>
  <si>
    <t>7395949.0</t>
  </si>
  <si>
    <t>217.63</t>
  </si>
  <si>
    <t>33995546.0</t>
  </si>
  <si>
    <t>15128.0</t>
  </si>
  <si>
    <t>2927.768</t>
  </si>
  <si>
    <t>15429.0</t>
  </si>
  <si>
    <t>25369090.0</t>
  </si>
  <si>
    <t>9249867.0</t>
  </si>
  <si>
    <t>9151655.0</t>
  </si>
  <si>
    <t>7397955.0</t>
  </si>
  <si>
    <t>34005903.0</t>
  </si>
  <si>
    <t>2928.66</t>
  </si>
  <si>
    <t>15061.0</t>
  </si>
  <si>
    <t>25370906.0</t>
  </si>
  <si>
    <t>9250120.0</t>
  </si>
  <si>
    <t>9151922.0</t>
  </si>
  <si>
    <t>7399252.0</t>
  </si>
  <si>
    <t>217.67</t>
  </si>
  <si>
    <t>34011863.0</t>
  </si>
  <si>
    <t>2929.173</t>
  </si>
  <si>
    <t>25370933.0</t>
  </si>
  <si>
    <t>9250122.0</t>
  </si>
  <si>
    <t>9151926.0</t>
  </si>
  <si>
    <t>7399273.0</t>
  </si>
  <si>
    <t>21912.3</t>
  </si>
  <si>
    <t>1879.92834201118</t>
  </si>
  <si>
    <t>34026866.0</t>
  </si>
  <si>
    <t>15003.0</t>
  </si>
  <si>
    <t>2930.466</t>
  </si>
  <si>
    <t>25372451.0</t>
  </si>
  <si>
    <t>9250224.0</t>
  </si>
  <si>
    <t>9151995.0</t>
  </si>
  <si>
    <t>7400624.0</t>
  </si>
  <si>
    <t>217.68</t>
  </si>
  <si>
    <t>63.49</t>
  </si>
  <si>
    <t>34042113.0</t>
  </si>
  <si>
    <t>2931.779</t>
  </si>
  <si>
    <t>25380976.0</t>
  </si>
  <si>
    <t>9250367.0</t>
  </si>
  <si>
    <t>9152130.0</t>
  </si>
  <si>
    <t>7408871.0</t>
  </si>
  <si>
    <t>217.75</t>
  </si>
  <si>
    <t>34055000.0</t>
  </si>
  <si>
    <t>2932.888</t>
  </si>
  <si>
    <t>25390736.0</t>
  </si>
  <si>
    <t>9250599.0</t>
  </si>
  <si>
    <t>9152382.0</t>
  </si>
  <si>
    <t>7418152.0</t>
  </si>
  <si>
    <t>217.84</t>
  </si>
  <si>
    <t>63.64</t>
  </si>
  <si>
    <t>34060464.0</t>
  </si>
  <si>
    <t>5464.0</t>
  </si>
  <si>
    <t>2933.359</t>
  </si>
  <si>
    <t>25391073.0</t>
  </si>
  <si>
    <t>9250601.0</t>
  </si>
  <si>
    <t>9152385.0</t>
  </si>
  <si>
    <t>7418484.0</t>
  </si>
  <si>
    <t>34071607.0</t>
  </si>
  <si>
    <t>11143.0</t>
  </si>
  <si>
    <t>2934.319</t>
  </si>
  <si>
    <t>25393505.0</t>
  </si>
  <si>
    <t>9250688.0</t>
  </si>
  <si>
    <t>9152498.0</t>
  </si>
  <si>
    <t>7420718.0</t>
  </si>
  <si>
    <t>217.86</t>
  </si>
  <si>
    <t>63.66</t>
  </si>
  <si>
    <t>34080099.0</t>
  </si>
  <si>
    <t>2935.05</t>
  </si>
  <si>
    <t>25395099.0</t>
  </si>
  <si>
    <t>9250886.0</t>
  </si>
  <si>
    <t>9152754.0</t>
  </si>
  <si>
    <t>7421859.0</t>
  </si>
  <si>
    <t>3456.0</t>
  </si>
  <si>
    <t>217.87</t>
  </si>
  <si>
    <t>80.903</t>
  </si>
  <si>
    <t>34085325.0</t>
  </si>
  <si>
    <t>2935.5</t>
  </si>
  <si>
    <t>10495.0</t>
  </si>
  <si>
    <t>25395106.0</t>
  </si>
  <si>
    <t>9250893.0</t>
  </si>
  <si>
    <t>21862.7</t>
  </si>
  <si>
    <t>1875.67299475125</t>
  </si>
  <si>
    <t>34099774.0</t>
  </si>
  <si>
    <t>2936.745</t>
  </si>
  <si>
    <t>25404104.0</t>
  </si>
  <si>
    <t>9250973.0</t>
  </si>
  <si>
    <t>9152857.0</t>
  </si>
  <si>
    <t>7430674.0</t>
  </si>
  <si>
    <t>4522.0</t>
  </si>
  <si>
    <t>217.95</t>
  </si>
  <si>
    <t>63.75</t>
  </si>
  <si>
    <t>34114432.0</t>
  </si>
  <si>
    <t>14658.0</t>
  </si>
  <si>
    <t>2938.007</t>
  </si>
  <si>
    <t>10331.0</t>
  </si>
  <si>
    <t>25424283.0</t>
  </si>
  <si>
    <t>9251091.0</t>
  </si>
  <si>
    <t>9152991.0</t>
  </si>
  <si>
    <t>7450601.0</t>
  </si>
  <si>
    <t>218.12</t>
  </si>
  <si>
    <t>34127404.0</t>
  </si>
  <si>
    <t>12972.0</t>
  </si>
  <si>
    <t>2939.124</t>
  </si>
  <si>
    <t>10343.0</t>
  </si>
  <si>
    <t>25445899.0</t>
  </si>
  <si>
    <t>9251550.0</t>
  </si>
  <si>
    <t>9153440.0</t>
  </si>
  <si>
    <t>7471311.0</t>
  </si>
  <si>
    <t>218.31</t>
  </si>
  <si>
    <t>34139257.0</t>
  </si>
  <si>
    <t>11853.0</t>
  </si>
  <si>
    <t>2940.145</t>
  </si>
  <si>
    <t>25463311.0</t>
  </si>
  <si>
    <t>9251661.0</t>
  </si>
  <si>
    <t>9153546.0</t>
  </si>
  <si>
    <t>7488510.0</t>
  </si>
  <si>
    <t>17412.0</t>
  </si>
  <si>
    <t>218.46</t>
  </si>
  <si>
    <t>64.25</t>
  </si>
  <si>
    <t>34151332.0</t>
  </si>
  <si>
    <t>2941.185</t>
  </si>
  <si>
    <t>25474273.0</t>
  </si>
  <si>
    <t>9251825.0</t>
  </si>
  <si>
    <t>9153753.0</t>
  </si>
  <si>
    <t>7499102.0</t>
  </si>
  <si>
    <t>11538.0</t>
  </si>
  <si>
    <t>218.55</t>
  </si>
  <si>
    <t>5.662</t>
  </si>
  <si>
    <t>69.75</t>
  </si>
  <si>
    <t>34159851.0</t>
  </si>
  <si>
    <t>2941.918</t>
  </si>
  <si>
    <t>25477707.0</t>
  </si>
  <si>
    <t>9251998.0</t>
  </si>
  <si>
    <t>9153943.0</t>
  </si>
  <si>
    <t>7502175.0</t>
  </si>
  <si>
    <t>34164537.0</t>
  </si>
  <si>
    <t>4686.0</t>
  </si>
  <si>
    <t>2942.322</t>
  </si>
  <si>
    <t>11316.0</t>
  </si>
  <si>
    <t>25478194.0</t>
  </si>
  <si>
    <t>9252000.0</t>
  </si>
  <si>
    <t>9153945.0</t>
  </si>
  <si>
    <t>7502658.0</t>
  </si>
  <si>
    <t>218.59</t>
  </si>
  <si>
    <t>21983.9</t>
  </si>
  <si>
    <t>1886.07114168479</t>
  </si>
  <si>
    <t>34170461.0</t>
  </si>
  <si>
    <t>2942.832</t>
  </si>
  <si>
    <t>25479581.0</t>
  </si>
  <si>
    <t>9252007.0</t>
  </si>
  <si>
    <t>9153948.0</t>
  </si>
  <si>
    <t>7504035.0</t>
  </si>
  <si>
    <t>218.6</t>
  </si>
  <si>
    <t>34184523.0</t>
  </si>
  <si>
    <t>14062.0</t>
  </si>
  <si>
    <t>2944.043</t>
  </si>
  <si>
    <t>10013.0</t>
  </si>
  <si>
    <t>25500469.0</t>
  </si>
  <si>
    <t>9252094.0</t>
  </si>
  <si>
    <t>9154058.0</t>
  </si>
  <si>
    <t>7524726.0</t>
  </si>
  <si>
    <t>20888.0</t>
  </si>
  <si>
    <t>218.78</t>
  </si>
  <si>
    <t>34198135.0</t>
  </si>
  <si>
    <t>13612.0</t>
  </si>
  <si>
    <t>2945.216</t>
  </si>
  <si>
    <t>25524198.0</t>
  </si>
  <si>
    <t>9252279.0</t>
  </si>
  <si>
    <t>9154299.0</t>
  </si>
  <si>
    <t>7548030.0</t>
  </si>
  <si>
    <t>23729.0</t>
  </si>
  <si>
    <t>11186.0</t>
  </si>
  <si>
    <t>218.98</t>
  </si>
  <si>
    <t>64.76</t>
  </si>
  <si>
    <t>34210149.0</t>
  </si>
  <si>
    <t>12014.0</t>
  </si>
  <si>
    <t>2946.25</t>
  </si>
  <si>
    <t>10127.0</t>
  </si>
  <si>
    <t>25543169.0</t>
  </si>
  <si>
    <t>9252356.0</t>
  </si>
  <si>
    <t>9154419.0</t>
  </si>
  <si>
    <t>7566805.0</t>
  </si>
  <si>
    <t>18971.0</t>
  </si>
  <si>
    <t>34223072.0</t>
  </si>
  <si>
    <t>12923.0</t>
  </si>
  <si>
    <t>2947.363</t>
  </si>
  <si>
    <t>25557289.0</t>
  </si>
  <si>
    <t>9252489.0</t>
  </si>
  <si>
    <t>9154594.0</t>
  </si>
  <si>
    <t>7580620.0</t>
  </si>
  <si>
    <t>14120.0</t>
  </si>
  <si>
    <t>11859.0</t>
  </si>
  <si>
    <t>219.26</t>
  </si>
  <si>
    <t>34231481.0</t>
  </si>
  <si>
    <t>2948.087</t>
  </si>
  <si>
    <t>25563022.0</t>
  </si>
  <si>
    <t>9252659.0</t>
  </si>
  <si>
    <t>9154849.0</t>
  </si>
  <si>
    <t>7585928.0</t>
  </si>
  <si>
    <t>219.31</t>
  </si>
  <si>
    <t>34235575.0</t>
  </si>
  <si>
    <t>2948.44</t>
  </si>
  <si>
    <t>25563829.0</t>
  </si>
  <si>
    <t>9252663.0</t>
  </si>
  <si>
    <t>9154852.0</t>
  </si>
  <si>
    <t>7586728.0</t>
  </si>
  <si>
    <t>219.32</t>
  </si>
  <si>
    <t>22045.5</t>
  </si>
  <si>
    <t>1891.35600844309</t>
  </si>
  <si>
    <t>5.319</t>
  </si>
  <si>
    <t>34249135.0</t>
  </si>
  <si>
    <t>2949.608</t>
  </si>
  <si>
    <t>11239.0</t>
  </si>
  <si>
    <t>25571262.0</t>
  </si>
  <si>
    <t>9252734.0</t>
  </si>
  <si>
    <t>9154954.0</t>
  </si>
  <si>
    <t>7593988.0</t>
  </si>
  <si>
    <t>7433.0</t>
  </si>
  <si>
    <t>13097.0</t>
  </si>
  <si>
    <t>219.38</t>
  </si>
  <si>
    <t>34263394.0</t>
  </si>
  <si>
    <t>14259.0</t>
  </si>
  <si>
    <t>2950.836</t>
  </si>
  <si>
    <t>11267.0</t>
  </si>
  <si>
    <t>25583414.0</t>
  </si>
  <si>
    <t>9252816.0</t>
  </si>
  <si>
    <t>9155068.0</t>
  </si>
  <si>
    <t>7605944.0</t>
  </si>
  <si>
    <t>12152.0</t>
  </si>
  <si>
    <t>11849.0</t>
  </si>
  <si>
    <t>34276648.0</t>
  </si>
  <si>
    <t>2951.977</t>
  </si>
  <si>
    <t>25602724.0</t>
  </si>
  <si>
    <t>9253028.0</t>
  </si>
  <si>
    <t>9155424.0</t>
  </si>
  <si>
    <t>7624687.0</t>
  </si>
  <si>
    <t>19310.0</t>
  </si>
  <si>
    <t>11218.0</t>
  </si>
  <si>
    <t>219.65</t>
  </si>
  <si>
    <t>34289463.0</t>
  </si>
  <si>
    <t>2953.081</t>
  </si>
  <si>
    <t>11331.0</t>
  </si>
  <si>
    <t>25615540.0</t>
  </si>
  <si>
    <t>9253082.0</t>
  </si>
  <si>
    <t>9155508.0</t>
  </si>
  <si>
    <t>7637367.0</t>
  </si>
  <si>
    <t>12816.0</t>
  </si>
  <si>
    <t>219.76</t>
  </si>
  <si>
    <t>34302432.0</t>
  </si>
  <si>
    <t>12969.0</t>
  </si>
  <si>
    <t>2954.198</t>
  </si>
  <si>
    <t>25624684.0</t>
  </si>
  <si>
    <t>9253185.0</t>
  </si>
  <si>
    <t>9155631.0</t>
  </si>
  <si>
    <t>7646287.0</t>
  </si>
  <si>
    <t>9144.0</t>
  </si>
  <si>
    <t>219.84</t>
  </si>
  <si>
    <t>34310862.0</t>
  </si>
  <si>
    <t>2954.924</t>
  </si>
  <si>
    <t>11340.0</t>
  </si>
  <si>
    <t>25630542.0</t>
  </si>
  <si>
    <t>9253294.0</t>
  </si>
  <si>
    <t>9155864.0</t>
  </si>
  <si>
    <t>7651804.0</t>
  </si>
  <si>
    <t>9646.0</t>
  </si>
  <si>
    <t>34315605.0</t>
  </si>
  <si>
    <t>2955.332</t>
  </si>
  <si>
    <t>11433.0</t>
  </si>
  <si>
    <t>25631929.0</t>
  </si>
  <si>
    <t>9253295.0</t>
  </si>
  <si>
    <t>9155871.0</t>
  </si>
  <si>
    <t>7653184.0</t>
  </si>
  <si>
    <t>219.9</t>
  </si>
  <si>
    <t>22303.5</t>
  </si>
  <si>
    <t>1913.49067765805</t>
  </si>
  <si>
    <t>25636994.0</t>
  </si>
  <si>
    <t>9253346.0</t>
  </si>
  <si>
    <t>9155915.0</t>
  </si>
  <si>
    <t>7658154.0</t>
  </si>
  <si>
    <t>5065.0</t>
  </si>
  <si>
    <t>9390.0</t>
  </si>
  <si>
    <t>219.95</t>
  </si>
  <si>
    <t>25644984.0</t>
  </si>
  <si>
    <t>9253397.0</t>
  </si>
  <si>
    <t>9156015.0</t>
  </si>
  <si>
    <t>7665993.0</t>
  </si>
  <si>
    <t>8796.0</t>
  </si>
  <si>
    <t>220.02</t>
  </si>
  <si>
    <t>93.6</t>
  </si>
  <si>
    <t>25659170.0</t>
  </si>
  <si>
    <t>9253667.0</t>
  </si>
  <si>
    <t>9156375.0</t>
  </si>
  <si>
    <t>7679549.0</t>
  </si>
  <si>
    <t>14186.0</t>
  </si>
  <si>
    <t>220.14</t>
  </si>
  <si>
    <t>25669230.0</t>
  </si>
  <si>
    <t>9253743.0</t>
  </si>
  <si>
    <t>9156496.0</t>
  </si>
  <si>
    <t>7689412.0</t>
  </si>
  <si>
    <t>10060.0</t>
  </si>
  <si>
    <t>7670.0</t>
  </si>
  <si>
    <t>94.63</t>
  </si>
  <si>
    <t>57.053</t>
  </si>
  <si>
    <t>25675627.0</t>
  </si>
  <si>
    <t>9253853.0</t>
  </si>
  <si>
    <t>9156718.0</t>
  </si>
  <si>
    <t>7695479.0</t>
  </si>
  <si>
    <t>7278.0</t>
  </si>
  <si>
    <t>220.28</t>
  </si>
  <si>
    <t>25678292.0</t>
  </si>
  <si>
    <t>9253970.0</t>
  </si>
  <si>
    <t>9156942.0</t>
  </si>
  <si>
    <t>7697803.0</t>
  </si>
  <si>
    <t>6821.0</t>
  </si>
  <si>
    <t>220.3</t>
  </si>
  <si>
    <t>102.609</t>
  </si>
  <si>
    <t>25678308.0</t>
  </si>
  <si>
    <t>9253972.0</t>
  </si>
  <si>
    <t>7697817.0</t>
  </si>
  <si>
    <t>22408.5</t>
  </si>
  <si>
    <t>1922.49897326878</t>
  </si>
  <si>
    <t>25680762.0</t>
  </si>
  <si>
    <t>9253999.0</t>
  </si>
  <si>
    <t>9156988.0</t>
  </si>
  <si>
    <t>7700198.0</t>
  </si>
  <si>
    <t>220.32</t>
  </si>
  <si>
    <t>25684175.0</t>
  </si>
  <si>
    <t>9254085.0</t>
  </si>
  <si>
    <t>9157075.0</t>
  </si>
  <si>
    <t>7703441.0</t>
  </si>
  <si>
    <t>25690717.0</t>
  </si>
  <si>
    <t>9254268.0</t>
  </si>
  <si>
    <t>9157362.0</t>
  </si>
  <si>
    <t>7709513.0</t>
  </si>
  <si>
    <t>220.41</t>
  </si>
  <si>
    <t>65.46</t>
  </si>
  <si>
    <t>25694859.0</t>
  </si>
  <si>
    <t>9254336.0</t>
  </si>
  <si>
    <t>9157454.0</t>
  </si>
  <si>
    <t>7713495.0</t>
  </si>
  <si>
    <t>220.44</t>
  </si>
  <si>
    <t>25698442.0</t>
  </si>
  <si>
    <t>9254452.0</t>
  </si>
  <si>
    <t>9157564.0</t>
  </si>
  <si>
    <t>7716852.0</t>
  </si>
  <si>
    <t>220.48</t>
  </si>
  <si>
    <t>66.21</t>
  </si>
  <si>
    <t>25700596.0</t>
  </si>
  <si>
    <t>9254559.0</t>
  </si>
  <si>
    <t>9157707.0</t>
  </si>
  <si>
    <t>7718757.0</t>
  </si>
  <si>
    <t>220.49</t>
  </si>
  <si>
    <t>25700608.0</t>
  </si>
  <si>
    <t>9157708.0</t>
  </si>
  <si>
    <t>7718768.0</t>
  </si>
  <si>
    <t>22474.1</t>
  </si>
  <si>
    <t>1928.12701319321</t>
  </si>
  <si>
    <t>25702280.0</t>
  </si>
  <si>
    <t>9254620.0</t>
  </si>
  <si>
    <t>9157763.0</t>
  </si>
  <si>
    <t>7720326.0</t>
  </si>
  <si>
    <t>220.51</t>
  </si>
  <si>
    <t>131.607</t>
  </si>
  <si>
    <t>25704629.0</t>
  </si>
  <si>
    <t>9254706.0</t>
  </si>
  <si>
    <t>9157840.0</t>
  </si>
  <si>
    <t>7722514.0</t>
  </si>
  <si>
    <t>220.53</t>
  </si>
  <si>
    <t>25709504.0</t>
  </si>
  <si>
    <t>9254880.0</t>
  </si>
  <si>
    <t>9158014.0</t>
  </si>
  <si>
    <t>7727043.0</t>
  </si>
  <si>
    <t>66.29</t>
  </si>
  <si>
    <t>142.588</t>
  </si>
  <si>
    <t>25711060.0</t>
  </si>
  <si>
    <t>9254938.0</t>
  </si>
  <si>
    <t>9158051.0</t>
  </si>
  <si>
    <t>7728504.0</t>
  </si>
  <si>
    <t>220.58</t>
  </si>
  <si>
    <t>25713839.0</t>
  </si>
  <si>
    <t>9255040.0</t>
  </si>
  <si>
    <t>9158134.0</t>
  </si>
  <si>
    <t>7731098.0</t>
  </si>
  <si>
    <t>220.61</t>
  </si>
  <si>
    <t>147.05</t>
  </si>
  <si>
    <t>25716449.0</t>
  </si>
  <si>
    <t>9255188.0</t>
  </si>
  <si>
    <t>9158270.0</t>
  </si>
  <si>
    <t>7733428.0</t>
  </si>
  <si>
    <t>220.63</t>
  </si>
  <si>
    <t>25716478.0</t>
  </si>
  <si>
    <t>9158271.0</t>
  </si>
  <si>
    <t>7733456.0</t>
  </si>
  <si>
    <t>22489.5</t>
  </si>
  <si>
    <t>1929.44822988278</t>
  </si>
  <si>
    <t>25717259.0</t>
  </si>
  <si>
    <t>9255213.0</t>
  </si>
  <si>
    <t>9158299.0</t>
  </si>
  <si>
    <t>7734184.0</t>
  </si>
  <si>
    <t>220.64</t>
  </si>
  <si>
    <t>25718470.0</t>
  </si>
  <si>
    <t>9255236.0</t>
  </si>
  <si>
    <t>9158339.0</t>
  </si>
  <si>
    <t>7735332.0</t>
  </si>
  <si>
    <t>25723621.0</t>
  </si>
  <si>
    <t>9255489.0</t>
  </si>
  <si>
    <t>9158538.0</t>
  </si>
  <si>
    <t>7740033.0</t>
  </si>
  <si>
    <t>5151.0</t>
  </si>
  <si>
    <t>79.41</t>
  </si>
  <si>
    <t>25726411.0</t>
  </si>
  <si>
    <t>9255569.0</t>
  </si>
  <si>
    <t>9158611.0</t>
  </si>
  <si>
    <t>7742674.0</t>
  </si>
  <si>
    <t>220.72</t>
  </si>
  <si>
    <t>25730089.0</t>
  </si>
  <si>
    <t>9255716.0</t>
  </si>
  <si>
    <t>9158737.0</t>
  </si>
  <si>
    <t>7746081.0</t>
  </si>
  <si>
    <t>220.75</t>
  </si>
  <si>
    <t>99.177</t>
  </si>
  <si>
    <t>25731849.0</t>
  </si>
  <si>
    <t>9255813.0</t>
  </si>
  <si>
    <t>9158849.0</t>
  </si>
  <si>
    <t>7747634.0</t>
  </si>
  <si>
    <t>220.76</t>
  </si>
  <si>
    <t>66.47</t>
  </si>
  <si>
    <t>25731869.0</t>
  </si>
  <si>
    <t>9255815.0</t>
  </si>
  <si>
    <t>9158851.0</t>
  </si>
  <si>
    <t>7747650.0</t>
  </si>
  <si>
    <t>22689.3</t>
  </si>
  <si>
    <t>1946.58972953064</t>
  </si>
  <si>
    <t>1149.0</t>
  </si>
  <si>
    <t>25732838.0</t>
  </si>
  <si>
    <t>9255857.0</t>
  </si>
  <si>
    <t>9158907.0</t>
  </si>
  <si>
    <t>7748522.0</t>
  </si>
  <si>
    <t>66.48</t>
  </si>
  <si>
    <t>2229.0</t>
  </si>
  <si>
    <t>25734568.0</t>
  </si>
  <si>
    <t>9255915.0</t>
  </si>
  <si>
    <t>9158955.0</t>
  </si>
  <si>
    <t>7750146.0</t>
  </si>
  <si>
    <t>220.79</t>
  </si>
  <si>
    <t>66.49</t>
  </si>
  <si>
    <t>25736485.0</t>
  </si>
  <si>
    <t>9256007.0</t>
  </si>
  <si>
    <t>9159070.0</t>
  </si>
  <si>
    <t>7751859.0</t>
  </si>
  <si>
    <t>220.8</t>
  </si>
  <si>
    <t>25736525.0</t>
  </si>
  <si>
    <t>9256009.0</t>
  </si>
  <si>
    <t>9159074.0</t>
  </si>
  <si>
    <t>7751893.0</t>
  </si>
  <si>
    <t>25738223.0</t>
  </si>
  <si>
    <t>9256060.0</t>
  </si>
  <si>
    <t>9159133.0</t>
  </si>
  <si>
    <t>7753482.0</t>
  </si>
  <si>
    <t>220.82</t>
  </si>
  <si>
    <t>25739427.0</t>
  </si>
  <si>
    <t>9256108.0</t>
  </si>
  <si>
    <t>9159208.0</t>
  </si>
  <si>
    <t>7754565.0</t>
  </si>
  <si>
    <t>25739436.0</t>
  </si>
  <si>
    <t>9159209.0</t>
  </si>
  <si>
    <t>7754573.0</t>
  </si>
  <si>
    <t>22936.1</t>
  </si>
  <si>
    <t>1967.76351388045</t>
  </si>
  <si>
    <t>25740621.0</t>
  </si>
  <si>
    <t>9256162.0</t>
  </si>
  <si>
    <t>9159279.0</t>
  </si>
  <si>
    <t>7755639.0</t>
  </si>
  <si>
    <t>220.84</t>
  </si>
  <si>
    <t>66.54</t>
  </si>
  <si>
    <t>25742357.0</t>
  </si>
  <si>
    <t>9256235.0</t>
  </si>
  <si>
    <t>9159368.0</t>
  </si>
  <si>
    <t>7757216.0</t>
  </si>
  <si>
    <t>25744789.0</t>
  </si>
  <si>
    <t>9256412.0</t>
  </si>
  <si>
    <t>9159518.0</t>
  </si>
  <si>
    <t>7759321.0</t>
  </si>
  <si>
    <t>220.87</t>
  </si>
  <si>
    <t>66.57</t>
  </si>
  <si>
    <t>25746962.0</t>
  </si>
  <si>
    <t>9256503.0</t>
  </si>
  <si>
    <t>9159568.0</t>
  </si>
  <si>
    <t>7761354.0</t>
  </si>
  <si>
    <t>220.89</t>
  </si>
  <si>
    <t>25748950.0</t>
  </si>
  <si>
    <t>9256603.0</t>
  </si>
  <si>
    <t>9159668.0</t>
  </si>
  <si>
    <t>7763145.0</t>
  </si>
  <si>
    <t>220.91</t>
  </si>
  <si>
    <t>25749851.0</t>
  </si>
  <si>
    <t>9256664.0</t>
  </si>
  <si>
    <t>9159769.0</t>
  </si>
  <si>
    <t>7763884.0</t>
  </si>
  <si>
    <t>25749854.0</t>
  </si>
  <si>
    <t>9256665.0</t>
  </si>
  <si>
    <t>7763886.0</t>
  </si>
  <si>
    <t>22959.9</t>
  </si>
  <si>
    <t>1969.80539421889</t>
  </si>
  <si>
    <t>25750474.0</t>
  </si>
  <si>
    <t>9256689.0</t>
  </si>
  <si>
    <t>9159807.0</t>
  </si>
  <si>
    <t>7764446.0</t>
  </si>
  <si>
    <t>25751267.0</t>
  </si>
  <si>
    <t>9256710.0</t>
  </si>
  <si>
    <t>9159844.0</t>
  </si>
  <si>
    <t>7765183.0</t>
  </si>
  <si>
    <t>220.93</t>
  </si>
  <si>
    <t>25755242.0</t>
  </si>
  <si>
    <t>9256937.0</t>
  </si>
  <si>
    <t>9160088.0</t>
  </si>
  <si>
    <t>7768688.0</t>
  </si>
  <si>
    <t>66.65</t>
  </si>
  <si>
    <t>25757221.0</t>
  </si>
  <si>
    <t>9256965.0</t>
  </si>
  <si>
    <t>9160137.0</t>
  </si>
  <si>
    <t>7770590.0</t>
  </si>
  <si>
    <t>220.98</t>
  </si>
  <si>
    <t>25759632.0</t>
  </si>
  <si>
    <t>9257086.0</t>
  </si>
  <si>
    <t>9160236.0</t>
  </si>
  <si>
    <t>7772781.0</t>
  </si>
  <si>
    <t>25760267.0</t>
  </si>
  <si>
    <t>9257131.0</t>
  </si>
  <si>
    <t>9160311.0</t>
  </si>
  <si>
    <t>7773296.0</t>
  </si>
  <si>
    <t>221.01</t>
  </si>
  <si>
    <t>25760278.0</t>
  </si>
  <si>
    <t>9160312.0</t>
  </si>
  <si>
    <t>7773306.0</t>
  </si>
  <si>
    <t>23140.1</t>
  </si>
  <si>
    <t>1985.26534535275</t>
  </si>
  <si>
    <t>25761651.0</t>
  </si>
  <si>
    <t>9257157.0</t>
  </si>
  <si>
    <t>9160367.0</t>
  </si>
  <si>
    <t>7774601.0</t>
  </si>
  <si>
    <t>221.02</t>
  </si>
  <si>
    <t>25763403.0</t>
  </si>
  <si>
    <t>9257199.0</t>
  </si>
  <si>
    <t>9160423.0</t>
  </si>
  <si>
    <t>7776255.0</t>
  </si>
  <si>
    <t>25766052.0</t>
  </si>
  <si>
    <t>9257314.0</t>
  </si>
  <si>
    <t>9160518.0</t>
  </si>
  <si>
    <t>7778695.0</t>
  </si>
  <si>
    <t>25768785.0</t>
  </si>
  <si>
    <t>9257374.0</t>
  </si>
  <si>
    <t>9160544.0</t>
  </si>
  <si>
    <t>7781342.0</t>
  </si>
  <si>
    <t>221.08</t>
  </si>
  <si>
    <t>25770561.0</t>
  </si>
  <si>
    <t>9257427.0</t>
  </si>
  <si>
    <t>9160613.0</t>
  </si>
  <si>
    <t>7782999.0</t>
  </si>
  <si>
    <t>221.09</t>
  </si>
  <si>
    <t>25771015.0</t>
  </si>
  <si>
    <t>9257463.0</t>
  </si>
  <si>
    <t>9160664.0</t>
  </si>
  <si>
    <t>7783366.0</t>
  </si>
  <si>
    <t>66.78</t>
  </si>
  <si>
    <t>25771017.0</t>
  </si>
  <si>
    <t>7783368.0</t>
  </si>
  <si>
    <t>23416.3</t>
  </si>
  <si>
    <t>2008.96145247356</t>
  </si>
  <si>
    <t>25771022.0</t>
  </si>
  <si>
    <t>9160666.0</t>
  </si>
  <si>
    <t>7783371.0</t>
  </si>
  <si>
    <t>25773354.0</t>
  </si>
  <si>
    <t>9257555.0</t>
  </si>
  <si>
    <t>9160741.0</t>
  </si>
  <si>
    <t>7785537.0</t>
  </si>
  <si>
    <t>221.12</t>
  </si>
  <si>
    <t>105.869</t>
  </si>
  <si>
    <t>25776363.0</t>
  </si>
  <si>
    <t>9257674.0</t>
  </si>
  <si>
    <t>9160868.0</t>
  </si>
  <si>
    <t>7788302.0</t>
  </si>
  <si>
    <t>221.14</t>
  </si>
  <si>
    <t>25779638.0</t>
  </si>
  <si>
    <t>9257761.0</t>
  </si>
  <si>
    <t>9160945.0</t>
  </si>
  <si>
    <t>7791414.0</t>
  </si>
  <si>
    <t>221.17</t>
  </si>
  <si>
    <t>25782974.0</t>
  </si>
  <si>
    <t>9257865.0</t>
  </si>
  <si>
    <t>9161025.0</t>
  </si>
  <si>
    <t>7794566.0</t>
  </si>
  <si>
    <t>221.2</t>
  </si>
  <si>
    <t>25783625.0</t>
  </si>
  <si>
    <t>9257911.0</t>
  </si>
  <si>
    <t>9161084.0</t>
  </si>
  <si>
    <t>7795112.0</t>
  </si>
  <si>
    <t>221.21</t>
  </si>
  <si>
    <t>25783656.0</t>
  </si>
  <si>
    <t>9257913.0</t>
  </si>
  <si>
    <t>9161086.0</t>
  </si>
  <si>
    <t>7795141.0</t>
  </si>
  <si>
    <t>23667.7</t>
  </si>
  <si>
    <t>2030.52988596442</t>
  </si>
  <si>
    <t>25784958.0</t>
  </si>
  <si>
    <t>9257939.0</t>
  </si>
  <si>
    <t>9161129.0</t>
  </si>
  <si>
    <t>7796382.0</t>
  </si>
  <si>
    <t>47.873</t>
  </si>
  <si>
    <t>25787955.0</t>
  </si>
  <si>
    <t>9257964.0</t>
  </si>
  <si>
    <t>9161152.0</t>
  </si>
  <si>
    <t>7799332.0</t>
  </si>
  <si>
    <t>221.24</t>
  </si>
  <si>
    <t>25792719.0</t>
  </si>
  <si>
    <t>9258134.0</t>
  </si>
  <si>
    <t>9161359.0</t>
  </si>
  <si>
    <t>7803723.0</t>
  </si>
  <si>
    <t>4764.0</t>
  </si>
  <si>
    <t>221.28</t>
  </si>
  <si>
    <t>42.811</t>
  </si>
  <si>
    <t>25796746.0</t>
  </si>
  <si>
    <t>9258197.0</t>
  </si>
  <si>
    <t>9161413.0</t>
  </si>
  <si>
    <t>7807634.0</t>
  </si>
  <si>
    <t>221.32</t>
  </si>
  <si>
    <t>25799685.0</t>
  </si>
  <si>
    <t>9258246.0</t>
  </si>
  <si>
    <t>9161525.0</t>
  </si>
  <si>
    <t>7810412.0</t>
  </si>
  <si>
    <t>221.34</t>
  </si>
  <si>
    <t>39.208</t>
  </si>
  <si>
    <t>25800456.0</t>
  </si>
  <si>
    <t>9258368.0</t>
  </si>
  <si>
    <t>9161599.0</t>
  </si>
  <si>
    <t>7810989.0</t>
  </si>
  <si>
    <t>221.35</t>
  </si>
  <si>
    <t>25800460.0</t>
  </si>
  <si>
    <t>7810993.0</t>
  </si>
  <si>
    <t>23842.5</t>
  </si>
  <si>
    <t>2045.52655332401</t>
  </si>
  <si>
    <t>25802610.0</t>
  </si>
  <si>
    <t>9258385.0</t>
  </si>
  <si>
    <t>9161617.0</t>
  </si>
  <si>
    <t>7813108.0</t>
  </si>
  <si>
    <t>221.37</t>
  </si>
  <si>
    <t>25805724.0</t>
  </si>
  <si>
    <t>9258425.0</t>
  </si>
  <si>
    <t>9161649.0</t>
  </si>
  <si>
    <t>7816151.0</t>
  </si>
  <si>
    <t>221.4</t>
  </si>
  <si>
    <t>25809161.0</t>
  </si>
  <si>
    <t>9258531.0</t>
  </si>
  <si>
    <t>9161770.0</t>
  </si>
  <si>
    <t>7819362.0</t>
  </si>
  <si>
    <t>221.43</t>
  </si>
  <si>
    <t>25811801.0</t>
  </si>
  <si>
    <t>9258568.0</t>
  </si>
  <si>
    <t>9161795.0</t>
  </si>
  <si>
    <t>7821941.0</t>
  </si>
  <si>
    <t>221.45</t>
  </si>
  <si>
    <t>25814373.0</t>
  </si>
  <si>
    <t>9258626.0</t>
  </si>
  <si>
    <t>9161863.0</t>
  </si>
  <si>
    <t>7824389.0</t>
  </si>
  <si>
    <t>25814825.0</t>
  </si>
  <si>
    <t>9258653.0</t>
  </si>
  <si>
    <t>9161920.0</t>
  </si>
  <si>
    <t>7824757.0</t>
  </si>
  <si>
    <t>25814831.0</t>
  </si>
  <si>
    <t>7824763.0</t>
  </si>
  <si>
    <t>23923.1</t>
  </si>
  <si>
    <t>2052.44149262139</t>
  </si>
  <si>
    <t>25817477.0</t>
  </si>
  <si>
    <t>9258669.0</t>
  </si>
  <si>
    <t>9161940.0</t>
  </si>
  <si>
    <t>7827374.0</t>
  </si>
  <si>
    <t>25821320.0</t>
  </si>
  <si>
    <t>9258702.0</t>
  </si>
  <si>
    <t>9161967.0</t>
  </si>
  <si>
    <t>7831157.0</t>
  </si>
  <si>
    <t>25824167.0</t>
  </si>
  <si>
    <t>9258797.0</t>
  </si>
  <si>
    <t>9162042.0</t>
  </si>
  <si>
    <t>7833834.0</t>
  </si>
  <si>
    <t>221.55</t>
  </si>
  <si>
    <t>35.776</t>
  </si>
  <si>
    <t>25828898.0</t>
  </si>
  <si>
    <t>9258818.0</t>
  </si>
  <si>
    <t>9162057.0</t>
  </si>
  <si>
    <t>7838529.0</t>
  </si>
  <si>
    <t>221.59</t>
  </si>
  <si>
    <t>25836106.0</t>
  </si>
  <si>
    <t>9258869.0</t>
  </si>
  <si>
    <t>9162089.0</t>
  </si>
  <si>
    <t>7845655.0</t>
  </si>
  <si>
    <t>221.66</t>
  </si>
  <si>
    <t>25839821.0</t>
  </si>
  <si>
    <t>9258888.0</t>
  </si>
  <si>
    <t>9162122.0</t>
  </si>
  <si>
    <t>7849320.0</t>
  </si>
  <si>
    <t>221.69</t>
  </si>
  <si>
    <t>25839848.0</t>
  </si>
  <si>
    <t>7849347.0</t>
  </si>
  <si>
    <t>24082.7</t>
  </si>
  <si>
    <t>2066.13410194971</t>
  </si>
  <si>
    <t>25930590.0</t>
  </si>
  <si>
    <t>9258953.0</t>
  </si>
  <si>
    <t>9162157.0</t>
  </si>
  <si>
    <t>7939991.0</t>
  </si>
  <si>
    <t>90742.0</t>
  </si>
  <si>
    <t>222.47</t>
  </si>
  <si>
    <t>26036591.0</t>
  </si>
  <si>
    <t>9258985.0</t>
  </si>
  <si>
    <t>9162189.0</t>
  </si>
  <si>
    <t>8045928.0</t>
  </si>
  <si>
    <t>30753.0</t>
  </si>
  <si>
    <t>223.38</t>
  </si>
  <si>
    <t>26143443.0</t>
  </si>
  <si>
    <t>9259199.0</t>
  </si>
  <si>
    <t>9162342.0</t>
  </si>
  <si>
    <t>8152414.0</t>
  </si>
  <si>
    <t>106852.0</t>
  </si>
  <si>
    <t>45611.0</t>
  </si>
  <si>
    <t>26263843.0</t>
  </si>
  <si>
    <t>9259244.0</t>
  </si>
  <si>
    <t>9162382.0</t>
  </si>
  <si>
    <t>8272729.0</t>
  </si>
  <si>
    <t>120400.0</t>
  </si>
  <si>
    <t>62135.0</t>
  </si>
  <si>
    <t>225.33</t>
  </si>
  <si>
    <t>26358212.0</t>
  </si>
  <si>
    <t>9259284.0</t>
  </si>
  <si>
    <t>9162415.0</t>
  </si>
  <si>
    <t>8367025.0</t>
  </si>
  <si>
    <t>94369.0</t>
  </si>
  <si>
    <t>74587.0</t>
  </si>
  <si>
    <t>26403425.0</t>
  </si>
  <si>
    <t>9259337.0</t>
  </si>
  <si>
    <t>9162489.0</t>
  </si>
  <si>
    <t>8412112.0</t>
  </si>
  <si>
    <t>45213.0</t>
  </si>
  <si>
    <t>226.52</t>
  </si>
  <si>
    <t>26408231.0</t>
  </si>
  <si>
    <t>8416918.0</t>
  </si>
  <si>
    <t>4806.0</t>
  </si>
  <si>
    <t>81198.0</t>
  </si>
  <si>
    <t>24122.9</t>
  </si>
  <si>
    <t>2069.58299226925</t>
  </si>
  <si>
    <t>26515834.0</t>
  </si>
  <si>
    <t>9259452.0</t>
  </si>
  <si>
    <t>9162547.0</t>
  </si>
  <si>
    <t>8524360.0</t>
  </si>
  <si>
    <t>107603.0</t>
  </si>
  <si>
    <t>83606.0</t>
  </si>
  <si>
    <t>227.49</t>
  </si>
  <si>
    <t>73.13</t>
  </si>
  <si>
    <t>26643236.0</t>
  </si>
  <si>
    <t>9259517.0</t>
  </si>
  <si>
    <t>9162595.0</t>
  </si>
  <si>
    <t>8651649.0</t>
  </si>
  <si>
    <t>127402.0</t>
  </si>
  <si>
    <t>86664.0</t>
  </si>
  <si>
    <t>7435.0</t>
  </si>
  <si>
    <t>26774532.0</t>
  </si>
  <si>
    <t>9259722.0</t>
  </si>
  <si>
    <t>9162740.0</t>
  </si>
  <si>
    <t>8782596.0</t>
  </si>
  <si>
    <t>131296.0</t>
  </si>
  <si>
    <t>90156.0</t>
  </si>
  <si>
    <t>26902087.0</t>
  </si>
  <si>
    <t>9259792.0</t>
  </si>
  <si>
    <t>9162797.0</t>
  </si>
  <si>
    <t>8910024.0</t>
  </si>
  <si>
    <t>127555.0</t>
  </si>
  <si>
    <t>91178.0</t>
  </si>
  <si>
    <t>27000160.0</t>
  </si>
  <si>
    <t>9259833.0</t>
  </si>
  <si>
    <t>9162826.0</t>
  </si>
  <si>
    <t>9008027.0</t>
  </si>
  <si>
    <t>98073.0</t>
  </si>
  <si>
    <t>91707.0</t>
  </si>
  <si>
    <t>7868.0</t>
  </si>
  <si>
    <t>27047892.0</t>
  </si>
  <si>
    <t>9259879.0</t>
  </si>
  <si>
    <t>9162859.0</t>
  </si>
  <si>
    <t>9055680.0</t>
  </si>
  <si>
    <t>92067.0</t>
  </si>
  <si>
    <t>232.05</t>
  </si>
  <si>
    <t>27053499.0</t>
  </si>
  <si>
    <t>9259881.0</t>
  </si>
  <si>
    <t>9162860.0</t>
  </si>
  <si>
    <t>9061284.0</t>
  </si>
  <si>
    <t>92181.0</t>
  </si>
  <si>
    <t>232.1</t>
  </si>
  <si>
    <t>24285.7</t>
  </si>
  <si>
    <t>2083.55014013047</t>
  </si>
  <si>
    <t>27167570.0</t>
  </si>
  <si>
    <t>9259919.0</t>
  </si>
  <si>
    <t>9162890.0</t>
  </si>
  <si>
    <t>9175292.0</t>
  </si>
  <si>
    <t>114071.0</t>
  </si>
  <si>
    <t>93105.0</t>
  </si>
  <si>
    <t>233.08</t>
  </si>
  <si>
    <t>7988.0</t>
  </si>
  <si>
    <t>27296812.0</t>
  </si>
  <si>
    <t>9259959.0</t>
  </si>
  <si>
    <t>9162915.0</t>
  </si>
  <si>
    <t>9304469.0</t>
  </si>
  <si>
    <t>129242.0</t>
  </si>
  <si>
    <t>93368.0</t>
  </si>
  <si>
    <t>27432380.0</t>
  </si>
  <si>
    <t>9260097.0</t>
  </si>
  <si>
    <t>9163020.0</t>
  </si>
  <si>
    <t>9439794.0</t>
  </si>
  <si>
    <t>135568.0</t>
  </si>
  <si>
    <t>93978.0</t>
  </si>
  <si>
    <t>235.35</t>
  </si>
  <si>
    <t>27550343.0</t>
  </si>
  <si>
    <t>9260147.0</t>
  </si>
  <si>
    <t>9163053.0</t>
  </si>
  <si>
    <t>9557674.0</t>
  </si>
  <si>
    <t>117963.0</t>
  </si>
  <si>
    <t>92608.0</t>
  </si>
  <si>
    <t>236.36</t>
  </si>
  <si>
    <t>7945.0</t>
  </si>
  <si>
    <t>27641269.0</t>
  </si>
  <si>
    <t>9260213.0</t>
  </si>
  <si>
    <t>9163090.0</t>
  </si>
  <si>
    <t>9648497.0</t>
  </si>
  <si>
    <t>90926.0</t>
  </si>
  <si>
    <t>91587.0</t>
  </si>
  <si>
    <t>27679783.0</t>
  </si>
  <si>
    <t>9260264.0</t>
  </si>
  <si>
    <t>9163139.0</t>
  </si>
  <si>
    <t>9686912.0</t>
  </si>
  <si>
    <t>38514.0</t>
  </si>
  <si>
    <t>90270.0</t>
  </si>
  <si>
    <t>237.47</t>
  </si>
  <si>
    <t>27682712.0</t>
  </si>
  <si>
    <t>9260266.0</t>
  </si>
  <si>
    <t>9689839.0</t>
  </si>
  <si>
    <t>237.5</t>
  </si>
  <si>
    <t>24463.7</t>
  </si>
  <si>
    <t>2098.82134602296</t>
  </si>
  <si>
    <t>27764321.0</t>
  </si>
  <si>
    <t>9260323.0</t>
  </si>
  <si>
    <t>9163185.0</t>
  </si>
  <si>
    <t>9771346.0</t>
  </si>
  <si>
    <t>81609.0</t>
  </si>
  <si>
    <t>85250.0</t>
  </si>
  <si>
    <t>27878930.0</t>
  </si>
  <si>
    <t>9260381.0</t>
  </si>
  <si>
    <t>9163235.0</t>
  </si>
  <si>
    <t>9885849.0</t>
  </si>
  <si>
    <t>114609.0</t>
  </si>
  <si>
    <t>83160.0</t>
  </si>
  <si>
    <t>239.18</t>
  </si>
  <si>
    <t>27994248.0</t>
  </si>
  <si>
    <t>9260675.0</t>
  </si>
  <si>
    <t>9163445.0</t>
  </si>
  <si>
    <t>10000663.0</t>
  </si>
  <si>
    <t>115318.0</t>
  </si>
  <si>
    <t>80267.0</t>
  </si>
  <si>
    <t>240.17</t>
  </si>
  <si>
    <t>28096921.0</t>
  </si>
  <si>
    <t>9260736.0</t>
  </si>
  <si>
    <t>9163478.0</t>
  </si>
  <si>
    <t>10103243.0</t>
  </si>
  <si>
    <t>102673.0</t>
  </si>
  <si>
    <t>78083.0</t>
  </si>
  <si>
    <t>241.05</t>
  </si>
  <si>
    <t>86.68</t>
  </si>
  <si>
    <t>28181980.0</t>
  </si>
  <si>
    <t>9260800.0</t>
  </si>
  <si>
    <t>9163532.0</t>
  </si>
  <si>
    <t>10188185.0</t>
  </si>
  <si>
    <t>85059.0</t>
  </si>
  <si>
    <t>241.78</t>
  </si>
  <si>
    <t>87.41</t>
  </si>
  <si>
    <t>65.632</t>
  </si>
  <si>
    <t>28223440.0</t>
  </si>
  <si>
    <t>9260866.0</t>
  </si>
  <si>
    <t>9163587.0</t>
  </si>
  <si>
    <t>10229524.0</t>
  </si>
  <si>
    <t>41460.0</t>
  </si>
  <si>
    <t>77665.0</t>
  </si>
  <si>
    <t>242.14</t>
  </si>
  <si>
    <t>6663.0</t>
  </si>
  <si>
    <t>28225789.0</t>
  </si>
  <si>
    <t>9163588.0</t>
  </si>
  <si>
    <t>10231872.0</t>
  </si>
  <si>
    <t>77582.0</t>
  </si>
  <si>
    <t>87.78</t>
  </si>
  <si>
    <t>6656.0</t>
  </si>
  <si>
    <t>24715.3</t>
  </si>
  <si>
    <t>2120.40693817212</t>
  </si>
  <si>
    <t>28309141.0</t>
  </si>
  <si>
    <t>9260879.0</t>
  </si>
  <si>
    <t>9163606.0</t>
  </si>
  <si>
    <t>10315193.0</t>
  </si>
  <si>
    <t>83352.0</t>
  </si>
  <si>
    <t>77831.0</t>
  </si>
  <si>
    <t>242.87</t>
  </si>
  <si>
    <t>28398186.0</t>
  </si>
  <si>
    <t>9260912.0</t>
  </si>
  <si>
    <t>9163637.0</t>
  </si>
  <si>
    <t>10404174.0</t>
  </si>
  <si>
    <t>89045.0</t>
  </si>
  <si>
    <t>74179.0</t>
  </si>
  <si>
    <t>89.26</t>
  </si>
  <si>
    <t>6364.0</t>
  </si>
  <si>
    <t>28498291.0</t>
  </si>
  <si>
    <t>9261107.0</t>
  </si>
  <si>
    <t>9163800.0</t>
  </si>
  <si>
    <t>10503923.0</t>
  </si>
  <si>
    <t>100105.0</t>
  </si>
  <si>
    <t>28586066.0</t>
  </si>
  <si>
    <t>9261156.0</t>
  </si>
  <si>
    <t>9163849.0</t>
  </si>
  <si>
    <t>10591600.0</t>
  </si>
  <si>
    <t>87775.0</t>
  </si>
  <si>
    <t>69878.0</t>
  </si>
  <si>
    <t>245.25</t>
  </si>
  <si>
    <t>28655228.0</t>
  </si>
  <si>
    <t>9261190.0</t>
  </si>
  <si>
    <t>9163872.0</t>
  </si>
  <si>
    <t>10660706.0</t>
  </si>
  <si>
    <t>69162.0</t>
  </si>
  <si>
    <t>67607.0</t>
  </si>
  <si>
    <t>245.84</t>
  </si>
  <si>
    <t>91.46</t>
  </si>
  <si>
    <t>28693431.0</t>
  </si>
  <si>
    <t>9261254.0</t>
  </si>
  <si>
    <t>9163915.0</t>
  </si>
  <si>
    <t>10698803.0</t>
  </si>
  <si>
    <t>38203.0</t>
  </si>
  <si>
    <t>67142.0</t>
  </si>
  <si>
    <t>246.17</t>
  </si>
  <si>
    <t>79.46</t>
  </si>
  <si>
    <t>91.79</t>
  </si>
  <si>
    <t>28695220.0</t>
  </si>
  <si>
    <t>9163917.0</t>
  </si>
  <si>
    <t>10700590.0</t>
  </si>
  <si>
    <t>67062.0</t>
  </si>
  <si>
    <t>91.8</t>
  </si>
  <si>
    <t>24914.9</t>
  </si>
  <si>
    <t>2137.53127916168</t>
  </si>
  <si>
    <t>1524.0</t>
  </si>
  <si>
    <t>28756237.0</t>
  </si>
  <si>
    <t>9261284.0</t>
  </si>
  <si>
    <t>9163945.0</t>
  </si>
  <si>
    <t>10761549.0</t>
  </si>
  <si>
    <t>61017.0</t>
  </si>
  <si>
    <t>63871.0</t>
  </si>
  <si>
    <t>246.71</t>
  </si>
  <si>
    <t>92.33</t>
  </si>
  <si>
    <t>28821745.0</t>
  </si>
  <si>
    <t>9261328.0</t>
  </si>
  <si>
    <t>9163975.0</t>
  </si>
  <si>
    <t>10826983.0</t>
  </si>
  <si>
    <t>65508.0</t>
  </si>
  <si>
    <t>60508.0</t>
  </si>
  <si>
    <t>247.27</t>
  </si>
  <si>
    <t>92.89</t>
  </si>
  <si>
    <t>5191.0</t>
  </si>
  <si>
    <t>28895959.0</t>
  </si>
  <si>
    <t>9261543.0</t>
  </si>
  <si>
    <t>9164104.0</t>
  </si>
  <si>
    <t>10900854.0</t>
  </si>
  <si>
    <t>74214.0</t>
  </si>
  <si>
    <t>56810.0</t>
  </si>
  <si>
    <t>247.91</t>
  </si>
  <si>
    <t>93.52</t>
  </si>
  <si>
    <t>28958032.0</t>
  </si>
  <si>
    <t>9261582.0</t>
  </si>
  <si>
    <t>9164140.0</t>
  </si>
  <si>
    <t>10962853.0</t>
  </si>
  <si>
    <t>62073.0</t>
  </si>
  <si>
    <t>53138.0</t>
  </si>
  <si>
    <t>248.44</t>
  </si>
  <si>
    <t>29012022.0</t>
  </si>
  <si>
    <t>9261617.0</t>
  </si>
  <si>
    <t>9164170.0</t>
  </si>
  <si>
    <t>11016780.0</t>
  </si>
  <si>
    <t>53990.0</t>
  </si>
  <si>
    <t>50971.0</t>
  </si>
  <si>
    <t>248.9</t>
  </si>
  <si>
    <t>94.52</t>
  </si>
  <si>
    <t>29041695.0</t>
  </si>
  <si>
    <t>9261676.0</t>
  </si>
  <si>
    <t>9164200.0</t>
  </si>
  <si>
    <t>11046364.0</t>
  </si>
  <si>
    <t>29673.0</t>
  </si>
  <si>
    <t>49752.0</t>
  </si>
  <si>
    <t>249.16</t>
  </si>
  <si>
    <t>94.77</t>
  </si>
  <si>
    <t>125.687</t>
  </si>
  <si>
    <t>29043005.0</t>
  </si>
  <si>
    <t>9261685.0</t>
  </si>
  <si>
    <t>11047665.0</t>
  </si>
  <si>
    <t>49684.0</t>
  </si>
  <si>
    <t>249.17</t>
  </si>
  <si>
    <t>94.78</t>
  </si>
  <si>
    <t>25102.5</t>
  </si>
  <si>
    <t>2153.62610065286</t>
  </si>
  <si>
    <t>122.77</t>
  </si>
  <si>
    <t>29093792.0</t>
  </si>
  <si>
    <t>9261741.0</t>
  </si>
  <si>
    <t>9164257.0</t>
  </si>
  <si>
    <t>11098339.0</t>
  </si>
  <si>
    <t>50787.0</t>
  </si>
  <si>
    <t>48222.0</t>
  </si>
  <si>
    <t>249.61</t>
  </si>
  <si>
    <t>29141980.0</t>
  </si>
  <si>
    <t>9261800.0</t>
  </si>
  <si>
    <t>9164285.0</t>
  </si>
  <si>
    <t>11146440.0</t>
  </si>
  <si>
    <t>48188.0</t>
  </si>
  <si>
    <t>45748.0</t>
  </si>
  <si>
    <t>250.02</t>
  </si>
  <si>
    <t>95.63</t>
  </si>
  <si>
    <t>29206615.0</t>
  </si>
  <si>
    <t>9262201.0</t>
  </si>
  <si>
    <t>9164543.0</t>
  </si>
  <si>
    <t>11210417.0</t>
  </si>
  <si>
    <t>64635.0</t>
  </si>
  <si>
    <t>44379.0</t>
  </si>
  <si>
    <t>250.57</t>
  </si>
  <si>
    <t>96.18</t>
  </si>
  <si>
    <t>29253541.0</t>
  </si>
  <si>
    <t>9262259.0</t>
  </si>
  <si>
    <t>9164598.0</t>
  </si>
  <si>
    <t>11257232.0</t>
  </si>
  <si>
    <t>46926.0</t>
  </si>
  <si>
    <t>42216.0</t>
  </si>
  <si>
    <t>250.98</t>
  </si>
  <si>
    <t>29292676.0</t>
  </si>
  <si>
    <t>9262315.0</t>
  </si>
  <si>
    <t>9164644.0</t>
  </si>
  <si>
    <t>11296267.0</t>
  </si>
  <si>
    <t>40093.0</t>
  </si>
  <si>
    <t>251.31</t>
  </si>
  <si>
    <t>96.91</t>
  </si>
  <si>
    <t>29311972.0</t>
  </si>
  <si>
    <t>9262362.0</t>
  </si>
  <si>
    <t>9164694.0</t>
  </si>
  <si>
    <t>11315466.0</t>
  </si>
  <si>
    <t>38611.0</t>
  </si>
  <si>
    <t>251.48</t>
  </si>
  <si>
    <t>97.08</t>
  </si>
  <si>
    <t>29312901.0</t>
  </si>
  <si>
    <t>9262363.0</t>
  </si>
  <si>
    <t>11316394.0</t>
  </si>
  <si>
    <t>38557.0</t>
  </si>
  <si>
    <t>251.49</t>
  </si>
  <si>
    <t>97.09</t>
  </si>
  <si>
    <t>25269.3</t>
  </si>
  <si>
    <t>2167.93642168021</t>
  </si>
  <si>
    <t>29323315.0</t>
  </si>
  <si>
    <t>9262385.0</t>
  </si>
  <si>
    <t>9164704.0</t>
  </si>
  <si>
    <t>11326776.0</t>
  </si>
  <si>
    <t>10414.0</t>
  </si>
  <si>
    <t>32789.0</t>
  </si>
  <si>
    <t>251.57</t>
  </si>
  <si>
    <t>79.47</t>
  </si>
  <si>
    <t>97.18</t>
  </si>
  <si>
    <t>29323720.0</t>
  </si>
  <si>
    <t>9262390.0</t>
  </si>
  <si>
    <t>9164705.0</t>
  </si>
  <si>
    <t>11327176.0</t>
  </si>
  <si>
    <t>25963.0</t>
  </si>
  <si>
    <t>251.58</t>
  </si>
  <si>
    <t>29339483.0</t>
  </si>
  <si>
    <t>9262432.0</t>
  </si>
  <si>
    <t>9164753.0</t>
  </si>
  <si>
    <t>11342849.0</t>
  </si>
  <si>
    <t>15763.0</t>
  </si>
  <si>
    <t>18981.0</t>
  </si>
  <si>
    <t>251.71</t>
  </si>
  <si>
    <t>97.31</t>
  </si>
  <si>
    <t>29359221.0</t>
  </si>
  <si>
    <t>9262475.0</t>
  </si>
  <si>
    <t>9164768.0</t>
  </si>
  <si>
    <t>11362529.0</t>
  </si>
  <si>
    <t>19738.0</t>
  </si>
  <si>
    <t>251.88</t>
  </si>
  <si>
    <t>97.48</t>
  </si>
  <si>
    <t>29371558.0</t>
  </si>
  <si>
    <t>9262501.0</t>
  </si>
  <si>
    <t>9164798.0</t>
  </si>
  <si>
    <t>11374811.0</t>
  </si>
  <si>
    <t>251.99</t>
  </si>
  <si>
    <t>97.59</t>
  </si>
  <si>
    <t>29381115.0</t>
  </si>
  <si>
    <t>9262542.0</t>
  </si>
  <si>
    <t>9164848.0</t>
  </si>
  <si>
    <t>11384277.0</t>
  </si>
  <si>
    <t>252.07</t>
  </si>
  <si>
    <t>97.67</t>
  </si>
  <si>
    <t>29381162.0</t>
  </si>
  <si>
    <t>11384324.0</t>
  </si>
  <si>
    <t>9752.0</t>
  </si>
  <si>
    <t>25283.5</t>
  </si>
  <si>
    <t>2169.15468641994</t>
  </si>
  <si>
    <t>29392736.0</t>
  </si>
  <si>
    <t>9262552.0</t>
  </si>
  <si>
    <t>9164866.0</t>
  </si>
  <si>
    <t>11395870.0</t>
  </si>
  <si>
    <t>11574.0</t>
  </si>
  <si>
    <t>252.17</t>
  </si>
  <si>
    <t>97.77</t>
  </si>
  <si>
    <t>29405927.0</t>
  </si>
  <si>
    <t>9262593.0</t>
  </si>
  <si>
    <t>9164901.0</t>
  </si>
  <si>
    <t>11408986.0</t>
  </si>
  <si>
    <t>11744.0</t>
  </si>
  <si>
    <t>252.28</t>
  </si>
  <si>
    <t>29421670.0</t>
  </si>
  <si>
    <t>9262734.0</t>
  </si>
  <si>
    <t>9165052.0</t>
  </si>
  <si>
    <t>11424437.0</t>
  </si>
  <si>
    <t>15743.0</t>
  </si>
  <si>
    <t>11741.0</t>
  </si>
  <si>
    <t>252.42</t>
  </si>
  <si>
    <t>98.01</t>
  </si>
  <si>
    <t>69.493</t>
  </si>
  <si>
    <t>29434261.0</t>
  </si>
  <si>
    <t>9262783.0</t>
  </si>
  <si>
    <t>9165101.0</t>
  </si>
  <si>
    <t>11436930.0</t>
  </si>
  <si>
    <t>12591.0</t>
  </si>
  <si>
    <t>252.53</t>
  </si>
  <si>
    <t>98.12</t>
  </si>
  <si>
    <t>29434687.0</t>
  </si>
  <si>
    <t>9262789.0</t>
  </si>
  <si>
    <t>9165102.0</t>
  </si>
  <si>
    <t>11437349.0</t>
  </si>
  <si>
    <t>32.001</t>
  </si>
  <si>
    <t>29438430.0</t>
  </si>
  <si>
    <t>9262828.0</t>
  </si>
  <si>
    <t>9165151.0</t>
  </si>
  <si>
    <t>11441004.0</t>
  </si>
  <si>
    <t>252.56</t>
  </si>
  <si>
    <t>29438440.0</t>
  </si>
  <si>
    <t>11441014.0</t>
  </si>
  <si>
    <t>8183.0</t>
  </si>
  <si>
    <t>25317.5</t>
  </si>
  <si>
    <t>2172.07165833199</t>
  </si>
  <si>
    <t>29444584.0</t>
  </si>
  <si>
    <t>9262861.0</t>
  </si>
  <si>
    <t>9165170.0</t>
  </si>
  <si>
    <t>11447106.0</t>
  </si>
  <si>
    <t>252.61</t>
  </si>
  <si>
    <t>98.21</t>
  </si>
  <si>
    <t>29451777.0</t>
  </si>
  <si>
    <t>9262889.0</t>
  </si>
  <si>
    <t>9165199.0</t>
  </si>
  <si>
    <t>11454245.0</t>
  </si>
  <si>
    <t>252.68</t>
  </si>
  <si>
    <t>98.27</t>
  </si>
  <si>
    <t>3.861</t>
  </si>
  <si>
    <t>29465579.0</t>
  </si>
  <si>
    <t>9263031.0</t>
  </si>
  <si>
    <t>9165524.0</t>
  </si>
  <si>
    <t>11467580.0</t>
  </si>
  <si>
    <t>252.79</t>
  </si>
  <si>
    <t>25.652</t>
  </si>
  <si>
    <t>29471011.0</t>
  </si>
  <si>
    <t>9263052.0</t>
  </si>
  <si>
    <t>9165539.0</t>
  </si>
  <si>
    <t>11472976.0</t>
  </si>
  <si>
    <t>252.84</t>
  </si>
  <si>
    <t>98.43</t>
  </si>
  <si>
    <t>29477410.0</t>
  </si>
  <si>
    <t>9263089.0</t>
  </si>
  <si>
    <t>9165573.0</t>
  </si>
  <si>
    <t>11479304.0</t>
  </si>
  <si>
    <t>252.9</t>
  </si>
  <si>
    <t>98.48</t>
  </si>
  <si>
    <t>29483831.0</t>
  </si>
  <si>
    <t>9263129.0</t>
  </si>
  <si>
    <t>9165649.0</t>
  </si>
  <si>
    <t>11485609.0</t>
  </si>
  <si>
    <t>6421.0</t>
  </si>
  <si>
    <t>252.95</t>
  </si>
  <si>
    <t>98.54</t>
  </si>
  <si>
    <t>29483857.0</t>
  </si>
  <si>
    <t>11485635.0</t>
  </si>
  <si>
    <t>25293.1</t>
  </si>
  <si>
    <t>2169.97830201864</t>
  </si>
  <si>
    <t>29487231.0</t>
  </si>
  <si>
    <t>9263155.0</t>
  </si>
  <si>
    <t>9165667.0</t>
  </si>
  <si>
    <t>11488967.0</t>
  </si>
  <si>
    <t>6092.0</t>
  </si>
  <si>
    <t>252.98</t>
  </si>
  <si>
    <t>98.57</t>
  </si>
  <si>
    <t>29491718.0</t>
  </si>
  <si>
    <t>9263165.0</t>
  </si>
  <si>
    <t>9165684.0</t>
  </si>
  <si>
    <t>11493428.0</t>
  </si>
  <si>
    <t>4487.0</t>
  </si>
  <si>
    <t>253.02</t>
  </si>
  <si>
    <t>98.61</t>
  </si>
  <si>
    <t>29495717.0</t>
  </si>
  <si>
    <t>9263237.0</t>
  </si>
  <si>
    <t>9165784.0</t>
  </si>
  <si>
    <t>11497255.0</t>
  </si>
  <si>
    <t>253.05</t>
  </si>
  <si>
    <t>98.64</t>
  </si>
  <si>
    <t>29501487.0</t>
  </si>
  <si>
    <t>9263256.0</t>
  </si>
  <si>
    <t>9165826.0</t>
  </si>
  <si>
    <t>11502967.0</t>
  </si>
  <si>
    <t>253.1</t>
  </si>
  <si>
    <t>98.69</t>
  </si>
  <si>
    <t>29506841.0</t>
  </si>
  <si>
    <t>9263284.0</t>
  </si>
  <si>
    <t>9165858.0</t>
  </si>
  <si>
    <t>11508261.0</t>
  </si>
  <si>
    <t>253.15</t>
  </si>
  <si>
    <t>98.73</t>
  </si>
  <si>
    <t>29508973.0</t>
  </si>
  <si>
    <t>9263301.0</t>
  </si>
  <si>
    <t>9165889.0</t>
  </si>
  <si>
    <t>11510345.0</t>
  </si>
  <si>
    <t>253.17</t>
  </si>
  <si>
    <t>98.75</t>
  </si>
  <si>
    <t>29508990.0</t>
  </si>
  <si>
    <t>11510362.0</t>
  </si>
  <si>
    <t>29511812.0</t>
  </si>
  <si>
    <t>9263310.0</t>
  </si>
  <si>
    <t>9165899.0</t>
  </si>
  <si>
    <t>11513166.0</t>
  </si>
  <si>
    <t>253.19</t>
  </si>
  <si>
    <t>98.78</t>
  </si>
  <si>
    <t>29516935.0</t>
  </si>
  <si>
    <t>9263331.0</t>
  </si>
  <si>
    <t>9165922.0</t>
  </si>
  <si>
    <t>11518245.0</t>
  </si>
  <si>
    <t>253.24</t>
  </si>
  <si>
    <t>98.82</t>
  </si>
  <si>
    <t>29523240.0</t>
  </si>
  <si>
    <t>9263414.0</t>
  </si>
  <si>
    <t>9166045.0</t>
  </si>
  <si>
    <t>11524344.0</t>
  </si>
  <si>
    <t>253.29</t>
  </si>
  <si>
    <t>98.87</t>
  </si>
  <si>
    <t>29527367.0</t>
  </si>
  <si>
    <t>9263444.0</t>
  </si>
  <si>
    <t>9166077.0</t>
  </si>
  <si>
    <t>11528409.0</t>
  </si>
  <si>
    <t>253.33</t>
  </si>
  <si>
    <t>98.91</t>
  </si>
  <si>
    <t>3.689</t>
  </si>
  <si>
    <t>29530297.0</t>
  </si>
  <si>
    <t>9263450.0</t>
  </si>
  <si>
    <t>9166085.0</t>
  </si>
  <si>
    <t>11531325.0</t>
  </si>
  <si>
    <t>3351.0</t>
  </si>
  <si>
    <t>253.35</t>
  </si>
  <si>
    <t>29531860.0</t>
  </si>
  <si>
    <t>9263463.0</t>
  </si>
  <si>
    <t>9166121.0</t>
  </si>
  <si>
    <t>11532839.0</t>
  </si>
  <si>
    <t>253.36</t>
  </si>
  <si>
    <t>98.94</t>
  </si>
  <si>
    <t>29531884.0</t>
  </si>
  <si>
    <t>11532863.0</t>
  </si>
  <si>
    <t>29533864.0</t>
  </si>
  <si>
    <t>9263473.0</t>
  </si>
  <si>
    <t>9166142.0</t>
  </si>
  <si>
    <t>11534814.0</t>
  </si>
  <si>
    <t>253.38</t>
  </si>
  <si>
    <t>98.96</t>
  </si>
  <si>
    <t>29537524.0</t>
  </si>
  <si>
    <t>9263490.0</t>
  </si>
  <si>
    <t>9166160.0</t>
  </si>
  <si>
    <t>11538439.0</t>
  </si>
  <si>
    <t>253.41</t>
  </si>
  <si>
    <t>98.99</t>
  </si>
  <si>
    <t>29542781.0</t>
  </si>
  <si>
    <t>9263618.0</t>
  </si>
  <si>
    <t>9166339.0</t>
  </si>
  <si>
    <t>11543390.0</t>
  </si>
  <si>
    <t>253.46</t>
  </si>
  <si>
    <t>99.03</t>
  </si>
  <si>
    <t>29546003.0</t>
  </si>
  <si>
    <t>9263639.0</t>
  </si>
  <si>
    <t>9166363.0</t>
  </si>
  <si>
    <t>11546567.0</t>
  </si>
  <si>
    <t>253.48</t>
  </si>
  <si>
    <t>99.06</t>
  </si>
  <si>
    <t>29549732.0</t>
  </si>
  <si>
    <t>9263651.0</t>
  </si>
  <si>
    <t>9166391.0</t>
  </si>
  <si>
    <t>11550257.0</t>
  </si>
  <si>
    <t>253.52</t>
  </si>
  <si>
    <t>99.09</t>
  </si>
  <si>
    <t>56.28</t>
  </si>
  <si>
    <t>29551507.0</t>
  </si>
  <si>
    <t>9263673.0</t>
  </si>
  <si>
    <t>9166418.0</t>
  </si>
  <si>
    <t>11551983.0</t>
  </si>
  <si>
    <t>253.53</t>
  </si>
  <si>
    <t>99.11</t>
  </si>
  <si>
    <t>29551527.0</t>
  </si>
  <si>
    <t>11552003.0</t>
  </si>
  <si>
    <t>29553990.0</t>
  </si>
  <si>
    <t>9263682.0</t>
  </si>
  <si>
    <t>9166444.0</t>
  </si>
  <si>
    <t>11554431.0</t>
  </si>
  <si>
    <t>253.55</t>
  </si>
  <si>
    <t>99.13</t>
  </si>
  <si>
    <t>29556563.0</t>
  </si>
  <si>
    <t>9263702.0</t>
  </si>
  <si>
    <t>9166461.0</t>
  </si>
  <si>
    <t>11556968.0</t>
  </si>
  <si>
    <t>253.58</t>
  </si>
  <si>
    <t>99.15</t>
  </si>
  <si>
    <t>29559821.0</t>
  </si>
  <si>
    <t>9263730.0</t>
  </si>
  <si>
    <t>9166514.0</t>
  </si>
  <si>
    <t>11560145.0</t>
  </si>
  <si>
    <t>253.6</t>
  </si>
  <si>
    <t>99.18</t>
  </si>
  <si>
    <t>29563526.0</t>
  </si>
  <si>
    <t>9263736.0</t>
  </si>
  <si>
    <t>9166515.0</t>
  </si>
  <si>
    <t>11563843.0</t>
  </si>
  <si>
    <t>253.64</t>
  </si>
  <si>
    <t>99.21</t>
  </si>
  <si>
    <t>29566531.0</t>
  </si>
  <si>
    <t>9263745.0</t>
  </si>
  <si>
    <t>9166528.0</t>
  </si>
  <si>
    <t>11566826.0</t>
  </si>
  <si>
    <t>253.66</t>
  </si>
  <si>
    <t>99.24</t>
  </si>
  <si>
    <t>151.254</t>
  </si>
  <si>
    <t>29567661.0</t>
  </si>
  <si>
    <t>9263753.0</t>
  </si>
  <si>
    <t>9166550.0</t>
  </si>
  <si>
    <t>11567926.0</t>
  </si>
  <si>
    <t>253.67</t>
  </si>
  <si>
    <t>99.25</t>
  </si>
  <si>
    <t>29567673.0</t>
  </si>
  <si>
    <t>11567938.0</t>
  </si>
  <si>
    <t>75.927</t>
  </si>
  <si>
    <t>29570154.0</t>
  </si>
  <si>
    <t>9263782.0</t>
  </si>
  <si>
    <t>9166581.0</t>
  </si>
  <si>
    <t>11570359.0</t>
  </si>
  <si>
    <t>253.69</t>
  </si>
  <si>
    <t>99.27</t>
  </si>
  <si>
    <t>29573334.0</t>
  </si>
  <si>
    <t>9263834.0</t>
  </si>
  <si>
    <t>9166624.0</t>
  </si>
  <si>
    <t>11573445.0</t>
  </si>
  <si>
    <t>253.72</t>
  </si>
  <si>
    <t>99.29</t>
  </si>
  <si>
    <t>29576699.0</t>
  </si>
  <si>
    <t>9263954.0</t>
  </si>
  <si>
    <t>9166733.0</t>
  </si>
  <si>
    <t>11576581.0</t>
  </si>
  <si>
    <t>253.75</t>
  </si>
  <si>
    <t>29578665.0</t>
  </si>
  <si>
    <t>9263999.0</t>
  </si>
  <si>
    <t>9166764.0</t>
  </si>
  <si>
    <t>11578471.0</t>
  </si>
  <si>
    <t>253.77</t>
  </si>
  <si>
    <t>99.34</t>
  </si>
  <si>
    <t>29579853.0</t>
  </si>
  <si>
    <t>9264037.0</t>
  </si>
  <si>
    <t>9166791.0</t>
  </si>
  <si>
    <t>11579599.0</t>
  </si>
  <si>
    <t>253.78</t>
  </si>
  <si>
    <t>99.35</t>
  </si>
  <si>
    <t>29579924.0</t>
  </si>
  <si>
    <t>9166792.0</t>
  </si>
  <si>
    <t>11579669.0</t>
  </si>
  <si>
    <t>29579927.0</t>
  </si>
  <si>
    <t>11579672.0</t>
  </si>
  <si>
    <t>29580503.0</t>
  </si>
  <si>
    <t>9264048.0</t>
  </si>
  <si>
    <t>9166800.0</t>
  </si>
  <si>
    <t>11580229.0</t>
  </si>
  <si>
    <t>29581557.0</t>
  </si>
  <si>
    <t>9264076.0</t>
  </si>
  <si>
    <t>9166809.0</t>
  </si>
  <si>
    <t>11581246.0</t>
  </si>
  <si>
    <t>253.79</t>
  </si>
  <si>
    <t>29582719.0</t>
  </si>
  <si>
    <t>9264101.0</t>
  </si>
  <si>
    <t>9166838.0</t>
  </si>
  <si>
    <t>11582354.0</t>
  </si>
  <si>
    <t>253.8</t>
  </si>
  <si>
    <t>29583865.0</t>
  </si>
  <si>
    <t>9264131.0</t>
  </si>
  <si>
    <t>9166855.0</t>
  </si>
  <si>
    <t>11583453.0</t>
  </si>
  <si>
    <t>253.81</t>
  </si>
  <si>
    <t>99.38</t>
  </si>
  <si>
    <t>29584756.0</t>
  </si>
  <si>
    <t>9264171.0</t>
  </si>
  <si>
    <t>9166870.0</t>
  </si>
  <si>
    <t>11584289.0</t>
  </si>
  <si>
    <t>253.82</t>
  </si>
  <si>
    <t>99.39</t>
  </si>
  <si>
    <t>29584804.0</t>
  </si>
  <si>
    <t>9264172.0</t>
  </si>
  <si>
    <t>9166871.0</t>
  </si>
  <si>
    <t>11584335.0</t>
  </si>
  <si>
    <t>1694.0</t>
  </si>
  <si>
    <t>66.661</t>
  </si>
  <si>
    <t>BLZ</t>
  </si>
  <si>
    <t>Belize</t>
  </si>
  <si>
    <t>-13.4</t>
  </si>
  <si>
    <t>-10.37</t>
  </si>
  <si>
    <t>-33.063153089801</t>
  </si>
  <si>
    <t>-38.2</t>
  </si>
  <si>
    <t>-5.51</t>
  </si>
  <si>
    <t>-14.61</t>
  </si>
  <si>
    <t>-94.254660300776</t>
  </si>
  <si>
    <t>-46.6</t>
  </si>
  <si>
    <t>-5.43</t>
  </si>
  <si>
    <t>-5.08</t>
  </si>
  <si>
    <t>-114.980815969009</t>
  </si>
  <si>
    <t>-41.2</t>
  </si>
  <si>
    <t>-4.03</t>
  </si>
  <si>
    <t>-101.656858753717</t>
  </si>
  <si>
    <t>-47.6</t>
  </si>
  <si>
    <t>-3.94</t>
  </si>
  <si>
    <t>-117.448215453323</t>
  </si>
  <si>
    <t>-133.239572152929</t>
  </si>
  <si>
    <t>-71.8</t>
  </si>
  <si>
    <t>-10.67</t>
  </si>
  <si>
    <t>-177.15928297371</t>
  </si>
  <si>
    <t>-50.6</t>
  </si>
  <si>
    <t>-3.01</t>
  </si>
  <si>
    <t>-124.850413906263</t>
  </si>
  <si>
    <t>85.3720221572474</t>
  </si>
  <si>
    <t>314.840174198404</t>
  </si>
  <si>
    <t>357.772925225459</t>
  </si>
  <si>
    <t>404.160035530553</t>
  </si>
  <si>
    <t>11943.0</t>
  </si>
  <si>
    <t>13150.0</t>
  </si>
  <si>
    <t>16202.0</t>
  </si>
  <si>
    <t>17282.0</t>
  </si>
  <si>
    <t>18182.0</t>
  </si>
  <si>
    <t>22067.0</t>
  </si>
  <si>
    <t>145.8</t>
  </si>
  <si>
    <t>-9.52</t>
  </si>
  <si>
    <t>359.746844812909</t>
  </si>
  <si>
    <t>23958.0</t>
  </si>
  <si>
    <t>27353.0</t>
  </si>
  <si>
    <t>28188.0</t>
  </si>
  <si>
    <t>29939.0</t>
  </si>
  <si>
    <t>33180.0</t>
  </si>
  <si>
    <t>34262.0</t>
  </si>
  <si>
    <t>35990.0</t>
  </si>
  <si>
    <t>37097.0</t>
  </si>
  <si>
    <t>38176.0</t>
  </si>
  <si>
    <t>39330.0</t>
  </si>
  <si>
    <t>115.2</t>
  </si>
  <si>
    <t>-17.63</t>
  </si>
  <si>
    <t>284.244420592916</t>
  </si>
  <si>
    <t>44548.0</t>
  </si>
  <si>
    <t>46067.0</t>
  </si>
  <si>
    <t>46659.0</t>
  </si>
  <si>
    <t>47675.0</t>
  </si>
  <si>
    <t>49358.0</t>
  </si>
  <si>
    <t>52753.0</t>
  </si>
  <si>
    <t>53496.0</t>
  </si>
  <si>
    <t>64413.0</t>
  </si>
  <si>
    <t>54909.0</t>
  </si>
  <si>
    <t>9504.0</t>
  </si>
  <si>
    <t>123837.0</t>
  </si>
  <si>
    <t>309.569</t>
  </si>
  <si>
    <t>66387.0</t>
  </si>
  <si>
    <t>56719.0</t>
  </si>
  <si>
    <t>5673.0</t>
  </si>
  <si>
    <t>126706.0</t>
  </si>
  <si>
    <t>316.74</t>
  </si>
  <si>
    <t>70548.0</t>
  </si>
  <si>
    <t>60119.0</t>
  </si>
  <si>
    <t>10429.0</t>
  </si>
  <si>
    <t>71916.0</t>
  </si>
  <si>
    <t>61282.0</t>
  </si>
  <si>
    <t>10634.0</t>
  </si>
  <si>
    <t>130529.0</t>
  </si>
  <si>
    <t>326.297</t>
  </si>
  <si>
    <t>215.9</t>
  </si>
  <si>
    <t>131171.0</t>
  </si>
  <si>
    <t>327.902</t>
  </si>
  <si>
    <t>74016.0</t>
  </si>
  <si>
    <t>63064.0</t>
  </si>
  <si>
    <t>10952.0</t>
  </si>
  <si>
    <t>184.1</t>
  </si>
  <si>
    <t>75243.0</t>
  </si>
  <si>
    <t>64070.0</t>
  </si>
  <si>
    <t>11173.0</t>
  </si>
  <si>
    <t>174.5</t>
  </si>
  <si>
    <t>164.9</t>
  </si>
  <si>
    <t>93.2</t>
  </si>
  <si>
    <t>286.218340180367</t>
  </si>
  <si>
    <t>133694.0</t>
  </si>
  <si>
    <t>334.209</t>
  </si>
  <si>
    <t>93.5</t>
  </si>
  <si>
    <t>76787.0</t>
  </si>
  <si>
    <t>65271.0</t>
  </si>
  <si>
    <t>77607.0</t>
  </si>
  <si>
    <t>65829.0</t>
  </si>
  <si>
    <t>11778.0</t>
  </si>
  <si>
    <t>134842.0</t>
  </si>
  <si>
    <t>337.079</t>
  </si>
  <si>
    <t>78530.0</t>
  </si>
  <si>
    <t>66596.0</t>
  </si>
  <si>
    <t>19.38</t>
  </si>
  <si>
    <t>80121.0</t>
  </si>
  <si>
    <t>67851.0</t>
  </si>
  <si>
    <t>12270.0</t>
  </si>
  <si>
    <t>19.77</t>
  </si>
  <si>
    <t>3013.0</t>
  </si>
  <si>
    <t>139502.0</t>
  </si>
  <si>
    <t>348.728</t>
  </si>
  <si>
    <t>88569.0</t>
  </si>
  <si>
    <t>72453.0</t>
  </si>
  <si>
    <t>16116.0</t>
  </si>
  <si>
    <t>2983.0</t>
  </si>
  <si>
    <t>142646.0</t>
  </si>
  <si>
    <t>356.587</t>
  </si>
  <si>
    <t>93451.0</t>
  </si>
  <si>
    <t>74278.0</t>
  </si>
  <si>
    <t>19173.0</t>
  </si>
  <si>
    <t>95452.0</t>
  </si>
  <si>
    <t>75123.0</t>
  </si>
  <si>
    <t>20329.0</t>
  </si>
  <si>
    <t>3277.0</t>
  </si>
  <si>
    <t>97404.0</t>
  </si>
  <si>
    <t>76148.0</t>
  </si>
  <si>
    <t>145629.0</t>
  </si>
  <si>
    <t>364.044</t>
  </si>
  <si>
    <t>147868.0</t>
  </si>
  <si>
    <t>369.641</t>
  </si>
  <si>
    <t>106010.0</t>
  </si>
  <si>
    <t>79993.0</t>
  </si>
  <si>
    <t>26017.0</t>
  </si>
  <si>
    <t>148799.0</t>
  </si>
  <si>
    <t>371.969</t>
  </si>
  <si>
    <t>153748.0</t>
  </si>
  <si>
    <t>384.34</t>
  </si>
  <si>
    <t>4002.0</t>
  </si>
  <si>
    <t>118989.0</t>
  </si>
  <si>
    <t>87522.0</t>
  </si>
  <si>
    <t>31467.0</t>
  </si>
  <si>
    <t>123902.0</t>
  </si>
  <si>
    <t>90878.0</t>
  </si>
  <si>
    <t>5068.0</t>
  </si>
  <si>
    <t>4974.0</t>
  </si>
  <si>
    <t>127969.0</t>
  </si>
  <si>
    <t>93775.0</t>
  </si>
  <si>
    <t>34194.0</t>
  </si>
  <si>
    <t>4881.0</t>
  </si>
  <si>
    <t>159538.0</t>
  </si>
  <si>
    <t>398.814</t>
  </si>
  <si>
    <t>131938.0</t>
  </si>
  <si>
    <t>96569.0</t>
  </si>
  <si>
    <t>35369.0</t>
  </si>
  <si>
    <t>23.83</t>
  </si>
  <si>
    <t>160889.0</t>
  </si>
  <si>
    <t>402.191</t>
  </si>
  <si>
    <t>3.377</t>
  </si>
  <si>
    <t>136169.0</t>
  </si>
  <si>
    <t>99591.0</t>
  </si>
  <si>
    <t>36578.0</t>
  </si>
  <si>
    <t>139525.0</t>
  </si>
  <si>
    <t>102052.0</t>
  </si>
  <si>
    <t>37473.0</t>
  </si>
  <si>
    <t>7239.0</t>
  </si>
  <si>
    <t>163555.0</t>
  </si>
  <si>
    <t>408.856</t>
  </si>
  <si>
    <t>2.812</t>
  </si>
  <si>
    <t>6094.0</t>
  </si>
  <si>
    <t>2.737</t>
  </si>
  <si>
    <t>167129.0</t>
  </si>
  <si>
    <t>417.79</t>
  </si>
  <si>
    <t>107617.0</t>
  </si>
  <si>
    <t>39463.0</t>
  </si>
  <si>
    <t>111501.0</t>
  </si>
  <si>
    <t>41356.0</t>
  </si>
  <si>
    <t>170181.0</t>
  </si>
  <si>
    <t>425.42</t>
  </si>
  <si>
    <t>155896.0</t>
  </si>
  <si>
    <t>113596.0</t>
  </si>
  <si>
    <t>28.03</t>
  </si>
  <si>
    <t>158365.0</t>
  </si>
  <si>
    <t>39.07</t>
  </si>
  <si>
    <t>4510.0</t>
  </si>
  <si>
    <t>173392.0</t>
  </si>
  <si>
    <t>433.446</t>
  </si>
  <si>
    <t>160283.0</t>
  </si>
  <si>
    <t>43857.0</t>
  </si>
  <si>
    <t>165306.0</t>
  </si>
  <si>
    <t>119677.0</t>
  </si>
  <si>
    <t>45629.0</t>
  </si>
  <si>
    <t>40.79</t>
  </si>
  <si>
    <t>174489.0</t>
  </si>
  <si>
    <t>436.189</t>
  </si>
  <si>
    <t>168083.0</t>
  </si>
  <si>
    <t>121487.0</t>
  </si>
  <si>
    <t>46596.0</t>
  </si>
  <si>
    <t>41.47</t>
  </si>
  <si>
    <t>4296.0</t>
  </si>
  <si>
    <t>173073.0</t>
  </si>
  <si>
    <t>124932.0</t>
  </si>
  <si>
    <t>48141.0</t>
  </si>
  <si>
    <t>5184.0</t>
  </si>
  <si>
    <t>1389.0</t>
  </si>
  <si>
    <t>180100.0</t>
  </si>
  <si>
    <t>450.215</t>
  </si>
  <si>
    <t>2.395</t>
  </si>
  <si>
    <t>175735.0</t>
  </si>
  <si>
    <t>126693.0</t>
  </si>
  <si>
    <t>49042.0</t>
  </si>
  <si>
    <t>43.36</t>
  </si>
  <si>
    <t>5446.0</t>
  </si>
  <si>
    <t>178449.0</t>
  </si>
  <si>
    <t>128768.0</t>
  </si>
  <si>
    <t>49681.0</t>
  </si>
  <si>
    <t>181698.0</t>
  </si>
  <si>
    <t>454.21</t>
  </si>
  <si>
    <t>183581.0</t>
  </si>
  <si>
    <t>132361.0</t>
  </si>
  <si>
    <t>51220.0</t>
  </si>
  <si>
    <t>-0.72</t>
  </si>
  <si>
    <t>311.879294817227</t>
  </si>
  <si>
    <t>186813.0</t>
  </si>
  <si>
    <t>134583.0</t>
  </si>
  <si>
    <t>52230.0</t>
  </si>
  <si>
    <t>2.215</t>
  </si>
  <si>
    <t>0.0422</t>
  </si>
  <si>
    <t>189396.0</t>
  </si>
  <si>
    <t>136163.0</t>
  </si>
  <si>
    <t>53233.0</t>
  </si>
  <si>
    <t>192222.0</t>
  </si>
  <si>
    <t>137873.0</t>
  </si>
  <si>
    <t>54349.0</t>
  </si>
  <si>
    <t>13.41</t>
  </si>
  <si>
    <t>194556.0</t>
  </si>
  <si>
    <t>139413.0</t>
  </si>
  <si>
    <t>55143.0</t>
  </si>
  <si>
    <t>3992.0</t>
  </si>
  <si>
    <t>198030.0</t>
  </si>
  <si>
    <t>141700.0</t>
  </si>
  <si>
    <t>56330.0</t>
  </si>
  <si>
    <t>48.86</t>
  </si>
  <si>
    <t>200520.0</t>
  </si>
  <si>
    <t>143022.0</t>
  </si>
  <si>
    <t>57498.0</t>
  </si>
  <si>
    <t>194029.0</t>
  </si>
  <si>
    <t>485.035</t>
  </si>
  <si>
    <t>202797.0</t>
  </si>
  <si>
    <t>144321.0</t>
  </si>
  <si>
    <t>205129.0</t>
  </si>
  <si>
    <t>145750.0</t>
  </si>
  <si>
    <t>59379.0</t>
  </si>
  <si>
    <t>208490.0</t>
  </si>
  <si>
    <t>147830.0</t>
  </si>
  <si>
    <t>60660.0</t>
  </si>
  <si>
    <t>14.97</t>
  </si>
  <si>
    <t>4797.0</t>
  </si>
  <si>
    <t>210995.0</t>
  </si>
  <si>
    <t>61567.0</t>
  </si>
  <si>
    <t>212380.0</t>
  </si>
  <si>
    <t>150181.0</t>
  </si>
  <si>
    <t>62199.0</t>
  </si>
  <si>
    <t>202015.0</t>
  </si>
  <si>
    <t>504.998</t>
  </si>
  <si>
    <t>213929.0</t>
  </si>
  <si>
    <t>150881.0</t>
  </si>
  <si>
    <t>63048.0</t>
  </si>
  <si>
    <t>37.23</t>
  </si>
  <si>
    <t>217385.0</t>
  </si>
  <si>
    <t>152484.0</t>
  </si>
  <si>
    <t>3551.0</t>
  </si>
  <si>
    <t>206689.0</t>
  </si>
  <si>
    <t>516.682</t>
  </si>
  <si>
    <t>2.485</t>
  </si>
  <si>
    <t>3.015</t>
  </si>
  <si>
    <t>211942.0</t>
  </si>
  <si>
    <t>529.814</t>
  </si>
  <si>
    <t>3.545</t>
  </si>
  <si>
    <t>0.0616</t>
  </si>
  <si>
    <t>3.777</t>
  </si>
  <si>
    <t>1972.0</t>
  </si>
  <si>
    <t>4866.0</t>
  </si>
  <si>
    <t>4964.0</t>
  </si>
  <si>
    <t>4.242</t>
  </si>
  <si>
    <t>4.475</t>
  </si>
  <si>
    <t>237507.0</t>
  </si>
  <si>
    <t>167596.0</t>
  </si>
  <si>
    <t>69911.0</t>
  </si>
  <si>
    <t>17.25</t>
  </si>
  <si>
    <t>4.335</t>
  </si>
  <si>
    <t>202.2</t>
  </si>
  <si>
    <t>498.908175728191</t>
  </si>
  <si>
    <t>3.965</t>
  </si>
  <si>
    <t>5248.0</t>
  </si>
  <si>
    <t>247162.0</t>
  </si>
  <si>
    <t>172068.0</t>
  </si>
  <si>
    <t>75094.0</t>
  </si>
  <si>
    <t>249356.0</t>
  </si>
  <si>
    <t>173077.0</t>
  </si>
  <si>
    <t>76279.0</t>
  </si>
  <si>
    <t>251317.0</t>
  </si>
  <si>
    <t>173648.0</t>
  </si>
  <si>
    <t>77669.0</t>
  </si>
  <si>
    <t>235725.0</t>
  </si>
  <si>
    <t>589.267</t>
  </si>
  <si>
    <t>255857.0</t>
  </si>
  <si>
    <t>174978.0</t>
  </si>
  <si>
    <t>80879.0</t>
  </si>
  <si>
    <t>3.355</t>
  </si>
  <si>
    <t>0.0926</t>
  </si>
  <si>
    <t>257471.0</t>
  </si>
  <si>
    <t>176242.0</t>
  </si>
  <si>
    <t>81229.0</t>
  </si>
  <si>
    <t>63.53</t>
  </si>
  <si>
    <t>43.49</t>
  </si>
  <si>
    <t>261183.0</t>
  </si>
  <si>
    <t>177480.0</t>
  </si>
  <si>
    <t>83703.0</t>
  </si>
  <si>
    <t>64.44</t>
  </si>
  <si>
    <t>241828.0</t>
  </si>
  <si>
    <t>604.523</t>
  </si>
  <si>
    <t>0.1161</t>
  </si>
  <si>
    <t>0.1282</t>
  </si>
  <si>
    <t>275719.0</t>
  </si>
  <si>
    <t>180196.0</t>
  </si>
  <si>
    <t>95523.0</t>
  </si>
  <si>
    <t>2.675</t>
  </si>
  <si>
    <t>289451.0</t>
  </si>
  <si>
    <t>184603.0</t>
  </si>
  <si>
    <t>104848.0</t>
  </si>
  <si>
    <t>11274.0</t>
  </si>
  <si>
    <t>293681.0</t>
  </si>
  <si>
    <t>185766.0</t>
  </si>
  <si>
    <t>107915.0</t>
  </si>
  <si>
    <t>298343.0</t>
  </si>
  <si>
    <t>187270.0</t>
  </si>
  <si>
    <t>111073.0</t>
  </si>
  <si>
    <t>4662.0</t>
  </si>
  <si>
    <t>252091.0</t>
  </si>
  <si>
    <t>630.179</t>
  </si>
  <si>
    <t>0.1338</t>
  </si>
  <si>
    <t>304218.0</t>
  </si>
  <si>
    <t>189043.0</t>
  </si>
  <si>
    <t>115175.0</t>
  </si>
  <si>
    <t>8268.0</t>
  </si>
  <si>
    <t>259340.0</t>
  </si>
  <si>
    <t>648.3</t>
  </si>
  <si>
    <t>315807.0</t>
  </si>
  <si>
    <t>192332.0</t>
  </si>
  <si>
    <t>123475.0</t>
  </si>
  <si>
    <t>30.47</t>
  </si>
  <si>
    <t>8545.0</t>
  </si>
  <si>
    <t>321277.0</t>
  </si>
  <si>
    <t>193769.0</t>
  </si>
  <si>
    <t>127508.0</t>
  </si>
  <si>
    <t>5470.0</t>
  </si>
  <si>
    <t>47.81</t>
  </si>
  <si>
    <t>4068.0</t>
  </si>
  <si>
    <t>10037.0</t>
  </si>
  <si>
    <t>707.156692204251</t>
  </si>
  <si>
    <t>332360.0</t>
  </si>
  <si>
    <t>196910.0</t>
  </si>
  <si>
    <t>33.42</t>
  </si>
  <si>
    <t>9529.0</t>
  </si>
  <si>
    <t>0.1307</t>
  </si>
  <si>
    <t>337737.0</t>
  </si>
  <si>
    <t>198580.0</t>
  </si>
  <si>
    <t>139157.0</t>
  </si>
  <si>
    <t>8752.0</t>
  </si>
  <si>
    <t>270411.0</t>
  </si>
  <si>
    <t>675.975</t>
  </si>
  <si>
    <t>8915.0</t>
  </si>
  <si>
    <t>0.1215</t>
  </si>
  <si>
    <t>344463.0</t>
  </si>
  <si>
    <t>199932.0</t>
  </si>
  <si>
    <t>144531.0</t>
  </si>
  <si>
    <t>84.99</t>
  </si>
  <si>
    <t>49.33</t>
  </si>
  <si>
    <t>8172.0</t>
  </si>
  <si>
    <t>0.1291</t>
  </si>
  <si>
    <t>3.715</t>
  </si>
  <si>
    <t>5453.0</t>
  </si>
  <si>
    <t>278894.0</t>
  </si>
  <si>
    <t>697.181</t>
  </si>
  <si>
    <t>3.725</t>
  </si>
  <si>
    <t>0.2028</t>
  </si>
  <si>
    <t>0.2316</t>
  </si>
  <si>
    <t>293222.0</t>
  </si>
  <si>
    <t>732.998</t>
  </si>
  <si>
    <t>0.1317</t>
  </si>
  <si>
    <t>4.127</t>
  </si>
  <si>
    <t>305085.0</t>
  </si>
  <si>
    <t>762.653</t>
  </si>
  <si>
    <t>4.237</t>
  </si>
  <si>
    <t>384446.0</t>
  </si>
  <si>
    <t>223812.0</t>
  </si>
  <si>
    <t>94.86</t>
  </si>
  <si>
    <t>991.89459269403</t>
  </si>
  <si>
    <t>311525.0</t>
  </si>
  <si>
    <t>778.752</t>
  </si>
  <si>
    <t>3089.0</t>
  </si>
  <si>
    <t>3.315</t>
  </si>
  <si>
    <t>391846.0</t>
  </si>
  <si>
    <t>225088.0</t>
  </si>
  <si>
    <t>96.68</t>
  </si>
  <si>
    <t>321004.0</t>
  </si>
  <si>
    <t>802.448</t>
  </si>
  <si>
    <t>3.447</t>
  </si>
  <si>
    <t>0.1041</t>
  </si>
  <si>
    <t>398131.0</t>
  </si>
  <si>
    <t>226060.0</t>
  </si>
  <si>
    <t>187697.0</t>
  </si>
  <si>
    <t>98.23</t>
  </si>
  <si>
    <t>2216.0</t>
  </si>
  <si>
    <t>3.462</t>
  </si>
  <si>
    <t>0.1037</t>
  </si>
  <si>
    <t>3.495</t>
  </si>
  <si>
    <t>332188.0</t>
  </si>
  <si>
    <t>830.406</t>
  </si>
  <si>
    <t>0.1131</t>
  </si>
  <si>
    <t>3.262</t>
  </si>
  <si>
    <t>403528.0</t>
  </si>
  <si>
    <t>227261.0</t>
  </si>
  <si>
    <t>190806.0</t>
  </si>
  <si>
    <t>99.57</t>
  </si>
  <si>
    <t>56.07</t>
  </si>
  <si>
    <t>3.182</t>
  </si>
  <si>
    <t>3.105</t>
  </si>
  <si>
    <t>3.027</t>
  </si>
  <si>
    <t>340447.0</t>
  </si>
  <si>
    <t>851.052</t>
  </si>
  <si>
    <t>347892.0</t>
  </si>
  <si>
    <t>869.663</t>
  </si>
  <si>
    <t>407766.0</t>
  </si>
  <si>
    <t>227942.0</t>
  </si>
  <si>
    <t>193188.0</t>
  </si>
  <si>
    <t>100.61</t>
  </si>
  <si>
    <t>56.24</t>
  </si>
  <si>
    <t>544.4</t>
  </si>
  <si>
    <t>1343.25227926027</t>
  </si>
  <si>
    <t>412002.0</t>
  </si>
  <si>
    <t>228517.0</t>
  </si>
  <si>
    <t>195230.0</t>
  </si>
  <si>
    <t>48.17</t>
  </si>
  <si>
    <t>357056.0</t>
  </si>
  <si>
    <t>892.571</t>
  </si>
  <si>
    <t>3.272</t>
  </si>
  <si>
    <t>416878.0</t>
  </si>
  <si>
    <t>229107.0</t>
  </si>
  <si>
    <t>196741.0</t>
  </si>
  <si>
    <t>102.86</t>
  </si>
  <si>
    <t>48.54</t>
  </si>
  <si>
    <t>363915.0</t>
  </si>
  <si>
    <t>909.717</t>
  </si>
  <si>
    <t>2.532</t>
  </si>
  <si>
    <t>421458.0</t>
  </si>
  <si>
    <t>229714.0</t>
  </si>
  <si>
    <t>198204.0</t>
  </si>
  <si>
    <t>56.68</t>
  </si>
  <si>
    <t>424634.0</t>
  </si>
  <si>
    <t>230125.0</t>
  </si>
  <si>
    <t>199119.0</t>
  </si>
  <si>
    <t>104.77</t>
  </si>
  <si>
    <t>0.1575</t>
  </si>
  <si>
    <t>540.6</t>
  </si>
  <si>
    <t>-2.05</t>
  </si>
  <si>
    <t>1333.87616121988</t>
  </si>
  <si>
    <t>0.2301</t>
  </si>
  <si>
    <t>391808.0</t>
  </si>
  <si>
    <t>979.444</t>
  </si>
  <si>
    <t>0.3016</t>
  </si>
  <si>
    <t>429697.0</t>
  </si>
  <si>
    <t>230789.0</t>
  </si>
  <si>
    <t>200254.0</t>
  </si>
  <si>
    <t>0.2141</t>
  </si>
  <si>
    <t>5.575</t>
  </si>
  <si>
    <t>6.212</t>
  </si>
  <si>
    <t>0.2027</t>
  </si>
  <si>
    <t>6.847</t>
  </si>
  <si>
    <t>0.2236</t>
  </si>
  <si>
    <t>418748.0</t>
  </si>
  <si>
    <t>1046.789</t>
  </si>
  <si>
    <t>0.2296</t>
  </si>
  <si>
    <t>435465.0</t>
  </si>
  <si>
    <t>231511.0</t>
  </si>
  <si>
    <t>201372.0</t>
  </si>
  <si>
    <t>107.45</t>
  </si>
  <si>
    <t>49.69</t>
  </si>
  <si>
    <t>7.357</t>
  </si>
  <si>
    <t>7.229</t>
  </si>
  <si>
    <t>7.102</t>
  </si>
  <si>
    <t>0.2456</t>
  </si>
  <si>
    <t>1875.0</t>
  </si>
  <si>
    <t>0.2582</t>
  </si>
  <si>
    <t>6.722</t>
  </si>
  <si>
    <t>0.2693</t>
  </si>
  <si>
    <t>6.594</t>
  </si>
  <si>
    <t>0.2784</t>
  </si>
  <si>
    <t>440194.0</t>
  </si>
  <si>
    <t>232022.0</t>
  </si>
  <si>
    <t>202173.0</t>
  </si>
  <si>
    <t>0.2859</t>
  </si>
  <si>
    <t>0.2788</t>
  </si>
  <si>
    <t>450406.0</t>
  </si>
  <si>
    <t>1125.928</t>
  </si>
  <si>
    <t>1860.0</t>
  </si>
  <si>
    <t>6.312</t>
  </si>
  <si>
    <t>2412.0</t>
  </si>
  <si>
    <t>0.2804</t>
  </si>
  <si>
    <t>445691.0</t>
  </si>
  <si>
    <t>232515.0</t>
  </si>
  <si>
    <t>203237.0</t>
  </si>
  <si>
    <t>5.747</t>
  </si>
  <si>
    <t>0.2942</t>
  </si>
  <si>
    <t>5.465</t>
  </si>
  <si>
    <t>0.3094</t>
  </si>
  <si>
    <t>0.2302</t>
  </si>
  <si>
    <t>0.2727</t>
  </si>
  <si>
    <t>0.2874</t>
  </si>
  <si>
    <t>449973.0</t>
  </si>
  <si>
    <t>233048.0</t>
  </si>
  <si>
    <t>204450.0</t>
  </si>
  <si>
    <t>111.03</t>
  </si>
  <si>
    <t>0.2856</t>
  </si>
  <si>
    <t>453359.0</t>
  </si>
  <si>
    <t>233554.0</t>
  </si>
  <si>
    <t>205264.0</t>
  </si>
  <si>
    <t>34645.0</t>
  </si>
  <si>
    <t>485497.0</t>
  </si>
  <si>
    <t>1213.648</t>
  </si>
  <si>
    <t>0.1036</t>
  </si>
  <si>
    <t>4.212</t>
  </si>
  <si>
    <t>3.805</t>
  </si>
  <si>
    <t>455485.0</t>
  </si>
  <si>
    <t>233957.0</t>
  </si>
  <si>
    <t>205869.0</t>
  </si>
  <si>
    <t>35851.0</t>
  </si>
  <si>
    <t>112.39</t>
  </si>
  <si>
    <t>0.0888</t>
  </si>
  <si>
    <t>0.0941</t>
  </si>
  <si>
    <t>494451.0</t>
  </si>
  <si>
    <t>1236.032</t>
  </si>
  <si>
    <t>496949.0</t>
  </si>
  <si>
    <t>1242.276</t>
  </si>
  <si>
    <t>458351.0</t>
  </si>
  <si>
    <t>234370.0</t>
  </si>
  <si>
    <t>206583.0</t>
  </si>
  <si>
    <t>37712.0</t>
  </si>
  <si>
    <t>113.09</t>
  </si>
  <si>
    <t>0.0728</t>
  </si>
  <si>
    <t>0.0542</t>
  </si>
  <si>
    <t>460853.0</t>
  </si>
  <si>
    <t>234810.0</t>
  </si>
  <si>
    <t>207253.0</t>
  </si>
  <si>
    <t>39225.0</t>
  </si>
  <si>
    <t>113.71</t>
  </si>
  <si>
    <t>507809.0</t>
  </si>
  <si>
    <t>1269.424</t>
  </si>
  <si>
    <t>510065.0</t>
  </si>
  <si>
    <t>1275.064</t>
  </si>
  <si>
    <t>462901.0</t>
  </si>
  <si>
    <t>235178.0</t>
  </si>
  <si>
    <t>207885.0</t>
  </si>
  <si>
    <t>40362.0</t>
  </si>
  <si>
    <t>114.22</t>
  </si>
  <si>
    <t>1.525</t>
  </si>
  <si>
    <t>465269.0</t>
  </si>
  <si>
    <t>235606.0</t>
  </si>
  <si>
    <t>208577.0</t>
  </si>
  <si>
    <t>41723.0</t>
  </si>
  <si>
    <t>515601.0</t>
  </si>
  <si>
    <t>1288.903</t>
  </si>
  <si>
    <t>0.0193</t>
  </si>
  <si>
    <t>467251.0</t>
  </si>
  <si>
    <t>236015.0</t>
  </si>
  <si>
    <t>209156.0</t>
  </si>
  <si>
    <t>42815.0</t>
  </si>
  <si>
    <t>115.29</t>
  </si>
  <si>
    <t>520220.0</t>
  </si>
  <si>
    <t>1300.449</t>
  </si>
  <si>
    <t>468692.0</t>
  </si>
  <si>
    <t>236326.0</t>
  </si>
  <si>
    <t>209571.0</t>
  </si>
  <si>
    <t>43592.0</t>
  </si>
  <si>
    <t>524451.0</t>
  </si>
  <si>
    <t>1311.026</t>
  </si>
  <si>
    <t>139.8</t>
  </si>
  <si>
    <t>136.6</t>
  </si>
  <si>
    <t>261.3</t>
  </si>
  <si>
    <t>471049.0</t>
  </si>
  <si>
    <t>236788.0</t>
  </si>
  <si>
    <t>210425.0</t>
  </si>
  <si>
    <t>44761.0</t>
  </si>
  <si>
    <t>532846.0</t>
  </si>
  <si>
    <t>1332.012</t>
  </si>
  <si>
    <t>471581.0</t>
  </si>
  <si>
    <t>236883.0</t>
  </si>
  <si>
    <t>210618.0</t>
  </si>
  <si>
    <t>45022.0</t>
  </si>
  <si>
    <t>538960.0</t>
  </si>
  <si>
    <t>1347.296</t>
  </si>
  <si>
    <t>472456.0</t>
  </si>
  <si>
    <t>237071.0</t>
  </si>
  <si>
    <t>210905.0</t>
  </si>
  <si>
    <t>45464.0</t>
  </si>
  <si>
    <t>116.57</t>
  </si>
  <si>
    <t>58.49</t>
  </si>
  <si>
    <t>473152.0</t>
  </si>
  <si>
    <t>237193.0</t>
  </si>
  <si>
    <t>211123.0</t>
  </si>
  <si>
    <t>45848.0</t>
  </si>
  <si>
    <t>116.75</t>
  </si>
  <si>
    <t>58.52</t>
  </si>
  <si>
    <t>546449.0</t>
  </si>
  <si>
    <t>1366.017</t>
  </si>
  <si>
    <t>474128.0</t>
  </si>
  <si>
    <t>237352.0</t>
  </si>
  <si>
    <t>211376.0</t>
  </si>
  <si>
    <t>46452.0</t>
  </si>
  <si>
    <t>475163.0</t>
  </si>
  <si>
    <t>237502.0</t>
  </si>
  <si>
    <t>211590.0</t>
  </si>
  <si>
    <t>47164.0</t>
  </si>
  <si>
    <t>117.24</t>
  </si>
  <si>
    <t>563789.0</t>
  </si>
  <si>
    <t>1409.363</t>
  </si>
  <si>
    <t>476580.0</t>
  </si>
  <si>
    <t>237669.0</t>
  </si>
  <si>
    <t>211834.0</t>
  </si>
  <si>
    <t>48212.0</t>
  </si>
  <si>
    <t>117.59</t>
  </si>
  <si>
    <t>2.375</t>
  </si>
  <si>
    <t>2.427</t>
  </si>
  <si>
    <t>478096.0</t>
  </si>
  <si>
    <t>237860.0</t>
  </si>
  <si>
    <t>212057.0</t>
  </si>
  <si>
    <t>49359.0</t>
  </si>
  <si>
    <t>117.97</t>
  </si>
  <si>
    <t>572900.0</t>
  </si>
  <si>
    <t>1432.139</t>
  </si>
  <si>
    <t>478380.0</t>
  </si>
  <si>
    <t>237943.0</t>
  </si>
  <si>
    <t>212136.0</t>
  </si>
  <si>
    <t>118.04</t>
  </si>
  <si>
    <t>487086.0</t>
  </si>
  <si>
    <t>246526.0</t>
  </si>
  <si>
    <t>49668.0</t>
  </si>
  <si>
    <t>60.83</t>
  </si>
  <si>
    <t>489508.0</t>
  </si>
  <si>
    <t>247975.0</t>
  </si>
  <si>
    <t>213197.0</t>
  </si>
  <si>
    <t>49729.0</t>
  </si>
  <si>
    <t>120.78</t>
  </si>
  <si>
    <t>493758.0</t>
  </si>
  <si>
    <t>248880.0</t>
  </si>
  <si>
    <t>121.83</t>
  </si>
  <si>
    <t>494935.0</t>
  </si>
  <si>
    <t>249143.0</t>
  </si>
  <si>
    <t>217556.0</t>
  </si>
  <si>
    <t>49828.0</t>
  </si>
  <si>
    <t>122.12</t>
  </si>
  <si>
    <t>53.68</t>
  </si>
  <si>
    <t>495575.0</t>
  </si>
  <si>
    <t>249371.0</t>
  </si>
  <si>
    <t>217966.0</t>
  </si>
  <si>
    <t>49897.0</t>
  </si>
  <si>
    <t>122.28</t>
  </si>
  <si>
    <t>496096.0</t>
  </si>
  <si>
    <t>249521.0</t>
  </si>
  <si>
    <t>218344.0</t>
  </si>
  <si>
    <t>49936.0</t>
  </si>
  <si>
    <t>122.41</t>
  </si>
  <si>
    <t>496542.0</t>
  </si>
  <si>
    <t>249641.0</t>
  </si>
  <si>
    <t>218586.0</t>
  </si>
  <si>
    <t>50036.0</t>
  </si>
  <si>
    <t>122.52</t>
  </si>
  <si>
    <t>497112.0</t>
  </si>
  <si>
    <t>249789.0</t>
  </si>
  <si>
    <t>218868.0</t>
  </si>
  <si>
    <t>50198.0</t>
  </si>
  <si>
    <t>12.39</t>
  </si>
  <si>
    <t>497703.0</t>
  </si>
  <si>
    <t>249985.0</t>
  </si>
  <si>
    <t>50349.0</t>
  </si>
  <si>
    <t>498175.0</t>
  </si>
  <si>
    <t>250117.0</t>
  </si>
  <si>
    <t>219336.0</t>
  </si>
  <si>
    <t>122.92</t>
  </si>
  <si>
    <t>54.12</t>
  </si>
  <si>
    <t>498515.0</t>
  </si>
  <si>
    <t>250215.0</t>
  </si>
  <si>
    <t>219511.0</t>
  </si>
  <si>
    <t>50578.0</t>
  </si>
  <si>
    <t>498803.0</t>
  </si>
  <si>
    <t>250319.0</t>
  </si>
  <si>
    <t>219656.0</t>
  </si>
  <si>
    <t>50624.0</t>
  </si>
  <si>
    <t>123.07</t>
  </si>
  <si>
    <t>499320.0</t>
  </si>
  <si>
    <t>250546.0</t>
  </si>
  <si>
    <t>219901.0</t>
  </si>
  <si>
    <t>50682.0</t>
  </si>
  <si>
    <t>499526.0</t>
  </si>
  <si>
    <t>250651.0</t>
  </si>
  <si>
    <t>220000.0</t>
  </si>
  <si>
    <t>50693.0</t>
  </si>
  <si>
    <t>123.25</t>
  </si>
  <si>
    <t>500424.0</t>
  </si>
  <si>
    <t>251025.0</t>
  </si>
  <si>
    <t>220396.0</t>
  </si>
  <si>
    <t>50826.0</t>
  </si>
  <si>
    <t>123.47</t>
  </si>
  <si>
    <t>500984.0</t>
  </si>
  <si>
    <t>251243.0</t>
  </si>
  <si>
    <t>220666.0</t>
  </si>
  <si>
    <t>50905.0</t>
  </si>
  <si>
    <t>123.61</t>
  </si>
  <si>
    <t>501100.0</t>
  </si>
  <si>
    <t>251286.0</t>
  </si>
  <si>
    <t>220701.0</t>
  </si>
  <si>
    <t>50947.0</t>
  </si>
  <si>
    <t>123.64</t>
  </si>
  <si>
    <t>501240.0</t>
  </si>
  <si>
    <t>251332.0</t>
  </si>
  <si>
    <t>220761.0</t>
  </si>
  <si>
    <t>50990.0</t>
  </si>
  <si>
    <t>123.68</t>
  </si>
  <si>
    <t>12.58</t>
  </si>
  <si>
    <t>501313.0</t>
  </si>
  <si>
    <t>251358.0</t>
  </si>
  <si>
    <t>220794.0</t>
  </si>
  <si>
    <t>51014.0</t>
  </si>
  <si>
    <t>123.69</t>
  </si>
  <si>
    <t>62.02</t>
  </si>
  <si>
    <t>501356.0</t>
  </si>
  <si>
    <t>251385.0</t>
  </si>
  <si>
    <t>220812.0</t>
  </si>
  <si>
    <t>51020.0</t>
  </si>
  <si>
    <t>123.7</t>
  </si>
  <si>
    <t>62.03</t>
  </si>
  <si>
    <t>501737.0</t>
  </si>
  <si>
    <t>251760.0</t>
  </si>
  <si>
    <t>221191.0</t>
  </si>
  <si>
    <t>51021.0</t>
  </si>
  <si>
    <t>123.8</t>
  </si>
  <si>
    <t>62.12</t>
  </si>
  <si>
    <t>54.58</t>
  </si>
  <si>
    <t>501761.0</t>
  </si>
  <si>
    <t>251773.0</t>
  </si>
  <si>
    <t>51027.0</t>
  </si>
  <si>
    <t>501831.0</t>
  </si>
  <si>
    <t>251813.0</t>
  </si>
  <si>
    <t>221248.0</t>
  </si>
  <si>
    <t>51033.0</t>
  </si>
  <si>
    <t>123.82</t>
  </si>
  <si>
    <t>501922.0</t>
  </si>
  <si>
    <t>251848.0</t>
  </si>
  <si>
    <t>221283.0</t>
  </si>
  <si>
    <t>51083.0</t>
  </si>
  <si>
    <t>62.14</t>
  </si>
  <si>
    <t>BEN</t>
  </si>
  <si>
    <t>Benin</t>
  </si>
  <si>
    <t>26624.0</t>
  </si>
  <si>
    <t>21834.0</t>
  </si>
  <si>
    <t>46108.0</t>
  </si>
  <si>
    <t>36188.0</t>
  </si>
  <si>
    <t>52563.0</t>
  </si>
  <si>
    <t>40270.0</t>
  </si>
  <si>
    <t>43377.0</t>
  </si>
  <si>
    <t>14509.0</t>
  </si>
  <si>
    <t>70323.0</t>
  </si>
  <si>
    <t>48918.0</t>
  </si>
  <si>
    <t>72999.0</t>
  </si>
  <si>
    <t>50751.0</t>
  </si>
  <si>
    <t>2944.0</t>
  </si>
  <si>
    <t>3629.0</t>
  </si>
  <si>
    <t>117984.0</t>
  </si>
  <si>
    <t>141738.0</t>
  </si>
  <si>
    <t>120333.0</t>
  </si>
  <si>
    <t>3857.0</t>
  </si>
  <si>
    <t>4130.0</t>
  </si>
  <si>
    <t>174074.0</t>
  </si>
  <si>
    <t>1735.0</t>
  </si>
  <si>
    <t>174104.0</t>
  </si>
  <si>
    <t>152699.0</t>
  </si>
  <si>
    <t>252698.0</t>
  </si>
  <si>
    <t>216527.0</t>
  </si>
  <si>
    <t>186951.0</t>
  </si>
  <si>
    <t>2225.0</t>
  </si>
  <si>
    <t>277614.0</t>
  </si>
  <si>
    <t>238775.0</t>
  </si>
  <si>
    <t>207440.0</t>
  </si>
  <si>
    <t>3693.0</t>
  </si>
  <si>
    <t>310321.0</t>
  </si>
  <si>
    <t>269540.0</t>
  </si>
  <si>
    <t>234686.0</t>
  </si>
  <si>
    <t>6064.0</t>
  </si>
  <si>
    <t>6377.0</t>
  </si>
  <si>
    <t>6268.0</t>
  </si>
  <si>
    <t>347270.0</t>
  </si>
  <si>
    <t>304596.0</t>
  </si>
  <si>
    <t>265501.0</t>
  </si>
  <si>
    <t>5749.0</t>
  </si>
  <si>
    <t>4521.0</t>
  </si>
  <si>
    <t>3294.0</t>
  </si>
  <si>
    <t>383501.0</t>
  </si>
  <si>
    <t>339452.0</t>
  </si>
  <si>
    <t>297726.0</t>
  </si>
  <si>
    <t>19171.0</t>
  </si>
  <si>
    <t>18775.0</t>
  </si>
  <si>
    <t>24464.0</t>
  </si>
  <si>
    <t>23978.0</t>
  </si>
  <si>
    <t>29757.0</t>
  </si>
  <si>
    <t>29180.0</t>
  </si>
  <si>
    <t>35049.0</t>
  </si>
  <si>
    <t>2625.0</t>
  </si>
  <si>
    <t>34382.0</t>
  </si>
  <si>
    <t>40342.0</t>
  </si>
  <si>
    <t>827261.0</t>
  </si>
  <si>
    <t>774881.0</t>
  </si>
  <si>
    <t>652351.0</t>
  </si>
  <si>
    <t>39612.0</t>
  </si>
  <si>
    <t>38883.0</t>
  </si>
  <si>
    <t>38197.0</t>
  </si>
  <si>
    <t>38154.0</t>
  </si>
  <si>
    <t>37503.0</t>
  </si>
  <si>
    <t>37425.0</t>
  </si>
  <si>
    <t>36809.0</t>
  </si>
  <si>
    <t>36115.0</t>
  </si>
  <si>
    <t>35421.0</t>
  </si>
  <si>
    <t>35237.0</t>
  </si>
  <si>
    <t>34728.0</t>
  </si>
  <si>
    <t>1144390.0</t>
  </si>
  <si>
    <t>1087430.0</t>
  </si>
  <si>
    <t>877113.0</t>
  </si>
  <si>
    <t>43585.0</t>
  </si>
  <si>
    <t>3264.0</t>
  </si>
  <si>
    <t>51933.0</t>
  </si>
  <si>
    <t>51095.0</t>
  </si>
  <si>
    <t>1425408.0</t>
  </si>
  <si>
    <t>1363471.0</t>
  </si>
  <si>
    <t>1062378.0</t>
  </si>
  <si>
    <t>60281.0</t>
  </si>
  <si>
    <t>4514.0</t>
  </si>
  <si>
    <t>59279.0</t>
  </si>
  <si>
    <t>58468.0</t>
  </si>
  <si>
    <t>57458.0</t>
  </si>
  <si>
    <t>56656.0</t>
  </si>
  <si>
    <t>4243.0</t>
  </si>
  <si>
    <t>55638.0</t>
  </si>
  <si>
    <t>53818.0</t>
  </si>
  <si>
    <t>53031.0</t>
  </si>
  <si>
    <t>51997.0</t>
  </si>
  <si>
    <t>42870.0</t>
  </si>
  <si>
    <t>41993.0</t>
  </si>
  <si>
    <t>32710.0</t>
  </si>
  <si>
    <t>31989.0</t>
  </si>
  <si>
    <t>21985.0</t>
  </si>
  <si>
    <t>1628352.0</t>
  </si>
  <si>
    <t>1561336.0</t>
  </si>
  <si>
    <t>1199635.0</t>
  </si>
  <si>
    <t>12.19</t>
  </si>
  <si>
    <t>22786.0</t>
  </si>
  <si>
    <t>22141.0</t>
  </si>
  <si>
    <t>23023.0</t>
  </si>
  <si>
    <t>22296.0</t>
  </si>
  <si>
    <t>23260.0</t>
  </si>
  <si>
    <t>1742.0</t>
  </si>
  <si>
    <t>22452.0</t>
  </si>
  <si>
    <t>23496.0</t>
  </si>
  <si>
    <t>22608.0</t>
  </si>
  <si>
    <t>23733.0</t>
  </si>
  <si>
    <t>22763.0</t>
  </si>
  <si>
    <t>1773592.0</t>
  </si>
  <si>
    <t>1699784.0</t>
  </si>
  <si>
    <t>1319264.0</t>
  </si>
  <si>
    <t>13.28</t>
  </si>
  <si>
    <t>12.73</t>
  </si>
  <si>
    <t>23271.0</t>
  </si>
  <si>
    <t>22145.0</t>
  </si>
  <si>
    <t>22336.0</t>
  </si>
  <si>
    <t>21216.0</t>
  </si>
  <si>
    <t>20466.0</t>
  </si>
  <si>
    <t>19357.0</t>
  </si>
  <si>
    <t>18427.0</t>
  </si>
  <si>
    <t>18595.0</t>
  </si>
  <si>
    <t>17498.0</t>
  </si>
  <si>
    <t>1897214.0</t>
  </si>
  <si>
    <t>1815764.0</t>
  </si>
  <si>
    <t>1421442.0</t>
  </si>
  <si>
    <t>17660.0</t>
  </si>
  <si>
    <t>17207.0</t>
  </si>
  <si>
    <t>16102.0</t>
  </si>
  <si>
    <t>16980.0</t>
  </si>
  <si>
    <t>16754.0</t>
  </si>
  <si>
    <t>15635.0</t>
  </si>
  <si>
    <t>16527.0</t>
  </si>
  <si>
    <t>15402.0</t>
  </si>
  <si>
    <t>16300.0</t>
  </si>
  <si>
    <t>14935.0</t>
  </si>
  <si>
    <t>2138322.0</t>
  </si>
  <si>
    <t>2039793.0</t>
  </si>
  <si>
    <t>1625516.0</t>
  </si>
  <si>
    <t>15904.0</t>
  </si>
  <si>
    <t>14736.0</t>
  </si>
  <si>
    <t>15735.0</t>
  </si>
  <si>
    <t>14536.0</t>
  </si>
  <si>
    <t>15395.0</t>
  </si>
  <si>
    <t>15056.0</t>
  </si>
  <si>
    <t>14887.0</t>
  </si>
  <si>
    <t>13538.0</t>
  </si>
  <si>
    <t>2391396.0</t>
  </si>
  <si>
    <t>2269942.0</t>
  </si>
  <si>
    <t>1767745.0</t>
  </si>
  <si>
    <t>15913.0</t>
  </si>
  <si>
    <t>14157.0</t>
  </si>
  <si>
    <t>14776.0</t>
  </si>
  <si>
    <t>17964.0</t>
  </si>
  <si>
    <t>604310.0</t>
  </si>
  <si>
    <t>46.496</t>
  </si>
  <si>
    <t>18990.0</t>
  </si>
  <si>
    <t>16013.0</t>
  </si>
  <si>
    <t>16632.0</t>
  </si>
  <si>
    <t>21042.0</t>
  </si>
  <si>
    <t>17250.0</t>
  </si>
  <si>
    <t>17869.0</t>
  </si>
  <si>
    <t>2788620.0</t>
  </si>
  <si>
    <t>2591583.0</t>
  </si>
  <si>
    <t>2013843.0</t>
  </si>
  <si>
    <t>19.41</t>
  </si>
  <si>
    <t>21310.0</t>
  </si>
  <si>
    <t>20931.0</t>
  </si>
  <si>
    <t>15894.0</t>
  </si>
  <si>
    <t>15236.0</t>
  </si>
  <si>
    <t>20173.0</t>
  </si>
  <si>
    <t>14578.0</t>
  </si>
  <si>
    <t>19794.0</t>
  </si>
  <si>
    <t>13920.0</t>
  </si>
  <si>
    <t>19415.0</t>
  </si>
  <si>
    <t>3060435.0</t>
  </si>
  <si>
    <t>2777245.0</t>
  </si>
  <si>
    <t>2214327.0</t>
  </si>
  <si>
    <t>16.58</t>
  </si>
  <si>
    <t>16892.0</t>
  </si>
  <si>
    <t>12738.0</t>
  </si>
  <si>
    <t>14368.0</t>
  </si>
  <si>
    <t>10645.0</t>
  </si>
  <si>
    <t>4273.0</t>
  </si>
  <si>
    <t>3112919.0</t>
  </si>
  <si>
    <t>3065188.0</t>
  </si>
  <si>
    <t>2520562.0</t>
  </si>
  <si>
    <t>8881.0</t>
  </si>
  <si>
    <t>7446.0</t>
  </si>
  <si>
    <t>8790.0</t>
  </si>
  <si>
    <t>3333450.0</t>
  </si>
  <si>
    <t>3152148.0</t>
  </si>
  <si>
    <t>2619609.0</t>
  </si>
  <si>
    <t>6633.0</t>
  </si>
  <si>
    <t>3154360.0</t>
  </si>
  <si>
    <t>2621821.0</t>
  </si>
  <si>
    <t>3157864.0</t>
  </si>
  <si>
    <t>2625325.0</t>
  </si>
  <si>
    <t>14599.0</t>
  </si>
  <si>
    <t>20439.0</t>
  </si>
  <si>
    <t>3619590.0</t>
  </si>
  <si>
    <t>3160654.0</t>
  </si>
  <si>
    <t>2628115.0</t>
  </si>
  <si>
    <t>15231.0</t>
  </si>
  <si>
    <t>12628.0</t>
  </si>
  <si>
    <t>7420.0</t>
  </si>
  <si>
    <t>4817.0</t>
  </si>
  <si>
    <t>3681560.0</t>
  </si>
  <si>
    <t>3174135.0</t>
  </si>
  <si>
    <t>3190518.0</t>
  </si>
  <si>
    <t>3685113.0</t>
  </si>
  <si>
    <t>3201065.0</t>
  </si>
  <si>
    <t>2684742.0</t>
  </si>
  <si>
    <t>3687739.0</t>
  </si>
  <si>
    <t>27.62</t>
  </si>
  <si>
    <t>3690703.0</t>
  </si>
  <si>
    <t>3205878.0</t>
  </si>
  <si>
    <t>2689382.0</t>
  </si>
  <si>
    <t>24.01</t>
  </si>
  <si>
    <t>20.14</t>
  </si>
  <si>
    <t>3692096.0</t>
  </si>
  <si>
    <t>3207032.0</t>
  </si>
  <si>
    <t>2690517.0</t>
  </si>
  <si>
    <t>3693045.0</t>
  </si>
  <si>
    <t>3207889.0</t>
  </si>
  <si>
    <t>2691413.0</t>
  </si>
  <si>
    <t>20.16</t>
  </si>
  <si>
    <t>3694544.0</t>
  </si>
  <si>
    <t>3209393.0</t>
  </si>
  <si>
    <t>2692837.0</t>
  </si>
  <si>
    <t>11614.0</t>
  </si>
  <si>
    <t>4232541.0</t>
  </si>
  <si>
    <t>3697190.0</t>
  </si>
  <si>
    <t>2742837.0</t>
  </si>
  <si>
    <t>27.69</t>
  </si>
  <si>
    <t>BMU</t>
  </si>
  <si>
    <t>Bermuda</t>
  </si>
  <si>
    <t>-0.700000000000001</t>
  </si>
  <si>
    <t>-0.47</t>
  </si>
  <si>
    <t>-10.9022380737303</t>
  </si>
  <si>
    <t>41.91</t>
  </si>
  <si>
    <t>283.458189916987</t>
  </si>
  <si>
    <t>316.164904138178</t>
  </si>
  <si>
    <t>-19.59</t>
  </si>
  <si>
    <t>168.205958851839</t>
  </si>
  <si>
    <t>-11.7</t>
  </si>
  <si>
    <t>85.6604420078807</t>
  </si>
  <si>
    <t>-6.46</t>
  </si>
  <si>
    <t>40.4940271309981</t>
  </si>
  <si>
    <t>397.152958400174</t>
  </si>
  <si>
    <t>-26.17</t>
  </si>
  <si>
    <t>214.929836310683</t>
  </si>
  <si>
    <t>247.636550531873</t>
  </si>
  <si>
    <t>239.849237622066</t>
  </si>
  <si>
    <t>4330.0</t>
  </si>
  <si>
    <t>3894.0</t>
  </si>
  <si>
    <t>4143.0</t>
  </si>
  <si>
    <t>7.63</t>
  </si>
  <si>
    <t>423.629822293519</t>
  </si>
  <si>
    <t>9095.0</t>
  </si>
  <si>
    <t>8021.0</t>
  </si>
  <si>
    <t>7024.0</t>
  </si>
  <si>
    <t>6853.0</t>
  </si>
  <si>
    <t>20.49</t>
  </si>
  <si>
    <t>8270.0</t>
  </si>
  <si>
    <t>8348.0</t>
  </si>
  <si>
    <t>8410.0</t>
  </si>
  <si>
    <t>8488.0</t>
  </si>
  <si>
    <t>8566.0</t>
  </si>
  <si>
    <t>8644.0</t>
  </si>
  <si>
    <t>17073.0</t>
  </si>
  <si>
    <t>9828.0</t>
  </si>
  <si>
    <t>20705.0</t>
  </si>
  <si>
    <t>13659.0</t>
  </si>
  <si>
    <t>7046.0</t>
  </si>
  <si>
    <t>489.043250735901</t>
  </si>
  <si>
    <t>21387.0</t>
  </si>
  <si>
    <t>10824.0</t>
  </si>
  <si>
    <t>23939.0</t>
  </si>
  <si>
    <t>15294.0</t>
  </si>
  <si>
    <t>23.82</t>
  </si>
  <si>
    <t>11634.0</t>
  </si>
  <si>
    <t>11214.0</t>
  </si>
  <si>
    <t>10809.0</t>
  </si>
  <si>
    <t>11260.0</t>
  </si>
  <si>
    <t>11697.0</t>
  </si>
  <si>
    <t>10061.0</t>
  </si>
  <si>
    <t>10332.0</t>
  </si>
  <si>
    <t>8457.0</t>
  </si>
  <si>
    <t>18807.0</t>
  </si>
  <si>
    <t>8535.0</t>
  </si>
  <si>
    <t>34204.0</t>
  </si>
  <si>
    <t>21049.0</t>
  </si>
  <si>
    <t>53.27</t>
  </si>
  <si>
    <t>8286.0</t>
  </si>
  <si>
    <t>8691.0</t>
  </si>
  <si>
    <t>9937.0</t>
  </si>
  <si>
    <t>37788.0</t>
  </si>
  <si>
    <t>22417.0</t>
  </si>
  <si>
    <t>15371.0</t>
  </si>
  <si>
    <t>58.85</t>
  </si>
  <si>
    <t>760.041739997196</t>
  </si>
  <si>
    <t>7865.0</t>
  </si>
  <si>
    <t>41152.0</t>
  </si>
  <si>
    <t>23791.0</t>
  </si>
  <si>
    <t>17361.0</t>
  </si>
  <si>
    <t>37.05</t>
  </si>
  <si>
    <t>27.04</t>
  </si>
  <si>
    <t>7320.0</t>
  </si>
  <si>
    <t>8878.0</t>
  </si>
  <si>
    <t>9641.0</t>
  </si>
  <si>
    <t>10419.0</t>
  </si>
  <si>
    <t>25781.0</t>
  </si>
  <si>
    <t>40.15</t>
  </si>
  <si>
    <t>11883.0</t>
  </si>
  <si>
    <t>11790.0</t>
  </si>
  <si>
    <t>11541.0</t>
  </si>
  <si>
    <t>11463.0</t>
  </si>
  <si>
    <t>52337.0</t>
  </si>
  <si>
    <t>30094.0</t>
  </si>
  <si>
    <t>22243.0</t>
  </si>
  <si>
    <t>10388.0</t>
  </si>
  <si>
    <t>9407.0</t>
  </si>
  <si>
    <t>55904.0</t>
  </si>
  <si>
    <t>23775.0</t>
  </si>
  <si>
    <t>87.07</t>
  </si>
  <si>
    <t>37.03</t>
  </si>
  <si>
    <t>6791.0</t>
  </si>
  <si>
    <t>1003.00590278319</t>
  </si>
  <si>
    <t>58193.0</t>
  </si>
  <si>
    <t>25216.0</t>
  </si>
  <si>
    <t>6386.0</t>
  </si>
  <si>
    <t>8146.0</t>
  </si>
  <si>
    <t>8597.0</t>
  </si>
  <si>
    <t>63994.0</t>
  </si>
  <si>
    <t>34966.0</t>
  </si>
  <si>
    <t>29028.0</t>
  </si>
  <si>
    <t>99.67</t>
  </si>
  <si>
    <t>45.21</t>
  </si>
  <si>
    <t>8441.0</t>
  </si>
  <si>
    <t>66564.0</t>
  </si>
  <si>
    <t>35313.0</t>
  </si>
  <si>
    <t>8301.0</t>
  </si>
  <si>
    <t>68822.0</t>
  </si>
  <si>
    <t>36096.0</t>
  </si>
  <si>
    <t>32726.0</t>
  </si>
  <si>
    <t>107.19</t>
  </si>
  <si>
    <t>56.22</t>
  </si>
  <si>
    <t>71114.0</t>
  </si>
  <si>
    <t>37554.0</t>
  </si>
  <si>
    <t>33560.0</t>
  </si>
  <si>
    <t>110.76</t>
  </si>
  <si>
    <t>1124.48798417618</t>
  </si>
  <si>
    <t>5529.0</t>
  </si>
  <si>
    <t>5950.0</t>
  </si>
  <si>
    <t>73702.0</t>
  </si>
  <si>
    <t>39252.0</t>
  </si>
  <si>
    <t>34450.0</t>
  </si>
  <si>
    <t>114.79</t>
  </si>
  <si>
    <t>7772.0</t>
  </si>
  <si>
    <t>74852.0</t>
  </si>
  <si>
    <t>34987.0</t>
  </si>
  <si>
    <t>116.58</t>
  </si>
  <si>
    <t>8317.0</t>
  </si>
  <si>
    <t>7803.0</t>
  </si>
  <si>
    <t>6775.0</t>
  </si>
  <si>
    <t>76860.0</t>
  </si>
  <si>
    <t>41198.0</t>
  </si>
  <si>
    <t>35662.0</t>
  </si>
  <si>
    <t>78413.0</t>
  </si>
  <si>
    <t>122.13</t>
  </si>
  <si>
    <t>125.72</t>
  </si>
  <si>
    <t>-11.65</t>
  </si>
  <si>
    <t>1034.15515442241</t>
  </si>
  <si>
    <t>81845.0</t>
  </si>
  <si>
    <t>127.47</t>
  </si>
  <si>
    <t>82050.0</t>
  </si>
  <si>
    <t>41505.0</t>
  </si>
  <si>
    <t>40545.0</t>
  </si>
  <si>
    <t>82468.0</t>
  </si>
  <si>
    <t>40817.0</t>
  </si>
  <si>
    <t>82870.0</t>
  </si>
  <si>
    <t>41873.0</t>
  </si>
  <si>
    <t>129.07</t>
  </si>
  <si>
    <t>65.22</t>
  </si>
  <si>
    <t>-3.43</t>
  </si>
  <si>
    <t>1009.23575311103</t>
  </si>
  <si>
    <t>82976.0</t>
  </si>
  <si>
    <t>41917.0</t>
  </si>
  <si>
    <t>41059.0</t>
  </si>
  <si>
    <t>65.28</t>
  </si>
  <si>
    <t>83297.0</t>
  </si>
  <si>
    <t>42074.0</t>
  </si>
  <si>
    <t>41223.0</t>
  </si>
  <si>
    <t>129.73</t>
  </si>
  <si>
    <t>84022.0</t>
  </si>
  <si>
    <t>42430.0</t>
  </si>
  <si>
    <t>41592.0</t>
  </si>
  <si>
    <t>130.86</t>
  </si>
  <si>
    <t>84748.0</t>
  </si>
  <si>
    <t>41922.0</t>
  </si>
  <si>
    <t>131.99</t>
  </si>
  <si>
    <t>1068.41933122557</t>
  </si>
  <si>
    <t>133.03</t>
  </si>
  <si>
    <t>85914.0</t>
  </si>
  <si>
    <t>42537.0</t>
  </si>
  <si>
    <t>86194.0</t>
  </si>
  <si>
    <t>86676.0</t>
  </si>
  <si>
    <t>42821.0</t>
  </si>
  <si>
    <t>134.99</t>
  </si>
  <si>
    <t>125.2</t>
  </si>
  <si>
    <t>136.71</t>
  </si>
  <si>
    <t>1949.94315261576</t>
  </si>
  <si>
    <t>87215.0</t>
  </si>
  <si>
    <t>44190.0</t>
  </si>
  <si>
    <t>87723.0</t>
  </si>
  <si>
    <t>44573.0</t>
  </si>
  <si>
    <t>136.63</t>
  </si>
  <si>
    <t>88417.0</t>
  </si>
  <si>
    <t>137.71</t>
  </si>
  <si>
    <t>89029.0</t>
  </si>
  <si>
    <t>45291.0</t>
  </si>
  <si>
    <t>43738.0</t>
  </si>
  <si>
    <t>138.66</t>
  </si>
  <si>
    <t>4345.0</t>
  </si>
  <si>
    <t>7336.0</t>
  </si>
  <si>
    <t>92770.0</t>
  </si>
  <si>
    <t>144.49</t>
  </si>
  <si>
    <t>156.2</t>
  </si>
  <si>
    <t>2432.75655302381</t>
  </si>
  <si>
    <t>14469.0</t>
  </si>
  <si>
    <t>17537.0</t>
  </si>
  <si>
    <t>101341.0</t>
  </si>
  <si>
    <t>157.83</t>
  </si>
  <si>
    <t>19063.0</t>
  </si>
  <si>
    <t>16680.0</t>
  </si>
  <si>
    <t>14282.0</t>
  </si>
  <si>
    <t>9485.0</t>
  </si>
  <si>
    <t>7102.0</t>
  </si>
  <si>
    <t>2632.11176351488</t>
  </si>
  <si>
    <t>106520.0</t>
  </si>
  <si>
    <t>46054.0</t>
  </si>
  <si>
    <t>165.9</t>
  </si>
  <si>
    <t>5825.0</t>
  </si>
  <si>
    <t>110329.0</t>
  </si>
  <si>
    <t>46194.0</t>
  </si>
  <si>
    <t>171.83</t>
  </si>
  <si>
    <t>6931.0</t>
  </si>
  <si>
    <t>6152.0</t>
  </si>
  <si>
    <t>4610.0</t>
  </si>
  <si>
    <t>112695.0</t>
  </si>
  <si>
    <t>20267.0</t>
  </si>
  <si>
    <t>175.52</t>
  </si>
  <si>
    <t>15.38</t>
  </si>
  <si>
    <t>2744.24906941611</t>
  </si>
  <si>
    <t>46400.0</t>
  </si>
  <si>
    <t>177.93</t>
  </si>
  <si>
    <t>72.27</t>
  </si>
  <si>
    <t>3240.0</t>
  </si>
  <si>
    <t>115425.0</t>
  </si>
  <si>
    <t>45670.0</t>
  </si>
  <si>
    <t>23252.0</t>
  </si>
  <si>
    <t>179.77</t>
  </si>
  <si>
    <t>46594.0</t>
  </si>
  <si>
    <t>45778.0</t>
  </si>
  <si>
    <t>5124.0</t>
  </si>
  <si>
    <t>120535.0</t>
  </si>
  <si>
    <t>45863.0</t>
  </si>
  <si>
    <t>187.73</t>
  </si>
  <si>
    <t>71.43</t>
  </si>
  <si>
    <t>7678.0</t>
  </si>
  <si>
    <t>4423.0</t>
  </si>
  <si>
    <t>121792.0</t>
  </si>
  <si>
    <t>46759.0</t>
  </si>
  <si>
    <t>29107.0</t>
  </si>
  <si>
    <t>189.69</t>
  </si>
  <si>
    <t>71.53</t>
  </si>
  <si>
    <t>123082.0</t>
  </si>
  <si>
    <t>46961.0</t>
  </si>
  <si>
    <t>191.7</t>
  </si>
  <si>
    <t>73.14</t>
  </si>
  <si>
    <t>123728.0</t>
  </si>
  <si>
    <t>30726.0</t>
  </si>
  <si>
    <t>192.7</t>
  </si>
  <si>
    <t>47.85</t>
  </si>
  <si>
    <t>124342.0</t>
  </si>
  <si>
    <t>193.66</t>
  </si>
  <si>
    <t>125085.0</t>
  </si>
  <si>
    <t>47336.0</t>
  </si>
  <si>
    <t>46247.0</t>
  </si>
  <si>
    <t>31502.0</t>
  </si>
  <si>
    <t>194.82</t>
  </si>
  <si>
    <t>72.03</t>
  </si>
  <si>
    <t>47784.0</t>
  </si>
  <si>
    <t>31766.0</t>
  </si>
  <si>
    <t>196.12</t>
  </si>
  <si>
    <t>126461.0</t>
  </si>
  <si>
    <t>48040.0</t>
  </si>
  <si>
    <t>46439.0</t>
  </si>
  <si>
    <t>196.96</t>
  </si>
  <si>
    <t>72.33</t>
  </si>
  <si>
    <t>49.81</t>
  </si>
  <si>
    <t>127090.0</t>
  </si>
  <si>
    <t>48196.0</t>
  </si>
  <si>
    <t>32195.0</t>
  </si>
  <si>
    <t>197.94</t>
  </si>
  <si>
    <t>128243.0</t>
  </si>
  <si>
    <t>48297.0</t>
  </si>
  <si>
    <t>47015.0</t>
  </si>
  <si>
    <t>32931.0</t>
  </si>
  <si>
    <t>199.73</t>
  </si>
  <si>
    <t>131184.0</t>
  </si>
  <si>
    <t>48360.0</t>
  </si>
  <si>
    <t>47271.0</t>
  </si>
  <si>
    <t>204.31</t>
  </si>
  <si>
    <t>4750.0</t>
  </si>
  <si>
    <t>131441.0</t>
  </si>
  <si>
    <t>48424.0</t>
  </si>
  <si>
    <t>47464.0</t>
  </si>
  <si>
    <t>204.71</t>
  </si>
  <si>
    <t>131573.0</t>
  </si>
  <si>
    <t>48517.0</t>
  </si>
  <si>
    <t>47655.0</t>
  </si>
  <si>
    <t>35401.0</t>
  </si>
  <si>
    <t>204.92</t>
  </si>
  <si>
    <t>25.255</t>
  </si>
  <si>
    <t>samples tested</t>
  </si>
  <si>
    <t>46.288</t>
  </si>
  <si>
    <t>21.033</t>
  </si>
  <si>
    <t>71.309</t>
  </si>
  <si>
    <t>25.021</t>
  </si>
  <si>
    <t>97.531</t>
  </si>
  <si>
    <t>26.221</t>
  </si>
  <si>
    <t>131612.0</t>
  </si>
  <si>
    <t>48554.0</t>
  </si>
  <si>
    <t>47657.0</t>
  </si>
  <si>
    <t>204.98</t>
  </si>
  <si>
    <t>112.472</t>
  </si>
  <si>
    <t>14.941</t>
  </si>
  <si>
    <t>129.423</t>
  </si>
  <si>
    <t>152.684</t>
  </si>
  <si>
    <t>23.261</t>
  </si>
  <si>
    <t>20.519</t>
  </si>
  <si>
    <t>18.556</t>
  </si>
  <si>
    <t>17.122</t>
  </si>
  <si>
    <t>17.185</t>
  </si>
  <si>
    <t>19143.0</t>
  </si>
  <si>
    <t>298.247</t>
  </si>
  <si>
    <t>145.564</t>
  </si>
  <si>
    <t>16.795</t>
  </si>
  <si>
    <t>17.403</t>
  </si>
  <si>
    <t>18.026</t>
  </si>
  <si>
    <t>18.634</t>
  </si>
  <si>
    <t>0.0394</t>
  </si>
  <si>
    <t>19.257</t>
  </si>
  <si>
    <t>19.864</t>
  </si>
  <si>
    <t>28346.0</t>
  </si>
  <si>
    <t>441.63</t>
  </si>
  <si>
    <t>143.382</t>
  </si>
  <si>
    <t>20.488</t>
  </si>
  <si>
    <t>19.942</t>
  </si>
  <si>
    <t>18.867</t>
  </si>
  <si>
    <t>18.338</t>
  </si>
  <si>
    <t>17.808</t>
  </si>
  <si>
    <t>17.263</t>
  </si>
  <si>
    <t>16.733</t>
  </si>
  <si>
    <t>36935.0</t>
  </si>
  <si>
    <t>8589.0</t>
  </si>
  <si>
    <t>575.446</t>
  </si>
  <si>
    <t>133.816</t>
  </si>
  <si>
    <t>16.188</t>
  </si>
  <si>
    <t>15.658</t>
  </si>
  <si>
    <t>15.113</t>
  </si>
  <si>
    <t>14.583</t>
  </si>
  <si>
    <t>14.038</t>
  </si>
  <si>
    <t>41927.0</t>
  </si>
  <si>
    <t>653.221</t>
  </si>
  <si>
    <t>77.775</t>
  </si>
  <si>
    <t>13.508</t>
  </si>
  <si>
    <t>132042.0</t>
  </si>
  <si>
    <t>35831.0</t>
  </si>
  <si>
    <t>205.65</t>
  </si>
  <si>
    <t>55.81</t>
  </si>
  <si>
    <t>BTN</t>
  </si>
  <si>
    <t>Bhutan</t>
  </si>
  <si>
    <t>146.9</t>
  </si>
  <si>
    <t>160.8</t>
  </si>
  <si>
    <t>293.7</t>
  </si>
  <si>
    <t>251.7</t>
  </si>
  <si>
    <t>377.6</t>
  </si>
  <si>
    <t>6.556</t>
  </si>
  <si>
    <t>4.902</t>
  </si>
  <si>
    <t>5655.0</t>
  </si>
  <si>
    <t>7.273</t>
  </si>
  <si>
    <t>8.202</t>
  </si>
  <si>
    <t>7452.0</t>
  </si>
  <si>
    <t>10.112</t>
  </si>
  <si>
    <t>7913.0</t>
  </si>
  <si>
    <t>10.178</t>
  </si>
  <si>
    <t>8131.0</t>
  </si>
  <si>
    <t>10.458</t>
  </si>
  <si>
    <t>8570.0</t>
  </si>
  <si>
    <t>11.023</t>
  </si>
  <si>
    <t>11.274</t>
  </si>
  <si>
    <t>1755.2</t>
  </si>
  <si>
    <t>11.515</t>
  </si>
  <si>
    <t>1496.5</t>
  </si>
  <si>
    <t>12.057</t>
  </si>
  <si>
    <t>755.2</t>
  </si>
  <si>
    <t>9475.0</t>
  </si>
  <si>
    <t>779.7</t>
  </si>
  <si>
    <t>12.403</t>
  </si>
  <si>
    <t>765.7</t>
  </si>
  <si>
    <t>828.7</t>
  </si>
  <si>
    <t>629.4</t>
  </si>
  <si>
    <t>12.688</t>
  </si>
  <si>
    <t>1097.9</t>
  </si>
  <si>
    <t>12.816</t>
  </si>
  <si>
    <t>12.992</t>
  </si>
  <si>
    <t>13.567</t>
  </si>
  <si>
    <t>13.841</t>
  </si>
  <si>
    <t>10980.0</t>
  </si>
  <si>
    <t>14.122</t>
  </si>
  <si>
    <t>14.167</t>
  </si>
  <si>
    <t>11373.0</t>
  </si>
  <si>
    <t>14.628</t>
  </si>
  <si>
    <t>11492.0</t>
  </si>
  <si>
    <t>14.781</t>
  </si>
  <si>
    <t>11568.0</t>
  </si>
  <si>
    <t>14.879</t>
  </si>
  <si>
    <t>11655.0</t>
  </si>
  <si>
    <t>14.991</t>
  </si>
  <si>
    <t>12163.0</t>
  </si>
  <si>
    <t>15.644</t>
  </si>
  <si>
    <t>287.2</t>
  </si>
  <si>
    <t>12255.0</t>
  </si>
  <si>
    <t>15.762</t>
  </si>
  <si>
    <t>12932.0</t>
  </si>
  <si>
    <t>17.121</t>
  </si>
  <si>
    <t>13660.0</t>
  </si>
  <si>
    <t>17.569</t>
  </si>
  <si>
    <t>149.5</t>
  </si>
  <si>
    <t>13701.0</t>
  </si>
  <si>
    <t>17.622</t>
  </si>
  <si>
    <t>13962.0</t>
  </si>
  <si>
    <t>17.958</t>
  </si>
  <si>
    <t>14223.0</t>
  </si>
  <si>
    <t>18.294</t>
  </si>
  <si>
    <t>205.7</t>
  </si>
  <si>
    <t>14294.0</t>
  </si>
  <si>
    <t>18.385</t>
  </si>
  <si>
    <t>339.6</t>
  </si>
  <si>
    <t>14527.0</t>
  </si>
  <si>
    <t>18.685</t>
  </si>
  <si>
    <t>1594.4</t>
  </si>
  <si>
    <t>19.091</t>
  </si>
  <si>
    <t>15293.0</t>
  </si>
  <si>
    <t>543.1</t>
  </si>
  <si>
    <t>582.8</t>
  </si>
  <si>
    <t>20.074</t>
  </si>
  <si>
    <t>20.227</t>
  </si>
  <si>
    <t>250.9</t>
  </si>
  <si>
    <t>15862.0</t>
  </si>
  <si>
    <t>20.402</t>
  </si>
  <si>
    <t>167.9</t>
  </si>
  <si>
    <t>21.283</t>
  </si>
  <si>
    <t>16838.0</t>
  </si>
  <si>
    <t>21.657</t>
  </si>
  <si>
    <t>17038.0</t>
  </si>
  <si>
    <t>21.914</t>
  </si>
  <si>
    <t>17344.0</t>
  </si>
  <si>
    <t>22.663</t>
  </si>
  <si>
    <t>17898.0</t>
  </si>
  <si>
    <t>18238.0</t>
  </si>
  <si>
    <t>23.458</t>
  </si>
  <si>
    <t>18821.0</t>
  </si>
  <si>
    <t>24.208</t>
  </si>
  <si>
    <t>133.8</t>
  </si>
  <si>
    <t>19004.0</t>
  </si>
  <si>
    <t>24.443</t>
  </si>
  <si>
    <t>19348.0</t>
  </si>
  <si>
    <t>24.885</t>
  </si>
  <si>
    <t>144.4</t>
  </si>
  <si>
    <t>19539.0</t>
  </si>
  <si>
    <t>25.131</t>
  </si>
  <si>
    <t>25.444</t>
  </si>
  <si>
    <t>20104.0</t>
  </si>
  <si>
    <t>25.858</t>
  </si>
  <si>
    <t>20400.0</t>
  </si>
  <si>
    <t>26.238</t>
  </si>
  <si>
    <t>26.404</t>
  </si>
  <si>
    <t>20612.0</t>
  </si>
  <si>
    <t>89.5</t>
  </si>
  <si>
    <t>20731.0</t>
  </si>
  <si>
    <t>26.664</t>
  </si>
  <si>
    <t>21144.0</t>
  </si>
  <si>
    <t>27.195</t>
  </si>
  <si>
    <t>21790.0</t>
  </si>
  <si>
    <t>28.026</t>
  </si>
  <si>
    <t>210.8</t>
  </si>
  <si>
    <t>22250.0</t>
  </si>
  <si>
    <t>28.618</t>
  </si>
  <si>
    <t>369.7</t>
  </si>
  <si>
    <t>28.968</t>
  </si>
  <si>
    <t>332.6</t>
  </si>
  <si>
    <t>22627.0</t>
  </si>
  <si>
    <t>29.103</t>
  </si>
  <si>
    <t>22954.0</t>
  </si>
  <si>
    <t>29.523</t>
  </si>
  <si>
    <t>1111.9</t>
  </si>
  <si>
    <t>23176.0</t>
  </si>
  <si>
    <t>29.809</t>
  </si>
  <si>
    <t>30.056</t>
  </si>
  <si>
    <t>601.4</t>
  </si>
  <si>
    <t>23749.0</t>
  </si>
  <si>
    <t>30.546</t>
  </si>
  <si>
    <t>652.7</t>
  </si>
  <si>
    <t>23857.0</t>
  </si>
  <si>
    <t>30.685</t>
  </si>
  <si>
    <t>536.1</t>
  </si>
  <si>
    <t>23988.0</t>
  </si>
  <si>
    <t>30.853</t>
  </si>
  <si>
    <t>730.8</t>
  </si>
  <si>
    <t>24509.0</t>
  </si>
  <si>
    <t>31.523</t>
  </si>
  <si>
    <t>194.2</t>
  </si>
  <si>
    <t>178.1</t>
  </si>
  <si>
    <t>25048.0</t>
  </si>
  <si>
    <t>25121.0</t>
  </si>
  <si>
    <t>32.311</t>
  </si>
  <si>
    <t>32.484</t>
  </si>
  <si>
    <t>25375.0</t>
  </si>
  <si>
    <t>32.637</t>
  </si>
  <si>
    <t>25456.0</t>
  </si>
  <si>
    <t>32.741</t>
  </si>
  <si>
    <t>400.9</t>
  </si>
  <si>
    <t>25579.0</t>
  </si>
  <si>
    <t>25825.0</t>
  </si>
  <si>
    <t>33.216</t>
  </si>
  <si>
    <t>349.7</t>
  </si>
  <si>
    <t>26060.0</t>
  </si>
  <si>
    <t>33.518</t>
  </si>
  <si>
    <t>26128.0</t>
  </si>
  <si>
    <t>33.606</t>
  </si>
  <si>
    <t>335.7</t>
  </si>
  <si>
    <t>26418.0</t>
  </si>
  <si>
    <t>33.979</t>
  </si>
  <si>
    <t>386.9</t>
  </si>
  <si>
    <t>34.173</t>
  </si>
  <si>
    <t>398.6</t>
  </si>
  <si>
    <t>34.891</t>
  </si>
  <si>
    <t>418.6</t>
  </si>
  <si>
    <t>47.099</t>
  </si>
  <si>
    <t>12.209</t>
  </si>
  <si>
    <t>2761.8</t>
  </si>
  <si>
    <t>47.225</t>
  </si>
  <si>
    <t>36867.0</t>
  </si>
  <si>
    <t>47.418</t>
  </si>
  <si>
    <t>39270.0</t>
  </si>
  <si>
    <t>50.509</t>
  </si>
  <si>
    <t>3287.2</t>
  </si>
  <si>
    <t>39461.0</t>
  </si>
  <si>
    <t>50.755</t>
  </si>
  <si>
    <t>2173.9</t>
  </si>
  <si>
    <t>39633.0</t>
  </si>
  <si>
    <t>50.976</t>
  </si>
  <si>
    <t>39817.0</t>
  </si>
  <si>
    <t>51.212</t>
  </si>
  <si>
    <t>40300.0</t>
  </si>
  <si>
    <t>51.834</t>
  </si>
  <si>
    <t>736.7</t>
  </si>
  <si>
    <t>51.937</t>
  </si>
  <si>
    <t>610.3</t>
  </si>
  <si>
    <t>40527.0</t>
  </si>
  <si>
    <t>52.126</t>
  </si>
  <si>
    <t>457.6</t>
  </si>
  <si>
    <t>40740.0</t>
  </si>
  <si>
    <t>183.7</t>
  </si>
  <si>
    <t>228.7</t>
  </si>
  <si>
    <t>40924.0</t>
  </si>
  <si>
    <t>52.636</t>
  </si>
  <si>
    <t>257.7</t>
  </si>
  <si>
    <t>41075.0</t>
  </si>
  <si>
    <t>52.831</t>
  </si>
  <si>
    <t>252.1</t>
  </si>
  <si>
    <t>41477.0</t>
  </si>
  <si>
    <t>53.348</t>
  </si>
  <si>
    <t>122.1</t>
  </si>
  <si>
    <t>41763.0</t>
  </si>
  <si>
    <t>53.715</t>
  </si>
  <si>
    <t>42090.0</t>
  </si>
  <si>
    <t>42190.0</t>
  </si>
  <si>
    <t>54.265</t>
  </si>
  <si>
    <t>43196.0</t>
  </si>
  <si>
    <t>55.559</t>
  </si>
  <si>
    <t>252.7</t>
  </si>
  <si>
    <t>44534.0</t>
  </si>
  <si>
    <t>57.279</t>
  </si>
  <si>
    <t>345.7</t>
  </si>
  <si>
    <t>49431.0</t>
  </si>
  <si>
    <t>63.578</t>
  </si>
  <si>
    <t>6.299</t>
  </si>
  <si>
    <t>51141.0</t>
  </si>
  <si>
    <t>65.777</t>
  </si>
  <si>
    <t>2418.6</t>
  </si>
  <si>
    <t>52488.0</t>
  </si>
  <si>
    <t>1787.6</t>
  </si>
  <si>
    <t>54275.0</t>
  </si>
  <si>
    <t>69.808</t>
  </si>
  <si>
    <t>2031.5</t>
  </si>
  <si>
    <t>54589.0</t>
  </si>
  <si>
    <t>70.212</t>
  </si>
  <si>
    <t>55128.0</t>
  </si>
  <si>
    <t>70.905</t>
  </si>
  <si>
    <t>55354.0</t>
  </si>
  <si>
    <t>71.196</t>
  </si>
  <si>
    <t>55705.0</t>
  </si>
  <si>
    <t>71.648</t>
  </si>
  <si>
    <t>783.9</t>
  </si>
  <si>
    <t>56152.0</t>
  </si>
  <si>
    <t>72.223</t>
  </si>
  <si>
    <t>73.033</t>
  </si>
  <si>
    <t>536.3</t>
  </si>
  <si>
    <t>57074.0</t>
  </si>
  <si>
    <t>73.408</t>
  </si>
  <si>
    <t>57086.0</t>
  </si>
  <si>
    <t>73.424</t>
  </si>
  <si>
    <t>58537.0</t>
  </si>
  <si>
    <t>59435.0</t>
  </si>
  <si>
    <t>76.445</t>
  </si>
  <si>
    <t>59440.0</t>
  </si>
  <si>
    <t>76.452</t>
  </si>
  <si>
    <t>79.892</t>
  </si>
  <si>
    <t>3.441</t>
  </si>
  <si>
    <t>62120.0</t>
  </si>
  <si>
    <t>79.899</t>
  </si>
  <si>
    <t>157.1</t>
  </si>
  <si>
    <t>63112.0</t>
  </si>
  <si>
    <t>81.174</t>
  </si>
  <si>
    <t>66835.0</t>
  </si>
  <si>
    <t>85.963</t>
  </si>
  <si>
    <t>4.789</t>
  </si>
  <si>
    <t>390.1</t>
  </si>
  <si>
    <t>70740.0</t>
  </si>
  <si>
    <t>90.986</t>
  </si>
  <si>
    <t>5.023</t>
  </si>
  <si>
    <t>76034.0</t>
  </si>
  <si>
    <t>97.795</t>
  </si>
  <si>
    <t>6.809</t>
  </si>
  <si>
    <t>754.4</t>
  </si>
  <si>
    <t>79328.0</t>
  </si>
  <si>
    <t>102.031</t>
  </si>
  <si>
    <t>3.654</t>
  </si>
  <si>
    <t>1169.6</t>
  </si>
  <si>
    <t>82648.0</t>
  </si>
  <si>
    <t>3320.0</t>
  </si>
  <si>
    <t>106.302</t>
  </si>
  <si>
    <t>1368.6</t>
  </si>
  <si>
    <t>86859.0</t>
  </si>
  <si>
    <t>111.718</t>
  </si>
  <si>
    <t>5.416</t>
  </si>
  <si>
    <t>951.5</t>
  </si>
  <si>
    <t>90559.0</t>
  </si>
  <si>
    <t>116.477</t>
  </si>
  <si>
    <t>4.759</t>
  </si>
  <si>
    <t>1055.7</t>
  </si>
  <si>
    <t>94848.0</t>
  </si>
  <si>
    <t>121.993</t>
  </si>
  <si>
    <t>5.516</t>
  </si>
  <si>
    <t>903.6</t>
  </si>
  <si>
    <t>97115.0</t>
  </si>
  <si>
    <t>124.909</t>
  </si>
  <si>
    <t>4.846</t>
  </si>
  <si>
    <t>643.3</t>
  </si>
  <si>
    <t>97402.0</t>
  </si>
  <si>
    <t>125.278</t>
  </si>
  <si>
    <t>3.927</t>
  </si>
  <si>
    <t>534.3</t>
  </si>
  <si>
    <t>97956.0</t>
  </si>
  <si>
    <t>125.991</t>
  </si>
  <si>
    <t>3.423</t>
  </si>
  <si>
    <t>127.596</t>
  </si>
  <si>
    <t>3.042</t>
  </si>
  <si>
    <t>239.9</t>
  </si>
  <si>
    <t>100081.0</t>
  </si>
  <si>
    <t>128.724</t>
  </si>
  <si>
    <t>244.9</t>
  </si>
  <si>
    <t>103149.0</t>
  </si>
  <si>
    <t>132.67</t>
  </si>
  <si>
    <t>2.314</t>
  </si>
  <si>
    <t>233.2</t>
  </si>
  <si>
    <t>104163.0</t>
  </si>
  <si>
    <t>133.974</t>
  </si>
  <si>
    <t>216.7</t>
  </si>
  <si>
    <t>105522.0</t>
  </si>
  <si>
    <t>135.722</t>
  </si>
  <si>
    <t>254.8</t>
  </si>
  <si>
    <t>106814.0</t>
  </si>
  <si>
    <t>137.384</t>
  </si>
  <si>
    <t>108376.0</t>
  </si>
  <si>
    <t>139.393</t>
  </si>
  <si>
    <t>2607.7</t>
  </si>
  <si>
    <t>109172.0</t>
  </si>
  <si>
    <t>140.417</t>
  </si>
  <si>
    <t>1245.8</t>
  </si>
  <si>
    <t>109858.0</t>
  </si>
  <si>
    <t>141.299</t>
  </si>
  <si>
    <t>110331.0</t>
  </si>
  <si>
    <t>141.907</t>
  </si>
  <si>
    <t>111051.0</t>
  </si>
  <si>
    <t>142.833</t>
  </si>
  <si>
    <t>626.4</t>
  </si>
  <si>
    <t>112002.0</t>
  </si>
  <si>
    <t>144.057</t>
  </si>
  <si>
    <t>498.7</t>
  </si>
  <si>
    <t>113349.0</t>
  </si>
  <si>
    <t>145.789</t>
  </si>
  <si>
    <t>408.6</t>
  </si>
  <si>
    <t>114253.0</t>
  </si>
  <si>
    <t>146.952</t>
  </si>
  <si>
    <t>345.8</t>
  </si>
  <si>
    <t>117494.0</t>
  </si>
  <si>
    <t>4.169</t>
  </si>
  <si>
    <t>1.529</t>
  </si>
  <si>
    <t>693.7</t>
  </si>
  <si>
    <t>118525.0</t>
  </si>
  <si>
    <t>152.446</t>
  </si>
  <si>
    <t>722.3</t>
  </si>
  <si>
    <t>119574.0</t>
  </si>
  <si>
    <t>153.796</t>
  </si>
  <si>
    <t>1.349</t>
  </si>
  <si>
    <t>770.1</t>
  </si>
  <si>
    <t>154.169</t>
  </si>
  <si>
    <t>1101.5</t>
  </si>
  <si>
    <t>122546.0</t>
  </si>
  <si>
    <t>157.618</t>
  </si>
  <si>
    <t>958.6</t>
  </si>
  <si>
    <t>123678.0</t>
  </si>
  <si>
    <t>159.074</t>
  </si>
  <si>
    <t>688.8</t>
  </si>
  <si>
    <t>124839.0</t>
  </si>
  <si>
    <t>160.568</t>
  </si>
  <si>
    <t>661.4</t>
  </si>
  <si>
    <t>125566.0</t>
  </si>
  <si>
    <t>161.503</t>
  </si>
  <si>
    <t>504.4</t>
  </si>
  <si>
    <t>127537.0</t>
  </si>
  <si>
    <t>164.038</t>
  </si>
  <si>
    <t>2.535</t>
  </si>
  <si>
    <t>600.6</t>
  </si>
  <si>
    <t>129137.0</t>
  </si>
  <si>
    <t>166.096</t>
  </si>
  <si>
    <t>637.4</t>
  </si>
  <si>
    <t>129899.0</t>
  </si>
  <si>
    <t>167.076</t>
  </si>
  <si>
    <t>590.4</t>
  </si>
  <si>
    <t>131397.0</t>
  </si>
  <si>
    <t>169.002</t>
  </si>
  <si>
    <t>804.6</t>
  </si>
  <si>
    <t>132345.0</t>
  </si>
  <si>
    <t>170.222</t>
  </si>
  <si>
    <t>133619.0</t>
  </si>
  <si>
    <t>171.86</t>
  </si>
  <si>
    <t>731.6</t>
  </si>
  <si>
    <t>134060.0</t>
  </si>
  <si>
    <t>172.428</t>
  </si>
  <si>
    <t>446.9</t>
  </si>
  <si>
    <t>135061.0</t>
  </si>
  <si>
    <t>173.715</t>
  </si>
  <si>
    <t>376.3</t>
  </si>
  <si>
    <t>135960.0</t>
  </si>
  <si>
    <t>174.871</t>
  </si>
  <si>
    <t>136947.0</t>
  </si>
  <si>
    <t>176.141</t>
  </si>
  <si>
    <t>137893.0</t>
  </si>
  <si>
    <t>177.358</t>
  </si>
  <si>
    <t>324.8</t>
  </si>
  <si>
    <t>139629.0</t>
  </si>
  <si>
    <t>179.59</t>
  </si>
  <si>
    <t>607.4</t>
  </si>
  <si>
    <t>141217.0</t>
  </si>
  <si>
    <t>181.633</t>
  </si>
  <si>
    <t>303.8</t>
  </si>
  <si>
    <t>142510.0</t>
  </si>
  <si>
    <t>183.296</t>
  </si>
  <si>
    <t>444.7</t>
  </si>
  <si>
    <t>144498.0</t>
  </si>
  <si>
    <t>185.853</t>
  </si>
  <si>
    <t>496.7</t>
  </si>
  <si>
    <t>145233.0</t>
  </si>
  <si>
    <t>186.798</t>
  </si>
  <si>
    <t>421.6</t>
  </si>
  <si>
    <t>146386.0</t>
  </si>
  <si>
    <t>188.281</t>
  </si>
  <si>
    <t>428.9</t>
  </si>
  <si>
    <t>147850.0</t>
  </si>
  <si>
    <t>190.164</t>
  </si>
  <si>
    <t>432.7</t>
  </si>
  <si>
    <t>149297.0</t>
  </si>
  <si>
    <t>192.025</t>
  </si>
  <si>
    <t>420.3</t>
  </si>
  <si>
    <t>150695.0</t>
  </si>
  <si>
    <t>193.823</t>
  </si>
  <si>
    <t>861.9</t>
  </si>
  <si>
    <t>151215.0</t>
  </si>
  <si>
    <t>194.492</t>
  </si>
  <si>
    <t>870.5</t>
  </si>
  <si>
    <t>152450.0</t>
  </si>
  <si>
    <t>196.081</t>
  </si>
  <si>
    <t>611.7</t>
  </si>
  <si>
    <t>197.857</t>
  </si>
  <si>
    <t>716.5</t>
  </si>
  <si>
    <t>154864.0</t>
  </si>
  <si>
    <t>199.186</t>
  </si>
  <si>
    <t>1.558</t>
  </si>
  <si>
    <t>706.5</t>
  </si>
  <si>
    <t>156245.0</t>
  </si>
  <si>
    <t>200.962</t>
  </si>
  <si>
    <t>157737.0</t>
  </si>
  <si>
    <t>202.881</t>
  </si>
  <si>
    <t>444.4</t>
  </si>
  <si>
    <t>158940.0</t>
  </si>
  <si>
    <t>204.428</t>
  </si>
  <si>
    <t>458.2</t>
  </si>
  <si>
    <t>159315.0</t>
  </si>
  <si>
    <t>385.7</t>
  </si>
  <si>
    <t>160089.0</t>
  </si>
  <si>
    <t>205.906</t>
  </si>
  <si>
    <t>424.3</t>
  </si>
  <si>
    <t>161397.0</t>
  </si>
  <si>
    <t>207.588</t>
  </si>
  <si>
    <t>472.9</t>
  </si>
  <si>
    <t>208.9</t>
  </si>
  <si>
    <t>377.7</t>
  </si>
  <si>
    <t>163495.0</t>
  </si>
  <si>
    <t>210.287</t>
  </si>
  <si>
    <t>1.332</t>
  </si>
  <si>
    <t>362.6</t>
  </si>
  <si>
    <t>164819.0</t>
  </si>
  <si>
    <t>211.99</t>
  </si>
  <si>
    <t>472.2</t>
  </si>
  <si>
    <t>165557.0</t>
  </si>
  <si>
    <t>212.939</t>
  </si>
  <si>
    <t>166087.0</t>
  </si>
  <si>
    <t>213.621</t>
  </si>
  <si>
    <t>564.2</t>
  </si>
  <si>
    <t>167043.0</t>
  </si>
  <si>
    <t>496.5</t>
  </si>
  <si>
    <t>168223.0</t>
  </si>
  <si>
    <t>216.368</t>
  </si>
  <si>
    <t>487.5</t>
  </si>
  <si>
    <t>169479.0</t>
  </si>
  <si>
    <t>217.983</t>
  </si>
  <si>
    <t>706.1</t>
  </si>
  <si>
    <t>170567.0</t>
  </si>
  <si>
    <t>219.383</t>
  </si>
  <si>
    <t>589.3</t>
  </si>
  <si>
    <t>170569.0</t>
  </si>
  <si>
    <t>219.385</t>
  </si>
  <si>
    <t>638.4</t>
  </si>
  <si>
    <t>173785.0</t>
  </si>
  <si>
    <t>223.522</t>
  </si>
  <si>
    <t>685.5</t>
  </si>
  <si>
    <t>174107.0</t>
  </si>
  <si>
    <t>223.936</t>
  </si>
  <si>
    <t>175354.0</t>
  </si>
  <si>
    <t>225.54</t>
  </si>
  <si>
    <t>639.2</t>
  </si>
  <si>
    <t>176649.0</t>
  </si>
  <si>
    <t>227.205</t>
  </si>
  <si>
    <t>177864.0</t>
  </si>
  <si>
    <t>228.768</t>
  </si>
  <si>
    <t>698.9</t>
  </si>
  <si>
    <t>178699.0</t>
  </si>
  <si>
    <t>229.842</t>
  </si>
  <si>
    <t>813.2</t>
  </si>
  <si>
    <t>180939.0</t>
  </si>
  <si>
    <t>232.723</t>
  </si>
  <si>
    <t>2.881</t>
  </si>
  <si>
    <t>1036.4</t>
  </si>
  <si>
    <t>181444.0</t>
  </si>
  <si>
    <t>233.373</t>
  </si>
  <si>
    <t>1532.2</t>
  </si>
  <si>
    <t>1.524</t>
  </si>
  <si>
    <t>1036.7</t>
  </si>
  <si>
    <t>183361.0</t>
  </si>
  <si>
    <t>235.838</t>
  </si>
  <si>
    <t>1334.9</t>
  </si>
  <si>
    <t>184467.0</t>
  </si>
  <si>
    <t>237.261</t>
  </si>
  <si>
    <t>1303.4</t>
  </si>
  <si>
    <t>184975.0</t>
  </si>
  <si>
    <t>237.914</t>
  </si>
  <si>
    <t>646.7</t>
  </si>
  <si>
    <t>186121.0</t>
  </si>
  <si>
    <t>239.388</t>
  </si>
  <si>
    <t>674.7</t>
  </si>
  <si>
    <t>187430.0</t>
  </si>
  <si>
    <t>241.072</t>
  </si>
  <si>
    <t>405.5</t>
  </si>
  <si>
    <t>188891.0</t>
  </si>
  <si>
    <t>242.951</t>
  </si>
  <si>
    <t>465.4</t>
  </si>
  <si>
    <t>189384.0</t>
  </si>
  <si>
    <t>243.585</t>
  </si>
  <si>
    <t>536.9</t>
  </si>
  <si>
    <t>190607.0</t>
  </si>
  <si>
    <t>245.158</t>
  </si>
  <si>
    <t>517.5</t>
  </si>
  <si>
    <t>191794.0</t>
  </si>
  <si>
    <t>246.685</t>
  </si>
  <si>
    <t>523.5</t>
  </si>
  <si>
    <t>192523.0</t>
  </si>
  <si>
    <t>247.622</t>
  </si>
  <si>
    <t>838.3</t>
  </si>
  <si>
    <t>193583.0</t>
  </si>
  <si>
    <t>248.986</t>
  </si>
  <si>
    <t>828.9</t>
  </si>
  <si>
    <t>194572.0</t>
  </si>
  <si>
    <t>250.258</t>
  </si>
  <si>
    <t>1786.3</t>
  </si>
  <si>
    <t>195276.0</t>
  </si>
  <si>
    <t>251.163</t>
  </si>
  <si>
    <t>195711.0</t>
  </si>
  <si>
    <t>251.723</t>
  </si>
  <si>
    <t>196537.0</t>
  </si>
  <si>
    <t>252.785</t>
  </si>
  <si>
    <t>197245.0</t>
  </si>
  <si>
    <t>253.696</t>
  </si>
  <si>
    <t>681.5</t>
  </si>
  <si>
    <t>198422.0</t>
  </si>
  <si>
    <t>255.21</t>
  </si>
  <si>
    <t>536.6</t>
  </si>
  <si>
    <t>199261.0</t>
  </si>
  <si>
    <t>256.289</t>
  </si>
  <si>
    <t>200176.0</t>
  </si>
  <si>
    <t>257.466</t>
  </si>
  <si>
    <t>329.8</t>
  </si>
  <si>
    <t>200980.0</t>
  </si>
  <si>
    <t>258.5</t>
  </si>
  <si>
    <t>407.5</t>
  </si>
  <si>
    <t>201511.0</t>
  </si>
  <si>
    <t>259.183</t>
  </si>
  <si>
    <t>202849.0</t>
  </si>
  <si>
    <t>260.904</t>
  </si>
  <si>
    <t>225.5</t>
  </si>
  <si>
    <t>262.806</t>
  </si>
  <si>
    <t>244.3</t>
  </si>
  <si>
    <t>205270.0</t>
  </si>
  <si>
    <t>264.018</t>
  </si>
  <si>
    <t>206639.0</t>
  </si>
  <si>
    <t>265.778</t>
  </si>
  <si>
    <t>254.4</t>
  </si>
  <si>
    <t>207557.0</t>
  </si>
  <si>
    <t>266.959</t>
  </si>
  <si>
    <t>208728.0</t>
  </si>
  <si>
    <t>268.465</t>
  </si>
  <si>
    <t>210037.0</t>
  </si>
  <si>
    <t>270.149</t>
  </si>
  <si>
    <t>387.5</t>
  </si>
  <si>
    <t>211219.0</t>
  </si>
  <si>
    <t>271.669</t>
  </si>
  <si>
    <t>440.7</t>
  </si>
  <si>
    <t>212537.0</t>
  </si>
  <si>
    <t>273.364</t>
  </si>
  <si>
    <t>456.2</t>
  </si>
  <si>
    <t>213442.0</t>
  </si>
  <si>
    <t>274.528</t>
  </si>
  <si>
    <t>510.5</t>
  </si>
  <si>
    <t>214334.0</t>
  </si>
  <si>
    <t>275.676</t>
  </si>
  <si>
    <t>641.2</t>
  </si>
  <si>
    <t>214336.0</t>
  </si>
  <si>
    <t>275.678</t>
  </si>
  <si>
    <t>616.2</t>
  </si>
  <si>
    <t>216254.0</t>
  </si>
  <si>
    <t>278.145</t>
  </si>
  <si>
    <t>940.5</t>
  </si>
  <si>
    <t>216998.0</t>
  </si>
  <si>
    <t>279.102</t>
  </si>
  <si>
    <t>1159.9</t>
  </si>
  <si>
    <t>218118.0</t>
  </si>
  <si>
    <t>280.543</t>
  </si>
  <si>
    <t>1.441</t>
  </si>
  <si>
    <t>1150.5</t>
  </si>
  <si>
    <t>219694.0</t>
  </si>
  <si>
    <t>282.57</t>
  </si>
  <si>
    <t>220571.0</t>
  </si>
  <si>
    <t>283.698</t>
  </si>
  <si>
    <t>1187.9</t>
  </si>
  <si>
    <t>221383.0</t>
  </si>
  <si>
    <t>284.742</t>
  </si>
  <si>
    <t>222722.0</t>
  </si>
  <si>
    <t>286.464</t>
  </si>
  <si>
    <t>1397.9</t>
  </si>
  <si>
    <t>223917.0</t>
  </si>
  <si>
    <t>288.001</t>
  </si>
  <si>
    <t>228707.0</t>
  </si>
  <si>
    <t>294.162</t>
  </si>
  <si>
    <t>6.161</t>
  </si>
  <si>
    <t>285.6</t>
  </si>
  <si>
    <t>234664.0</t>
  </si>
  <si>
    <t>5957.0</t>
  </si>
  <si>
    <t>301.824</t>
  </si>
  <si>
    <t>413.7</t>
  </si>
  <si>
    <t>234667.0</t>
  </si>
  <si>
    <t>301.828</t>
  </si>
  <si>
    <t>238379.0</t>
  </si>
  <si>
    <t>306.602</t>
  </si>
  <si>
    <t>4.774</t>
  </si>
  <si>
    <t>225.4</t>
  </si>
  <si>
    <t>249623.0</t>
  </si>
  <si>
    <t>321.064</t>
  </si>
  <si>
    <t>14.462</t>
  </si>
  <si>
    <t>4034.0</t>
  </si>
  <si>
    <t>5.189</t>
  </si>
  <si>
    <t>212.3</t>
  </si>
  <si>
    <t>257504.0</t>
  </si>
  <si>
    <t>331.201</t>
  </si>
  <si>
    <t>10.137</t>
  </si>
  <si>
    <t>6.171</t>
  </si>
  <si>
    <t>262776.0</t>
  </si>
  <si>
    <t>5272.0</t>
  </si>
  <si>
    <t>337.982</t>
  </si>
  <si>
    <t>6.781</t>
  </si>
  <si>
    <t>270344.0</t>
  </si>
  <si>
    <t>347.716</t>
  </si>
  <si>
    <t>9.734</t>
  </si>
  <si>
    <t>274360.0</t>
  </si>
  <si>
    <t>352.881</t>
  </si>
  <si>
    <t>5.165</t>
  </si>
  <si>
    <t>7.293</t>
  </si>
  <si>
    <t>291.8</t>
  </si>
  <si>
    <t>281699.0</t>
  </si>
  <si>
    <t>362.32</t>
  </si>
  <si>
    <t>286.9</t>
  </si>
  <si>
    <t>287162.0</t>
  </si>
  <si>
    <t>369.347</t>
  </si>
  <si>
    <t>7.026</t>
  </si>
  <si>
    <t>6.898</t>
  </si>
  <si>
    <t>291500.0</t>
  </si>
  <si>
    <t>374.926</t>
  </si>
  <si>
    <t>6.971</t>
  </si>
  <si>
    <t>296595.0</t>
  </si>
  <si>
    <t>381.48</t>
  </si>
  <si>
    <t>7.182</t>
  </si>
  <si>
    <t>301076.0</t>
  </si>
  <si>
    <t>4481.0</t>
  </si>
  <si>
    <t>387.243</t>
  </si>
  <si>
    <t>5.763</t>
  </si>
  <si>
    <t>305314.0</t>
  </si>
  <si>
    <t>392.694</t>
  </si>
  <si>
    <t>5.451</t>
  </si>
  <si>
    <t>310042.0</t>
  </si>
  <si>
    <t>398.775</t>
  </si>
  <si>
    <t>6.081</t>
  </si>
  <si>
    <t>356.8</t>
  </si>
  <si>
    <t>315958.0</t>
  </si>
  <si>
    <t>406.384</t>
  </si>
  <si>
    <t>7.609</t>
  </si>
  <si>
    <t>321844.0</t>
  </si>
  <si>
    <t>5886.0</t>
  </si>
  <si>
    <t>413.955</t>
  </si>
  <si>
    <t>4955.0</t>
  </si>
  <si>
    <t>326099.0</t>
  </si>
  <si>
    <t>419.427</t>
  </si>
  <si>
    <t>5.473</t>
  </si>
  <si>
    <t>6.358</t>
  </si>
  <si>
    <t>329585.0</t>
  </si>
  <si>
    <t>423.911</t>
  </si>
  <si>
    <t>4.484</t>
  </si>
  <si>
    <t>6.062</t>
  </si>
  <si>
    <t>340.1</t>
  </si>
  <si>
    <t>333446.0</t>
  </si>
  <si>
    <t>428.877</t>
  </si>
  <si>
    <t>4624.0</t>
  </si>
  <si>
    <t>355.7</t>
  </si>
  <si>
    <t>336947.0</t>
  </si>
  <si>
    <t>433.38</t>
  </si>
  <si>
    <t>4.503</t>
  </si>
  <si>
    <t>326.1</t>
  </si>
  <si>
    <t>342472.0</t>
  </si>
  <si>
    <t>440.486</t>
  </si>
  <si>
    <t>415.8</t>
  </si>
  <si>
    <t>355052.0</t>
  </si>
  <si>
    <t>456.667</t>
  </si>
  <si>
    <t>7.183</t>
  </si>
  <si>
    <t>583.5</t>
  </si>
  <si>
    <t>357847.0</t>
  </si>
  <si>
    <t>460.262</t>
  </si>
  <si>
    <t>6.615</t>
  </si>
  <si>
    <t>545.4</t>
  </si>
  <si>
    <t>365261.0</t>
  </si>
  <si>
    <t>7414.0</t>
  </si>
  <si>
    <t>469.798</t>
  </si>
  <si>
    <t>374748.0</t>
  </si>
  <si>
    <t>9487.0</t>
  </si>
  <si>
    <t>8.299</t>
  </si>
  <si>
    <t>1557.3</t>
  </si>
  <si>
    <t>389574.0</t>
  </si>
  <si>
    <t>14826.0</t>
  </si>
  <si>
    <t>501.069</t>
  </si>
  <si>
    <t>19.069</t>
  </si>
  <si>
    <t>3118.6</t>
  </si>
  <si>
    <t>404632.0</t>
  </si>
  <si>
    <t>520.436</t>
  </si>
  <si>
    <t>19.368</t>
  </si>
  <si>
    <t>12.436</t>
  </si>
  <si>
    <t>3980.7</t>
  </si>
  <si>
    <t>407541.0</t>
  </si>
  <si>
    <t>524.178</t>
  </si>
  <si>
    <t>9296.0</t>
  </si>
  <si>
    <t>11.956</t>
  </si>
  <si>
    <t>3827.1</t>
  </si>
  <si>
    <t>409600.0</t>
  </si>
  <si>
    <t>526.826</t>
  </si>
  <si>
    <t>2.648</t>
  </si>
  <si>
    <t>7793.0</t>
  </si>
  <si>
    <t>10.023</t>
  </si>
  <si>
    <t>411833.0</t>
  </si>
  <si>
    <t>529.698</t>
  </si>
  <si>
    <t>9.919</t>
  </si>
  <si>
    <t>415427.0</t>
  </si>
  <si>
    <t>534.321</t>
  </si>
  <si>
    <t>4.623</t>
  </si>
  <si>
    <t>7167.0</t>
  </si>
  <si>
    <t>9.218</t>
  </si>
  <si>
    <t>4181.4</t>
  </si>
  <si>
    <t>420194.0</t>
  </si>
  <si>
    <t>540.452</t>
  </si>
  <si>
    <t>6.131</t>
  </si>
  <si>
    <t>425301.0</t>
  </si>
  <si>
    <t>547.021</t>
  </si>
  <si>
    <t>6.569</t>
  </si>
  <si>
    <t>6.565</t>
  </si>
  <si>
    <t>2748.5</t>
  </si>
  <si>
    <t>435073.0</t>
  </si>
  <si>
    <t>9772.0</t>
  </si>
  <si>
    <t>559.589</t>
  </si>
  <si>
    <t>5.594</t>
  </si>
  <si>
    <t>3804.9</t>
  </si>
  <si>
    <t>443461.0</t>
  </si>
  <si>
    <t>8388.0</t>
  </si>
  <si>
    <t>570.378</t>
  </si>
  <si>
    <t>10.789</t>
  </si>
  <si>
    <t>6.599</t>
  </si>
  <si>
    <t>5987.2</t>
  </si>
  <si>
    <t>454693.0</t>
  </si>
  <si>
    <t>11232.0</t>
  </si>
  <si>
    <t>584.825</t>
  </si>
  <si>
    <t>465414.0</t>
  </si>
  <si>
    <t>598.614</t>
  </si>
  <si>
    <t>13.789</t>
  </si>
  <si>
    <t>9.845</t>
  </si>
  <si>
    <t>472123.0</t>
  </si>
  <si>
    <t>6709.0</t>
  </si>
  <si>
    <t>607.243</t>
  </si>
  <si>
    <t>8.629</t>
  </si>
  <si>
    <t>14183.9</t>
  </si>
  <si>
    <t>474524.0</t>
  </si>
  <si>
    <t>610.331</t>
  </si>
  <si>
    <t>3.088</t>
  </si>
  <si>
    <t>7761.0</t>
  </si>
  <si>
    <t>9.982</t>
  </si>
  <si>
    <t>13591.9</t>
  </si>
  <si>
    <t>475254.0</t>
  </si>
  <si>
    <t>611.27</t>
  </si>
  <si>
    <t>9.178</t>
  </si>
  <si>
    <t>477078.0</t>
  </si>
  <si>
    <t>613.616</t>
  </si>
  <si>
    <t>6001.0</t>
  </si>
  <si>
    <t>13988.3</t>
  </si>
  <si>
    <t>479480.0</t>
  </si>
  <si>
    <t>616.706</t>
  </si>
  <si>
    <t>6.619</t>
  </si>
  <si>
    <t>11995.3</t>
  </si>
  <si>
    <t>481588.0</t>
  </si>
  <si>
    <t>619.417</t>
  </si>
  <si>
    <t>4.942</t>
  </si>
  <si>
    <t>13433.6</t>
  </si>
  <si>
    <t>484015.0</t>
  </si>
  <si>
    <t>622.539</t>
  </si>
  <si>
    <t>6193.5</t>
  </si>
  <si>
    <t>485923.0</t>
  </si>
  <si>
    <t>624.993</t>
  </si>
  <si>
    <t>4594.4</t>
  </si>
  <si>
    <t>487162.0</t>
  </si>
  <si>
    <t>626.586</t>
  </si>
  <si>
    <t>6311.2</t>
  </si>
  <si>
    <t>488281.0</t>
  </si>
  <si>
    <t>628.025</t>
  </si>
  <si>
    <t>6507.0</t>
  </si>
  <si>
    <t>490461.0</t>
  </si>
  <si>
    <t>630.829</t>
  </si>
  <si>
    <t>2.804</t>
  </si>
  <si>
    <t>2.459</t>
  </si>
  <si>
    <t>6685.3</t>
  </si>
  <si>
    <t>492337.0</t>
  </si>
  <si>
    <t>633.242</t>
  </si>
  <si>
    <t>2.413</t>
  </si>
  <si>
    <t>6423.1</t>
  </si>
  <si>
    <t>494753.0</t>
  </si>
  <si>
    <t>636.35</t>
  </si>
  <si>
    <t>2.419</t>
  </si>
  <si>
    <t>6576.9</t>
  </si>
  <si>
    <t>496858.0</t>
  </si>
  <si>
    <t>639.057</t>
  </si>
  <si>
    <t>6416.1</t>
  </si>
  <si>
    <t>497763.0</t>
  </si>
  <si>
    <t>640.221</t>
  </si>
  <si>
    <t>2.175</t>
  </si>
  <si>
    <t>5912.6</t>
  </si>
  <si>
    <t>498861.0</t>
  </si>
  <si>
    <t>641.633</t>
  </si>
  <si>
    <t>2.149</t>
  </si>
  <si>
    <t>3895.1</t>
  </si>
  <si>
    <t>499744.0</t>
  </si>
  <si>
    <t>642.769</t>
  </si>
  <si>
    <t>2294.1</t>
  </si>
  <si>
    <t>501816.0</t>
  </si>
  <si>
    <t>645.434</t>
  </si>
  <si>
    <t>2271.7</t>
  </si>
  <si>
    <t>505037.0</t>
  </si>
  <si>
    <t>649.577</t>
  </si>
  <si>
    <t>4.143</t>
  </si>
  <si>
    <t>2540.6</t>
  </si>
  <si>
    <t>507386.0</t>
  </si>
  <si>
    <t>652.598</t>
  </si>
  <si>
    <t>3.021</t>
  </si>
  <si>
    <t>509837.0</t>
  </si>
  <si>
    <t>655.751</t>
  </si>
  <si>
    <t>4321.7</t>
  </si>
  <si>
    <t>512458.0</t>
  </si>
  <si>
    <t>659.122</t>
  </si>
  <si>
    <t>3.371</t>
  </si>
  <si>
    <t>4892.8</t>
  </si>
  <si>
    <t>514876.0</t>
  </si>
  <si>
    <t>662.232</t>
  </si>
  <si>
    <t>515809.0</t>
  </si>
  <si>
    <t>663.432</t>
  </si>
  <si>
    <t>516523.0</t>
  </si>
  <si>
    <t>664.35</t>
  </si>
  <si>
    <t>14692.3</t>
  </si>
  <si>
    <t>517589.0</t>
  </si>
  <si>
    <t>665.721</t>
  </si>
  <si>
    <t>12538.5</t>
  </si>
  <si>
    <t>520613.0</t>
  </si>
  <si>
    <t>669.611</t>
  </si>
  <si>
    <t>3.889</t>
  </si>
  <si>
    <t>13216.8</t>
  </si>
  <si>
    <t>523430.0</t>
  </si>
  <si>
    <t>673.234</t>
  </si>
  <si>
    <t>13580.4</t>
  </si>
  <si>
    <t>526036.0</t>
  </si>
  <si>
    <t>676.586</t>
  </si>
  <si>
    <t>13566.4</t>
  </si>
  <si>
    <t>528646.0</t>
  </si>
  <si>
    <t>679.943</t>
  </si>
  <si>
    <t>13755.2</t>
  </si>
  <si>
    <t>529684.0</t>
  </si>
  <si>
    <t>681.278</t>
  </si>
  <si>
    <t>13860.1</t>
  </si>
  <si>
    <t>532808.0</t>
  </si>
  <si>
    <t>685.296</t>
  </si>
  <si>
    <t>4.018</t>
  </si>
  <si>
    <t>536168.0</t>
  </si>
  <si>
    <t>689.618</t>
  </si>
  <si>
    <t>539063.0</t>
  </si>
  <si>
    <t>693.341</t>
  </si>
  <si>
    <t>542215.0</t>
  </si>
  <si>
    <t>697.395</t>
  </si>
  <si>
    <t>4.054</t>
  </si>
  <si>
    <t>544778.0</t>
  </si>
  <si>
    <t>700.692</t>
  </si>
  <si>
    <t>18720.3</t>
  </si>
  <si>
    <t>547125.0</t>
  </si>
  <si>
    <t>703.71</t>
  </si>
  <si>
    <t>3.396</t>
  </si>
  <si>
    <t>18461.5</t>
  </si>
  <si>
    <t>548245.0</t>
  </si>
  <si>
    <t>705.151</t>
  </si>
  <si>
    <t>3.411</t>
  </si>
  <si>
    <t>18545.5</t>
  </si>
  <si>
    <t>550618.0</t>
  </si>
  <si>
    <t>708.203</t>
  </si>
  <si>
    <t>17790.2</t>
  </si>
  <si>
    <t>553085.0</t>
  </si>
  <si>
    <t>711.376</t>
  </si>
  <si>
    <t>16902.1</t>
  </si>
  <si>
    <t>554773.0</t>
  </si>
  <si>
    <t>713.547</t>
  </si>
  <si>
    <t>2.886</t>
  </si>
  <si>
    <t>15692.3</t>
  </si>
  <si>
    <t>557341.0</t>
  </si>
  <si>
    <t>716.85</t>
  </si>
  <si>
    <t>3.303</t>
  </si>
  <si>
    <t>2.779</t>
  </si>
  <si>
    <t>15111.9</t>
  </si>
  <si>
    <t>559642.0</t>
  </si>
  <si>
    <t>719.81</t>
  </si>
  <si>
    <t>2.731</t>
  </si>
  <si>
    <t>562368.0</t>
  </si>
  <si>
    <t>723.316</t>
  </si>
  <si>
    <t>563755.0</t>
  </si>
  <si>
    <t>566028.0</t>
  </si>
  <si>
    <t>728.023</t>
  </si>
  <si>
    <t>2.924</t>
  </si>
  <si>
    <t>568159.0</t>
  </si>
  <si>
    <t>2131.0</t>
  </si>
  <si>
    <t>730.764</t>
  </si>
  <si>
    <t>2.741</t>
  </si>
  <si>
    <t>2.769</t>
  </si>
  <si>
    <t>570591.0</t>
  </si>
  <si>
    <t>733.892</t>
  </si>
  <si>
    <t>3.128</t>
  </si>
  <si>
    <t>2.907</t>
  </si>
  <si>
    <t>573265.0</t>
  </si>
  <si>
    <t>737.332</t>
  </si>
  <si>
    <t>2.926</t>
  </si>
  <si>
    <t>575740.0</t>
  </si>
  <si>
    <t>740.515</t>
  </si>
  <si>
    <t>3.183</t>
  </si>
  <si>
    <t>16083.9</t>
  </si>
  <si>
    <t>578215.0</t>
  </si>
  <si>
    <t>743.698</t>
  </si>
  <si>
    <t>2.912</t>
  </si>
  <si>
    <t>15832.2</t>
  </si>
  <si>
    <t>579017.0</t>
  </si>
  <si>
    <t>744.73</t>
  </si>
  <si>
    <t>15244.8</t>
  </si>
  <si>
    <t>580067.0</t>
  </si>
  <si>
    <t>746.08</t>
  </si>
  <si>
    <t>14028.0</t>
  </si>
  <si>
    <t>582372.0</t>
  </si>
  <si>
    <t>749.045</t>
  </si>
  <si>
    <t>2.611</t>
  </si>
  <si>
    <t>7097.9</t>
  </si>
  <si>
    <t>584052.0</t>
  </si>
  <si>
    <t>751.206</t>
  </si>
  <si>
    <t>6723.8</t>
  </si>
  <si>
    <t>586497.0</t>
  </si>
  <si>
    <t>754.351</t>
  </si>
  <si>
    <t>3.145</t>
  </si>
  <si>
    <t>6608.4</t>
  </si>
  <si>
    <t>8076.9</t>
  </si>
  <si>
    <t>85949.0</t>
  </si>
  <si>
    <t>109845.0</t>
  </si>
  <si>
    <t>10.985</t>
  </si>
  <si>
    <t>6363.6</t>
  </si>
  <si>
    <t>183271.0</t>
  </si>
  <si>
    <t>97322.0</t>
  </si>
  <si>
    <t>91636.0</t>
  </si>
  <si>
    <t>117113.0</t>
  </si>
  <si>
    <t>11.711</t>
  </si>
  <si>
    <t>4.358</t>
  </si>
  <si>
    <t>7897.4</t>
  </si>
  <si>
    <t>274703.0</t>
  </si>
  <si>
    <t>91432.0</t>
  </si>
  <si>
    <t>91568.0</t>
  </si>
  <si>
    <t>117026.0</t>
  </si>
  <si>
    <t>4012.0</t>
  </si>
  <si>
    <t>340917.0</t>
  </si>
  <si>
    <t>66214.0</t>
  </si>
  <si>
    <t>85229.0</t>
  </si>
  <si>
    <t>108925.0</t>
  </si>
  <si>
    <t>10.892</t>
  </si>
  <si>
    <t>10386.9</t>
  </si>
  <si>
    <t>394765.0</t>
  </si>
  <si>
    <t>53848.0</t>
  </si>
  <si>
    <t>78953.0</t>
  </si>
  <si>
    <t>100904.0</t>
  </si>
  <si>
    <t>4989.0</t>
  </si>
  <si>
    <t>2182.4</t>
  </si>
  <si>
    <t>434837.0</t>
  </si>
  <si>
    <t>40072.0</t>
  </si>
  <si>
    <t>72473.0</t>
  </si>
  <si>
    <t>92622.0</t>
  </si>
  <si>
    <t>6.962</t>
  </si>
  <si>
    <t>1994.5</t>
  </si>
  <si>
    <t>453595.0</t>
  </si>
  <si>
    <t>18758.0</t>
  </si>
  <si>
    <t>64799.0</t>
  </si>
  <si>
    <t>82815.0</t>
  </si>
  <si>
    <t>8.281</t>
  </si>
  <si>
    <t>1894.6</t>
  </si>
  <si>
    <t>459752.0</t>
  </si>
  <si>
    <t>53400.0</t>
  </si>
  <si>
    <t>68247.0</t>
  </si>
  <si>
    <t>6.825</t>
  </si>
  <si>
    <t>466811.0</t>
  </si>
  <si>
    <t>7059.0</t>
  </si>
  <si>
    <t>40506.0</t>
  </si>
  <si>
    <t>51768.0</t>
  </si>
  <si>
    <t>5.177</t>
  </si>
  <si>
    <t>640628.0</t>
  </si>
  <si>
    <t>54131.0</t>
  </si>
  <si>
    <t>69.623</t>
  </si>
  <si>
    <t>468297.0</t>
  </si>
  <si>
    <t>27656.0</t>
  </si>
  <si>
    <t>59.85</t>
  </si>
  <si>
    <t>35345.0</t>
  </si>
  <si>
    <t>641921.0</t>
  </si>
  <si>
    <t>825.637</t>
  </si>
  <si>
    <t>6.206</t>
  </si>
  <si>
    <t>1407.1</t>
  </si>
  <si>
    <t>469664.0</t>
  </si>
  <si>
    <t>18392.0</t>
  </si>
  <si>
    <t>644174.0</t>
  </si>
  <si>
    <t>828.535</t>
  </si>
  <si>
    <t>2.898</t>
  </si>
  <si>
    <t>5.625</t>
  </si>
  <si>
    <t>1133.8</t>
  </si>
  <si>
    <t>470976.0</t>
  </si>
  <si>
    <t>60.19</t>
  </si>
  <si>
    <t>645822.0</t>
  </si>
  <si>
    <t>830.654</t>
  </si>
  <si>
    <t>1917.5</t>
  </si>
  <si>
    <t>472139.0</t>
  </si>
  <si>
    <t>6811.0</t>
  </si>
  <si>
    <t>647259.0</t>
  </si>
  <si>
    <t>832.502</t>
  </si>
  <si>
    <t>473393.0</t>
  </si>
  <si>
    <t>2828.0</t>
  </si>
  <si>
    <t>650059.0</t>
  </si>
  <si>
    <t>2800.0</t>
  </si>
  <si>
    <t>836.104</t>
  </si>
  <si>
    <t>1066.3</t>
  </si>
  <si>
    <t>474175.0</t>
  </si>
  <si>
    <t>651942.0</t>
  </si>
  <si>
    <t>838.526</t>
  </si>
  <si>
    <t>619.7</t>
  </si>
  <si>
    <t>474303.0</t>
  </si>
  <si>
    <t>652722.0</t>
  </si>
  <si>
    <t>839.529</t>
  </si>
  <si>
    <t>2.223</t>
  </si>
  <si>
    <t>403.2</t>
  </si>
  <si>
    <t>475651.0</t>
  </si>
  <si>
    <t>654719.0</t>
  </si>
  <si>
    <t>842.097</t>
  </si>
  <si>
    <t>412.7</t>
  </si>
  <si>
    <t>476740.0</t>
  </si>
  <si>
    <t>656867.0</t>
  </si>
  <si>
    <t>844.86</t>
  </si>
  <si>
    <t>2.763</t>
  </si>
  <si>
    <t>437.6</t>
  </si>
  <si>
    <t>477060.0</t>
  </si>
  <si>
    <t>658583.0</t>
  </si>
  <si>
    <t>847.067</t>
  </si>
  <si>
    <t>375.3</t>
  </si>
  <si>
    <t>477631.0</t>
  </si>
  <si>
    <t>61.04</t>
  </si>
  <si>
    <t>660142.0</t>
  </si>
  <si>
    <t>849.073</t>
  </si>
  <si>
    <t>478219.0</t>
  </si>
  <si>
    <t>661950.0</t>
  </si>
  <si>
    <t>851.398</t>
  </si>
  <si>
    <t>283.2</t>
  </si>
  <si>
    <t>478495.0</t>
  </si>
  <si>
    <t>664713.0</t>
  </si>
  <si>
    <t>854.952</t>
  </si>
  <si>
    <t>327.4</t>
  </si>
  <si>
    <t>478533.0</t>
  </si>
  <si>
    <t>667795.0</t>
  </si>
  <si>
    <t>858.916</t>
  </si>
  <si>
    <t>376.8</t>
  </si>
  <si>
    <t>478879.0</t>
  </si>
  <si>
    <t>674080.0</t>
  </si>
  <si>
    <t>8.084</t>
  </si>
  <si>
    <t>3.558</t>
  </si>
  <si>
    <t>479032.0</t>
  </si>
  <si>
    <t>61.22</t>
  </si>
  <si>
    <t>677407.0</t>
  </si>
  <si>
    <t>871.279</t>
  </si>
  <si>
    <t>4.279</t>
  </si>
  <si>
    <t>3.774</t>
  </si>
  <si>
    <t>360.3</t>
  </si>
  <si>
    <t>479333.0</t>
  </si>
  <si>
    <t>681537.0</t>
  </si>
  <si>
    <t>876.591</t>
  </si>
  <si>
    <t>5.312</t>
  </si>
  <si>
    <t>4.217</t>
  </si>
  <si>
    <t>395.7</t>
  </si>
  <si>
    <t>479354.0</t>
  </si>
  <si>
    <t>683781.0</t>
  </si>
  <si>
    <t>879.477</t>
  </si>
  <si>
    <t>352.8</t>
  </si>
  <si>
    <t>479495.0</t>
  </si>
  <si>
    <t>688088.0</t>
  </si>
  <si>
    <t>885.017</t>
  </si>
  <si>
    <t>479679.0</t>
  </si>
  <si>
    <t>691560.0</t>
  </si>
  <si>
    <t>3472.0</t>
  </si>
  <si>
    <t>889.482</t>
  </si>
  <si>
    <t>4.466</t>
  </si>
  <si>
    <t>479686.0</t>
  </si>
  <si>
    <t>693177.0</t>
  </si>
  <si>
    <t>891.562</t>
  </si>
  <si>
    <t>4.664</t>
  </si>
  <si>
    <t>390.5</t>
  </si>
  <si>
    <t>480035.0</t>
  </si>
  <si>
    <t>696354.0</t>
  </si>
  <si>
    <t>895.648</t>
  </si>
  <si>
    <t>4.093</t>
  </si>
  <si>
    <t>480181.0</t>
  </si>
  <si>
    <t>698560.0</t>
  </si>
  <si>
    <t>898.486</t>
  </si>
  <si>
    <t>3.887</t>
  </si>
  <si>
    <t>289.8</t>
  </si>
  <si>
    <t>480237.0</t>
  </si>
  <si>
    <t>61.38</t>
  </si>
  <si>
    <t>699421.0</t>
  </si>
  <si>
    <t>899.593</t>
  </si>
  <si>
    <t>241.7</t>
  </si>
  <si>
    <t>480330.0</t>
  </si>
  <si>
    <t>701154.0</t>
  </si>
  <si>
    <t>901.822</t>
  </si>
  <si>
    <t>480422.0</t>
  </si>
  <si>
    <t>707405.0</t>
  </si>
  <si>
    <t>909.862</t>
  </si>
  <si>
    <t>219.6</t>
  </si>
  <si>
    <t>480498.0</t>
  </si>
  <si>
    <t>711726.0</t>
  </si>
  <si>
    <t>915.42</t>
  </si>
  <si>
    <t>226.6</t>
  </si>
  <si>
    <t>716469.0</t>
  </si>
  <si>
    <t>921.52</t>
  </si>
  <si>
    <t>245.3</t>
  </si>
  <si>
    <t>480818.0</t>
  </si>
  <si>
    <t>61.45</t>
  </si>
  <si>
    <t>718273.0</t>
  </si>
  <si>
    <t>923.84</t>
  </si>
  <si>
    <t>2816.0</t>
  </si>
  <si>
    <t>3.622</t>
  </si>
  <si>
    <t>480971.0</t>
  </si>
  <si>
    <t>720018.0</t>
  </si>
  <si>
    <t>926.085</t>
  </si>
  <si>
    <t>3.784</t>
  </si>
  <si>
    <t>216.8</t>
  </si>
  <si>
    <t>481107.0</t>
  </si>
  <si>
    <t>721983.0</t>
  </si>
  <si>
    <t>928.612</t>
  </si>
  <si>
    <t>2.527</t>
  </si>
  <si>
    <t>481400.0</t>
  </si>
  <si>
    <t>724937.0</t>
  </si>
  <si>
    <t>932.412</t>
  </si>
  <si>
    <t>3.799</t>
  </si>
  <si>
    <t>182.7</t>
  </si>
  <si>
    <t>481491.0</t>
  </si>
  <si>
    <t>727281.0</t>
  </si>
  <si>
    <t>935.426</t>
  </si>
  <si>
    <t>2.858</t>
  </si>
  <si>
    <t>729000.0</t>
  </si>
  <si>
    <t>937.637</t>
  </si>
  <si>
    <t>481617.0</t>
  </si>
  <si>
    <t>731572.0</t>
  </si>
  <si>
    <t>940.946</t>
  </si>
  <si>
    <t>134.9</t>
  </si>
  <si>
    <t>481768.0</t>
  </si>
  <si>
    <t>734065.0</t>
  </si>
  <si>
    <t>944.152</t>
  </si>
  <si>
    <t>481880.0</t>
  </si>
  <si>
    <t>736272.0</t>
  </si>
  <si>
    <t>946.991</t>
  </si>
  <si>
    <t>2.987</t>
  </si>
  <si>
    <t>159.4</t>
  </si>
  <si>
    <t>738413.0</t>
  </si>
  <si>
    <t>949.744</t>
  </si>
  <si>
    <t>2.754</t>
  </si>
  <si>
    <t>481953.0</t>
  </si>
  <si>
    <t>742221.0</t>
  </si>
  <si>
    <t>954.642</t>
  </si>
  <si>
    <t>4.898</t>
  </si>
  <si>
    <t>482038.0</t>
  </si>
  <si>
    <t>745825.0</t>
  </si>
  <si>
    <t>959.278</t>
  </si>
  <si>
    <t>4.635</t>
  </si>
  <si>
    <t>3.407</t>
  </si>
  <si>
    <t>482039.0</t>
  </si>
  <si>
    <t>746914.0</t>
  </si>
  <si>
    <t>960.678</t>
  </si>
  <si>
    <t>3.291</t>
  </si>
  <si>
    <t>325.7</t>
  </si>
  <si>
    <t>482128.0</t>
  </si>
  <si>
    <t>749679.0</t>
  </si>
  <si>
    <t>964.235</t>
  </si>
  <si>
    <t>292.1</t>
  </si>
  <si>
    <t>482192.0</t>
  </si>
  <si>
    <t>3.646</t>
  </si>
  <si>
    <t>305.3</t>
  </si>
  <si>
    <t>482214.0</t>
  </si>
  <si>
    <t>758137.0</t>
  </si>
  <si>
    <t>975.113</t>
  </si>
  <si>
    <t>291.6</t>
  </si>
  <si>
    <t>482308.0</t>
  </si>
  <si>
    <t>760365.0</t>
  </si>
  <si>
    <t>977.979</t>
  </si>
  <si>
    <t>482449.0</t>
  </si>
  <si>
    <t>764768.0</t>
  </si>
  <si>
    <t>983.642</t>
  </si>
  <si>
    <t>5.663</t>
  </si>
  <si>
    <t>482512.0</t>
  </si>
  <si>
    <t>768998.0</t>
  </si>
  <si>
    <t>989.083</t>
  </si>
  <si>
    <t>4.257</t>
  </si>
  <si>
    <t>214.5</t>
  </si>
  <si>
    <t>772189.0</t>
  </si>
  <si>
    <t>3191.0</t>
  </si>
  <si>
    <t>993.187</t>
  </si>
  <si>
    <t>219.8</t>
  </si>
  <si>
    <t>482578.0</t>
  </si>
  <si>
    <t>774991.0</t>
  </si>
  <si>
    <t>996.791</t>
  </si>
  <si>
    <t>4.651</t>
  </si>
  <si>
    <t>482645.0</t>
  </si>
  <si>
    <t>231.5</t>
  </si>
  <si>
    <t>482673.0</t>
  </si>
  <si>
    <t>798573.0</t>
  </si>
  <si>
    <t>23582.0</t>
  </si>
  <si>
    <t>1027.122</t>
  </si>
  <si>
    <t>5777.0</t>
  </si>
  <si>
    <t>264.3</t>
  </si>
  <si>
    <t>7.577</t>
  </si>
  <si>
    <t>319.7</t>
  </si>
  <si>
    <t>188.9</t>
  </si>
  <si>
    <t>7.073</t>
  </si>
  <si>
    <t>184.2</t>
  </si>
  <si>
    <t>7.114</t>
  </si>
  <si>
    <t>185.2</t>
  </si>
  <si>
    <t>171.2</t>
  </si>
  <si>
    <t>268.2</t>
  </si>
  <si>
    <t>282.5</t>
  </si>
  <si>
    <t>255.3</t>
  </si>
  <si>
    <t>230.3</t>
  </si>
  <si>
    <t>211.9</t>
  </si>
  <si>
    <t>168.2</t>
  </si>
  <si>
    <t>484189.0</t>
  </si>
  <si>
    <t>190.9</t>
  </si>
  <si>
    <t>484751.0</t>
  </si>
  <si>
    <t>61.95</t>
  </si>
  <si>
    <t>216.2</t>
  </si>
  <si>
    <t>194.4</t>
  </si>
  <si>
    <t>199.9</t>
  </si>
  <si>
    <t>486126.0</t>
  </si>
  <si>
    <t>484820.0</t>
  </si>
  <si>
    <t>155.8</t>
  </si>
  <si>
    <t>487060.0</t>
  </si>
  <si>
    <t>62.05</t>
  </si>
  <si>
    <t>151.3</t>
  </si>
  <si>
    <t>146.1</t>
  </si>
  <si>
    <t>488872.0</t>
  </si>
  <si>
    <t>486242.0</t>
  </si>
  <si>
    <t>585598.0</t>
  </si>
  <si>
    <t>99356.0</t>
  </si>
  <si>
    <t>14034.0</t>
  </si>
  <si>
    <t>246.4</t>
  </si>
  <si>
    <t>680830.0</t>
  </si>
  <si>
    <t>194588.0</t>
  </si>
  <si>
    <t>95232.0</t>
  </si>
  <si>
    <t>87.01</t>
  </si>
  <si>
    <t>35267.0</t>
  </si>
  <si>
    <t>271.7</t>
  </si>
  <si>
    <t>768478.0</t>
  </si>
  <si>
    <t>282236.0</t>
  </si>
  <si>
    <t>87648.0</t>
  </si>
  <si>
    <t>40073.0</t>
  </si>
  <si>
    <t>51214.0</t>
  </si>
  <si>
    <t>294.3</t>
  </si>
  <si>
    <t>835569.0</t>
  </si>
  <si>
    <t>349327.0</t>
  </si>
  <si>
    <t>67091.0</t>
  </si>
  <si>
    <t>49614.0</t>
  </si>
  <si>
    <t>106.79</t>
  </si>
  <si>
    <t>63408.0</t>
  </si>
  <si>
    <t>298.4</t>
  </si>
  <si>
    <t>886381.0</t>
  </si>
  <si>
    <t>400139.0</t>
  </si>
  <si>
    <t>50812.0</t>
  </si>
  <si>
    <t>56830.0</t>
  </si>
  <si>
    <t>113.28</t>
  </si>
  <si>
    <t>72630.0</t>
  </si>
  <si>
    <t>917996.0</t>
  </si>
  <si>
    <t>431754.0</t>
  </si>
  <si>
    <t>31615.0</t>
  </si>
  <si>
    <t>61303.0</t>
  </si>
  <si>
    <t>117.32</t>
  </si>
  <si>
    <t>78347.0</t>
  </si>
  <si>
    <t>341.8</t>
  </si>
  <si>
    <t>940428.0</t>
  </si>
  <si>
    <t>454186.0</t>
  </si>
  <si>
    <t>22432.0</t>
  </si>
  <si>
    <t>57599.0</t>
  </si>
  <si>
    <t>73613.0</t>
  </si>
  <si>
    <t>470.8</t>
  </si>
  <si>
    <t>944492.0</t>
  </si>
  <si>
    <t>458250.0</t>
  </si>
  <si>
    <t>120.71</t>
  </si>
  <si>
    <t>946463.0</t>
  </si>
  <si>
    <t>460221.0</t>
  </si>
  <si>
    <t>37948.0</t>
  </si>
  <si>
    <t>120.96</t>
  </si>
  <si>
    <t>441.4</t>
  </si>
  <si>
    <t>962430.0</t>
  </si>
  <si>
    <t>963360.0</t>
  </si>
  <si>
    <t>18256.0</t>
  </si>
  <si>
    <t>123.12</t>
  </si>
  <si>
    <t>23332.0</t>
  </si>
  <si>
    <t>642.1</t>
  </si>
  <si>
    <t>18125.0</t>
  </si>
  <si>
    <t>662.2</t>
  </si>
  <si>
    <t>1007951.0</t>
  </si>
  <si>
    <t>534468.0</t>
  </si>
  <si>
    <t>473483.0</t>
  </si>
  <si>
    <t>12851.0</t>
  </si>
  <si>
    <t>128.82</t>
  </si>
  <si>
    <t>6889.0</t>
  </si>
  <si>
    <t>605.4</t>
  </si>
  <si>
    <t>1008183.0</t>
  </si>
  <si>
    <t>473715.0</t>
  </si>
  <si>
    <t>128.85</t>
  </si>
  <si>
    <t>12370.0</t>
  </si>
  <si>
    <t>1008515.0</t>
  </si>
  <si>
    <t>474047.0</t>
  </si>
  <si>
    <t>128.89</t>
  </si>
  <si>
    <t>60.58</t>
  </si>
  <si>
    <t>543.3</t>
  </si>
  <si>
    <t>1009225.0</t>
  </si>
  <si>
    <t>8966.0</t>
  </si>
  <si>
    <t>128.98</t>
  </si>
  <si>
    <t>11459.0</t>
  </si>
  <si>
    <t>7205.0</t>
  </si>
  <si>
    <t>572.6</t>
  </si>
  <si>
    <t>1009677.0</t>
  </si>
  <si>
    <t>129.04</t>
  </si>
  <si>
    <t>8627.0</t>
  </si>
  <si>
    <t>5798.0</t>
  </si>
  <si>
    <t>588.6</t>
  </si>
  <si>
    <t>1010091.0</t>
  </si>
  <si>
    <t>129.09</t>
  </si>
  <si>
    <t>8532.0</t>
  </si>
  <si>
    <t>730.6</t>
  </si>
  <si>
    <t>963.1</t>
  </si>
  <si>
    <t>1010129.0</t>
  </si>
  <si>
    <t>129.1</t>
  </si>
  <si>
    <t>1177.4</t>
  </si>
  <si>
    <t>1926.8</t>
  </si>
  <si>
    <t>2118.3</t>
  </si>
  <si>
    <t>784.8</t>
  </si>
  <si>
    <t>1035510.0</t>
  </si>
  <si>
    <t>560963.0</t>
  </si>
  <si>
    <t>474547.0</t>
  </si>
  <si>
    <t>132.34</t>
  </si>
  <si>
    <t>4637.0</t>
  </si>
  <si>
    <t>683.4</t>
  </si>
  <si>
    <t>1513.5</t>
  </si>
  <si>
    <t>1412.5</t>
  </si>
  <si>
    <t>1036834.0</t>
  </si>
  <si>
    <t>561411.0</t>
  </si>
  <si>
    <t>475423.0</t>
  </si>
  <si>
    <t>132.51</t>
  </si>
  <si>
    <t>2648.3</t>
  </si>
  <si>
    <t>2353.8</t>
  </si>
  <si>
    <t>1045074.0</t>
  </si>
  <si>
    <t>567143.0</t>
  </si>
  <si>
    <t>477931.0</t>
  </si>
  <si>
    <t>4239.5</t>
  </si>
  <si>
    <t>1098257.0</t>
  </si>
  <si>
    <t>299684.0</t>
  </si>
  <si>
    <t>1412.575</t>
  </si>
  <si>
    <t>385.453</t>
  </si>
  <si>
    <t>5301.2</t>
  </si>
  <si>
    <t>1100887.0</t>
  </si>
  <si>
    <t>1415.957</t>
  </si>
  <si>
    <t>3.383</t>
  </si>
  <si>
    <t>10384.6</t>
  </si>
  <si>
    <t>1102190.0</t>
  </si>
  <si>
    <t>1417.633</t>
  </si>
  <si>
    <t>9524.5</t>
  </si>
  <si>
    <t>1045228.0</t>
  </si>
  <si>
    <t>567175.0</t>
  </si>
  <si>
    <t>478053.0</t>
  </si>
  <si>
    <t>1104367.0</t>
  </si>
  <si>
    <t>2177.0</t>
  </si>
  <si>
    <t>1420.433</t>
  </si>
  <si>
    <t>3.348</t>
  </si>
  <si>
    <t>18202.8</t>
  </si>
  <si>
    <t>1106310.0</t>
  </si>
  <si>
    <t>1422.932</t>
  </si>
  <si>
    <t>2.499</t>
  </si>
  <si>
    <t>1108854.0</t>
  </si>
  <si>
    <t>1426.204</t>
  </si>
  <si>
    <t>1110628.0</t>
  </si>
  <si>
    <t>1428.486</t>
  </si>
  <si>
    <t>1112280.0</t>
  </si>
  <si>
    <t>1430.611</t>
  </si>
  <si>
    <t>1117852.0</t>
  </si>
  <si>
    <t>1437.778</t>
  </si>
  <si>
    <t>3.118</t>
  </si>
  <si>
    <t>1119584.0</t>
  </si>
  <si>
    <t>1440.005</t>
  </si>
  <si>
    <t>3.196</t>
  </si>
  <si>
    <t>1046117.0</t>
  </si>
  <si>
    <t>567220.0</t>
  </si>
  <si>
    <t>478897.0</t>
  </si>
  <si>
    <t>133.7</t>
  </si>
  <si>
    <t>1122556.0</t>
  </si>
  <si>
    <t>1443.828</t>
  </si>
  <si>
    <t>2.985</t>
  </si>
  <si>
    <t>1124096.0</t>
  </si>
  <si>
    <t>1445.809</t>
  </si>
  <si>
    <t>1125970.0</t>
  </si>
  <si>
    <t>1448.219</t>
  </si>
  <si>
    <t>1127972.0</t>
  </si>
  <si>
    <t>1450.794</t>
  </si>
  <si>
    <t>2.884</t>
  </si>
  <si>
    <t>1130149.0</t>
  </si>
  <si>
    <t>1453.594</t>
  </si>
  <si>
    <t>12286.7</t>
  </si>
  <si>
    <t>1131410.0</t>
  </si>
  <si>
    <t>1455.216</t>
  </si>
  <si>
    <t>11811.2</t>
  </si>
  <si>
    <t>1068414.0</t>
  </si>
  <si>
    <t>574135.0</t>
  </si>
  <si>
    <t>494279.0</t>
  </si>
  <si>
    <t>136.55</t>
  </si>
  <si>
    <t>1132065.0</t>
  </si>
  <si>
    <t>1456.058</t>
  </si>
  <si>
    <t>10986.0</t>
  </si>
  <si>
    <t>3692.3</t>
  </si>
  <si>
    <t>1135216.0</t>
  </si>
  <si>
    <t>1460.111</t>
  </si>
  <si>
    <t>4.053</t>
  </si>
  <si>
    <t>3318.0</t>
  </si>
  <si>
    <t>1138183.0</t>
  </si>
  <si>
    <t>1463.927</t>
  </si>
  <si>
    <t>3.816</t>
  </si>
  <si>
    <t>4067.6</t>
  </si>
  <si>
    <t>1139890.0</t>
  </si>
  <si>
    <t>1466.123</t>
  </si>
  <si>
    <t>2.196</t>
  </si>
  <si>
    <t>3969.7</t>
  </si>
  <si>
    <t>1141592.0</t>
  </si>
  <si>
    <t>1468.312</t>
  </si>
  <si>
    <t>5716.8</t>
  </si>
  <si>
    <t>1143781.0</t>
  </si>
  <si>
    <t>1471.127</t>
  </si>
  <si>
    <t>2.815</t>
  </si>
  <si>
    <t>6178.3</t>
  </si>
  <si>
    <t>1081086.0</t>
  </si>
  <si>
    <t>584605.0</t>
  </si>
  <si>
    <t>496481.0</t>
  </si>
  <si>
    <t>138.17</t>
  </si>
  <si>
    <t>1144589.0</t>
  </si>
  <si>
    <t>1472.167</t>
  </si>
  <si>
    <t>6255.2</t>
  </si>
  <si>
    <t>1146708.0</t>
  </si>
  <si>
    <t>1474.892</t>
  </si>
  <si>
    <t>13055.9</t>
  </si>
  <si>
    <t>1148498.0</t>
  </si>
  <si>
    <t>1477.194</t>
  </si>
  <si>
    <t>6632.9</t>
  </si>
  <si>
    <t>1150014.0</t>
  </si>
  <si>
    <t>1479.144</t>
  </si>
  <si>
    <t>5909.1</t>
  </si>
  <si>
    <t>1151690.0</t>
  </si>
  <si>
    <t>1481.3</t>
  </si>
  <si>
    <t>5895.1</t>
  </si>
  <si>
    <t>1154543.0</t>
  </si>
  <si>
    <t>1484.97</t>
  </si>
  <si>
    <t>6468.5</t>
  </si>
  <si>
    <t>1156048.0</t>
  </si>
  <si>
    <t>1486.905</t>
  </si>
  <si>
    <t>1362.4</t>
  </si>
  <si>
    <t>1083271.0</t>
  </si>
  <si>
    <t>584977.0</t>
  </si>
  <si>
    <t>498294.0</t>
  </si>
  <si>
    <t>1156950.0</t>
  </si>
  <si>
    <t>1488.065</t>
  </si>
  <si>
    <t>1373.3</t>
  </si>
  <si>
    <t>1158702.0</t>
  </si>
  <si>
    <t>1490.319</t>
  </si>
  <si>
    <t>2.203</t>
  </si>
  <si>
    <t>922.5</t>
  </si>
  <si>
    <t>1160858.0</t>
  </si>
  <si>
    <t>1493.092</t>
  </si>
  <si>
    <t>1030.3</t>
  </si>
  <si>
    <t>1162159.0</t>
  </si>
  <si>
    <t>1494.765</t>
  </si>
  <si>
    <t>1012.3</t>
  </si>
  <si>
    <t>1163917.0</t>
  </si>
  <si>
    <t>1497.026</t>
  </si>
  <si>
    <t>2.261</t>
  </si>
  <si>
    <t>1019.3</t>
  </si>
  <si>
    <t>1166806.0</t>
  </si>
  <si>
    <t>1500.742</t>
  </si>
  <si>
    <t>1022.2</t>
  </si>
  <si>
    <t>1169029.0</t>
  </si>
  <si>
    <t>1503.601</t>
  </si>
  <si>
    <t>2.859</t>
  </si>
  <si>
    <t>2596.6</t>
  </si>
  <si>
    <t>1087753.0</t>
  </si>
  <si>
    <t>585479.0</t>
  </si>
  <si>
    <t>502274.0</t>
  </si>
  <si>
    <t>139.02</t>
  </si>
  <si>
    <t>64.19</t>
  </si>
  <si>
    <t>1169918.0</t>
  </si>
  <si>
    <t>1504.745</t>
  </si>
  <si>
    <t>2595.2</t>
  </si>
  <si>
    <t>1171208.0</t>
  </si>
  <si>
    <t>1506.404</t>
  </si>
  <si>
    <t>1172775.0</t>
  </si>
  <si>
    <t>1508.419</t>
  </si>
  <si>
    <t>2.015</t>
  </si>
  <si>
    <t>1174178.0</t>
  </si>
  <si>
    <t>1510.224</t>
  </si>
  <si>
    <t>4002.3</t>
  </si>
  <si>
    <t>1176243.0</t>
  </si>
  <si>
    <t>1512.88</t>
  </si>
  <si>
    <t>2.656</t>
  </si>
  <si>
    <t>2.265</t>
  </si>
  <si>
    <t>3084.1</t>
  </si>
  <si>
    <t>1177315.0</t>
  </si>
  <si>
    <t>1514.259</t>
  </si>
  <si>
    <t>2628.7</t>
  </si>
  <si>
    <t>1178767.0</t>
  </si>
  <si>
    <t>1516.126</t>
  </si>
  <si>
    <t>2436.1</t>
  </si>
  <si>
    <t>1179234.0</t>
  </si>
  <si>
    <t>1516.727</t>
  </si>
  <si>
    <t>1103506.0</t>
  </si>
  <si>
    <t>585993.0</t>
  </si>
  <si>
    <t>517513.0</t>
  </si>
  <si>
    <t>1180610.0</t>
  </si>
  <si>
    <t>1518.497</t>
  </si>
  <si>
    <t>1182264.0</t>
  </si>
  <si>
    <t>1520.624</t>
  </si>
  <si>
    <t>2.127</t>
  </si>
  <si>
    <t>4741.3</t>
  </si>
  <si>
    <t>1183746.0</t>
  </si>
  <si>
    <t>1522.53</t>
  </si>
  <si>
    <t>9559.4</t>
  </si>
  <si>
    <t>1185991.0</t>
  </si>
  <si>
    <t>1525.418</t>
  </si>
  <si>
    <t>1188920.0</t>
  </si>
  <si>
    <t>1529.185</t>
  </si>
  <si>
    <t>3.767</t>
  </si>
  <si>
    <t>1190237.0</t>
  </si>
  <si>
    <t>1530.879</t>
  </si>
  <si>
    <t>1104456.0</t>
  </si>
  <si>
    <t>586321.0</t>
  </si>
  <si>
    <t>518135.0</t>
  </si>
  <si>
    <t>141.15</t>
  </si>
  <si>
    <t>1190725.0</t>
  </si>
  <si>
    <t>1531.507</t>
  </si>
  <si>
    <t>1192940.0</t>
  </si>
  <si>
    <t>2215.0</t>
  </si>
  <si>
    <t>1534.356</t>
  </si>
  <si>
    <t>1195003.0</t>
  </si>
  <si>
    <t>1537.009</t>
  </si>
  <si>
    <t>2.653</t>
  </si>
  <si>
    <t>4242.4</t>
  </si>
  <si>
    <t>1195569.0</t>
  </si>
  <si>
    <t>1537.737</t>
  </si>
  <si>
    <t>1197294.0</t>
  </si>
  <si>
    <t>1539.956</t>
  </si>
  <si>
    <t>2828.4</t>
  </si>
  <si>
    <t>1199169.0</t>
  </si>
  <si>
    <t>1542.367</t>
  </si>
  <si>
    <t>2563.9</t>
  </si>
  <si>
    <t>6866.0</t>
  </si>
  <si>
    <t>1200767.0</t>
  </si>
  <si>
    <t>1544.423</t>
  </si>
  <si>
    <t>2.055</t>
  </si>
  <si>
    <t>1.934</t>
  </si>
  <si>
    <t>1148146.0</t>
  </si>
  <si>
    <t>588307.0</t>
  </si>
  <si>
    <t>559839.0</t>
  </si>
  <si>
    <t>146.74</t>
  </si>
  <si>
    <t>7976.0</t>
  </si>
  <si>
    <t>1201150.0</t>
  </si>
  <si>
    <t>1544.915</t>
  </si>
  <si>
    <t>1202132.0</t>
  </si>
  <si>
    <t>1546.178</t>
  </si>
  <si>
    <t>2299.5</t>
  </si>
  <si>
    <t>4528.0</t>
  </si>
  <si>
    <t>5787.0</t>
  </si>
  <si>
    <t>1204522.0</t>
  </si>
  <si>
    <t>1549.252</t>
  </si>
  <si>
    <t>4755.2</t>
  </si>
  <si>
    <t>4692.0</t>
  </si>
  <si>
    <t>1206141.0</t>
  </si>
  <si>
    <t>1551.335</t>
  </si>
  <si>
    <t>10559.4</t>
  </si>
  <si>
    <t>1207781.0</t>
  </si>
  <si>
    <t>1553.444</t>
  </si>
  <si>
    <t>5237.8</t>
  </si>
  <si>
    <t>1209931.0</t>
  </si>
  <si>
    <t>1556.209</t>
  </si>
  <si>
    <t>2.765</t>
  </si>
  <si>
    <t>5374.1</t>
  </si>
  <si>
    <t>1210910.0</t>
  </si>
  <si>
    <t>1557.469</t>
  </si>
  <si>
    <t>5066.4</t>
  </si>
  <si>
    <t>1211257.0</t>
  </si>
  <si>
    <t>1557.915</t>
  </si>
  <si>
    <t>1212920.0</t>
  </si>
  <si>
    <t>1560.054</t>
  </si>
  <si>
    <t>5388.1</t>
  </si>
  <si>
    <t>1214544.0</t>
  </si>
  <si>
    <t>1562.143</t>
  </si>
  <si>
    <t>2.089</t>
  </si>
  <si>
    <t>10014.0</t>
  </si>
  <si>
    <t>1215678.0</t>
  </si>
  <si>
    <t>1563.601</t>
  </si>
  <si>
    <t>1216788.0</t>
  </si>
  <si>
    <t>1565.029</t>
  </si>
  <si>
    <t>1.428</t>
  </si>
  <si>
    <t>4073.4</t>
  </si>
  <si>
    <t>1219379.0</t>
  </si>
  <si>
    <t>1568.361</t>
  </si>
  <si>
    <t>3.333</t>
  </si>
  <si>
    <t>4230.8</t>
  </si>
  <si>
    <t>1220116.0</t>
  </si>
  <si>
    <t>1569.309</t>
  </si>
  <si>
    <t>4426.6</t>
  </si>
  <si>
    <t>1221249.0</t>
  </si>
  <si>
    <t>1570.767</t>
  </si>
  <si>
    <t>4160.8</t>
  </si>
  <si>
    <t>1223139.0</t>
  </si>
  <si>
    <t>1573.197</t>
  </si>
  <si>
    <t>1432.9</t>
  </si>
  <si>
    <t>1224772.0</t>
  </si>
  <si>
    <t>1575.298</t>
  </si>
  <si>
    <t>1515.8</t>
  </si>
  <si>
    <t>1226960.0</t>
  </si>
  <si>
    <t>1578.112</t>
  </si>
  <si>
    <t>1129.9</t>
  </si>
  <si>
    <t>1228898.0</t>
  </si>
  <si>
    <t>1580.605</t>
  </si>
  <si>
    <t>1230387.0</t>
  </si>
  <si>
    <t>1582.52</t>
  </si>
  <si>
    <t>1153283.0</t>
  </si>
  <si>
    <t>589141.0</t>
  </si>
  <si>
    <t>564142.0</t>
  </si>
  <si>
    <t>147.39</t>
  </si>
  <si>
    <t>1230735.0</t>
  </si>
  <si>
    <t>1582.967</t>
  </si>
  <si>
    <t>1.951</t>
  </si>
  <si>
    <t>1231775.0</t>
  </si>
  <si>
    <t>1584.305</t>
  </si>
  <si>
    <t>1315.8</t>
  </si>
  <si>
    <t>1233474.0</t>
  </si>
  <si>
    <t>1586.49</t>
  </si>
  <si>
    <t>2584.9</t>
  </si>
  <si>
    <t>1235929.0</t>
  </si>
  <si>
    <t>1589.648</t>
  </si>
  <si>
    <t>2791.6</t>
  </si>
  <si>
    <t>1237050.0</t>
  </si>
  <si>
    <t>1591.09</t>
  </si>
  <si>
    <t>5038.5</t>
  </si>
  <si>
    <t>1239008.0</t>
  </si>
  <si>
    <t>1593.608</t>
  </si>
  <si>
    <t>2528.9</t>
  </si>
  <si>
    <t>1240261.0</t>
  </si>
  <si>
    <t>1595.22</t>
  </si>
  <si>
    <t>1234.5</t>
  </si>
  <si>
    <t>1153555.0</t>
  </si>
  <si>
    <t>589215.0</t>
  </si>
  <si>
    <t>564340.0</t>
  </si>
  <si>
    <t>147.43</t>
  </si>
  <si>
    <t>1240776.0</t>
  </si>
  <si>
    <t>1595.882</t>
  </si>
  <si>
    <t>1254.6</t>
  </si>
  <si>
    <t>1241845.0</t>
  </si>
  <si>
    <t>1597.257</t>
  </si>
  <si>
    <t>1244143.0</t>
  </si>
  <si>
    <t>1600.213</t>
  </si>
  <si>
    <t>1246083.0</t>
  </si>
  <si>
    <t>1602.708</t>
  </si>
  <si>
    <t>1247598.0</t>
  </si>
  <si>
    <t>1604.657</t>
  </si>
  <si>
    <t>1758.5</t>
  </si>
  <si>
    <t>1249794.0</t>
  </si>
  <si>
    <t>1607.481</t>
  </si>
  <si>
    <t>2158.3</t>
  </si>
  <si>
    <t>1251152.0</t>
  </si>
  <si>
    <t>1609.228</t>
  </si>
  <si>
    <t>10881.1</t>
  </si>
  <si>
    <t>1154093.0</t>
  </si>
  <si>
    <t>589482.0</t>
  </si>
  <si>
    <t>564611.0</t>
  </si>
  <si>
    <t>147.5</t>
  </si>
  <si>
    <t>1251658.0</t>
  </si>
  <si>
    <t>1609.879</t>
  </si>
  <si>
    <t>10874.1</t>
  </si>
  <si>
    <t>1252854.0</t>
  </si>
  <si>
    <t>1611.417</t>
  </si>
  <si>
    <t>11000.0</t>
  </si>
  <si>
    <t>1254308.0</t>
  </si>
  <si>
    <t>1613.287</t>
  </si>
  <si>
    <t>5076.9</t>
  </si>
  <si>
    <t>1256028.0</t>
  </si>
  <si>
    <t>1615.499</t>
  </si>
  <si>
    <t>1243.2</t>
  </si>
  <si>
    <t>1257972.0</t>
  </si>
  <si>
    <t>1152.4</t>
  </si>
  <si>
    <t>1260371.0</t>
  </si>
  <si>
    <t>1621.085</t>
  </si>
  <si>
    <t>1261505.0</t>
  </si>
  <si>
    <t>1622.544</t>
  </si>
  <si>
    <t>1262167.0</t>
  </si>
  <si>
    <t>1623.395</t>
  </si>
  <si>
    <t>1313.2</t>
  </si>
  <si>
    <t>1263473.0</t>
  </si>
  <si>
    <t>1625.075</t>
  </si>
  <si>
    <t>1327.2</t>
  </si>
  <si>
    <t>1265133.0</t>
  </si>
  <si>
    <t>1627.21</t>
  </si>
  <si>
    <t>1081.9</t>
  </si>
  <si>
    <t>1266916.0</t>
  </si>
  <si>
    <t>1629.503</t>
  </si>
  <si>
    <t>2723.3</t>
  </si>
  <si>
    <t>1269768.0</t>
  </si>
  <si>
    <t>1633.172</t>
  </si>
  <si>
    <t>3.668</t>
  </si>
  <si>
    <t>1271150.0</t>
  </si>
  <si>
    <t>1634.949</t>
  </si>
  <si>
    <t>1273223.0</t>
  </si>
  <si>
    <t>1637.615</t>
  </si>
  <si>
    <t>2.666</t>
  </si>
  <si>
    <t>2.153</t>
  </si>
  <si>
    <t>1464.6</t>
  </si>
  <si>
    <t>1273797.0</t>
  </si>
  <si>
    <t>1638.354</t>
  </si>
  <si>
    <t>1453.2</t>
  </si>
  <si>
    <t>1154843.0</t>
  </si>
  <si>
    <t>589762.0</t>
  </si>
  <si>
    <t>565081.0</t>
  </si>
  <si>
    <t>147.59</t>
  </si>
  <si>
    <t>72.22</t>
  </si>
  <si>
    <t>1275134.0</t>
  </si>
  <si>
    <t>1640.073</t>
  </si>
  <si>
    <t>1295.5</t>
  </si>
  <si>
    <t>1276721.0</t>
  </si>
  <si>
    <t>1642.114</t>
  </si>
  <si>
    <t>1277933.0</t>
  </si>
  <si>
    <t>1643.673</t>
  </si>
  <si>
    <t>1279084.0</t>
  </si>
  <si>
    <t>1645.154</t>
  </si>
  <si>
    <t>3102.6</t>
  </si>
  <si>
    <t>1280466.0</t>
  </si>
  <si>
    <t>1646.931</t>
  </si>
  <si>
    <t>1281846.0</t>
  </si>
  <si>
    <t>1648.706</t>
  </si>
  <si>
    <t>1.585</t>
  </si>
  <si>
    <t>2871.8</t>
  </si>
  <si>
    <t>1283438.0</t>
  </si>
  <si>
    <t>1650.754</t>
  </si>
  <si>
    <t>2.048</t>
  </si>
  <si>
    <t>3209.8</t>
  </si>
  <si>
    <t>1284580.0</t>
  </si>
  <si>
    <t>1652.223</t>
  </si>
  <si>
    <t>4716.8</t>
  </si>
  <si>
    <t>1286024.0</t>
  </si>
  <si>
    <t>1654.08</t>
  </si>
  <si>
    <t>9293.7</t>
  </si>
  <si>
    <t>1286842.0</t>
  </si>
  <si>
    <t>1655.132</t>
  </si>
  <si>
    <t>8902.1</t>
  </si>
  <si>
    <t>1288876.0</t>
  </si>
  <si>
    <t>1657.748</t>
  </si>
  <si>
    <t>9783.2</t>
  </si>
  <si>
    <t>1291025.0</t>
  </si>
  <si>
    <t>1660.512</t>
  </si>
  <si>
    <t>10545.5</t>
  </si>
  <si>
    <t>1292435.0</t>
  </si>
  <si>
    <t>1662.326</t>
  </si>
  <si>
    <t>1161581.0</t>
  </si>
  <si>
    <t>592564.0</t>
  </si>
  <si>
    <t>569017.0</t>
  </si>
  <si>
    <t>72.72</t>
  </si>
  <si>
    <t>1296305.0</t>
  </si>
  <si>
    <t>1667.303</t>
  </si>
  <si>
    <t>4.978</t>
  </si>
  <si>
    <t>3218.9</t>
  </si>
  <si>
    <t>2074.7</t>
  </si>
  <si>
    <t>1297747.0</t>
  </si>
  <si>
    <t>1669.158</t>
  </si>
  <si>
    <t>1302.5</t>
  </si>
  <si>
    <t>1299050.0</t>
  </si>
  <si>
    <t>1670.834</t>
  </si>
  <si>
    <t>1110.1</t>
  </si>
  <si>
    <t>1301041.0</t>
  </si>
  <si>
    <t>1673.395</t>
  </si>
  <si>
    <t>1303338.0</t>
  </si>
  <si>
    <t>1676.349</t>
  </si>
  <si>
    <t>2.954</t>
  </si>
  <si>
    <t>123.1</t>
  </si>
  <si>
    <t>1305577.0</t>
  </si>
  <si>
    <t>1679.229</t>
  </si>
  <si>
    <t>108.6</t>
  </si>
  <si>
    <t>1307608.0</t>
  </si>
  <si>
    <t>1681.841</t>
  </si>
  <si>
    <t>1309913.0</t>
  </si>
  <si>
    <t>1684.806</t>
  </si>
  <si>
    <t>1312525.0</t>
  </si>
  <si>
    <t>1688.165</t>
  </si>
  <si>
    <t>1314898.0</t>
  </si>
  <si>
    <t>1691.218</t>
  </si>
  <si>
    <t>1317631.0</t>
  </si>
  <si>
    <t>1694.733</t>
  </si>
  <si>
    <t>3.515</t>
  </si>
  <si>
    <t>3.048</t>
  </si>
  <si>
    <t>1320127.0</t>
  </si>
  <si>
    <t>1697.943</t>
  </si>
  <si>
    <t>3.084</t>
  </si>
  <si>
    <t>1322383.0</t>
  </si>
  <si>
    <t>1700.845</t>
  </si>
  <si>
    <t>1163781.0</t>
  </si>
  <si>
    <t>593634.0</t>
  </si>
  <si>
    <t>570147.0</t>
  </si>
  <si>
    <t>1327480.0</t>
  </si>
  <si>
    <t>1707.401</t>
  </si>
  <si>
    <t>6349.0</t>
  </si>
  <si>
    <t>1332913.0</t>
  </si>
  <si>
    <t>1714.388</t>
  </si>
  <si>
    <t>6.988</t>
  </si>
  <si>
    <t>1341156.0</t>
  </si>
  <si>
    <t>8243.0</t>
  </si>
  <si>
    <t>1724.991</t>
  </si>
  <si>
    <t>10.602</t>
  </si>
  <si>
    <t>18645.0</t>
  </si>
  <si>
    <t>1349939.0</t>
  </si>
  <si>
    <t>1736.287</t>
  </si>
  <si>
    <t>11.297</t>
  </si>
  <si>
    <t>6.439</t>
  </si>
  <si>
    <t>19400.0</t>
  </si>
  <si>
    <t>24794.0</t>
  </si>
  <si>
    <t>1360575.0</t>
  </si>
  <si>
    <t>1749.967</t>
  </si>
  <si>
    <t>7.891</t>
  </si>
  <si>
    <t>24211.0</t>
  </si>
  <si>
    <t>30942.0</t>
  </si>
  <si>
    <t>1367048.0</t>
  </si>
  <si>
    <t>1758.293</t>
  </si>
  <si>
    <t>8.326</t>
  </si>
  <si>
    <t>6703.0</t>
  </si>
  <si>
    <t>8.621</t>
  </si>
  <si>
    <t>29022.0</t>
  </si>
  <si>
    <t>37091.0</t>
  </si>
  <si>
    <t>1374161.0</t>
  </si>
  <si>
    <t>1767.441</t>
  </si>
  <si>
    <t>9.514</t>
  </si>
  <si>
    <t>1400608.0</t>
  </si>
  <si>
    <t>593737.0</t>
  </si>
  <si>
    <t>570278.0</t>
  </si>
  <si>
    <t>33832.0</t>
  </si>
  <si>
    <t>72.88</t>
  </si>
  <si>
    <t>43238.0</t>
  </si>
  <si>
    <t>1380163.0</t>
  </si>
  <si>
    <t>6002.0</t>
  </si>
  <si>
    <t>1775.161</t>
  </si>
  <si>
    <t>7526.0</t>
  </si>
  <si>
    <t>29717.0</t>
  </si>
  <si>
    <t>37979.0</t>
  </si>
  <si>
    <t>1385979.0</t>
  </si>
  <si>
    <t>1782.642</t>
  </si>
  <si>
    <t>7.481</t>
  </si>
  <si>
    <t>25601.0</t>
  </si>
  <si>
    <t>32719.0</t>
  </si>
  <si>
    <t>1392165.0</t>
  </si>
  <si>
    <t>1790.598</t>
  </si>
  <si>
    <t>9.373</t>
  </si>
  <si>
    <t>21486.0</t>
  </si>
  <si>
    <t>27460.0</t>
  </si>
  <si>
    <t>1401051.0</t>
  </si>
  <si>
    <t>8886.0</t>
  </si>
  <si>
    <t>1802.027</t>
  </si>
  <si>
    <t>9.392</t>
  </si>
  <si>
    <t>17370.0</t>
  </si>
  <si>
    <t>22199.0</t>
  </si>
  <si>
    <t>1407254.0</t>
  </si>
  <si>
    <t>1810.006</t>
  </si>
  <si>
    <t>7.978</t>
  </si>
  <si>
    <t>8.576</t>
  </si>
  <si>
    <t>16940.0</t>
  </si>
  <si>
    <t>1417678.0</t>
  </si>
  <si>
    <t>1823.413</t>
  </si>
  <si>
    <t>13.407</t>
  </si>
  <si>
    <t>9.303</t>
  </si>
  <si>
    <t>9139.0</t>
  </si>
  <si>
    <t>11680.0</t>
  </si>
  <si>
    <t>1431874.0</t>
  </si>
  <si>
    <t>14196.0</t>
  </si>
  <si>
    <t>1841.672</t>
  </si>
  <si>
    <t>18.259</t>
  </si>
  <si>
    <t>10.605</t>
  </si>
  <si>
    <t>1435774.0</t>
  </si>
  <si>
    <t>593980.0</t>
  </si>
  <si>
    <t>570751.0</t>
  </si>
  <si>
    <t>351962.0</t>
  </si>
  <si>
    <t>183.5</t>
  </si>
  <si>
    <t>72.94</t>
  </si>
  <si>
    <t>1447115.0</t>
  </si>
  <si>
    <t>1861.275</t>
  </si>
  <si>
    <t>19.603</t>
  </si>
  <si>
    <t>12.302</t>
  </si>
  <si>
    <t>6071.0</t>
  </si>
  <si>
    <t>1460552.0</t>
  </si>
  <si>
    <t>13437.0</t>
  </si>
  <si>
    <t>1878.557</t>
  </si>
  <si>
    <t>17.283</t>
  </si>
  <si>
    <t>10653.0</t>
  </si>
  <si>
    <t>13.702</t>
  </si>
  <si>
    <t>1468895.0</t>
  </si>
  <si>
    <t>1889.288</t>
  </si>
  <si>
    <t>10.731</t>
  </si>
  <si>
    <t>14.098</t>
  </si>
  <si>
    <t>4203.0</t>
  </si>
  <si>
    <t>1476108.0</t>
  </si>
  <si>
    <t>7213.0</t>
  </si>
  <si>
    <t>1898.565</t>
  </si>
  <si>
    <t>9.277</t>
  </si>
  <si>
    <t>1481382.0</t>
  </si>
  <si>
    <t>1905.349</t>
  </si>
  <si>
    <t>6.783</t>
  </si>
  <si>
    <t>10590.0</t>
  </si>
  <si>
    <t>1488131.0</t>
  </si>
  <si>
    <t>1914.029</t>
  </si>
  <si>
    <t>12.946</t>
  </si>
  <si>
    <t>3383.0</t>
  </si>
  <si>
    <t>1493304.0</t>
  </si>
  <si>
    <t>1920.683</t>
  </si>
  <si>
    <t>1457542.0</t>
  </si>
  <si>
    <t>594185.0</t>
  </si>
  <si>
    <t>571194.0</t>
  </si>
  <si>
    <t>186.28</t>
  </si>
  <si>
    <t>1499657.0</t>
  </si>
  <si>
    <t>1928.854</t>
  </si>
  <si>
    <t>7506.0</t>
  </si>
  <si>
    <t>1505534.0</t>
  </si>
  <si>
    <t>1936.413</t>
  </si>
  <si>
    <t>7.559</t>
  </si>
  <si>
    <t>1517010.0</t>
  </si>
  <si>
    <t>1951.173</t>
  </si>
  <si>
    <t>14.76</t>
  </si>
  <si>
    <t>6874.0</t>
  </si>
  <si>
    <t>8.841</t>
  </si>
  <si>
    <t>4857.0</t>
  </si>
  <si>
    <t>1531406.0</t>
  </si>
  <si>
    <t>14396.0</t>
  </si>
  <si>
    <t>1969.689</t>
  </si>
  <si>
    <t>18.516</t>
  </si>
  <si>
    <t>10.161</t>
  </si>
  <si>
    <t>0.0225</t>
  </si>
  <si>
    <t>1545769.0</t>
  </si>
  <si>
    <t>1988.163</t>
  </si>
  <si>
    <t>18.474</t>
  </si>
  <si>
    <t>1565281.0</t>
  </si>
  <si>
    <t>2013.259</t>
  </si>
  <si>
    <t>25.096</t>
  </si>
  <si>
    <t>11021.0</t>
  </si>
  <si>
    <t>14.175</t>
  </si>
  <si>
    <t>1576867.0</t>
  </si>
  <si>
    <t>11586.0</t>
  </si>
  <si>
    <t>2028.161</t>
  </si>
  <si>
    <t>14.902</t>
  </si>
  <si>
    <t>11938.0</t>
  </si>
  <si>
    <t>15.355</t>
  </si>
  <si>
    <t>1507848.0</t>
  </si>
  <si>
    <t>594872.0</t>
  </si>
  <si>
    <t>572425.0</t>
  </si>
  <si>
    <t>192.71</t>
  </si>
  <si>
    <t>73.16</t>
  </si>
  <si>
    <t>9185.0</t>
  </si>
  <si>
    <t>1588772.0</t>
  </si>
  <si>
    <t>2043.473</t>
  </si>
  <si>
    <t>15.312</t>
  </si>
  <si>
    <t>16.375</t>
  </si>
  <si>
    <t>9870.0</t>
  </si>
  <si>
    <t>1601509.0</t>
  </si>
  <si>
    <t>12737.0</t>
  </si>
  <si>
    <t>2059.856</t>
  </si>
  <si>
    <t>16.382</t>
  </si>
  <si>
    <t>13711.0</t>
  </si>
  <si>
    <t>17.635</t>
  </si>
  <si>
    <t>8260.0</t>
  </si>
  <si>
    <t>1611783.0</t>
  </si>
  <si>
    <t>2073.07</t>
  </si>
  <si>
    <t>13.214</t>
  </si>
  <si>
    <t>17.414</t>
  </si>
  <si>
    <t>1624315.0</t>
  </si>
  <si>
    <t>12532.0</t>
  </si>
  <si>
    <t>2089.189</t>
  </si>
  <si>
    <t>17.072</t>
  </si>
  <si>
    <t>9334.0</t>
  </si>
  <si>
    <t>11929.0</t>
  </si>
  <si>
    <t>1634758.0</t>
  </si>
  <si>
    <t>10443.0</t>
  </si>
  <si>
    <t>2102.62</t>
  </si>
  <si>
    <t>13.432</t>
  </si>
  <si>
    <t>16.351</t>
  </si>
  <si>
    <t>1644832.0</t>
  </si>
  <si>
    <t>2115.578</t>
  </si>
  <si>
    <t>12.957</t>
  </si>
  <si>
    <t>14.616</t>
  </si>
  <si>
    <t>1652926.0</t>
  </si>
  <si>
    <t>8094.0</t>
  </si>
  <si>
    <t>2125.988</t>
  </si>
  <si>
    <t>13.976</t>
  </si>
  <si>
    <t>1584463.0</t>
  </si>
  <si>
    <t>596419.0</t>
  </si>
  <si>
    <t>574529.0</t>
  </si>
  <si>
    <t>10945.0</t>
  </si>
  <si>
    <t>202.5</t>
  </si>
  <si>
    <t>1653982.0</t>
  </si>
  <si>
    <t>2127.346</t>
  </si>
  <si>
    <t>9316.0</t>
  </si>
  <si>
    <t>11.982</t>
  </si>
  <si>
    <t>12204.0</t>
  </si>
  <si>
    <t>1657217.0</t>
  </si>
  <si>
    <t>2131.507</t>
  </si>
  <si>
    <t>4.161</t>
  </si>
  <si>
    <t>8152.0</t>
  </si>
  <si>
    <t>10418.0</t>
  </si>
  <si>
    <t>1667657.0</t>
  </si>
  <si>
    <t>2144.935</t>
  </si>
  <si>
    <t>1675554.0</t>
  </si>
  <si>
    <t>7897.0</t>
  </si>
  <si>
    <t>2155.092</t>
  </si>
  <si>
    <t>10.157</t>
  </si>
  <si>
    <t>1689300.0</t>
  </si>
  <si>
    <t>13746.0</t>
  </si>
  <si>
    <t>2172.772</t>
  </si>
  <si>
    <t>7792.0</t>
  </si>
  <si>
    <t>10.022</t>
  </si>
  <si>
    <t>1698659.0</t>
  </si>
  <si>
    <t>2184.81</t>
  </si>
  <si>
    <t>12.038</t>
  </si>
  <si>
    <t>9.891</t>
  </si>
  <si>
    <t>1711669.0</t>
  </si>
  <si>
    <t>2201.543</t>
  </si>
  <si>
    <t>10.794</t>
  </si>
  <si>
    <t>1592652.0</t>
  </si>
  <si>
    <t>596568.0</t>
  </si>
  <si>
    <t>574736.0</t>
  </si>
  <si>
    <t>203.54</t>
  </si>
  <si>
    <t>6445.0</t>
  </si>
  <si>
    <t>7764.0</t>
  </si>
  <si>
    <t>11608.0</t>
  </si>
  <si>
    <t>10402.0</t>
  </si>
  <si>
    <t>13294.0</t>
  </si>
  <si>
    <t>1738277.0</t>
  </si>
  <si>
    <t>682653.0</t>
  </si>
  <si>
    <t>577321.0</t>
  </si>
  <si>
    <t>222.16</t>
  </si>
  <si>
    <t>87.24</t>
  </si>
  <si>
    <t>12690.0</t>
  </si>
  <si>
    <t>9457.0</t>
  </si>
  <si>
    <t>12086.0</t>
  </si>
  <si>
    <t>8984.0</t>
  </si>
  <si>
    <t>8512.0</t>
  </si>
  <si>
    <t>10879.0</t>
  </si>
  <si>
    <t>7567.0</t>
  </si>
  <si>
    <t>1787937.0</t>
  </si>
  <si>
    <t>687549.0</t>
  </si>
  <si>
    <t>579640.0</t>
  </si>
  <si>
    <t>520748.0</t>
  </si>
  <si>
    <t>228.5</t>
  </si>
  <si>
    <t>87.87</t>
  </si>
  <si>
    <t>9066.0</t>
  </si>
  <si>
    <t>1798216.0</t>
  </si>
  <si>
    <t>688978.0</t>
  </si>
  <si>
    <t>581668.0</t>
  </si>
  <si>
    <t>527570.0</t>
  </si>
  <si>
    <t>229.82</t>
  </si>
  <si>
    <t>1804259.0</t>
  </si>
  <si>
    <t>689748.0</t>
  </si>
  <si>
    <t>582523.0</t>
  </si>
  <si>
    <t>531988.0</t>
  </si>
  <si>
    <t>230.59</t>
  </si>
  <si>
    <t>88.15</t>
  </si>
  <si>
    <t>8808.0</t>
  </si>
  <si>
    <t>11257.0</t>
  </si>
  <si>
    <t>10396.0</t>
  </si>
  <si>
    <t>1888156.0</t>
  </si>
  <si>
    <t>691290.0</t>
  </si>
  <si>
    <t>662656.0</t>
  </si>
  <si>
    <t>534210.0</t>
  </si>
  <si>
    <t>241.31</t>
  </si>
  <si>
    <t>88.35</t>
  </si>
  <si>
    <t>8852.0</t>
  </si>
  <si>
    <t>11313.0</t>
  </si>
  <si>
    <t>9312.0</t>
  </si>
  <si>
    <t>4153.0</t>
  </si>
  <si>
    <t>1902438.0</t>
  </si>
  <si>
    <t>692170.0</t>
  </si>
  <si>
    <t>670303.0</t>
  </si>
  <si>
    <t>539965.0</t>
  </si>
  <si>
    <t>243.14</t>
  </si>
  <si>
    <t>88.46</t>
  </si>
  <si>
    <t>85.67</t>
  </si>
  <si>
    <t>1906606.0</t>
  </si>
  <si>
    <t>692549.0</t>
  </si>
  <si>
    <t>671505.0</t>
  </si>
  <si>
    <t>542552.0</t>
  </si>
  <si>
    <t>243.67</t>
  </si>
  <si>
    <t>88.51</t>
  </si>
  <si>
    <t>85.82</t>
  </si>
  <si>
    <t>1907509.0</t>
  </si>
  <si>
    <t>692638.0</t>
  </si>
  <si>
    <t>671861.0</t>
  </si>
  <si>
    <t>543010.0</t>
  </si>
  <si>
    <t>243.78</t>
  </si>
  <si>
    <t>88.52</t>
  </si>
  <si>
    <t>1908189.0</t>
  </si>
  <si>
    <t>692716.0</t>
  </si>
  <si>
    <t>672030.0</t>
  </si>
  <si>
    <t>543443.0</t>
  </si>
  <si>
    <t>243.87</t>
  </si>
  <si>
    <t>1908742.0</t>
  </si>
  <si>
    <t>692775.0</t>
  </si>
  <si>
    <t>672164.0</t>
  </si>
  <si>
    <t>543803.0</t>
  </si>
  <si>
    <t>243.94</t>
  </si>
  <si>
    <t>88.54</t>
  </si>
  <si>
    <t>1909762.0</t>
  </si>
  <si>
    <t>692874.0</t>
  </si>
  <si>
    <t>672508.0</t>
  </si>
  <si>
    <t>544380.0</t>
  </si>
  <si>
    <t>244.07</t>
  </si>
  <si>
    <t>88.55</t>
  </si>
  <si>
    <t>85.95</t>
  </si>
  <si>
    <t>1910077.0</t>
  </si>
  <si>
    <t>692909.0</t>
  </si>
  <si>
    <t>672575.0</t>
  </si>
  <si>
    <t>544593.0</t>
  </si>
  <si>
    <t>244.11</t>
  </si>
  <si>
    <t>88.56</t>
  </si>
  <si>
    <t>85.96</t>
  </si>
  <si>
    <t>1911349.0</t>
  </si>
  <si>
    <t>693033.0</t>
  </si>
  <si>
    <t>672775.0</t>
  </si>
  <si>
    <t>545541.0</t>
  </si>
  <si>
    <t>88.57</t>
  </si>
  <si>
    <t>1911837.0</t>
  </si>
  <si>
    <t>693082.0</t>
  </si>
  <si>
    <t>672851.0</t>
  </si>
  <si>
    <t>545904.0</t>
  </si>
  <si>
    <t>244.34</t>
  </si>
  <si>
    <t>85.99</t>
  </si>
  <si>
    <t>1914505.0</t>
  </si>
  <si>
    <t>693546.0</t>
  </si>
  <si>
    <t>673113.0</t>
  </si>
  <si>
    <t>547846.0</t>
  </si>
  <si>
    <t>244.68</t>
  </si>
  <si>
    <t>86.03</t>
  </si>
  <si>
    <t>1917605.0</t>
  </si>
  <si>
    <t>694208.0</t>
  </si>
  <si>
    <t>673485.0</t>
  </si>
  <si>
    <t>549912.0</t>
  </si>
  <si>
    <t>245.07</t>
  </si>
  <si>
    <t>86.07</t>
  </si>
  <si>
    <t>70.28</t>
  </si>
  <si>
    <t>1922660.0</t>
  </si>
  <si>
    <t>695033.0</t>
  </si>
  <si>
    <t>674055.0</t>
  </si>
  <si>
    <t>553572.0</t>
  </si>
  <si>
    <t>245.72</t>
  </si>
  <si>
    <t>1927415.0</t>
  </si>
  <si>
    <t>695674.0</t>
  </si>
  <si>
    <t>674846.0</t>
  </si>
  <si>
    <t>556895.0</t>
  </si>
  <si>
    <t>246.33</t>
  </si>
  <si>
    <t>88.91</t>
  </si>
  <si>
    <t>86.25</t>
  </si>
  <si>
    <t>1927613.0</t>
  </si>
  <si>
    <t>695693.0</t>
  </si>
  <si>
    <t>674865.0</t>
  </si>
  <si>
    <t>557055.0</t>
  </si>
  <si>
    <t>246.35</t>
  </si>
  <si>
    <t>71.19</t>
  </si>
  <si>
    <t>1928471.0</t>
  </si>
  <si>
    <t>695741.0</t>
  </si>
  <si>
    <t>674918.0</t>
  </si>
  <si>
    <t>557812.0</t>
  </si>
  <si>
    <t>246.46</t>
  </si>
  <si>
    <t>88.92</t>
  </si>
  <si>
    <t>86.26</t>
  </si>
  <si>
    <t>1975592.0</t>
  </si>
  <si>
    <t>697310.0</t>
  </si>
  <si>
    <t>676343.0</t>
  </si>
  <si>
    <t>601939.0</t>
  </si>
  <si>
    <t>6747.0</t>
  </si>
  <si>
    <t>8623.0</t>
  </si>
  <si>
    <t>7986.0</t>
  </si>
  <si>
    <t>5179.0</t>
  </si>
  <si>
    <t>2004357.0</t>
  </si>
  <si>
    <t>698411.0</t>
  </si>
  <si>
    <t>677250.0</t>
  </si>
  <si>
    <t>628696.0</t>
  </si>
  <si>
    <t>256.16</t>
  </si>
  <si>
    <t>86.55</t>
  </si>
  <si>
    <t>80.35</t>
  </si>
  <si>
    <t>2007661.0</t>
  </si>
  <si>
    <t>698608.0</t>
  </si>
  <si>
    <t>677415.0</t>
  </si>
  <si>
    <t>631638.0</t>
  </si>
  <si>
    <t>256.58</t>
  </si>
  <si>
    <t>2010132.0</t>
  </si>
  <si>
    <t>698881.0</t>
  </si>
  <si>
    <t>677560.0</t>
  </si>
  <si>
    <t>633691.0</t>
  </si>
  <si>
    <t>256.9</t>
  </si>
  <si>
    <t>89.32</t>
  </si>
  <si>
    <t>2010782.0</t>
  </si>
  <si>
    <t>699028.0</t>
  </si>
  <si>
    <t>677606.0</t>
  </si>
  <si>
    <t>634148.0</t>
  </si>
  <si>
    <t>256.98</t>
  </si>
  <si>
    <t>89.34</t>
  </si>
  <si>
    <t>86.6</t>
  </si>
  <si>
    <t>2011426.0</t>
  </si>
  <si>
    <t>699116.0</t>
  </si>
  <si>
    <t>677669.0</t>
  </si>
  <si>
    <t>634641.0</t>
  </si>
  <si>
    <t>257.07</t>
  </si>
  <si>
    <t>89.35</t>
  </si>
  <si>
    <t>86.61</t>
  </si>
  <si>
    <t>BOL</t>
  </si>
  <si>
    <t>Bolivia</t>
  </si>
  <si>
    <t>0.1404</t>
  </si>
  <si>
    <t>0.1639</t>
  </si>
  <si>
    <t>849.8</t>
  </si>
  <si>
    <t>69.5183307354627</t>
  </si>
  <si>
    <t>0.1853</t>
  </si>
  <si>
    <t>0.1504</t>
  </si>
  <si>
    <t>4855.0</t>
  </si>
  <si>
    <t>0.1305</t>
  </si>
  <si>
    <t>4995.0</t>
  </si>
  <si>
    <t>0.2667</t>
  </si>
  <si>
    <t>0.3376</t>
  </si>
  <si>
    <t>0.2986</t>
  </si>
  <si>
    <t>30.8000000000001</t>
  </si>
  <si>
    <t>-19.44</t>
  </si>
  <si>
    <t>2.51961001018152</t>
  </si>
  <si>
    <t>6975.0</t>
  </si>
  <si>
    <t>0.2512</t>
  </si>
  <si>
    <t>0.2813</t>
  </si>
  <si>
    <t>8611.0</t>
  </si>
  <si>
    <t>0.2541</t>
  </si>
  <si>
    <t>8995.0</t>
  </si>
  <si>
    <t>0.2603</t>
  </si>
  <si>
    <t>0.2751</t>
  </si>
  <si>
    <t>10099.0</t>
  </si>
  <si>
    <t>0.2575</t>
  </si>
  <si>
    <t>10585.0</t>
  </si>
  <si>
    <t>0.2871</t>
  </si>
  <si>
    <t>0.2613</t>
  </si>
  <si>
    <t>0.2971</t>
  </si>
  <si>
    <t>13059.0</t>
  </si>
  <si>
    <t>0.2848</t>
  </si>
  <si>
    <t>14152.0</t>
  </si>
  <si>
    <t>0.3185</t>
  </si>
  <si>
    <t>14833.0</t>
  </si>
  <si>
    <t>0.3085</t>
  </si>
  <si>
    <t>0.3383</t>
  </si>
  <si>
    <t>16946.0</t>
  </si>
  <si>
    <t>0.3206</t>
  </si>
  <si>
    <t>17640.0</t>
  </si>
  <si>
    <t>0.3314</t>
  </si>
  <si>
    <t>18553.0</t>
  </si>
  <si>
    <t>0.3563</t>
  </si>
  <si>
    <t>20165.0</t>
  </si>
  <si>
    <t>0.3753</t>
  </si>
  <si>
    <t>20977.0</t>
  </si>
  <si>
    <t>0.3856</t>
  </si>
  <si>
    <t>21801.0</t>
  </si>
  <si>
    <t>0.3948</t>
  </si>
  <si>
    <t>22673.0</t>
  </si>
  <si>
    <t>0.4186</t>
  </si>
  <si>
    <t>23625.0</t>
  </si>
  <si>
    <t>0.4436</t>
  </si>
  <si>
    <t>0.4376</t>
  </si>
  <si>
    <t>26148.0</t>
  </si>
  <si>
    <t>0.4669</t>
  </si>
  <si>
    <t>26958.0</t>
  </si>
  <si>
    <t>0.4642</t>
  </si>
  <si>
    <t>28245.0</t>
  </si>
  <si>
    <t>0.5061</t>
  </si>
  <si>
    <t>0.5123</t>
  </si>
  <si>
    <t>309.2</t>
  </si>
  <si>
    <t>25.2942667255885</t>
  </si>
  <si>
    <t>30035.0</t>
  </si>
  <si>
    <t>0.5257</t>
  </si>
  <si>
    <t>31180.0</t>
  </si>
  <si>
    <t>0.5104</t>
  </si>
  <si>
    <t>0.5216</t>
  </si>
  <si>
    <t>33944.0</t>
  </si>
  <si>
    <t>0.4947</t>
  </si>
  <si>
    <t>35162.0</t>
  </si>
  <si>
    <t>2.911</t>
  </si>
  <si>
    <t>0.4872</t>
  </si>
  <si>
    <t>36528.0</t>
  </si>
  <si>
    <t>1183.0</t>
  </si>
  <si>
    <t>0.4548</t>
  </si>
  <si>
    <t>37343.0</t>
  </si>
  <si>
    <t>38178.0</t>
  </si>
  <si>
    <t>3.161</t>
  </si>
  <si>
    <t>0.4199</t>
  </si>
  <si>
    <t>39608.0</t>
  </si>
  <si>
    <t>41033.0</t>
  </si>
  <si>
    <t>0.4262</t>
  </si>
  <si>
    <t>42739.0</t>
  </si>
  <si>
    <t>0.4459</t>
  </si>
  <si>
    <t>44329.0</t>
  </si>
  <si>
    <t>0.4581</t>
  </si>
  <si>
    <t>47370.0</t>
  </si>
  <si>
    <t>0.4804</t>
  </si>
  <si>
    <t>48754.0</t>
  </si>
  <si>
    <t>4.036</t>
  </si>
  <si>
    <t>0.4844</t>
  </si>
  <si>
    <t>50112.0</t>
  </si>
  <si>
    <t>0.4986</t>
  </si>
  <si>
    <t>51334.0</t>
  </si>
  <si>
    <t>0.5245</t>
  </si>
  <si>
    <t>52754.0</t>
  </si>
  <si>
    <t>0.5325</t>
  </si>
  <si>
    <t>54828.0</t>
  </si>
  <si>
    <t>0.5283</t>
  </si>
  <si>
    <t>56962.0</t>
  </si>
  <si>
    <t>4.716</t>
  </si>
  <si>
    <t>0.5206</t>
  </si>
  <si>
    <t>0.5193</t>
  </si>
  <si>
    <t>61453.0</t>
  </si>
  <si>
    <t>5.087</t>
  </si>
  <si>
    <t>63377.0</t>
  </si>
  <si>
    <t>5.247</t>
  </si>
  <si>
    <t>0.4905</t>
  </si>
  <si>
    <t>65027.0</t>
  </si>
  <si>
    <t>0.4968</t>
  </si>
  <si>
    <t>68517.0</t>
  </si>
  <si>
    <t>5.672</t>
  </si>
  <si>
    <t>0.5074</t>
  </si>
  <si>
    <t>70770.0</t>
  </si>
  <si>
    <t>5.859</t>
  </si>
  <si>
    <t>0.5187</t>
  </si>
  <si>
    <t>72234.0</t>
  </si>
  <si>
    <t>0.5307</t>
  </si>
  <si>
    <t>73270.0</t>
  </si>
  <si>
    <t>6.066</t>
  </si>
  <si>
    <t>0.5613</t>
  </si>
  <si>
    <t>75464.0</t>
  </si>
  <si>
    <t>6.247</t>
  </si>
  <si>
    <t>4663.4</t>
  </si>
  <si>
    <t>94.54</t>
  </si>
  <si>
    <t>381.491861087028</t>
  </si>
  <si>
    <t>77368.0</t>
  </si>
  <si>
    <t>6.405</t>
  </si>
  <si>
    <t>0.5461</t>
  </si>
  <si>
    <t>79565.0</t>
  </si>
  <si>
    <t>6.587</t>
  </si>
  <si>
    <t>0.5416</t>
  </si>
  <si>
    <t>2219.0</t>
  </si>
  <si>
    <t>0.5575</t>
  </si>
  <si>
    <t>0.5607</t>
  </si>
  <si>
    <t>86876.0</t>
  </si>
  <si>
    <t>7.192</t>
  </si>
  <si>
    <t>0.5308</t>
  </si>
  <si>
    <t>88816.0</t>
  </si>
  <si>
    <t>7.353</t>
  </si>
  <si>
    <t>0.5393</t>
  </si>
  <si>
    <t>90619.0</t>
  </si>
  <si>
    <t>0.5494</t>
  </si>
  <si>
    <t>92826.0</t>
  </si>
  <si>
    <t>0.5666</t>
  </si>
  <si>
    <t>94857.0</t>
  </si>
  <si>
    <t>97053.0</t>
  </si>
  <si>
    <t>8.035</t>
  </si>
  <si>
    <t>0.5729</t>
  </si>
  <si>
    <t>99753.0</t>
  </si>
  <si>
    <t>8.258</t>
  </si>
  <si>
    <t>0.5778</t>
  </si>
  <si>
    <t>101386.0</t>
  </si>
  <si>
    <t>0.6126</t>
  </si>
  <si>
    <t>103095.0</t>
  </si>
  <si>
    <t>8.535</t>
  </si>
  <si>
    <t>0.6121</t>
  </si>
  <si>
    <t>106054.0</t>
  </si>
  <si>
    <t>108339.0</t>
  </si>
  <si>
    <t>8.969</t>
  </si>
  <si>
    <t>0.5953</t>
  </si>
  <si>
    <t>111211.0</t>
  </si>
  <si>
    <t>9.207</t>
  </si>
  <si>
    <t>0.6142</t>
  </si>
  <si>
    <t>114160.0</t>
  </si>
  <si>
    <t>9.451</t>
  </si>
  <si>
    <t>0.6159</t>
  </si>
  <si>
    <t>9.702</t>
  </si>
  <si>
    <t>119763.0</t>
  </si>
  <si>
    <t>9.915</t>
  </si>
  <si>
    <t>0.6201</t>
  </si>
  <si>
    <t>121786.0</t>
  </si>
  <si>
    <t>10.082</t>
  </si>
  <si>
    <t>0.6282</t>
  </si>
  <si>
    <t>124334.0</t>
  </si>
  <si>
    <t>10.293</t>
  </si>
  <si>
    <t>0.6287</t>
  </si>
  <si>
    <t>127166.0</t>
  </si>
  <si>
    <t>0.6329</t>
  </si>
  <si>
    <t>129406.0</t>
  </si>
  <si>
    <t>10.713</t>
  </si>
  <si>
    <t>131341.0</t>
  </si>
  <si>
    <t>10.873</t>
  </si>
  <si>
    <t>0.6027</t>
  </si>
  <si>
    <t>134768.0</t>
  </si>
  <si>
    <t>0.5773</t>
  </si>
  <si>
    <t>136924.0</t>
  </si>
  <si>
    <t>11.335</t>
  </si>
  <si>
    <t>0.5737</t>
  </si>
  <si>
    <t>139824.0</t>
  </si>
  <si>
    <t>0.5649</t>
  </si>
  <si>
    <t>142117.0</t>
  </si>
  <si>
    <t>11.765</t>
  </si>
  <si>
    <t>144152.0</t>
  </si>
  <si>
    <t>11.934</t>
  </si>
  <si>
    <t>0.5532</t>
  </si>
  <si>
    <t>147457.0</t>
  </si>
  <si>
    <t>12.207</t>
  </si>
  <si>
    <t>0.5529</t>
  </si>
  <si>
    <t>150528.0</t>
  </si>
  <si>
    <t>12.461</t>
  </si>
  <si>
    <t>0.5385</t>
  </si>
  <si>
    <t>51.9</t>
  </si>
  <si>
    <t>245.44</t>
  </si>
  <si>
    <t>1311.0152604925</t>
  </si>
  <si>
    <t>154047.0</t>
  </si>
  <si>
    <t>12.753</t>
  </si>
  <si>
    <t>0.5453</t>
  </si>
  <si>
    <t>156923.0</t>
  </si>
  <si>
    <t>12.991</t>
  </si>
  <si>
    <t>0.5362</t>
  </si>
  <si>
    <t>159826.0</t>
  </si>
  <si>
    <t>13.231</t>
  </si>
  <si>
    <t>0.5333</t>
  </si>
  <si>
    <t>162660.0</t>
  </si>
  <si>
    <t>13.466</t>
  </si>
  <si>
    <t>0.5371</t>
  </si>
  <si>
    <t>0.5291</t>
  </si>
  <si>
    <t>168562.0</t>
  </si>
  <si>
    <t>13.954</t>
  </si>
  <si>
    <t>0.5302</t>
  </si>
  <si>
    <t>171702.0</t>
  </si>
  <si>
    <t>14.214</t>
  </si>
  <si>
    <t>174140.0</t>
  </si>
  <si>
    <t>14.416</t>
  </si>
  <si>
    <t>0.5108</t>
  </si>
  <si>
    <t>176327.0</t>
  </si>
  <si>
    <t>14.597</t>
  </si>
  <si>
    <t>179552.0</t>
  </si>
  <si>
    <t>14.864</t>
  </si>
  <si>
    <t>0.4962</t>
  </si>
  <si>
    <t>183311.0</t>
  </si>
  <si>
    <t>15.175</t>
  </si>
  <si>
    <t>0.4827</t>
  </si>
  <si>
    <t>186963.0</t>
  </si>
  <si>
    <t>15.478</t>
  </si>
  <si>
    <t>0.4757</t>
  </si>
  <si>
    <t>189433.0</t>
  </si>
  <si>
    <t>15.682</t>
  </si>
  <si>
    <t>0.4808</t>
  </si>
  <si>
    <t>192424.0</t>
  </si>
  <si>
    <t>195340.0</t>
  </si>
  <si>
    <t>16.171</t>
  </si>
  <si>
    <t>0.4759</t>
  </si>
  <si>
    <t>198258.0</t>
  </si>
  <si>
    <t>16.413</t>
  </si>
  <si>
    <t>16.628</t>
  </si>
  <si>
    <t>204817.0</t>
  </si>
  <si>
    <t>16.956</t>
  </si>
  <si>
    <t>0.4507</t>
  </si>
  <si>
    <t>208525.0</t>
  </si>
  <si>
    <t>0.4628</t>
  </si>
  <si>
    <t>211217.0</t>
  </si>
  <si>
    <t>213912.0</t>
  </si>
  <si>
    <t>17.709</t>
  </si>
  <si>
    <t>0.4414</t>
  </si>
  <si>
    <t>216478.0</t>
  </si>
  <si>
    <t>218863.0</t>
  </si>
  <si>
    <t>18.119</t>
  </si>
  <si>
    <t>0.4273</t>
  </si>
  <si>
    <t>221085.0</t>
  </si>
  <si>
    <t>18.303</t>
  </si>
  <si>
    <t>0.4412</t>
  </si>
  <si>
    <t>223200.0</t>
  </si>
  <si>
    <t>18.478</t>
  </si>
  <si>
    <t>0.4341</t>
  </si>
  <si>
    <t>226307.0</t>
  </si>
  <si>
    <t>18.735</t>
  </si>
  <si>
    <t>0.3962</t>
  </si>
  <si>
    <t>229353.0</t>
  </si>
  <si>
    <t>18.987</t>
  </si>
  <si>
    <t>0.3895</t>
  </si>
  <si>
    <t>233034.0</t>
  </si>
  <si>
    <t>19.292</t>
  </si>
  <si>
    <t>0.3647</t>
  </si>
  <si>
    <t>236379.0</t>
  </si>
  <si>
    <t>19.569</t>
  </si>
  <si>
    <t>0.3481</t>
  </si>
  <si>
    <t>239394.0</t>
  </si>
  <si>
    <t>0.3321</t>
  </si>
  <si>
    <t>241248.0</t>
  </si>
  <si>
    <t>0.3199</t>
  </si>
  <si>
    <t>19809.4</t>
  </si>
  <si>
    <t>55.99</t>
  </si>
  <si>
    <t>1620.51826414577</t>
  </si>
  <si>
    <t>243228.0</t>
  </si>
  <si>
    <t>20.136</t>
  </si>
  <si>
    <t>245201.0</t>
  </si>
  <si>
    <t>20.299</t>
  </si>
  <si>
    <t>0.3088</t>
  </si>
  <si>
    <t>247533.0</t>
  </si>
  <si>
    <t>20.492</t>
  </si>
  <si>
    <t>249819.0</t>
  </si>
  <si>
    <t>20.681</t>
  </si>
  <si>
    <t>252589.0</t>
  </si>
  <si>
    <t>20.911</t>
  </si>
  <si>
    <t>0.3014</t>
  </si>
  <si>
    <t>254214.0</t>
  </si>
  <si>
    <t>21.045</t>
  </si>
  <si>
    <t>256831.0</t>
  </si>
  <si>
    <t>2617.0</t>
  </si>
  <si>
    <t>21.262</t>
  </si>
  <si>
    <t>259349.0</t>
  </si>
  <si>
    <t>0.3127</t>
  </si>
  <si>
    <t>262199.0</t>
  </si>
  <si>
    <t>0.3187</t>
  </si>
  <si>
    <t>266184.0</t>
  </si>
  <si>
    <t>22.036</t>
  </si>
  <si>
    <t>0.2909</t>
  </si>
  <si>
    <t>268068.0</t>
  </si>
  <si>
    <t>22.192</t>
  </si>
  <si>
    <t>0.3064</t>
  </si>
  <si>
    <t>269796.0</t>
  </si>
  <si>
    <t>22.335</t>
  </si>
  <si>
    <t>0.3337</t>
  </si>
  <si>
    <t>271522.0</t>
  </si>
  <si>
    <t>2473.0</t>
  </si>
  <si>
    <t>0.3479</t>
  </si>
  <si>
    <t>273996.0</t>
  </si>
  <si>
    <t>2474.0</t>
  </si>
  <si>
    <t>22.683</t>
  </si>
  <si>
    <t>0.3504</t>
  </si>
  <si>
    <t>275960.0</t>
  </si>
  <si>
    <t>22.845</t>
  </si>
  <si>
    <t>0.3599</t>
  </si>
  <si>
    <t>277919.0</t>
  </si>
  <si>
    <t>23.008</t>
  </si>
  <si>
    <t>0.3515</t>
  </si>
  <si>
    <t>279840.0</t>
  </si>
  <si>
    <t>23.167</t>
  </si>
  <si>
    <t>0.3818</t>
  </si>
  <si>
    <t>282140.0</t>
  </si>
  <si>
    <t>23.357</t>
  </si>
  <si>
    <t>0.3468</t>
  </si>
  <si>
    <t>0.3207</t>
  </si>
  <si>
    <t>284557.0</t>
  </si>
  <si>
    <t>23.557</t>
  </si>
  <si>
    <t>0.2981</t>
  </si>
  <si>
    <t>285654.0</t>
  </si>
  <si>
    <t>23.648</t>
  </si>
  <si>
    <t>287259.0</t>
  </si>
  <si>
    <t>23.781</t>
  </si>
  <si>
    <t>0.2803</t>
  </si>
  <si>
    <t>289129.0</t>
  </si>
  <si>
    <t>0.2782</t>
  </si>
  <si>
    <t>291000.0</t>
  </si>
  <si>
    <t>24.09</t>
  </si>
  <si>
    <t>0.2867</t>
  </si>
  <si>
    <t>292419.0</t>
  </si>
  <si>
    <t>293605.0</t>
  </si>
  <si>
    <t>24.306</t>
  </si>
  <si>
    <t>0.3181</t>
  </si>
  <si>
    <t>294729.0</t>
  </si>
  <si>
    <t>24.399</t>
  </si>
  <si>
    <t>0.3171</t>
  </si>
  <si>
    <t>295867.0</t>
  </si>
  <si>
    <t>24.493</t>
  </si>
  <si>
    <t>0.3169</t>
  </si>
  <si>
    <t>297100.0</t>
  </si>
  <si>
    <t>24.595</t>
  </si>
  <si>
    <t>0.3239</t>
  </si>
  <si>
    <t>298797.0</t>
  </si>
  <si>
    <t>24.736</t>
  </si>
  <si>
    <t>0.3435</t>
  </si>
  <si>
    <t>20764.4</t>
  </si>
  <si>
    <t>1698.64253556536</t>
  </si>
  <si>
    <t>300228.0</t>
  </si>
  <si>
    <t>24.854</t>
  </si>
  <si>
    <t>0.3358</t>
  </si>
  <si>
    <t>301758.0</t>
  </si>
  <si>
    <t>24.981</t>
  </si>
  <si>
    <t>303135.0</t>
  </si>
  <si>
    <t>25.095</t>
  </si>
  <si>
    <t>0.3125</t>
  </si>
  <si>
    <t>304460.0</t>
  </si>
  <si>
    <t>25.205</t>
  </si>
  <si>
    <t>0.3049</t>
  </si>
  <si>
    <t>305726.0</t>
  </si>
  <si>
    <t>0.2926</t>
  </si>
  <si>
    <t>307109.0</t>
  </si>
  <si>
    <t>25.424</t>
  </si>
  <si>
    <t>308369.0</t>
  </si>
  <si>
    <t>25.528</t>
  </si>
  <si>
    <t>0.2503</t>
  </si>
  <si>
    <t>309502.0</t>
  </si>
  <si>
    <t>25.622</t>
  </si>
  <si>
    <t>310630.0</t>
  </si>
  <si>
    <t>25.716</t>
  </si>
  <si>
    <t>311737.0</t>
  </si>
  <si>
    <t>25.807</t>
  </si>
  <si>
    <t>312527.0</t>
  </si>
  <si>
    <t>25.873</t>
  </si>
  <si>
    <t>313326.0</t>
  </si>
  <si>
    <t>25.939</t>
  </si>
  <si>
    <t>0.2089</t>
  </si>
  <si>
    <t>314232.0</t>
  </si>
  <si>
    <t>26.014</t>
  </si>
  <si>
    <t>316362.0</t>
  </si>
  <si>
    <t>317532.0</t>
  </si>
  <si>
    <t>26.287</t>
  </si>
  <si>
    <t>0.1936</t>
  </si>
  <si>
    <t>318279.0</t>
  </si>
  <si>
    <t>26.349</t>
  </si>
  <si>
    <t>318940.0</t>
  </si>
  <si>
    <t>26.403</t>
  </si>
  <si>
    <t>319659.0</t>
  </si>
  <si>
    <t>26.463</t>
  </si>
  <si>
    <t>0.1886</t>
  </si>
  <si>
    <t>320405.0</t>
  </si>
  <si>
    <t>26.525</t>
  </si>
  <si>
    <t>321622.0</t>
  </si>
  <si>
    <t>26.626</t>
  </si>
  <si>
    <t>322991.0</t>
  </si>
  <si>
    <t>26.739</t>
  </si>
  <si>
    <t>323930.0</t>
  </si>
  <si>
    <t>324869.0</t>
  </si>
  <si>
    <t>26.894</t>
  </si>
  <si>
    <t>26.964</t>
  </si>
  <si>
    <t>326587.0</t>
  </si>
  <si>
    <t>27.037</t>
  </si>
  <si>
    <t>0.1532</t>
  </si>
  <si>
    <t>327531.0</t>
  </si>
  <si>
    <t>27.115</t>
  </si>
  <si>
    <t>0.1525</t>
  </si>
  <si>
    <t>329435.0</t>
  </si>
  <si>
    <t>27.272</t>
  </si>
  <si>
    <t>0.1612</t>
  </si>
  <si>
    <t>330354.0</t>
  </si>
  <si>
    <t>27.348</t>
  </si>
  <si>
    <t>331252.0</t>
  </si>
  <si>
    <t>27.423</t>
  </si>
  <si>
    <t>21363.0</t>
  </si>
  <si>
    <t>48.51</t>
  </si>
  <si>
    <t>1747.61131972428</t>
  </si>
  <si>
    <t>332100.0</t>
  </si>
  <si>
    <t>27.493</t>
  </si>
  <si>
    <t>332906.0</t>
  </si>
  <si>
    <t>333748.0</t>
  </si>
  <si>
    <t>27.629</t>
  </si>
  <si>
    <t>334646.0</t>
  </si>
  <si>
    <t>27.704</t>
  </si>
  <si>
    <t>335557.0</t>
  </si>
  <si>
    <t>27.779</t>
  </si>
  <si>
    <t>336471.0</t>
  </si>
  <si>
    <t>27.855</t>
  </si>
  <si>
    <t>337282.0</t>
  </si>
  <si>
    <t>27.922</t>
  </si>
  <si>
    <t>338057.0</t>
  </si>
  <si>
    <t>27.986</t>
  </si>
  <si>
    <t>338870.0</t>
  </si>
  <si>
    <t>28.053</t>
  </si>
  <si>
    <t>339872.0</t>
  </si>
  <si>
    <t>28.136</t>
  </si>
  <si>
    <t>340883.0</t>
  </si>
  <si>
    <t>341894.0</t>
  </si>
  <si>
    <t>28.304</t>
  </si>
  <si>
    <t>342973.0</t>
  </si>
  <si>
    <t>28.393</t>
  </si>
  <si>
    <t>343889.0</t>
  </si>
  <si>
    <t>28.469</t>
  </si>
  <si>
    <t>344757.0</t>
  </si>
  <si>
    <t>28.541</t>
  </si>
  <si>
    <t>345686.0</t>
  </si>
  <si>
    <t>346622.0</t>
  </si>
  <si>
    <t>28.695</t>
  </si>
  <si>
    <t>347808.0</t>
  </si>
  <si>
    <t>28.793</t>
  </si>
  <si>
    <t>349084.0</t>
  </si>
  <si>
    <t>28.899</t>
  </si>
  <si>
    <t>350539.0</t>
  </si>
  <si>
    <t>29.019</t>
  </si>
  <si>
    <t>351324.0</t>
  </si>
  <si>
    <t>351995.0</t>
  </si>
  <si>
    <t>353070.0</t>
  </si>
  <si>
    <t>29.229</t>
  </si>
  <si>
    <t>354202.0</t>
  </si>
  <si>
    <t>29.323</t>
  </si>
  <si>
    <t>355349.0</t>
  </si>
  <si>
    <t>29.418</t>
  </si>
  <si>
    <t>356482.0</t>
  </si>
  <si>
    <t>29.511</t>
  </si>
  <si>
    <t>357605.0</t>
  </si>
  <si>
    <t>29.604</t>
  </si>
  <si>
    <t>358590.0</t>
  </si>
  <si>
    <t>29.686</t>
  </si>
  <si>
    <t>359569.0</t>
  </si>
  <si>
    <t>29.767</t>
  </si>
  <si>
    <t>360605.0</t>
  </si>
  <si>
    <t>29.853</t>
  </si>
  <si>
    <t>0.0895</t>
  </si>
  <si>
    <t>21819.0</t>
  </si>
  <si>
    <t>1784.91463675813</t>
  </si>
  <si>
    <t>361656.0</t>
  </si>
  <si>
    <t>363021.0</t>
  </si>
  <si>
    <t>30.053</t>
  </si>
  <si>
    <t>364203.0</t>
  </si>
  <si>
    <t>30.151</t>
  </si>
  <si>
    <t>365331.0</t>
  </si>
  <si>
    <t>366488.0</t>
  </si>
  <si>
    <t>30.34</t>
  </si>
  <si>
    <t>367545.0</t>
  </si>
  <si>
    <t>30.427</t>
  </si>
  <si>
    <t>0.1176</t>
  </si>
  <si>
    <t>368632.0</t>
  </si>
  <si>
    <t>30.517</t>
  </si>
  <si>
    <t>0.1182</t>
  </si>
  <si>
    <t>30.623</t>
  </si>
  <si>
    <t>371545.0</t>
  </si>
  <si>
    <t>30.758</t>
  </si>
  <si>
    <t>373292.0</t>
  </si>
  <si>
    <t>30.903</t>
  </si>
  <si>
    <t>374570.0</t>
  </si>
  <si>
    <t>31.009</t>
  </si>
  <si>
    <t>375868.0</t>
  </si>
  <si>
    <t>31.116</t>
  </si>
  <si>
    <t>376954.0</t>
  </si>
  <si>
    <t>31.206</t>
  </si>
  <si>
    <t>377868.0</t>
  </si>
  <si>
    <t>31.282</t>
  </si>
  <si>
    <t>0.1828</t>
  </si>
  <si>
    <t>379673.0</t>
  </si>
  <si>
    <t>31.431</t>
  </si>
  <si>
    <t>381606.0</t>
  </si>
  <si>
    <t>31.591</t>
  </si>
  <si>
    <t>383236.0</t>
  </si>
  <si>
    <t>31.726</t>
  </si>
  <si>
    <t>0.2292</t>
  </si>
  <si>
    <t>384900.0</t>
  </si>
  <si>
    <t>31.864</t>
  </si>
  <si>
    <t>386700.0</t>
  </si>
  <si>
    <t>32.013</t>
  </si>
  <si>
    <t>388132.0</t>
  </si>
  <si>
    <t>32.132</t>
  </si>
  <si>
    <t>389674.0</t>
  </si>
  <si>
    <t>32.259</t>
  </si>
  <si>
    <t>0.2574</t>
  </si>
  <si>
    <t>391527.0</t>
  </si>
  <si>
    <t>32.413</t>
  </si>
  <si>
    <t>0.2821</t>
  </si>
  <si>
    <t>393947.0</t>
  </si>
  <si>
    <t>32.613</t>
  </si>
  <si>
    <t>396420.0</t>
  </si>
  <si>
    <t>32.818</t>
  </si>
  <si>
    <t>0.3381</t>
  </si>
  <si>
    <t>398304.0</t>
  </si>
  <si>
    <t>32.974</t>
  </si>
  <si>
    <t>0.3313</t>
  </si>
  <si>
    <t>400478.0</t>
  </si>
  <si>
    <t>33.154</t>
  </si>
  <si>
    <t>0.3324</t>
  </si>
  <si>
    <t>401850.0</t>
  </si>
  <si>
    <t>33.267</t>
  </si>
  <si>
    <t>0.3513</t>
  </si>
  <si>
    <t>404111.0</t>
  </si>
  <si>
    <t>33.454</t>
  </si>
  <si>
    <t>406915.0</t>
  </si>
  <si>
    <t>33.686</t>
  </si>
  <si>
    <t>410476.0</t>
  </si>
  <si>
    <t>0.3817</t>
  </si>
  <si>
    <t>413924.0</t>
  </si>
  <si>
    <t>34.267</t>
  </si>
  <si>
    <t>22171.8</t>
  </si>
  <si>
    <t>1813.77562414748</t>
  </si>
  <si>
    <t>416480.0</t>
  </si>
  <si>
    <t>34.478</t>
  </si>
  <si>
    <t>0.4068</t>
  </si>
  <si>
    <t>419246.0</t>
  </si>
  <si>
    <t>34.707</t>
  </si>
  <si>
    <t>0.4106</t>
  </si>
  <si>
    <t>420766.0</t>
  </si>
  <si>
    <t>34.833</t>
  </si>
  <si>
    <t>0.4133</t>
  </si>
  <si>
    <t>423342.0</t>
  </si>
  <si>
    <t>35.046</t>
  </si>
  <si>
    <t>427416.0</t>
  </si>
  <si>
    <t>35.384</t>
  </si>
  <si>
    <t>0.4088</t>
  </si>
  <si>
    <t>431398.0</t>
  </si>
  <si>
    <t>35.713</t>
  </si>
  <si>
    <t>0.4115</t>
  </si>
  <si>
    <t>436060.0</t>
  </si>
  <si>
    <t>36.099</t>
  </si>
  <si>
    <t>0.3961</t>
  </si>
  <si>
    <t>441076.0</t>
  </si>
  <si>
    <t>36.515</t>
  </si>
  <si>
    <t>0.4134</t>
  </si>
  <si>
    <t>444581.0</t>
  </si>
  <si>
    <t>0.4241</t>
  </si>
  <si>
    <t>447541.0</t>
  </si>
  <si>
    <t>0.4196</t>
  </si>
  <si>
    <t>450794.0</t>
  </si>
  <si>
    <t>37.319</t>
  </si>
  <si>
    <t>0.4231</t>
  </si>
  <si>
    <t>454359.0</t>
  </si>
  <si>
    <t>37.614</t>
  </si>
  <si>
    <t>0.4266</t>
  </si>
  <si>
    <t>459471.0</t>
  </si>
  <si>
    <t>38.037</t>
  </si>
  <si>
    <t>0.4217</t>
  </si>
  <si>
    <t>464668.0</t>
  </si>
  <si>
    <t>38.468</t>
  </si>
  <si>
    <t>0.4238</t>
  </si>
  <si>
    <t>470825.0</t>
  </si>
  <si>
    <t>38.977</t>
  </si>
  <si>
    <t>475874.0</t>
  </si>
  <si>
    <t>39.395</t>
  </si>
  <si>
    <t>0.4117</t>
  </si>
  <si>
    <t>479301.0</t>
  </si>
  <si>
    <t>39.679</t>
  </si>
  <si>
    <t>0.4184</t>
  </si>
  <si>
    <t>482519.0</t>
  </si>
  <si>
    <t>39.945</t>
  </si>
  <si>
    <t>488652.0</t>
  </si>
  <si>
    <t>40.453</t>
  </si>
  <si>
    <t>4899.0</t>
  </si>
  <si>
    <t>0.4178</t>
  </si>
  <si>
    <t>493822.0</t>
  </si>
  <si>
    <t>40.881</t>
  </si>
  <si>
    <t>0.4346</t>
  </si>
  <si>
    <t>500537.0</t>
  </si>
  <si>
    <t>41.437</t>
  </si>
  <si>
    <t>0.4287</t>
  </si>
  <si>
    <t>505456.0</t>
  </si>
  <si>
    <t>4919.0</t>
  </si>
  <si>
    <t>41.844</t>
  </si>
  <si>
    <t>0.4236</t>
  </si>
  <si>
    <t>510242.0</t>
  </si>
  <si>
    <t>42.24</t>
  </si>
  <si>
    <t>0.4163</t>
  </si>
  <si>
    <t>513870.0</t>
  </si>
  <si>
    <t>42.541</t>
  </si>
  <si>
    <t>0.4008</t>
  </si>
  <si>
    <t>518231.0</t>
  </si>
  <si>
    <t>42.902</t>
  </si>
  <si>
    <t>525808.0</t>
  </si>
  <si>
    <t>7577.0</t>
  </si>
  <si>
    <t>43.529</t>
  </si>
  <si>
    <t>534057.0</t>
  </si>
  <si>
    <t>8249.0</t>
  </si>
  <si>
    <t>44.212</t>
  </si>
  <si>
    <t>0.3561</t>
  </si>
  <si>
    <t>542090.0</t>
  </si>
  <si>
    <t>44.877</t>
  </si>
  <si>
    <t>5936.0</t>
  </si>
  <si>
    <t>0.3449</t>
  </si>
  <si>
    <t>550286.0</t>
  </si>
  <si>
    <t>45.555</t>
  </si>
  <si>
    <t>556572.0</t>
  </si>
  <si>
    <t>6286.0</t>
  </si>
  <si>
    <t>46.076</t>
  </si>
  <si>
    <t>0.3325</t>
  </si>
  <si>
    <t>560604.0</t>
  </si>
  <si>
    <t>27609.0</t>
  </si>
  <si>
    <t>2258.56859646433</t>
  </si>
  <si>
    <t>565794.0</t>
  </si>
  <si>
    <t>46.839</t>
  </si>
  <si>
    <t>0.3255</t>
  </si>
  <si>
    <t>573027.0</t>
  </si>
  <si>
    <t>47.438</t>
  </si>
  <si>
    <t>0.3223</t>
  </si>
  <si>
    <t>580047.0</t>
  </si>
  <si>
    <t>48.019</t>
  </si>
  <si>
    <t>586855.0</t>
  </si>
  <si>
    <t>48.583</t>
  </si>
  <si>
    <t>593298.0</t>
  </si>
  <si>
    <t>49.116</t>
  </si>
  <si>
    <t>7430.0</t>
  </si>
  <si>
    <t>598752.0</t>
  </si>
  <si>
    <t>49.568</t>
  </si>
  <si>
    <t>6026.0</t>
  </si>
  <si>
    <t>601978.0</t>
  </si>
  <si>
    <t>5911.0</t>
  </si>
  <si>
    <t>606722.0</t>
  </si>
  <si>
    <t>50.228</t>
  </si>
  <si>
    <t>5847.0</t>
  </si>
  <si>
    <t>613587.0</t>
  </si>
  <si>
    <t>50.796</t>
  </si>
  <si>
    <t>621654.0</t>
  </si>
  <si>
    <t>8067.0</t>
  </si>
  <si>
    <t>51.464</t>
  </si>
  <si>
    <t>0.2417</t>
  </si>
  <si>
    <t>10167.0</t>
  </si>
  <si>
    <t>627602.0</t>
  </si>
  <si>
    <t>51.956</t>
  </si>
  <si>
    <t>5821.0</t>
  </si>
  <si>
    <t>0.2361</t>
  </si>
  <si>
    <t>633671.0</t>
  </si>
  <si>
    <t>52.459</t>
  </si>
  <si>
    <t>638368.0</t>
  </si>
  <si>
    <t>52.847</t>
  </si>
  <si>
    <t>641314.0</t>
  </si>
  <si>
    <t>53.091</t>
  </si>
  <si>
    <t>5619.0</t>
  </si>
  <si>
    <t>643791.0</t>
  </si>
  <si>
    <t>53.296</t>
  </si>
  <si>
    <t>5296.0</t>
  </si>
  <si>
    <t>646418.0</t>
  </si>
  <si>
    <t>53.514</t>
  </si>
  <si>
    <t>650525.0</t>
  </si>
  <si>
    <t>53.854</t>
  </si>
  <si>
    <t>0.2076</t>
  </si>
  <si>
    <t>657039.0</t>
  </si>
  <si>
    <t>6514.0</t>
  </si>
  <si>
    <t>54.393</t>
  </si>
  <si>
    <t>0.1926</t>
  </si>
  <si>
    <t>663675.0</t>
  </si>
  <si>
    <t>54.942</t>
  </si>
  <si>
    <t>668987.0</t>
  </si>
  <si>
    <t>55.382</t>
  </si>
  <si>
    <t>4374.0</t>
  </si>
  <si>
    <t>0.1873</t>
  </si>
  <si>
    <t>673316.0</t>
  </si>
  <si>
    <t>55.741</t>
  </si>
  <si>
    <t>0.1737</t>
  </si>
  <si>
    <t>678008.0</t>
  </si>
  <si>
    <t>56.129</t>
  </si>
  <si>
    <t>10511.0</t>
  </si>
  <si>
    <t>685334.0</t>
  </si>
  <si>
    <t>56.735</t>
  </si>
  <si>
    <t>694711.0</t>
  </si>
  <si>
    <t>57.512</t>
  </si>
  <si>
    <t>703072.0</t>
  </si>
  <si>
    <t>58.204</t>
  </si>
  <si>
    <t>6576.0</t>
  </si>
  <si>
    <t>18609.0</t>
  </si>
  <si>
    <t>11979.0</t>
  </si>
  <si>
    <t>710408.0</t>
  </si>
  <si>
    <t>58.811</t>
  </si>
  <si>
    <t>715106.0</t>
  </si>
  <si>
    <t>6588.0</t>
  </si>
  <si>
    <t>29813.0</t>
  </si>
  <si>
    <t>22212.0</t>
  </si>
  <si>
    <t>2786.0</t>
  </si>
  <si>
    <t>718998.0</t>
  </si>
  <si>
    <t>59.522</t>
  </si>
  <si>
    <t>30869.4</t>
  </si>
  <si>
    <t>50.31</t>
  </si>
  <si>
    <t>2525.2873132564</t>
  </si>
  <si>
    <t>725043.0</t>
  </si>
  <si>
    <t>60.023</t>
  </si>
  <si>
    <t>731606.0</t>
  </si>
  <si>
    <t>6563.0</t>
  </si>
  <si>
    <t>55617.0</t>
  </si>
  <si>
    <t>46455.0</t>
  </si>
  <si>
    <t>9162.0</t>
  </si>
  <si>
    <t>738466.0</t>
  </si>
  <si>
    <t>61.134</t>
  </si>
  <si>
    <t>744441.0</t>
  </si>
  <si>
    <t>61.629</t>
  </si>
  <si>
    <t>8899.0</t>
  </si>
  <si>
    <t>751850.0</t>
  </si>
  <si>
    <t>62.242</t>
  </si>
  <si>
    <t>9904.0</t>
  </si>
  <si>
    <t>757117.0</t>
  </si>
  <si>
    <t>5267.0</t>
  </si>
  <si>
    <t>62.678</t>
  </si>
  <si>
    <t>0.1286</t>
  </si>
  <si>
    <t>106182.0</t>
  </si>
  <si>
    <t>96397.0</t>
  </si>
  <si>
    <t>9785.0</t>
  </si>
  <si>
    <t>759972.0</t>
  </si>
  <si>
    <t>62.914</t>
  </si>
  <si>
    <t>106905.0</t>
  </si>
  <si>
    <t>97120.0</t>
  </si>
  <si>
    <t>9547.0</t>
  </si>
  <si>
    <t>762968.0</t>
  </si>
  <si>
    <t>112066.0</t>
  </si>
  <si>
    <t>102236.0</t>
  </si>
  <si>
    <t>768887.0</t>
  </si>
  <si>
    <t>63.652</t>
  </si>
  <si>
    <t>119080.0</t>
  </si>
  <si>
    <t>109210.0</t>
  </si>
  <si>
    <t>774762.0</t>
  </si>
  <si>
    <t>64.139</t>
  </si>
  <si>
    <t>126889.0</t>
  </si>
  <si>
    <t>117011.0</t>
  </si>
  <si>
    <t>7809.0</t>
  </si>
  <si>
    <t>8296.0</t>
  </si>
  <si>
    <t>781968.0</t>
  </si>
  <si>
    <t>64.735</t>
  </si>
  <si>
    <t>132286.0</t>
  </si>
  <si>
    <t>122348.0</t>
  </si>
  <si>
    <t>9938.0</t>
  </si>
  <si>
    <t>791477.0</t>
  </si>
  <si>
    <t>9509.0</t>
  </si>
  <si>
    <t>65.522</t>
  </si>
  <si>
    <t>137150.0</t>
  </si>
  <si>
    <t>127199.0</t>
  </si>
  <si>
    <t>796414.0</t>
  </si>
  <si>
    <t>65.931</t>
  </si>
  <si>
    <t>5614.0</t>
  </si>
  <si>
    <t>137787.0</t>
  </si>
  <si>
    <t>127836.0</t>
  </si>
  <si>
    <t>801056.0</t>
  </si>
  <si>
    <t>66.315</t>
  </si>
  <si>
    <t>138218.0</t>
  </si>
  <si>
    <t>4450.0</t>
  </si>
  <si>
    <t>808106.0</t>
  </si>
  <si>
    <t>66.899</t>
  </si>
  <si>
    <t>6448.0</t>
  </si>
  <si>
    <t>141810.0</t>
  </si>
  <si>
    <t>131814.0</t>
  </si>
  <si>
    <t>815269.0</t>
  </si>
  <si>
    <t>67.492</t>
  </si>
  <si>
    <t>146039.0</t>
  </si>
  <si>
    <t>136032.0</t>
  </si>
  <si>
    <t>10007.0</t>
  </si>
  <si>
    <t>3851.0</t>
  </si>
  <si>
    <t>823385.0</t>
  </si>
  <si>
    <t>8116.0</t>
  </si>
  <si>
    <t>68.164</t>
  </si>
  <si>
    <t>150593.0</t>
  </si>
  <si>
    <t>140532.0</t>
  </si>
  <si>
    <t>830088.0</t>
  </si>
  <si>
    <t>68.719</t>
  </si>
  <si>
    <t>155945.0</t>
  </si>
  <si>
    <t>144816.0</t>
  </si>
  <si>
    <t>5352.0</t>
  </si>
  <si>
    <t>836571.0</t>
  </si>
  <si>
    <t>69.256</t>
  </si>
  <si>
    <t>166984.0</t>
  </si>
  <si>
    <t>150045.0</t>
  </si>
  <si>
    <t>840710.0</t>
  </si>
  <si>
    <t>69.598</t>
  </si>
  <si>
    <t>169058.0</t>
  </si>
  <si>
    <t>18572.0</t>
  </si>
  <si>
    <t>842892.0</t>
  </si>
  <si>
    <t>69.779</t>
  </si>
  <si>
    <t>0.1254</t>
  </si>
  <si>
    <t>170320.0</t>
  </si>
  <si>
    <t>150818.0</t>
  </si>
  <si>
    <t>19502.0</t>
  </si>
  <si>
    <t>849766.0</t>
  </si>
  <si>
    <t>70.348</t>
  </si>
  <si>
    <t>182030.0</t>
  </si>
  <si>
    <t>153795.0</t>
  </si>
  <si>
    <t>28235.0</t>
  </si>
  <si>
    <t>11710.0</t>
  </si>
  <si>
    <t>856947.0</t>
  </si>
  <si>
    <t>7181.0</t>
  </si>
  <si>
    <t>70.942</t>
  </si>
  <si>
    <t>0.1223</t>
  </si>
  <si>
    <t>198399.0</t>
  </si>
  <si>
    <t>156257.0</t>
  </si>
  <si>
    <t>42142.0</t>
  </si>
  <si>
    <t>16369.0</t>
  </si>
  <si>
    <t>7480.0</t>
  </si>
  <si>
    <t>864691.0</t>
  </si>
  <si>
    <t>71.584</t>
  </si>
  <si>
    <t>0.1211</t>
  </si>
  <si>
    <t>218496.0</t>
  </si>
  <si>
    <t>161199.0</t>
  </si>
  <si>
    <t>57297.0</t>
  </si>
  <si>
    <t>9700.0</t>
  </si>
  <si>
    <t>871336.0</t>
  </si>
  <si>
    <t>72.134</t>
  </si>
  <si>
    <t>5893.0</t>
  </si>
  <si>
    <t>238178.0</t>
  </si>
  <si>
    <t>166737.0</t>
  </si>
  <si>
    <t>71441.0</t>
  </si>
  <si>
    <t>19682.0</t>
  </si>
  <si>
    <t>879078.0</t>
  </si>
  <si>
    <t>72.775</t>
  </si>
  <si>
    <t>259171.0</t>
  </si>
  <si>
    <t>173264.0</t>
  </si>
  <si>
    <t>85907.0</t>
  </si>
  <si>
    <t>20993.0</t>
  </si>
  <si>
    <t>882960.0</t>
  </si>
  <si>
    <t>263114.0</t>
  </si>
  <si>
    <t>174799.0</t>
  </si>
  <si>
    <t>88315.0</t>
  </si>
  <si>
    <t>886578.0</t>
  </si>
  <si>
    <t>73.395</t>
  </si>
  <si>
    <t>0.1143</t>
  </si>
  <si>
    <t>263887.0</t>
  </si>
  <si>
    <t>175169.0</t>
  </si>
  <si>
    <t>88718.0</t>
  </si>
  <si>
    <t>890588.0</t>
  </si>
  <si>
    <t>73.727</t>
  </si>
  <si>
    <t>275810.0</t>
  </si>
  <si>
    <t>180484.0</t>
  </si>
  <si>
    <t>95326.0</t>
  </si>
  <si>
    <t>11923.0</t>
  </si>
  <si>
    <t>13397.0</t>
  </si>
  <si>
    <t>898336.0</t>
  </si>
  <si>
    <t>74.369</t>
  </si>
  <si>
    <t>5913.0</t>
  </si>
  <si>
    <t>289327.0</t>
  </si>
  <si>
    <t>186961.0</t>
  </si>
  <si>
    <t>102366.0</t>
  </si>
  <si>
    <t>13517.0</t>
  </si>
  <si>
    <t>12990.0</t>
  </si>
  <si>
    <t>906353.0</t>
  </si>
  <si>
    <t>75.033</t>
  </si>
  <si>
    <t>304185.0</t>
  </si>
  <si>
    <t>194880.0</t>
  </si>
  <si>
    <t>14858.0</t>
  </si>
  <si>
    <t>12241.0</t>
  </si>
  <si>
    <t>32437.2</t>
  </si>
  <si>
    <t>49.29</t>
  </si>
  <si>
    <t>2653.54200721623</t>
  </si>
  <si>
    <t>914294.0</t>
  </si>
  <si>
    <t>318115.0</t>
  </si>
  <si>
    <t>203103.0</t>
  </si>
  <si>
    <t>115012.0</t>
  </si>
  <si>
    <t>13930.0</t>
  </si>
  <si>
    <t>918602.0</t>
  </si>
  <si>
    <t>76.047</t>
  </si>
  <si>
    <t>5646.0</t>
  </si>
  <si>
    <t>0.1325</t>
  </si>
  <si>
    <t>320065.0</t>
  </si>
  <si>
    <t>204097.0</t>
  </si>
  <si>
    <t>115968.0</t>
  </si>
  <si>
    <t>922810.0</t>
  </si>
  <si>
    <t>76.395</t>
  </si>
  <si>
    <t>321807.0</t>
  </si>
  <si>
    <t>205115.0</t>
  </si>
  <si>
    <t>116692.0</t>
  </si>
  <si>
    <t>8385.0</t>
  </si>
  <si>
    <t>4331.0</t>
  </si>
  <si>
    <t>926806.0</t>
  </si>
  <si>
    <t>76.726</t>
  </si>
  <si>
    <t>323081.0</t>
  </si>
  <si>
    <t>206003.0</t>
  </si>
  <si>
    <t>117078.0</t>
  </si>
  <si>
    <t>930417.0</t>
  </si>
  <si>
    <t>77.025</t>
  </si>
  <si>
    <t>339633.0</t>
  </si>
  <si>
    <t>215926.0</t>
  </si>
  <si>
    <t>123707.0</t>
  </si>
  <si>
    <t>5063.0</t>
  </si>
  <si>
    <t>943338.0</t>
  </si>
  <si>
    <t>78.094</t>
  </si>
  <si>
    <t>229556.0</t>
  </si>
  <si>
    <t>128368.0</t>
  </si>
  <si>
    <t>18291.0</t>
  </si>
  <si>
    <t>6085.0</t>
  </si>
  <si>
    <t>952804.0</t>
  </si>
  <si>
    <t>9466.0</t>
  </si>
  <si>
    <t>78.878</t>
  </si>
  <si>
    <t>378455.0</t>
  </si>
  <si>
    <t>245763.0</t>
  </si>
  <si>
    <t>132692.0</t>
  </si>
  <si>
    <t>20531.0</t>
  </si>
  <si>
    <t>963560.0</t>
  </si>
  <si>
    <t>10756.0</t>
  </si>
  <si>
    <t>79.768</t>
  </si>
  <si>
    <t>7038.0</t>
  </si>
  <si>
    <t>0.1194</t>
  </si>
  <si>
    <t>400804.0</t>
  </si>
  <si>
    <t>263732.0</t>
  </si>
  <si>
    <t>137072.0</t>
  </si>
  <si>
    <t>22349.0</t>
  </si>
  <si>
    <t>11813.0</t>
  </si>
  <si>
    <t>975218.0</t>
  </si>
  <si>
    <t>80.733</t>
  </si>
  <si>
    <t>423842.0</t>
  </si>
  <si>
    <t>282801.0</t>
  </si>
  <si>
    <t>141041.0</t>
  </si>
  <si>
    <t>23038.0</t>
  </si>
  <si>
    <t>14825.0</t>
  </si>
  <si>
    <t>982969.0</t>
  </si>
  <si>
    <t>7751.0</t>
  </si>
  <si>
    <t>81.375</t>
  </si>
  <si>
    <t>428502.0</t>
  </si>
  <si>
    <t>287004.0</t>
  </si>
  <si>
    <t>141498.0</t>
  </si>
  <si>
    <t>15242.0</t>
  </si>
  <si>
    <t>11698.0</t>
  </si>
  <si>
    <t>990325.0</t>
  </si>
  <si>
    <t>81.984</t>
  </si>
  <si>
    <t>9074.0</t>
  </si>
  <si>
    <t>431018.0</t>
  </si>
  <si>
    <t>289353.0</t>
  </si>
  <si>
    <t>141665.0</t>
  </si>
  <si>
    <t>15420.0</t>
  </si>
  <si>
    <t>998144.0</t>
  </si>
  <si>
    <t>82.631</t>
  </si>
  <si>
    <t>447417.0</t>
  </si>
  <si>
    <t>302991.0</t>
  </si>
  <si>
    <t>144426.0</t>
  </si>
  <si>
    <t>16399.0</t>
  </si>
  <si>
    <t>15398.0</t>
  </si>
  <si>
    <t>1008464.0</t>
  </si>
  <si>
    <t>83.486</t>
  </si>
  <si>
    <t>465896.0</t>
  </si>
  <si>
    <t>317701.0</t>
  </si>
  <si>
    <t>148195.0</t>
  </si>
  <si>
    <t>18479.0</t>
  </si>
  <si>
    <t>15425.0</t>
  </si>
  <si>
    <t>12592.0</t>
  </si>
  <si>
    <t>1018002.0</t>
  </si>
  <si>
    <t>84.275</t>
  </si>
  <si>
    <t>9314.0</t>
  </si>
  <si>
    <t>486354.0</t>
  </si>
  <si>
    <t>333137.0</t>
  </si>
  <si>
    <t>153217.0</t>
  </si>
  <si>
    <t>20458.0</t>
  </si>
  <si>
    <t>15414.0</t>
  </si>
  <si>
    <t>1026263.0</t>
  </si>
  <si>
    <t>84.959</t>
  </si>
  <si>
    <t>8958.0</t>
  </si>
  <si>
    <t>507415.0</t>
  </si>
  <si>
    <t>348595.0</t>
  </si>
  <si>
    <t>158820.0</t>
  </si>
  <si>
    <t>21061.0</t>
  </si>
  <si>
    <t>1034559.0</t>
  </si>
  <si>
    <t>85.646</t>
  </si>
  <si>
    <t>8477.0</t>
  </si>
  <si>
    <t>530496.0</t>
  </si>
  <si>
    <t>365333.0</t>
  </si>
  <si>
    <t>165163.0</t>
  </si>
  <si>
    <t>23081.0</t>
  </si>
  <si>
    <t>1042795.0</t>
  </si>
  <si>
    <t>86.328</t>
  </si>
  <si>
    <t>536374.0</t>
  </si>
  <si>
    <t>370483.0</t>
  </si>
  <si>
    <t>165891.0</t>
  </si>
  <si>
    <t>1046838.0</t>
  </si>
  <si>
    <t>86.663</t>
  </si>
  <si>
    <t>539230.0</t>
  </si>
  <si>
    <t>373139.0</t>
  </si>
  <si>
    <t>166091.0</t>
  </si>
  <si>
    <t>11969.0</t>
  </si>
  <si>
    <t>1057345.0</t>
  </si>
  <si>
    <t>87.532</t>
  </si>
  <si>
    <t>0.1229</t>
  </si>
  <si>
    <t>557394.0</t>
  </si>
  <si>
    <t>385889.0</t>
  </si>
  <si>
    <t>171505.0</t>
  </si>
  <si>
    <t>18164.0</t>
  </si>
  <si>
    <t>1069125.0</t>
  </si>
  <si>
    <t>11780.0</t>
  </si>
  <si>
    <t>88.508</t>
  </si>
  <si>
    <t>0.1235</t>
  </si>
  <si>
    <t>577211.0</t>
  </si>
  <si>
    <t>400087.0</t>
  </si>
  <si>
    <t>177124.0</t>
  </si>
  <si>
    <t>1079927.0</t>
  </si>
  <si>
    <t>89.402</t>
  </si>
  <si>
    <t>596366.0</t>
  </si>
  <si>
    <t>413643.0</t>
  </si>
  <si>
    <t>182723.0</t>
  </si>
  <si>
    <t>1090254.0</t>
  </si>
  <si>
    <t>10327.0</t>
  </si>
  <si>
    <t>90.257</t>
  </si>
  <si>
    <t>619794.0</t>
  </si>
  <si>
    <t>431138.0</t>
  </si>
  <si>
    <t>188656.0</t>
  </si>
  <si>
    <t>23428.0</t>
  </si>
  <si>
    <t>16054.0</t>
  </si>
  <si>
    <t>11792.0</t>
  </si>
  <si>
    <t>1100753.0</t>
  </si>
  <si>
    <t>91.126</t>
  </si>
  <si>
    <t>647118.0</t>
  </si>
  <si>
    <t>456643.0</t>
  </si>
  <si>
    <t>190475.0</t>
  </si>
  <si>
    <t>27324.0</t>
  </si>
  <si>
    <t>16660.0</t>
  </si>
  <si>
    <t>13044.0</t>
  </si>
  <si>
    <t>1107442.0</t>
  </si>
  <si>
    <t>6689.0</t>
  </si>
  <si>
    <t>91.68</t>
  </si>
  <si>
    <t>656613.0</t>
  </si>
  <si>
    <t>465823.0</t>
  </si>
  <si>
    <t>190790.0</t>
  </si>
  <si>
    <t>17177.0</t>
  </si>
  <si>
    <t>13620.0</t>
  </si>
  <si>
    <t>1113312.0</t>
  </si>
  <si>
    <t>92.166</t>
  </si>
  <si>
    <t>9496.0</t>
  </si>
  <si>
    <t>660610.0</t>
  </si>
  <si>
    <t>469586.0</t>
  </si>
  <si>
    <t>191024.0</t>
  </si>
  <si>
    <t>13778.0</t>
  </si>
  <si>
    <t>1119827.0</t>
  </si>
  <si>
    <t>92.705</t>
  </si>
  <si>
    <t>8926.0</t>
  </si>
  <si>
    <t>688654.0</t>
  </si>
  <si>
    <t>490495.0</t>
  </si>
  <si>
    <t>198159.0</t>
  </si>
  <si>
    <t>1130939.0</t>
  </si>
  <si>
    <t>93.625</t>
  </si>
  <si>
    <t>722946.0</t>
  </si>
  <si>
    <t>516958.0</t>
  </si>
  <si>
    <t>205988.0</t>
  </si>
  <si>
    <t>34292.0</t>
  </si>
  <si>
    <t>20819.0</t>
  </si>
  <si>
    <t>1142191.0</t>
  </si>
  <si>
    <t>94.556</t>
  </si>
  <si>
    <t>8895.0</t>
  </si>
  <si>
    <t>762044.0</t>
  </si>
  <si>
    <t>547471.0</t>
  </si>
  <si>
    <t>214573.0</t>
  </si>
  <si>
    <t>39098.0</t>
  </si>
  <si>
    <t>23668.0</t>
  </si>
  <si>
    <t>19118.0</t>
  </si>
  <si>
    <t>1156590.0</t>
  </si>
  <si>
    <t>14399.0</t>
  </si>
  <si>
    <t>95.748</t>
  </si>
  <si>
    <t>799322.0</t>
  </si>
  <si>
    <t>576819.0</t>
  </si>
  <si>
    <t>222503.0</t>
  </si>
  <si>
    <t>25647.0</t>
  </si>
  <si>
    <t>20812.0</t>
  </si>
  <si>
    <t>1170950.0</t>
  </si>
  <si>
    <t>96.937</t>
  </si>
  <si>
    <t>0.1117</t>
  </si>
  <si>
    <t>842642.0</t>
  </si>
  <si>
    <t>610534.0</t>
  </si>
  <si>
    <t>232108.0</t>
  </si>
  <si>
    <t>43320.0</t>
  </si>
  <si>
    <t>27932.0</t>
  </si>
  <si>
    <t>33833.4</t>
  </si>
  <si>
    <t>48.28</t>
  </si>
  <si>
    <t>2767.75887397647</t>
  </si>
  <si>
    <t>1178125.0</t>
  </si>
  <si>
    <t>848149.0</t>
  </si>
  <si>
    <t>614600.0</t>
  </si>
  <si>
    <t>233549.0</t>
  </si>
  <si>
    <t>5507.0</t>
  </si>
  <si>
    <t>27362.0</t>
  </si>
  <si>
    <t>21254.0</t>
  </si>
  <si>
    <t>1185401.0</t>
  </si>
  <si>
    <t>98.134</t>
  </si>
  <si>
    <t>10298.0</t>
  </si>
  <si>
    <t>851192.0</t>
  </si>
  <si>
    <t>616436.0</t>
  </si>
  <si>
    <t>234756.0</t>
  </si>
  <si>
    <t>27226.0</t>
  </si>
  <si>
    <t>20979.0</t>
  </si>
  <si>
    <t>1193066.0</t>
  </si>
  <si>
    <t>98.768</t>
  </si>
  <si>
    <t>0.1393</t>
  </si>
  <si>
    <t>878569.0</t>
  </si>
  <si>
    <t>637694.0</t>
  </si>
  <si>
    <t>240875.0</t>
  </si>
  <si>
    <t>27377.0</t>
  </si>
  <si>
    <t>27131.0</t>
  </si>
  <si>
    <t>21028.0</t>
  </si>
  <si>
    <t>1203400.0</t>
  </si>
  <si>
    <t>99.624</t>
  </si>
  <si>
    <t>10352.0</t>
  </si>
  <si>
    <t>909863.0</t>
  </si>
  <si>
    <t>663041.0</t>
  </si>
  <si>
    <t>246822.0</t>
  </si>
  <si>
    <t>26702.0</t>
  </si>
  <si>
    <t>20869.0</t>
  </si>
  <si>
    <t>1214697.0</t>
  </si>
  <si>
    <t>100.559</t>
  </si>
  <si>
    <t>941419.0</t>
  </si>
  <si>
    <t>689633.0</t>
  </si>
  <si>
    <t>251786.0</t>
  </si>
  <si>
    <t>31556.0</t>
  </si>
  <si>
    <t>20309.0</t>
  </si>
  <si>
    <t>1224334.0</t>
  </si>
  <si>
    <t>101.357</t>
  </si>
  <si>
    <t>966546.0</t>
  </si>
  <si>
    <t>710240.0</t>
  </si>
  <si>
    <t>256306.0</t>
  </si>
  <si>
    <t>25127.0</t>
  </si>
  <si>
    <t>23889.0</t>
  </si>
  <si>
    <t>19060.0</t>
  </si>
  <si>
    <t>1232795.0</t>
  </si>
  <si>
    <t>102.057</t>
  </si>
  <si>
    <t>990300.0</t>
  </si>
  <si>
    <t>728194.0</t>
  </si>
  <si>
    <t>262106.0</t>
  </si>
  <si>
    <t>23754.0</t>
  </si>
  <si>
    <t>21094.0</t>
  </si>
  <si>
    <t>0.1762</t>
  </si>
  <si>
    <t>997296.0</t>
  </si>
  <si>
    <t>733305.0</t>
  </si>
  <si>
    <t>263991.0</t>
  </si>
  <si>
    <t>6996.0</t>
  </si>
  <si>
    <t>21307.0</t>
  </si>
  <si>
    <t>1246873.0</t>
  </si>
  <si>
    <t>103.222</t>
  </si>
  <si>
    <t>0.1793</t>
  </si>
  <si>
    <t>998818.0</t>
  </si>
  <si>
    <t>734162.0</t>
  </si>
  <si>
    <t>264656.0</t>
  </si>
  <si>
    <t>21089.0</t>
  </si>
  <si>
    <t>16818.0</t>
  </si>
  <si>
    <t>1253596.0</t>
  </si>
  <si>
    <t>6723.0</t>
  </si>
  <si>
    <t>103.779</t>
  </si>
  <si>
    <t>8647.0</t>
  </si>
  <si>
    <t>1010982.0</t>
  </si>
  <si>
    <t>741659.0</t>
  </si>
  <si>
    <t>269323.0</t>
  </si>
  <si>
    <t>12164.0</t>
  </si>
  <si>
    <t>18916.0</t>
  </si>
  <si>
    <t>14852.0</t>
  </si>
  <si>
    <t>12.353</t>
  </si>
  <si>
    <t>1264792.0</t>
  </si>
  <si>
    <t>11196.0</t>
  </si>
  <si>
    <t>104.706</t>
  </si>
  <si>
    <t>1022419.0</t>
  </si>
  <si>
    <t>748839.0</t>
  </si>
  <si>
    <t>273580.0</t>
  </si>
  <si>
    <t>11437.0</t>
  </si>
  <si>
    <t>16079.0</t>
  </si>
  <si>
    <t>12257.0</t>
  </si>
  <si>
    <t>10.717</t>
  </si>
  <si>
    <t>1275909.0</t>
  </si>
  <si>
    <t>105.626</t>
  </si>
  <si>
    <t>8745.0</t>
  </si>
  <si>
    <t>0.1961</t>
  </si>
  <si>
    <t>1031127.0</t>
  </si>
  <si>
    <t>754525.0</t>
  </si>
  <si>
    <t>276602.0</t>
  </si>
  <si>
    <t>8708.0</t>
  </si>
  <si>
    <t>1287761.0</t>
  </si>
  <si>
    <t>106.607</t>
  </si>
  <si>
    <t>9061.0</t>
  </si>
  <si>
    <t>0.1684</t>
  </si>
  <si>
    <t>1056895.0</t>
  </si>
  <si>
    <t>776914.0</t>
  </si>
  <si>
    <t>279981.0</t>
  </si>
  <si>
    <t>12907.0</t>
  </si>
  <si>
    <t>6.36</t>
  </si>
  <si>
    <t>1298461.0</t>
  </si>
  <si>
    <t>10700.0</t>
  </si>
  <si>
    <t>107.493</t>
  </si>
  <si>
    <t>1093965.0</t>
  </si>
  <si>
    <t>810391.0</t>
  </si>
  <si>
    <t>283574.0</t>
  </si>
  <si>
    <t>37070.0</t>
  </si>
  <si>
    <t>14809.0</t>
  </si>
  <si>
    <t>11742.0</t>
  </si>
  <si>
    <t>1305413.0</t>
  </si>
  <si>
    <t>6952.0</t>
  </si>
  <si>
    <t>108.069</t>
  </si>
  <si>
    <t>1103071.0</t>
  </si>
  <si>
    <t>818489.0</t>
  </si>
  <si>
    <t>284582.0</t>
  </si>
  <si>
    <t>141.36</t>
  </si>
  <si>
    <t>1309770.0</t>
  </si>
  <si>
    <t>108.429</t>
  </si>
  <si>
    <t>8985.0</t>
  </si>
  <si>
    <t>1106725.0</t>
  </si>
  <si>
    <t>821241.0</t>
  </si>
  <si>
    <t>285484.0</t>
  </si>
  <si>
    <t>1319282.0</t>
  </si>
  <si>
    <t>9512.0</t>
  </si>
  <si>
    <t>109.217</t>
  </si>
  <si>
    <t>0.2468</t>
  </si>
  <si>
    <t>1146054.0</t>
  </si>
  <si>
    <t>857492.0</t>
  </si>
  <si>
    <t>288562.0</t>
  </si>
  <si>
    <t>39329.0</t>
  </si>
  <si>
    <t>16548.0</t>
  </si>
  <si>
    <t>144.55</t>
  </si>
  <si>
    <t>1330405.0</t>
  </si>
  <si>
    <t>11123.0</t>
  </si>
  <si>
    <t>110.138</t>
  </si>
  <si>
    <t>1194572.0</t>
  </si>
  <si>
    <t>902833.0</t>
  </si>
  <si>
    <t>291739.0</t>
  </si>
  <si>
    <t>48518.0</t>
  </si>
  <si>
    <t>24593.0</t>
  </si>
  <si>
    <t>21999.0</t>
  </si>
  <si>
    <t>1342771.0</t>
  </si>
  <si>
    <t>111.161</t>
  </si>
  <si>
    <t>9552.0</t>
  </si>
  <si>
    <t>1246112.0</t>
  </si>
  <si>
    <t>951833.0</t>
  </si>
  <si>
    <t>294279.0</t>
  </si>
  <si>
    <t>51540.0</t>
  </si>
  <si>
    <t>30712.0</t>
  </si>
  <si>
    <t>10.19</t>
  </si>
  <si>
    <t>28187.0</t>
  </si>
  <si>
    <t>1355786.0</t>
  </si>
  <si>
    <t>13015.0</t>
  </si>
  <si>
    <t>112.239</t>
  </si>
  <si>
    <t>9718.0</t>
  </si>
  <si>
    <t>0.2255</t>
  </si>
  <si>
    <t>1301201.0</t>
  </si>
  <si>
    <t>1004613.0</t>
  </si>
  <si>
    <t>296588.0</t>
  </si>
  <si>
    <t>55089.0</t>
  </si>
  <si>
    <t>34901.0</t>
  </si>
  <si>
    <t>32528.0</t>
  </si>
  <si>
    <t>13.825</t>
  </si>
  <si>
    <t>1366975.0</t>
  </si>
  <si>
    <t>11189.0</t>
  </si>
  <si>
    <t>113.165</t>
  </si>
  <si>
    <t>0.2312</t>
  </si>
  <si>
    <t>1356985.0</t>
  </si>
  <si>
    <t>1058435.0</t>
  </si>
  <si>
    <t>298550.0</t>
  </si>
  <si>
    <t>37574.0</t>
  </si>
  <si>
    <t>35435.0</t>
  </si>
  <si>
    <t>1377275.0</t>
  </si>
  <si>
    <t>114.018</t>
  </si>
  <si>
    <t>10266.0</t>
  </si>
  <si>
    <t>1371216.0</t>
  </si>
  <si>
    <t>1071682.0</t>
  </si>
  <si>
    <t>299534.0</t>
  </si>
  <si>
    <t>14231.0</t>
  </si>
  <si>
    <t>38306.0</t>
  </si>
  <si>
    <t>36170.0</t>
  </si>
  <si>
    <t>1383370.0</t>
  </si>
  <si>
    <t>114.522</t>
  </si>
  <si>
    <t>10514.0</t>
  </si>
  <si>
    <t>0.2322</t>
  </si>
  <si>
    <t>1376494.0</t>
  </si>
  <si>
    <t>1076124.0</t>
  </si>
  <si>
    <t>300370.0</t>
  </si>
  <si>
    <t>38538.0</t>
  </si>
  <si>
    <t>36412.0</t>
  </si>
  <si>
    <t>16.034</t>
  </si>
  <si>
    <t>1395225.0</t>
  </si>
  <si>
    <t>11855.0</t>
  </si>
  <si>
    <t>115.504</t>
  </si>
  <si>
    <t>10849.0</t>
  </si>
  <si>
    <t>1415620.0</t>
  </si>
  <si>
    <t>1112812.0</t>
  </si>
  <si>
    <t>302808.0</t>
  </si>
  <si>
    <t>39126.0</t>
  </si>
  <si>
    <t>38509.0</t>
  </si>
  <si>
    <t>36474.0</t>
  </si>
  <si>
    <t>1409446.0</t>
  </si>
  <si>
    <t>14221.0</t>
  </si>
  <si>
    <t>116.681</t>
  </si>
  <si>
    <t>11292.0</t>
  </si>
  <si>
    <t>0.2597</t>
  </si>
  <si>
    <t>1457644.0</t>
  </si>
  <si>
    <t>1145107.0</t>
  </si>
  <si>
    <t>312537.0</t>
  </si>
  <si>
    <t>37582.0</t>
  </si>
  <si>
    <t>34611.0</t>
  </si>
  <si>
    <t>1423700.0</t>
  </si>
  <si>
    <t>14254.0</t>
  </si>
  <si>
    <t>117.861</t>
  </si>
  <si>
    <t>11561.0</t>
  </si>
  <si>
    <t>1511957.0</t>
  </si>
  <si>
    <t>1185725.0</t>
  </si>
  <si>
    <t>326232.0</t>
  </si>
  <si>
    <t>54313.0</t>
  </si>
  <si>
    <t>33413.0</t>
  </si>
  <si>
    <t>17.179</t>
  </si>
  <si>
    <t>1437976.0</t>
  </si>
  <si>
    <t>14276.0</t>
  </si>
  <si>
    <t>0.2601</t>
  </si>
  <si>
    <t>1564349.0</t>
  </si>
  <si>
    <t>1224313.0</t>
  </si>
  <si>
    <t>340036.0</t>
  </si>
  <si>
    <t>52392.0</t>
  </si>
  <si>
    <t>37593.0</t>
  </si>
  <si>
    <t>31386.0</t>
  </si>
  <si>
    <t>1452301.0</t>
  </si>
  <si>
    <t>14325.0</t>
  </si>
  <si>
    <t>120.229</t>
  </si>
  <si>
    <t>12189.0</t>
  </si>
  <si>
    <t>1616658.0</t>
  </si>
  <si>
    <t>1271262.0</t>
  </si>
  <si>
    <t>345396.0</t>
  </si>
  <si>
    <t>52309.0</t>
  </si>
  <si>
    <t>37096.0</t>
  </si>
  <si>
    <t>1462776.0</t>
  </si>
  <si>
    <t>10475.0</t>
  </si>
  <si>
    <t>121.096</t>
  </si>
  <si>
    <t>1630173.0</t>
  </si>
  <si>
    <t>1283524.0</t>
  </si>
  <si>
    <t>346649.0</t>
  </si>
  <si>
    <t>13515.0</t>
  </si>
  <si>
    <t>36994.0</t>
  </si>
  <si>
    <t>30263.0</t>
  </si>
  <si>
    <t>18.488</t>
  </si>
  <si>
    <t>1471815.0</t>
  </si>
  <si>
    <t>9039.0</t>
  </si>
  <si>
    <t>121.844</t>
  </si>
  <si>
    <t>12635.0</t>
  </si>
  <si>
    <t>0.2128</t>
  </si>
  <si>
    <t>1635543.0</t>
  </si>
  <si>
    <t>1288278.0</t>
  </si>
  <si>
    <t>347265.0</t>
  </si>
  <si>
    <t>37007.0</t>
  </si>
  <si>
    <t>30308.0</t>
  </si>
  <si>
    <t>17.588</t>
  </si>
  <si>
    <t>199.033</t>
  </si>
  <si>
    <t>1481898.0</t>
  </si>
  <si>
    <t>10083.0</t>
  </si>
  <si>
    <t>122.679</t>
  </si>
  <si>
    <t>12382.0</t>
  </si>
  <si>
    <t>0.2495</t>
  </si>
  <si>
    <t>1681883.0</t>
  </si>
  <si>
    <t>1331789.0</t>
  </si>
  <si>
    <t>350094.0</t>
  </si>
  <si>
    <t>46340.0</t>
  </si>
  <si>
    <t>38038.0</t>
  </si>
  <si>
    <t>31282.0</t>
  </si>
  <si>
    <t>38346.0</t>
  </si>
  <si>
    <t>3136.91446267599</t>
  </si>
  <si>
    <t>1496676.0</t>
  </si>
  <si>
    <t>14778.0</t>
  </si>
  <si>
    <t>123.902</t>
  </si>
  <si>
    <t>12461.0</t>
  </si>
  <si>
    <t>1729799.0</t>
  </si>
  <si>
    <t>1376792.0</t>
  </si>
  <si>
    <t>353007.0</t>
  </si>
  <si>
    <t>47916.0</t>
  </si>
  <si>
    <t>38879.0</t>
  </si>
  <si>
    <t>33098.0</t>
  </si>
  <si>
    <t>1511250.0</t>
  </si>
  <si>
    <t>125.109</t>
  </si>
  <si>
    <t>1767803.0</t>
  </si>
  <si>
    <t>1412650.0</t>
  </si>
  <si>
    <t>355153.0</t>
  </si>
  <si>
    <t>38004.0</t>
  </si>
  <si>
    <t>32418.0</t>
  </si>
  <si>
    <t>196.497</t>
  </si>
  <si>
    <t>1521789.0</t>
  </si>
  <si>
    <t>10539.0</t>
  </si>
  <si>
    <t>125.981</t>
  </si>
  <si>
    <t>11973.0</t>
  </si>
  <si>
    <t>0.2252</t>
  </si>
  <si>
    <t>1776677.0</t>
  </si>
  <si>
    <t>1420596.0</t>
  </si>
  <si>
    <t>356081.0</t>
  </si>
  <si>
    <t>8874.0</t>
  </si>
  <si>
    <t>30333.0</t>
  </si>
  <si>
    <t>28040.0</t>
  </si>
  <si>
    <t>1534444.0</t>
  </si>
  <si>
    <t>12655.0</t>
  </si>
  <si>
    <t>127.029</t>
  </si>
  <si>
    <t>11735.0</t>
  </si>
  <si>
    <t>1814885.0</t>
  </si>
  <si>
    <t>1444171.0</t>
  </si>
  <si>
    <t>370714.0</t>
  </si>
  <si>
    <t>28318.0</t>
  </si>
  <si>
    <t>14.85</t>
  </si>
  <si>
    <t>24701.0</t>
  </si>
  <si>
    <t>1544052.0</t>
  </si>
  <si>
    <t>127.824</t>
  </si>
  <si>
    <t>11611.0</t>
  </si>
  <si>
    <t>1825646.0</t>
  </si>
  <si>
    <t>1451108.0</t>
  </si>
  <si>
    <t>374538.0</t>
  </si>
  <si>
    <t>27925.0</t>
  </si>
  <si>
    <t>23941.0</t>
  </si>
  <si>
    <t>1550209.0</t>
  </si>
  <si>
    <t>128.334</t>
  </si>
  <si>
    <t>11199.0</t>
  </si>
  <si>
    <t>0.2384</t>
  </si>
  <si>
    <t>1829560.0</t>
  </si>
  <si>
    <t>1454262.0</t>
  </si>
  <si>
    <t>375298.0</t>
  </si>
  <si>
    <t>27717.0</t>
  </si>
  <si>
    <t>23712.0</t>
  </si>
  <si>
    <t>1562714.0</t>
  </si>
  <si>
    <t>129.369</t>
  </si>
  <si>
    <t>11545.0</t>
  </si>
  <si>
    <t>0.1965</t>
  </si>
  <si>
    <t>1878702.0</t>
  </si>
  <si>
    <t>1470833.0</t>
  </si>
  <si>
    <t>407869.0</t>
  </si>
  <si>
    <t>49142.0</t>
  </si>
  <si>
    <t>28117.0</t>
  </si>
  <si>
    <t>19863.0</t>
  </si>
  <si>
    <t>1577138.0</t>
  </si>
  <si>
    <t>130.563</t>
  </si>
  <si>
    <t>11495.0</t>
  </si>
  <si>
    <t>0.2269</t>
  </si>
  <si>
    <t>1940095.0</t>
  </si>
  <si>
    <t>1490937.0</t>
  </si>
  <si>
    <t>449158.0</t>
  </si>
  <si>
    <t>61393.0</t>
  </si>
  <si>
    <t>30042.0</t>
  </si>
  <si>
    <t>1595027.0</t>
  </si>
  <si>
    <t>17889.0</t>
  </si>
  <si>
    <t>132.044</t>
  </si>
  <si>
    <t>11968.0</t>
  </si>
  <si>
    <t>0.1784</t>
  </si>
  <si>
    <t>1983406.0</t>
  </si>
  <si>
    <t>1505972.0</t>
  </si>
  <si>
    <t>477434.0</t>
  </si>
  <si>
    <t>43311.0</t>
  </si>
  <si>
    <t>30800.0</t>
  </si>
  <si>
    <t>1611313.0</t>
  </si>
  <si>
    <t>133.393</t>
  </si>
  <si>
    <t>12789.0</t>
  </si>
  <si>
    <t>2012800.0</t>
  </si>
  <si>
    <t>1516226.0</t>
  </si>
  <si>
    <t>496574.0</t>
  </si>
  <si>
    <t>29394.0</t>
  </si>
  <si>
    <t>33732.0</t>
  </si>
  <si>
    <t>1627173.0</t>
  </si>
  <si>
    <t>134.706</t>
  </si>
  <si>
    <t>2057663.0</t>
  </si>
  <si>
    <t>1538429.0</t>
  </si>
  <si>
    <t>519234.0</t>
  </si>
  <si>
    <t>34683.0</t>
  </si>
  <si>
    <t>1635625.0</t>
  </si>
  <si>
    <t>8452.0</t>
  </si>
  <si>
    <t>135.405</t>
  </si>
  <si>
    <t>2065191.0</t>
  </si>
  <si>
    <t>1542588.0</t>
  </si>
  <si>
    <t>522603.0</t>
  </si>
  <si>
    <t>34221.0</t>
  </si>
  <si>
    <t>16.89</t>
  </si>
  <si>
    <t>13069.0</t>
  </si>
  <si>
    <t>1643628.0</t>
  </si>
  <si>
    <t>13346.0</t>
  </si>
  <si>
    <t>2069629.0</t>
  </si>
  <si>
    <t>1544730.0</t>
  </si>
  <si>
    <t>524899.0</t>
  </si>
  <si>
    <t>34296.0</t>
  </si>
  <si>
    <t>12924.0</t>
  </si>
  <si>
    <t>182.59</t>
  </si>
  <si>
    <t>1654483.0</t>
  </si>
  <si>
    <t>136.966</t>
  </si>
  <si>
    <t>13110.0</t>
  </si>
  <si>
    <t>0.2391</t>
  </si>
  <si>
    <t>2092391.0</t>
  </si>
  <si>
    <t>1556720.0</t>
  </si>
  <si>
    <t>535671.0</t>
  </si>
  <si>
    <t>22762.0</t>
  </si>
  <si>
    <t>30527.0</t>
  </si>
  <si>
    <t>17.12</t>
  </si>
  <si>
    <t>179.809</t>
  </si>
  <si>
    <t>1668643.0</t>
  </si>
  <si>
    <t>138.139</t>
  </si>
  <si>
    <t>0.2044</t>
  </si>
  <si>
    <t>2117222.0</t>
  </si>
  <si>
    <t>1572351.0</t>
  </si>
  <si>
    <t>544871.0</t>
  </si>
  <si>
    <t>24831.0</t>
  </si>
  <si>
    <t>25304.0</t>
  </si>
  <si>
    <t>1684774.0</t>
  </si>
  <si>
    <t>139.474</t>
  </si>
  <si>
    <t>2151088.0</t>
  </si>
  <si>
    <t>1594489.0</t>
  </si>
  <si>
    <t>556599.0</t>
  </si>
  <si>
    <t>33866.0</t>
  </si>
  <si>
    <t>23955.0</t>
  </si>
  <si>
    <t>12645.0</t>
  </si>
  <si>
    <t>1699852.0</t>
  </si>
  <si>
    <t>140.722</t>
  </si>
  <si>
    <t>12648.0</t>
  </si>
  <si>
    <t>0.1937</t>
  </si>
  <si>
    <t>2181452.0</t>
  </si>
  <si>
    <t>1615514.0</t>
  </si>
  <si>
    <t>565938.0</t>
  </si>
  <si>
    <t>24093.0</t>
  </si>
  <si>
    <t>1713274.0</t>
  </si>
  <si>
    <t>13422.0</t>
  </si>
  <si>
    <t>141.834</t>
  </si>
  <si>
    <t>2211481.0</t>
  </si>
  <si>
    <t>1634281.0</t>
  </si>
  <si>
    <t>577200.0</t>
  </si>
  <si>
    <t>30029.0</t>
  </si>
  <si>
    <t>21974.0</t>
  </si>
  <si>
    <t>13693.0</t>
  </si>
  <si>
    <t>1722362.0</t>
  </si>
  <si>
    <t>9088.0</t>
  </si>
  <si>
    <t>142.586</t>
  </si>
  <si>
    <t>12391.0</t>
  </si>
  <si>
    <t>2221930.0</t>
  </si>
  <si>
    <t>1639526.0</t>
  </si>
  <si>
    <t>582404.0</t>
  </si>
  <si>
    <t>22391.0</t>
  </si>
  <si>
    <t>13848.0</t>
  </si>
  <si>
    <t>169.828</t>
  </si>
  <si>
    <t>1728100.0</t>
  </si>
  <si>
    <t>143.061</t>
  </si>
  <si>
    <t>12067.0</t>
  </si>
  <si>
    <t>0.1787</t>
  </si>
  <si>
    <t>2227967.0</t>
  </si>
  <si>
    <t>1643870.0</t>
  </si>
  <si>
    <t>584097.0</t>
  </si>
  <si>
    <t>13.45</t>
  </si>
  <si>
    <t>14163.0</t>
  </si>
  <si>
    <t>15.952</t>
  </si>
  <si>
    <t>1732241.0</t>
  </si>
  <si>
    <t>143.404</t>
  </si>
  <si>
    <t>2231841.0</t>
  </si>
  <si>
    <t>1645289.0</t>
  </si>
  <si>
    <t>586552.0</t>
  </si>
  <si>
    <t>19921.0</t>
  </si>
  <si>
    <t>1743068.0</t>
  </si>
  <si>
    <t>144.3</t>
  </si>
  <si>
    <t>2267781.0</t>
  </si>
  <si>
    <t>1658589.0</t>
  </si>
  <si>
    <t>609192.0</t>
  </si>
  <si>
    <t>35940.0</t>
  </si>
  <si>
    <t>21508.0</t>
  </si>
  <si>
    <t>15.461</t>
  </si>
  <si>
    <t>1756721.0</t>
  </si>
  <si>
    <t>13653.0</t>
  </si>
  <si>
    <t>145.43</t>
  </si>
  <si>
    <t>10278.0</t>
  </si>
  <si>
    <t>2316046.0</t>
  </si>
  <si>
    <t>1684182.0</t>
  </si>
  <si>
    <t>631864.0</t>
  </si>
  <si>
    <t>48265.0</t>
  </si>
  <si>
    <t>23565.0</t>
  </si>
  <si>
    <t>13.78</t>
  </si>
  <si>
    <t>12813.0</t>
  </si>
  <si>
    <t>1769996.0</t>
  </si>
  <si>
    <t>13275.0</t>
  </si>
  <si>
    <t>146.529</t>
  </si>
  <si>
    <t>2364510.0</t>
  </si>
  <si>
    <t>1723159.0</t>
  </si>
  <si>
    <t>641351.0</t>
  </si>
  <si>
    <t>48464.0</t>
  </si>
  <si>
    <t>26151.0</t>
  </si>
  <si>
    <t>14.725</t>
  </si>
  <si>
    <t>1782837.0</t>
  </si>
  <si>
    <t>12841.0</t>
  </si>
  <si>
    <t>147.592</t>
  </si>
  <si>
    <t>0.2036</t>
  </si>
  <si>
    <t>2422563.0</t>
  </si>
  <si>
    <t>1766995.0</t>
  </si>
  <si>
    <t>655568.0</t>
  </si>
  <si>
    <t>58053.0</t>
  </si>
  <si>
    <t>30155.0</t>
  </si>
  <si>
    <t>1792243.0</t>
  </si>
  <si>
    <t>148.371</t>
  </si>
  <si>
    <t>2437660.0</t>
  </si>
  <si>
    <t>1778282.0</t>
  </si>
  <si>
    <t>659378.0</t>
  </si>
  <si>
    <t>19822.0</t>
  </si>
  <si>
    <t>13.743</t>
  </si>
  <si>
    <t>153.14</t>
  </si>
  <si>
    <t>1798584.0</t>
  </si>
  <si>
    <t>148.896</t>
  </si>
  <si>
    <t>2450510.0</t>
  </si>
  <si>
    <t>1788228.0</t>
  </si>
  <si>
    <t>662282.0</t>
  </si>
  <si>
    <t>12850.0</t>
  </si>
  <si>
    <t>31792.0</t>
  </si>
  <si>
    <t>14.63</t>
  </si>
  <si>
    <t>13.416</t>
  </si>
  <si>
    <t>1809064.0</t>
  </si>
  <si>
    <t>10480.0</t>
  </si>
  <si>
    <t>149.763</t>
  </si>
  <si>
    <t>2499635.0</t>
  </si>
  <si>
    <t>1823110.0</t>
  </si>
  <si>
    <t>676525.0</t>
  </si>
  <si>
    <t>49125.0</t>
  </si>
  <si>
    <t>38256.0</t>
  </si>
  <si>
    <t>25403.0</t>
  </si>
  <si>
    <t>13.334</t>
  </si>
  <si>
    <t>1821488.0</t>
  </si>
  <si>
    <t>12424.0</t>
  </si>
  <si>
    <t>150.792</t>
  </si>
  <si>
    <t>11203.0</t>
  </si>
  <si>
    <t>0.1676</t>
  </si>
  <si>
    <t>2549403.0</t>
  </si>
  <si>
    <t>1857751.0</t>
  </si>
  <si>
    <t>691652.0</t>
  </si>
  <si>
    <t>49768.0</t>
  </si>
  <si>
    <t>28452.0</t>
  </si>
  <si>
    <t>1834319.0</t>
  </si>
  <si>
    <t>151.854</t>
  </si>
  <si>
    <t>2590835.0</t>
  </si>
  <si>
    <t>1885313.0</t>
  </si>
  <si>
    <t>705522.0</t>
  </si>
  <si>
    <t>41432.0</t>
  </si>
  <si>
    <t>44281.4</t>
  </si>
  <si>
    <t>127.27</t>
  </si>
  <si>
    <t>3622.46294496272</t>
  </si>
  <si>
    <t>13.252</t>
  </si>
  <si>
    <t>1846299.0</t>
  </si>
  <si>
    <t>11980.0</t>
  </si>
  <si>
    <t>152.846</t>
  </si>
  <si>
    <t>0.1587</t>
  </si>
  <si>
    <t>2647544.0</t>
  </si>
  <si>
    <t>1927217.0</t>
  </si>
  <si>
    <t>720327.0</t>
  </si>
  <si>
    <t>56709.0</t>
  </si>
  <si>
    <t>40433.0</t>
  </si>
  <si>
    <t>21.66</t>
  </si>
  <si>
    <t>137.76</t>
  </si>
  <si>
    <t>1857259.0</t>
  </si>
  <si>
    <t>10960.0</t>
  </si>
  <si>
    <t>153.753</t>
  </si>
  <si>
    <t>0.1548</t>
  </si>
  <si>
    <t>2720949.0</t>
  </si>
  <si>
    <t>1987768.0</t>
  </si>
  <si>
    <t>733181.0</t>
  </si>
  <si>
    <t>73405.0</t>
  </si>
  <si>
    <t>42627.0</t>
  </si>
  <si>
    <t>16.26</t>
  </si>
  <si>
    <t>1864496.0</t>
  </si>
  <si>
    <t>154.352</t>
  </si>
  <si>
    <t>0.1533</t>
  </si>
  <si>
    <t>2738912.0</t>
  </si>
  <si>
    <t>2002991.0</t>
  </si>
  <si>
    <t>735921.0</t>
  </si>
  <si>
    <t>17963.0</t>
  </si>
  <si>
    <t>43036.0</t>
  </si>
  <si>
    <t>32101.0</t>
  </si>
  <si>
    <t>1869708.0</t>
  </si>
  <si>
    <t>5212.0</t>
  </si>
  <si>
    <t>154.784</t>
  </si>
  <si>
    <t>0.1551</t>
  </si>
  <si>
    <t>2762994.0</t>
  </si>
  <si>
    <t>2024454.0</t>
  </si>
  <si>
    <t>738540.0</t>
  </si>
  <si>
    <t>24082.0</t>
  </si>
  <si>
    <t>12.434</t>
  </si>
  <si>
    <t>1878499.0</t>
  </si>
  <si>
    <t>155.512</t>
  </si>
  <si>
    <t>0.1555</t>
  </si>
  <si>
    <t>2807912.0</t>
  </si>
  <si>
    <t>2062126.0</t>
  </si>
  <si>
    <t>745786.0</t>
  </si>
  <si>
    <t>44918.0</t>
  </si>
  <si>
    <t>44040.0</t>
  </si>
  <si>
    <t>34145.0</t>
  </si>
  <si>
    <t>11.616</t>
  </si>
  <si>
    <t>1889284.0</t>
  </si>
  <si>
    <t>10785.0</t>
  </si>
  <si>
    <t>156.405</t>
  </si>
  <si>
    <t>9685.0</t>
  </si>
  <si>
    <t>2894018.0</t>
  </si>
  <si>
    <t>2138120.0</t>
  </si>
  <si>
    <t>755898.0</t>
  </si>
  <si>
    <t>86106.0</t>
  </si>
  <si>
    <t>49231.0</t>
  </si>
  <si>
    <t>40053.0</t>
  </si>
  <si>
    <t>1899070.0</t>
  </si>
  <si>
    <t>157.215</t>
  </si>
  <si>
    <t>2974036.0</t>
  </si>
  <si>
    <t>2204299.0</t>
  </si>
  <si>
    <t>769737.0</t>
  </si>
  <si>
    <t>80018.0</t>
  </si>
  <si>
    <t>54743.0</t>
  </si>
  <si>
    <t>1908155.0</t>
  </si>
  <si>
    <t>157.967</t>
  </si>
  <si>
    <t>3031802.0</t>
  </si>
  <si>
    <t>2249566.0</t>
  </si>
  <si>
    <t>782236.0</t>
  </si>
  <si>
    <t>57766.0</t>
  </si>
  <si>
    <t>54894.0</t>
  </si>
  <si>
    <t>46050.0</t>
  </si>
  <si>
    <t>1917155.0</t>
  </si>
  <si>
    <t>158.712</t>
  </si>
  <si>
    <t>8557.0</t>
  </si>
  <si>
    <t>3080610.0</t>
  </si>
  <si>
    <t>2289932.0</t>
  </si>
  <si>
    <t>790678.0</t>
  </si>
  <si>
    <t>48808.0</t>
  </si>
  <si>
    <t>51380.0</t>
  </si>
  <si>
    <t>43166.0</t>
  </si>
  <si>
    <t>1925622.0</t>
  </si>
  <si>
    <t>8467.0</t>
  </si>
  <si>
    <t>159.413</t>
  </si>
  <si>
    <t>3096918.0</t>
  </si>
  <si>
    <t>2304075.0</t>
  </si>
  <si>
    <t>792843.0</t>
  </si>
  <si>
    <t>51144.0</t>
  </si>
  <si>
    <t>43012.0</t>
  </si>
  <si>
    <t>8194.0</t>
  </si>
  <si>
    <t>160.091</t>
  </si>
  <si>
    <t>9158.0</t>
  </si>
  <si>
    <t>3117521.0</t>
  </si>
  <si>
    <t>2321231.0</t>
  </si>
  <si>
    <t>796290.0</t>
  </si>
  <si>
    <t>20603.0</t>
  </si>
  <si>
    <t>50647.0</t>
  </si>
  <si>
    <t>42397.0</t>
  </si>
  <si>
    <t>12.271</t>
  </si>
  <si>
    <t>1942559.0</t>
  </si>
  <si>
    <t>160.815</t>
  </si>
  <si>
    <t>3182245.0</t>
  </si>
  <si>
    <t>2373566.0</t>
  </si>
  <si>
    <t>808679.0</t>
  </si>
  <si>
    <t>64724.0</t>
  </si>
  <si>
    <t>19.42</t>
  </si>
  <si>
    <t>4375.0</t>
  </si>
  <si>
    <t>1951486.0</t>
  </si>
  <si>
    <t>161.554</t>
  </si>
  <si>
    <t>3250847.0</t>
  </si>
  <si>
    <t>2429456.0</t>
  </si>
  <si>
    <t>821482.0</t>
  </si>
  <si>
    <t>68602.0</t>
  </si>
  <si>
    <t>50976.0</t>
  </si>
  <si>
    <t>41619.0</t>
  </si>
  <si>
    <t>11.535</t>
  </si>
  <si>
    <t>1962013.0</t>
  </si>
  <si>
    <t>10527.0</t>
  </si>
  <si>
    <t>162.425</t>
  </si>
  <si>
    <t>8992.0</t>
  </si>
  <si>
    <t>3318781.0</t>
  </si>
  <si>
    <t>2481894.0</t>
  </si>
  <si>
    <t>837069.0</t>
  </si>
  <si>
    <t>67934.0</t>
  </si>
  <si>
    <t>49249.0</t>
  </si>
  <si>
    <t>39656.0</t>
  </si>
  <si>
    <t>1972388.0</t>
  </si>
  <si>
    <t>10375.0</t>
  </si>
  <si>
    <t>163.284</t>
  </si>
  <si>
    <t>0.1301</t>
  </si>
  <si>
    <t>3395319.0</t>
  </si>
  <si>
    <t>2528672.0</t>
  </si>
  <si>
    <t>867258.0</t>
  </si>
  <si>
    <t>76538.0</t>
  </si>
  <si>
    <t>51931.0</t>
  </si>
  <si>
    <t>20.69</t>
  </si>
  <si>
    <t>39872.0</t>
  </si>
  <si>
    <t>12.107</t>
  </si>
  <si>
    <t>1982636.0</t>
  </si>
  <si>
    <t>164.133</t>
  </si>
  <si>
    <t>3464436.0</t>
  </si>
  <si>
    <t>2568957.0</t>
  </si>
  <si>
    <t>902772.0</t>
  </si>
  <si>
    <t>54832.0</t>
  </si>
  <si>
    <t>39861.0</t>
  </si>
  <si>
    <t>12.189</t>
  </si>
  <si>
    <t>1988619.0</t>
  </si>
  <si>
    <t>164.628</t>
  </si>
  <si>
    <t>3491771.0</t>
  </si>
  <si>
    <t>2587736.0</t>
  </si>
  <si>
    <t>917488.0</t>
  </si>
  <si>
    <t>27335.0</t>
  </si>
  <si>
    <t>56408.0</t>
  </si>
  <si>
    <t>1992239.0</t>
  </si>
  <si>
    <t>164.928</t>
  </si>
  <si>
    <t>8346.0</t>
  </si>
  <si>
    <t>3528220.0</t>
  </si>
  <si>
    <t>2616902.0</t>
  </si>
  <si>
    <t>929229.0</t>
  </si>
  <si>
    <t>36449.0</t>
  </si>
  <si>
    <t>58671.0</t>
  </si>
  <si>
    <t>42239.0</t>
  </si>
  <si>
    <t>98.657</t>
  </si>
  <si>
    <t>1999910.0</t>
  </si>
  <si>
    <t>7671.0</t>
  </si>
  <si>
    <t>165.563</t>
  </si>
  <si>
    <t>8193.0</t>
  </si>
  <si>
    <t>0.1341</t>
  </si>
  <si>
    <t>3619206.0</t>
  </si>
  <si>
    <t>2665588.0</t>
  </si>
  <si>
    <t>980288.0</t>
  </si>
  <si>
    <t>90986.0</t>
  </si>
  <si>
    <t>62423.0</t>
  </si>
  <si>
    <t>41717.0</t>
  </si>
  <si>
    <t>2009309.0</t>
  </si>
  <si>
    <t>9399.0</t>
  </si>
  <si>
    <t>166.341</t>
  </si>
  <si>
    <t>3707047.0</t>
  </si>
  <si>
    <t>2715583.0</t>
  </si>
  <si>
    <t>1030885.0</t>
  </si>
  <si>
    <t>87841.0</t>
  </si>
  <si>
    <t>65171.0</t>
  </si>
  <si>
    <t>40875.0</t>
  </si>
  <si>
    <t>2018830.0</t>
  </si>
  <si>
    <t>9521.0</t>
  </si>
  <si>
    <t>167.129</t>
  </si>
  <si>
    <t>3796016.0</t>
  </si>
  <si>
    <t>2767336.0</t>
  </si>
  <si>
    <t>1083015.0</t>
  </si>
  <si>
    <t>88969.0</t>
  </si>
  <si>
    <t>40777.0</t>
  </si>
  <si>
    <t>2027331.0</t>
  </si>
  <si>
    <t>8501.0</t>
  </si>
  <si>
    <t>167.833</t>
  </si>
  <si>
    <t>3887758.0</t>
  </si>
  <si>
    <t>2814808.0</t>
  </si>
  <si>
    <t>1144931.0</t>
  </si>
  <si>
    <t>91742.0</t>
  </si>
  <si>
    <t>70348.0</t>
  </si>
  <si>
    <t>40877.0</t>
  </si>
  <si>
    <t>11.207</t>
  </si>
  <si>
    <t>2035805.0</t>
  </si>
  <si>
    <t>168.534</t>
  </si>
  <si>
    <t>7596.0</t>
  </si>
  <si>
    <t>3984520.0</t>
  </si>
  <si>
    <t>2857854.0</t>
  </si>
  <si>
    <t>1214690.0</t>
  </si>
  <si>
    <t>96762.0</t>
  </si>
  <si>
    <t>74298.0</t>
  </si>
  <si>
    <t>9.94</t>
  </si>
  <si>
    <t>41271.0</t>
  </si>
  <si>
    <t>11.126</t>
  </si>
  <si>
    <t>2041444.0</t>
  </si>
  <si>
    <t>4014690.0</t>
  </si>
  <si>
    <t>2874550.0</t>
  </si>
  <si>
    <t>1236034.0</t>
  </si>
  <si>
    <t>30170.0</t>
  </si>
  <si>
    <t>74703.0</t>
  </si>
  <si>
    <t>23.52</t>
  </si>
  <si>
    <t>40973.0</t>
  </si>
  <si>
    <t>2044666.0</t>
  </si>
  <si>
    <t>4051772.0</t>
  </si>
  <si>
    <t>2900563.0</t>
  </si>
  <si>
    <t>1263637.0</t>
  </si>
  <si>
    <t>74793.0</t>
  </si>
  <si>
    <t>23.73</t>
  </si>
  <si>
    <t>6118.0</t>
  </si>
  <si>
    <t>10.471</t>
  </si>
  <si>
    <t>2051256.0</t>
  </si>
  <si>
    <t>6590.0</t>
  </si>
  <si>
    <t>169.813</t>
  </si>
  <si>
    <t>7335.0</t>
  </si>
  <si>
    <t>0.1032</t>
  </si>
  <si>
    <t>4151556.0</t>
  </si>
  <si>
    <t>2940060.0</t>
  </si>
  <si>
    <t>1340821.0</t>
  </si>
  <si>
    <t>99784.0</t>
  </si>
  <si>
    <t>76050.0</t>
  </si>
  <si>
    <t>39210.0</t>
  </si>
  <si>
    <t>10.307</t>
  </si>
  <si>
    <t>2060367.0</t>
  </si>
  <si>
    <t>170.568</t>
  </si>
  <si>
    <t>4260287.0</t>
  </si>
  <si>
    <t>2985920.0</t>
  </si>
  <si>
    <t>1425551.0</t>
  </si>
  <si>
    <t>108731.0</t>
  </si>
  <si>
    <t>79034.0</t>
  </si>
  <si>
    <t>6465.0</t>
  </si>
  <si>
    <t>38620.0</t>
  </si>
  <si>
    <t>2069309.0</t>
  </si>
  <si>
    <t>171.308</t>
  </si>
  <si>
    <t>4354027.0</t>
  </si>
  <si>
    <t>3025531.0</t>
  </si>
  <si>
    <t>1502696.0</t>
  </si>
  <si>
    <t>93740.0</t>
  </si>
  <si>
    <t>79716.0</t>
  </si>
  <si>
    <t>6521.0</t>
  </si>
  <si>
    <t>36885.0</t>
  </si>
  <si>
    <t>10.226</t>
  </si>
  <si>
    <t>82.133</t>
  </si>
  <si>
    <t>2078141.0</t>
  </si>
  <si>
    <t>8832.0</t>
  </si>
  <si>
    <t>172.039</t>
  </si>
  <si>
    <t>7259.0</t>
  </si>
  <si>
    <t>4426954.0</t>
  </si>
  <si>
    <t>3061750.0</t>
  </si>
  <si>
    <t>1563658.0</t>
  </si>
  <si>
    <t>72927.0</t>
  </si>
  <si>
    <t>77028.0</t>
  </si>
  <si>
    <t>35277.0</t>
  </si>
  <si>
    <t>2086420.0</t>
  </si>
  <si>
    <t>172.724</t>
  </si>
  <si>
    <t>4487894.0</t>
  </si>
  <si>
    <t>3094376.0</t>
  </si>
  <si>
    <t>1613610.0</t>
  </si>
  <si>
    <t>60940.0</t>
  </si>
  <si>
    <t>71911.0</t>
  </si>
  <si>
    <t>5883.0</t>
  </si>
  <si>
    <t>33789.0</t>
  </si>
  <si>
    <t>10.144</t>
  </si>
  <si>
    <t>2092251.0</t>
  </si>
  <si>
    <t>5831.0</t>
  </si>
  <si>
    <t>173.207</t>
  </si>
  <si>
    <t>7258.0</t>
  </si>
  <si>
    <t>0.1089</t>
  </si>
  <si>
    <t>4505459.0</t>
  </si>
  <si>
    <t>3106488.0</t>
  </si>
  <si>
    <t>1627394.0</t>
  </si>
  <si>
    <t>70110.0</t>
  </si>
  <si>
    <t>13.31</t>
  </si>
  <si>
    <t>47225.2</t>
  </si>
  <si>
    <t>3863.2820341826</t>
  </si>
  <si>
    <t>80.742</t>
  </si>
  <si>
    <t>2095424.0</t>
  </si>
  <si>
    <t>173.47</t>
  </si>
  <si>
    <t>7251.0</t>
  </si>
  <si>
    <t>0.1079</t>
  </si>
  <si>
    <t>4526177.0</t>
  </si>
  <si>
    <t>3124124.0</t>
  </si>
  <si>
    <t>1644738.0</t>
  </si>
  <si>
    <t>20718.0</t>
  </si>
  <si>
    <t>67772.0</t>
  </si>
  <si>
    <t>31937.0</t>
  </si>
  <si>
    <t>9.653</t>
  </si>
  <si>
    <t>2101470.0</t>
  </si>
  <si>
    <t>173.97</t>
  </si>
  <si>
    <t>4585576.0</t>
  </si>
  <si>
    <t>3160873.0</t>
  </si>
  <si>
    <t>1691896.0</t>
  </si>
  <si>
    <t>59399.0</t>
  </si>
  <si>
    <t>62003.0</t>
  </si>
  <si>
    <t>37.51</t>
  </si>
  <si>
    <t>31545.0</t>
  </si>
  <si>
    <t>2109459.0</t>
  </si>
  <si>
    <t>174.632</t>
  </si>
  <si>
    <t>4630979.0</t>
  </si>
  <si>
    <t>3190530.0</t>
  </si>
  <si>
    <t>1727054.0</t>
  </si>
  <si>
    <t>45403.0</t>
  </si>
  <si>
    <t>52956.0</t>
  </si>
  <si>
    <t>29230.0</t>
  </si>
  <si>
    <t>10.389</t>
  </si>
  <si>
    <t>2118176.0</t>
  </si>
  <si>
    <t>175.353</t>
  </si>
  <si>
    <t>0.1058</t>
  </si>
  <si>
    <t>4670580.0</t>
  </si>
  <si>
    <t>3218439.0</t>
  </si>
  <si>
    <t>1756703.0</t>
  </si>
  <si>
    <t>39601.0</t>
  </si>
  <si>
    <t>45222.0</t>
  </si>
  <si>
    <t>38.21</t>
  </si>
  <si>
    <t>27558.0</t>
  </si>
  <si>
    <t>2126509.0</t>
  </si>
  <si>
    <t>8333.0</t>
  </si>
  <si>
    <t>176.043</t>
  </si>
  <si>
    <t>6910.0</t>
  </si>
  <si>
    <t>4710183.0</t>
  </si>
  <si>
    <t>3246349.0</t>
  </si>
  <si>
    <t>1786354.0</t>
  </si>
  <si>
    <t>39603.0</t>
  </si>
  <si>
    <t>40461.0</t>
  </si>
  <si>
    <t>26371.0</t>
  </si>
  <si>
    <t>9.408</t>
  </si>
  <si>
    <t>2130529.0</t>
  </si>
  <si>
    <t>176.376</t>
  </si>
  <si>
    <t>0.1097</t>
  </si>
  <si>
    <t>4714133.0</t>
  </si>
  <si>
    <t>3249128.0</t>
  </si>
  <si>
    <t>1789734.0</t>
  </si>
  <si>
    <t>32320.0</t>
  </si>
  <si>
    <t>38.56</t>
  </si>
  <si>
    <t>22107.0</t>
  </si>
  <si>
    <t>2134575.0</t>
  </si>
  <si>
    <t>176.711</t>
  </si>
  <si>
    <t>4724095.0</t>
  </si>
  <si>
    <t>3256960.0</t>
  </si>
  <si>
    <t>1797824.0</t>
  </si>
  <si>
    <t>9962.0</t>
  </si>
  <si>
    <t>31234.0</t>
  </si>
  <si>
    <t>2137494.0</t>
  </si>
  <si>
    <t>176.953</t>
  </si>
  <si>
    <t>4735491.0</t>
  </si>
  <si>
    <t>3266773.0</t>
  </si>
  <si>
    <t>1806431.0</t>
  </si>
  <si>
    <t>11396.0</t>
  </si>
  <si>
    <t>29902.0</t>
  </si>
  <si>
    <t>9.326</t>
  </si>
  <si>
    <t>2143428.0</t>
  </si>
  <si>
    <t>177.444</t>
  </si>
  <si>
    <t>4779544.0</t>
  </si>
  <si>
    <t>3296563.0</t>
  </si>
  <si>
    <t>1839667.0</t>
  </si>
  <si>
    <t>44053.0</t>
  </si>
  <si>
    <t>27710.0</t>
  </si>
  <si>
    <t>19384.0</t>
  </si>
  <si>
    <t>2151678.0</t>
  </si>
  <si>
    <t>178.127</t>
  </si>
  <si>
    <t>6031.0</t>
  </si>
  <si>
    <t>4824801.0</t>
  </si>
  <si>
    <t>3322513.0</t>
  </si>
  <si>
    <t>1875645.0</t>
  </si>
  <si>
    <t>39.47</t>
  </si>
  <si>
    <t>18855.0</t>
  </si>
  <si>
    <t>2160528.0</t>
  </si>
  <si>
    <t>178.859</t>
  </si>
  <si>
    <t>6050.0</t>
  </si>
  <si>
    <t>0.0976</t>
  </si>
  <si>
    <t>4879099.0</t>
  </si>
  <si>
    <t>3345645.0</t>
  </si>
  <si>
    <t>1921905.0</t>
  </si>
  <si>
    <t>54298.0</t>
  </si>
  <si>
    <t>29788.0</t>
  </si>
  <si>
    <t>18172.0</t>
  </si>
  <si>
    <t>9.735</t>
  </si>
  <si>
    <t>2168488.0</t>
  </si>
  <si>
    <t>179.518</t>
  </si>
  <si>
    <t>4942039.0</t>
  </si>
  <si>
    <t>3373698.0</t>
  </si>
  <si>
    <t>1976605.0</t>
  </si>
  <si>
    <t>33122.0</t>
  </si>
  <si>
    <t>16.17</t>
  </si>
  <si>
    <t>2176123.0</t>
  </si>
  <si>
    <t>7635.0</t>
  </si>
  <si>
    <t>180.151</t>
  </si>
  <si>
    <t>6513.0</t>
  </si>
  <si>
    <t>5004937.0</t>
  </si>
  <si>
    <t>3406804.0</t>
  </si>
  <si>
    <t>2027136.0</t>
  </si>
  <si>
    <t>62898.0</t>
  </si>
  <si>
    <t>41543.0</t>
  </si>
  <si>
    <t>40.94</t>
  </si>
  <si>
    <t>22525.0</t>
  </si>
  <si>
    <t>2181570.0</t>
  </si>
  <si>
    <t>180.601</t>
  </si>
  <si>
    <t>6714.0</t>
  </si>
  <si>
    <t>5020881.0</t>
  </si>
  <si>
    <t>3419189.0</t>
  </si>
  <si>
    <t>2038083.0</t>
  </si>
  <si>
    <t>42398.0</t>
  </si>
  <si>
    <t>41.07</t>
  </si>
  <si>
    <t>67.408</t>
  </si>
  <si>
    <t>2184033.0</t>
  </si>
  <si>
    <t>180.805</t>
  </si>
  <si>
    <t>5036033.0</t>
  </si>
  <si>
    <t>3432618.0</t>
  </si>
  <si>
    <t>2046562.0</t>
  </si>
  <si>
    <t>15152.0</t>
  </si>
  <si>
    <t>23692.0</t>
  </si>
  <si>
    <t>2190658.0</t>
  </si>
  <si>
    <t>6625.0</t>
  </si>
  <si>
    <t>181.354</t>
  </si>
  <si>
    <t>5096306.0</t>
  </si>
  <si>
    <t>3463528.0</t>
  </si>
  <si>
    <t>2095325.0</t>
  </si>
  <si>
    <t>60273.0</t>
  </si>
  <si>
    <t>45252.0</t>
  </si>
  <si>
    <t>28.33</t>
  </si>
  <si>
    <t>2198781.0</t>
  </si>
  <si>
    <t>182.026</t>
  </si>
  <si>
    <t>5154253.0</t>
  </si>
  <si>
    <t>3491742.0</t>
  </si>
  <si>
    <t>2141816.0</t>
  </si>
  <si>
    <t>57947.0</t>
  </si>
  <si>
    <t>47065.0</t>
  </si>
  <si>
    <t>24176.0</t>
  </si>
  <si>
    <t>2207226.0</t>
  </si>
  <si>
    <t>182.725</t>
  </si>
  <si>
    <t>5215804.0</t>
  </si>
  <si>
    <t>3520222.0</t>
  </si>
  <si>
    <t>2192160.0</t>
  </si>
  <si>
    <t>61551.0</t>
  </si>
  <si>
    <t>48101.0</t>
  </si>
  <si>
    <t>2214998.0</t>
  </si>
  <si>
    <t>183.369</t>
  </si>
  <si>
    <t>5270463.0</t>
  </si>
  <si>
    <t>3546645.0</t>
  </si>
  <si>
    <t>2236947.0</t>
  </si>
  <si>
    <t>54659.0</t>
  </si>
  <si>
    <t>46918.0</t>
  </si>
  <si>
    <t>24707.0</t>
  </si>
  <si>
    <t>2223299.0</t>
  </si>
  <si>
    <t>184.056</t>
  </si>
  <si>
    <t>5319711.0</t>
  </si>
  <si>
    <t>3571966.0</t>
  </si>
  <si>
    <t>2275700.0</t>
  </si>
  <si>
    <t>49248.0</t>
  </si>
  <si>
    <t>44968.0</t>
  </si>
  <si>
    <t>18.62</t>
  </si>
  <si>
    <t>2228827.0</t>
  </si>
  <si>
    <t>184.514</t>
  </si>
  <si>
    <t>5330625.0</t>
  </si>
  <si>
    <t>3579375.0</t>
  </si>
  <si>
    <t>2282997.0</t>
  </si>
  <si>
    <t>10914.0</t>
  </si>
  <si>
    <t>44249.0</t>
  </si>
  <si>
    <t>2231235.0</t>
  </si>
  <si>
    <t>5340943.0</t>
  </si>
  <si>
    <t>3588041.0</t>
  </si>
  <si>
    <t>2289389.0</t>
  </si>
  <si>
    <t>22203.0</t>
  </si>
  <si>
    <t>8.344</t>
  </si>
  <si>
    <t>2236997.0</t>
  </si>
  <si>
    <t>185.19</t>
  </si>
  <si>
    <t>6620.0</t>
  </si>
  <si>
    <t>5389632.0</t>
  </si>
  <si>
    <t>3610615.0</t>
  </si>
  <si>
    <t>2328228.0</t>
  </si>
  <si>
    <t>48689.0</t>
  </si>
  <si>
    <t>41904.0</t>
  </si>
  <si>
    <t>29.54</t>
  </si>
  <si>
    <t>2244864.0</t>
  </si>
  <si>
    <t>7867.0</t>
  </si>
  <si>
    <t>5480769.0</t>
  </si>
  <si>
    <t>3653993.0</t>
  </si>
  <si>
    <t>2401767.0</t>
  </si>
  <si>
    <t>91137.0</t>
  </si>
  <si>
    <t>46645.0</t>
  </si>
  <si>
    <t>29.89</t>
  </si>
  <si>
    <t>23179.0</t>
  </si>
  <si>
    <t>2253462.0</t>
  </si>
  <si>
    <t>186.553</t>
  </si>
  <si>
    <t>5574927.0</t>
  </si>
  <si>
    <t>3697377.0</t>
  </si>
  <si>
    <t>2480500.0</t>
  </si>
  <si>
    <t>94158.0</t>
  </si>
  <si>
    <t>51303.0</t>
  </si>
  <si>
    <t>20.29</t>
  </si>
  <si>
    <t>25308.0</t>
  </si>
  <si>
    <t>7.772</t>
  </si>
  <si>
    <t>2261439.0</t>
  </si>
  <si>
    <t>7977.0</t>
  </si>
  <si>
    <t>187.213</t>
  </si>
  <si>
    <t>5674777.0</t>
  </si>
  <si>
    <t>3769324.0</t>
  </si>
  <si>
    <t>2522944.0</t>
  </si>
  <si>
    <t>99850.0</t>
  </si>
  <si>
    <t>57759.0</t>
  </si>
  <si>
    <t>20.64</t>
  </si>
  <si>
    <t>31811.0</t>
  </si>
  <si>
    <t>7.608</t>
  </si>
  <si>
    <t>2268841.0</t>
  </si>
  <si>
    <t>7402.0</t>
  </si>
  <si>
    <t>187.826</t>
  </si>
  <si>
    <t>5772970.0</t>
  </si>
  <si>
    <t>3825802.0</t>
  </si>
  <si>
    <t>2600349.0</t>
  </si>
  <si>
    <t>98193.0</t>
  </si>
  <si>
    <t>64751.0</t>
  </si>
  <si>
    <t>47.23</t>
  </si>
  <si>
    <t>36262.0</t>
  </si>
  <si>
    <t>7.281</t>
  </si>
  <si>
    <t>2273961.0</t>
  </si>
  <si>
    <t>188.25</t>
  </si>
  <si>
    <t>5812688.0</t>
  </si>
  <si>
    <t>3858441.0</t>
  </si>
  <si>
    <t>2627191.0</t>
  </si>
  <si>
    <t>39718.0</t>
  </si>
  <si>
    <t>68866.0</t>
  </si>
  <si>
    <t>47.55</t>
  </si>
  <si>
    <t>39867.0</t>
  </si>
  <si>
    <t>2276506.0</t>
  </si>
  <si>
    <t>188.461</t>
  </si>
  <si>
    <t>6467.0</t>
  </si>
  <si>
    <t>5850794.0</t>
  </si>
  <si>
    <t>3890613.0</t>
  </si>
  <si>
    <t>2652059.0</t>
  </si>
  <si>
    <t>38106.0</t>
  </si>
  <si>
    <t>72836.0</t>
  </si>
  <si>
    <t>47.86</t>
  </si>
  <si>
    <t>43225.0</t>
  </si>
  <si>
    <t>2282031.0</t>
  </si>
  <si>
    <t>188.918</t>
  </si>
  <si>
    <t>5950132.0</t>
  </si>
  <si>
    <t>3966261.0</t>
  </si>
  <si>
    <t>2719235.0</t>
  </si>
  <si>
    <t>99338.0</t>
  </si>
  <si>
    <t>80071.0</t>
  </si>
  <si>
    <t>50807.0</t>
  </si>
  <si>
    <t>6.217</t>
  </si>
  <si>
    <t>2288779.0</t>
  </si>
  <si>
    <t>189.477</t>
  </si>
  <si>
    <t>6001157.0</t>
  </si>
  <si>
    <t>3996452.0</t>
  </si>
  <si>
    <t>2747844.0</t>
  </si>
  <si>
    <t>51025.0</t>
  </si>
  <si>
    <t>74341.0</t>
  </si>
  <si>
    <t>22.48</t>
  </si>
  <si>
    <t>48923.0</t>
  </si>
  <si>
    <t>48754.8</t>
  </si>
  <si>
    <t>3988.41175728564</t>
  </si>
  <si>
    <t>2295782.0</t>
  </si>
  <si>
    <t>7003.0</t>
  </si>
  <si>
    <t>190.056</t>
  </si>
  <si>
    <t>6034049.0</t>
  </si>
  <si>
    <t>4012291.0</t>
  </si>
  <si>
    <t>2772673.0</t>
  </si>
  <si>
    <t>32892.0</t>
  </si>
  <si>
    <t>65589.0</t>
  </si>
  <si>
    <t>44988.0</t>
  </si>
  <si>
    <t>2302931.0</t>
  </si>
  <si>
    <t>190.648</t>
  </si>
  <si>
    <t>6058088.0</t>
  </si>
  <si>
    <t>4025636.0</t>
  </si>
  <si>
    <t>2791142.0</t>
  </si>
  <si>
    <t>24039.0</t>
  </si>
  <si>
    <t>54759.0</t>
  </si>
  <si>
    <t>4480.0</t>
  </si>
  <si>
    <t>36616.0</t>
  </si>
  <si>
    <t>6.054</t>
  </si>
  <si>
    <t>2310122.0</t>
  </si>
  <si>
    <t>191.244</t>
  </si>
  <si>
    <t>5897.0</t>
  </si>
  <si>
    <t>6082129.0</t>
  </si>
  <si>
    <t>4038983.0</t>
  </si>
  <si>
    <t>2809612.0</t>
  </si>
  <si>
    <t>24041.0</t>
  </si>
  <si>
    <t>30454.0</t>
  </si>
  <si>
    <t>2314652.0</t>
  </si>
  <si>
    <t>4530.0</t>
  </si>
  <si>
    <t>191.619</t>
  </si>
  <si>
    <t>6102835.0</t>
  </si>
  <si>
    <t>4050993.0</t>
  </si>
  <si>
    <t>2826083.0</t>
  </si>
  <si>
    <t>41450.0</t>
  </si>
  <si>
    <t>33.14</t>
  </si>
  <si>
    <t>27507.0</t>
  </si>
  <si>
    <t>2316992.0</t>
  </si>
  <si>
    <t>191.812</t>
  </si>
  <si>
    <t>6113109.0</t>
  </si>
  <si>
    <t>4059318.0</t>
  </si>
  <si>
    <t>2835808.0</t>
  </si>
  <si>
    <t>37474.0</t>
  </si>
  <si>
    <t>24101.0</t>
  </si>
  <si>
    <t>2321966.0</t>
  </si>
  <si>
    <t>192.224</t>
  </si>
  <si>
    <t>5705.0</t>
  </si>
  <si>
    <t>6139644.0</t>
  </si>
  <si>
    <t>4072114.0</t>
  </si>
  <si>
    <t>2857322.0</t>
  </si>
  <si>
    <t>27073.0</t>
  </si>
  <si>
    <t>23.37</t>
  </si>
  <si>
    <t>2328592.0</t>
  </si>
  <si>
    <t>192.773</t>
  </si>
  <si>
    <t>6174508.0</t>
  </si>
  <si>
    <t>4085788.0</t>
  </si>
  <si>
    <t>2886288.0</t>
  </si>
  <si>
    <t>34864.0</t>
  </si>
  <si>
    <t>24764.0</t>
  </si>
  <si>
    <t>50.51</t>
  </si>
  <si>
    <t>12762.0</t>
  </si>
  <si>
    <t>6.381</t>
  </si>
  <si>
    <t>50.883</t>
  </si>
  <si>
    <t>2335336.0</t>
  </si>
  <si>
    <t>193.331</t>
  </si>
  <si>
    <t>6209373.0</t>
  </si>
  <si>
    <t>4099462.0</t>
  </si>
  <si>
    <t>2915254.0</t>
  </si>
  <si>
    <t>34865.0</t>
  </si>
  <si>
    <t>25046.0</t>
  </si>
  <si>
    <t>51.537</t>
  </si>
  <si>
    <t>2341820.0</t>
  </si>
  <si>
    <t>193.868</t>
  </si>
  <si>
    <t>6243449.0</t>
  </si>
  <si>
    <t>4113206.0</t>
  </si>
  <si>
    <t>2943362.0</t>
  </si>
  <si>
    <t>34076.0</t>
  </si>
  <si>
    <t>26480.0</t>
  </si>
  <si>
    <t>33.65</t>
  </si>
  <si>
    <t>51.947</t>
  </si>
  <si>
    <t>2348225.0</t>
  </si>
  <si>
    <t>194.398</t>
  </si>
  <si>
    <t>6268450.0</t>
  </si>
  <si>
    <t>4123407.0</t>
  </si>
  <si>
    <t>2961884.0</t>
  </si>
  <si>
    <t>26617.0</t>
  </si>
  <si>
    <t>51.28</t>
  </si>
  <si>
    <t>2351591.0</t>
  </si>
  <si>
    <t>194.677</t>
  </si>
  <si>
    <t>6273769.0</t>
  </si>
  <si>
    <t>4125684.0</t>
  </si>
  <si>
    <t>2966069.0</t>
  </si>
  <si>
    <t>24419.0</t>
  </si>
  <si>
    <t>2354869.0</t>
  </si>
  <si>
    <t>194.948</t>
  </si>
  <si>
    <t>6277737.0</t>
  </si>
  <si>
    <t>4127468.0</t>
  </si>
  <si>
    <t>2969114.0</t>
  </si>
  <si>
    <t>23518.0</t>
  </si>
  <si>
    <t>9736.0</t>
  </si>
  <si>
    <t>5.808</t>
  </si>
  <si>
    <t>2359936.0</t>
  </si>
  <si>
    <t>195.367</t>
  </si>
  <si>
    <t>6300665.0</t>
  </si>
  <si>
    <t>4138432.0</t>
  </si>
  <si>
    <t>2985103.0</t>
  </si>
  <si>
    <t>22928.0</t>
  </si>
  <si>
    <t>23003.0</t>
  </si>
  <si>
    <t>5.726</t>
  </si>
  <si>
    <t>2365106.0</t>
  </si>
  <si>
    <t>195.795</t>
  </si>
  <si>
    <t>6323595.0</t>
  </si>
  <si>
    <t>4149398.0</t>
  </si>
  <si>
    <t>3001093.0</t>
  </si>
  <si>
    <t>22930.0</t>
  </si>
  <si>
    <t>21298.0</t>
  </si>
  <si>
    <t>9087.0</t>
  </si>
  <si>
    <t>5.154</t>
  </si>
  <si>
    <t>2371896.0</t>
  </si>
  <si>
    <t>196.358</t>
  </si>
  <si>
    <t>6347661.0</t>
  </si>
  <si>
    <t>4161019.0</t>
  </si>
  <si>
    <t>3017983.0</t>
  </si>
  <si>
    <t>24066.0</t>
  </si>
  <si>
    <t>19755.0</t>
  </si>
  <si>
    <t>34.04</t>
  </si>
  <si>
    <t>8794.0</t>
  </si>
  <si>
    <t>47.856</t>
  </si>
  <si>
    <t>2378601.0</t>
  </si>
  <si>
    <t>196.913</t>
  </si>
  <si>
    <t>6361341.0</t>
  </si>
  <si>
    <t>4168610.0</t>
  </si>
  <si>
    <t>3026055.0</t>
  </si>
  <si>
    <t>13680.0</t>
  </si>
  <si>
    <t>16842.0</t>
  </si>
  <si>
    <t>2382811.0</t>
  </si>
  <si>
    <t>197.261</t>
  </si>
  <si>
    <t>6375021.0</t>
  </si>
  <si>
    <t>4176201.0</t>
  </si>
  <si>
    <t>3034127.0</t>
  </si>
  <si>
    <t>15224.0</t>
  </si>
  <si>
    <t>7542.0</t>
  </si>
  <si>
    <t>2388928.0</t>
  </si>
  <si>
    <t>6117.0</t>
  </si>
  <si>
    <t>197.768</t>
  </si>
  <si>
    <t>6388703.0</t>
  </si>
  <si>
    <t>4183793.0</t>
  </si>
  <si>
    <t>3042201.0</t>
  </si>
  <si>
    <t>16419.0</t>
  </si>
  <si>
    <t>52.26</t>
  </si>
  <si>
    <t>5.563</t>
  </si>
  <si>
    <t>2390795.0</t>
  </si>
  <si>
    <t>197.922</t>
  </si>
  <si>
    <t>6415925.0</t>
  </si>
  <si>
    <t>4193280.0</t>
  </si>
  <si>
    <t>3063009.0</t>
  </si>
  <si>
    <t>27222.0</t>
  </si>
  <si>
    <t>19741.0</t>
  </si>
  <si>
    <t>52.49</t>
  </si>
  <si>
    <t>34.3</t>
  </si>
  <si>
    <t>25.06</t>
  </si>
  <si>
    <t>9402.0</t>
  </si>
  <si>
    <t>5.317</t>
  </si>
  <si>
    <t>48.429</t>
  </si>
  <si>
    <t>2395335.0</t>
  </si>
  <si>
    <t>198.298</t>
  </si>
  <si>
    <t>6443148.0</t>
  </si>
  <si>
    <t>4202768.0</t>
  </si>
  <si>
    <t>3083818.0</t>
  </si>
  <si>
    <t>27223.0</t>
  </si>
  <si>
    <t>25.23</t>
  </si>
  <si>
    <t>5.072</t>
  </si>
  <si>
    <t>2400849.0</t>
  </si>
  <si>
    <t>198.754</t>
  </si>
  <si>
    <t>6522338.0</t>
  </si>
  <si>
    <t>4219065.0</t>
  </si>
  <si>
    <t>3151525.0</t>
  </si>
  <si>
    <t>79190.0</t>
  </si>
  <si>
    <t>28392.0</t>
  </si>
  <si>
    <t>2406875.0</t>
  </si>
  <si>
    <t>199.253</t>
  </si>
  <si>
    <t>6601529.0</t>
  </si>
  <si>
    <t>4235363.0</t>
  </si>
  <si>
    <t>3219232.0</t>
  </si>
  <si>
    <t>79191.0</t>
  </si>
  <si>
    <t>26.34</t>
  </si>
  <si>
    <t>4.663</t>
  </si>
  <si>
    <t>2412835.0</t>
  </si>
  <si>
    <t>199.747</t>
  </si>
  <si>
    <t>36844.0</t>
  </si>
  <si>
    <t>10252.0</t>
  </si>
  <si>
    <t>42.866</t>
  </si>
  <si>
    <t>2417517.0</t>
  </si>
  <si>
    <t>4682.0</t>
  </si>
  <si>
    <t>6636967.0</t>
  </si>
  <si>
    <t>4245381.0</t>
  </si>
  <si>
    <t>3247678.0</t>
  </si>
  <si>
    <t>37421.0</t>
  </si>
  <si>
    <t>40.657</t>
  </si>
  <si>
    <t>2421164.0</t>
  </si>
  <si>
    <t>200.436</t>
  </si>
  <si>
    <t>6646806.0</t>
  </si>
  <si>
    <t>4249312.0</t>
  </si>
  <si>
    <t>3255165.0</t>
  </si>
  <si>
    <t>36872.0</t>
  </si>
  <si>
    <t>9360.0</t>
  </si>
  <si>
    <t>39.021</t>
  </si>
  <si>
    <t>2422956.0</t>
  </si>
  <si>
    <t>6651655.0</t>
  </si>
  <si>
    <t>4252426.0</t>
  </si>
  <si>
    <t>3258388.0</t>
  </si>
  <si>
    <t>33676.0</t>
  </si>
  <si>
    <t>34.79</t>
  </si>
  <si>
    <t>2427689.0</t>
  </si>
  <si>
    <t>200.976</t>
  </si>
  <si>
    <t>6700654.0</t>
  </si>
  <si>
    <t>4267380.0</t>
  </si>
  <si>
    <t>3297377.0</t>
  </si>
  <si>
    <t>48999.0</t>
  </si>
  <si>
    <t>36787.0</t>
  </si>
  <si>
    <t>2433634.0</t>
  </si>
  <si>
    <t>201.469</t>
  </si>
  <si>
    <t>6740554.0</t>
  </si>
  <si>
    <t>4280176.0</t>
  </si>
  <si>
    <t>3328563.0</t>
  </si>
  <si>
    <t>39900.0</t>
  </si>
  <si>
    <t>31174.0</t>
  </si>
  <si>
    <t>27.23</t>
  </si>
  <si>
    <t>8730.0</t>
  </si>
  <si>
    <t>36.812</t>
  </si>
  <si>
    <t>2440741.0</t>
  </si>
  <si>
    <t>202.057</t>
  </si>
  <si>
    <t>6780455.0</t>
  </si>
  <si>
    <t>4292973.0</t>
  </si>
  <si>
    <t>3359749.0</t>
  </si>
  <si>
    <t>39901.0</t>
  </si>
  <si>
    <t>2446559.0</t>
  </si>
  <si>
    <t>202.539</t>
  </si>
  <si>
    <t>6800922.0</t>
  </si>
  <si>
    <t>4299925.0</t>
  </si>
  <si>
    <t>3374883.0</t>
  </si>
  <si>
    <t>20467.0</t>
  </si>
  <si>
    <t>25953.0</t>
  </si>
  <si>
    <t>49479.0</t>
  </si>
  <si>
    <t>4047.65531473283</t>
  </si>
  <si>
    <t>2452943.0</t>
  </si>
  <si>
    <t>6384.0</t>
  </si>
  <si>
    <t>203.067</t>
  </si>
  <si>
    <t>6821390.0</t>
  </si>
  <si>
    <t>4306878.0</t>
  </si>
  <si>
    <t>3390017.0</t>
  </si>
  <si>
    <t>20468.0</t>
  </si>
  <si>
    <t>26346.0</t>
  </si>
  <si>
    <t>2456675.0</t>
  </si>
  <si>
    <t>203.376</t>
  </si>
  <si>
    <t>6825033.0</t>
  </si>
  <si>
    <t>4308530.0</t>
  </si>
  <si>
    <t>3392470.0</t>
  </si>
  <si>
    <t>3643.0</t>
  </si>
  <si>
    <t>25461.0</t>
  </si>
  <si>
    <t>8460.0</t>
  </si>
  <si>
    <t>34.931</t>
  </si>
  <si>
    <t>2460235.0</t>
  </si>
  <si>
    <t>203.671</t>
  </si>
  <si>
    <t>6828932.0</t>
  </si>
  <si>
    <t>4311020.0</t>
  </si>
  <si>
    <t>3394952.0</t>
  </si>
  <si>
    <t>25325.0</t>
  </si>
  <si>
    <t>55.86</t>
  </si>
  <si>
    <t>2463865.0</t>
  </si>
  <si>
    <t>203.971</t>
  </si>
  <si>
    <t>6870352.0</t>
  </si>
  <si>
    <t>4330298.0</t>
  </si>
  <si>
    <t>3423919.0</t>
  </si>
  <si>
    <t>24243.0</t>
  </si>
  <si>
    <t>28.01</t>
  </si>
  <si>
    <t>2470369.0</t>
  </si>
  <si>
    <t>6893259.0</t>
  </si>
  <si>
    <t>4340105.0</t>
  </si>
  <si>
    <t>3439468.0</t>
  </si>
  <si>
    <t>22907.0</t>
  </si>
  <si>
    <t>21815.0</t>
  </si>
  <si>
    <t>8561.0</t>
  </si>
  <si>
    <t>2477471.0</t>
  </si>
  <si>
    <t>205.098</t>
  </si>
  <si>
    <t>6914497.0</t>
  </si>
  <si>
    <t>4349530.0</t>
  </si>
  <si>
    <t>3453948.0</t>
  </si>
  <si>
    <t>5.645</t>
  </si>
  <si>
    <t>2484310.0</t>
  </si>
  <si>
    <t>205.664</t>
  </si>
  <si>
    <t>5393.0</t>
  </si>
  <si>
    <t>6931689.0</t>
  </si>
  <si>
    <t>4357421.0</t>
  </si>
  <si>
    <t>3465762.0</t>
  </si>
  <si>
    <t>17192.0</t>
  </si>
  <si>
    <t>2490689.0</t>
  </si>
  <si>
    <t>6379.0</t>
  </si>
  <si>
    <t>206.192</t>
  </si>
  <si>
    <t>6951197.0</t>
  </si>
  <si>
    <t>4365450.0</t>
  </si>
  <si>
    <t>3479618.0</t>
  </si>
  <si>
    <t>19508.0</t>
  </si>
  <si>
    <t>35.913</t>
  </si>
  <si>
    <t>2494048.0</t>
  </si>
  <si>
    <t>206.47</t>
  </si>
  <si>
    <t>6955520.0</t>
  </si>
  <si>
    <t>4367604.0</t>
  </si>
  <si>
    <t>3482769.0</t>
  </si>
  <si>
    <t>18641.0</t>
  </si>
  <si>
    <t>8439.0</t>
  </si>
  <si>
    <t>2497290.0</t>
  </si>
  <si>
    <t>206.738</t>
  </si>
  <si>
    <t>6958148.0</t>
  </si>
  <si>
    <t>4369692.0</t>
  </si>
  <si>
    <t>3484332.0</t>
  </si>
  <si>
    <t>18459.0</t>
  </si>
  <si>
    <t>56.92</t>
  </si>
  <si>
    <t>2500545.0</t>
  </si>
  <si>
    <t>207.008</t>
  </si>
  <si>
    <t>5240.0</t>
  </si>
  <si>
    <t>6980293.0</t>
  </si>
  <si>
    <t>4379371.0</t>
  </si>
  <si>
    <t>3500388.0</t>
  </si>
  <si>
    <t>15706.0</t>
  </si>
  <si>
    <t>35.422</t>
  </si>
  <si>
    <t>2506853.0</t>
  </si>
  <si>
    <t>7010807.0</t>
  </si>
  <si>
    <t>4387373.0</t>
  </si>
  <si>
    <t>3525221.0</t>
  </si>
  <si>
    <t>30514.0</t>
  </si>
  <si>
    <t>16793.0</t>
  </si>
  <si>
    <t>2513691.0</t>
  </si>
  <si>
    <t>208.096</t>
  </si>
  <si>
    <t>7040751.0</t>
  </si>
  <si>
    <t>4395519.0</t>
  </si>
  <si>
    <t>3549135.0</t>
  </si>
  <si>
    <t>29944.0</t>
  </si>
  <si>
    <t>2520446.0</t>
  </si>
  <si>
    <t>208.655</t>
  </si>
  <si>
    <t>7084229.0</t>
  </si>
  <si>
    <t>4403962.0</t>
  </si>
  <si>
    <t>3574888.0</t>
  </si>
  <si>
    <t>43478.0</t>
  </si>
  <si>
    <t>21791.0</t>
  </si>
  <si>
    <t>35.504</t>
  </si>
  <si>
    <t>2526453.0</t>
  </si>
  <si>
    <t>209.153</t>
  </si>
  <si>
    <t>5109.0</t>
  </si>
  <si>
    <t>7127210.0</t>
  </si>
  <si>
    <t>4412497.0</t>
  </si>
  <si>
    <t>3600629.0</t>
  </si>
  <si>
    <t>25145.0</t>
  </si>
  <si>
    <t>35.994</t>
  </si>
  <si>
    <t>2529942.0</t>
  </si>
  <si>
    <t>209.441</t>
  </si>
  <si>
    <t>7134664.0</t>
  </si>
  <si>
    <t>4414130.0</t>
  </si>
  <si>
    <t>3604834.0</t>
  </si>
  <si>
    <t>25592.0</t>
  </si>
  <si>
    <t>2533280.0</t>
  </si>
  <si>
    <t>209.718</t>
  </si>
  <si>
    <t>7143477.0</t>
  </si>
  <si>
    <t>4416525.0</t>
  </si>
  <si>
    <t>3608707.0</t>
  </si>
  <si>
    <t>27571.0</t>
  </si>
  <si>
    <t>26476.0</t>
  </si>
  <si>
    <t>58.44</t>
  </si>
  <si>
    <t>2538592.0</t>
  </si>
  <si>
    <t>210.158</t>
  </si>
  <si>
    <t>7204477.0</t>
  </si>
  <si>
    <t>4427562.0</t>
  </si>
  <si>
    <t>3643169.0</t>
  </si>
  <si>
    <t>61000.0</t>
  </si>
  <si>
    <t>4.581</t>
  </si>
  <si>
    <t>2545103.0</t>
  </si>
  <si>
    <t>210.697</t>
  </si>
  <si>
    <t>7281233.0</t>
  </si>
  <si>
    <t>4437575.0</t>
  </si>
  <si>
    <t>3681942.0</t>
  </si>
  <si>
    <t>38632.0</t>
  </si>
  <si>
    <t>30.12</t>
  </si>
  <si>
    <t>7172.0</t>
  </si>
  <si>
    <t>42.948</t>
  </si>
  <si>
    <t>2551175.0</t>
  </si>
  <si>
    <t>211.199</t>
  </si>
  <si>
    <t>7346540.0</t>
  </si>
  <si>
    <t>4445986.0</t>
  </si>
  <si>
    <t>3710580.0</t>
  </si>
  <si>
    <t>106137.0</t>
  </si>
  <si>
    <t>65307.0</t>
  </si>
  <si>
    <t>43684.0</t>
  </si>
  <si>
    <t>7210.0</t>
  </si>
  <si>
    <t>7.117</t>
  </si>
  <si>
    <t>47.611</t>
  </si>
  <si>
    <t>2557294.0</t>
  </si>
  <si>
    <t>6119.0</t>
  </si>
  <si>
    <t>211.706</t>
  </si>
  <si>
    <t>7405721.0</t>
  </si>
  <si>
    <t>4455080.0</t>
  </si>
  <si>
    <t>3735478.0</t>
  </si>
  <si>
    <t>133491.0</t>
  </si>
  <si>
    <t>59181.0</t>
  </si>
  <si>
    <t>45927.0</t>
  </si>
  <si>
    <t>39.267</t>
  </si>
  <si>
    <t>2563452.0</t>
  </si>
  <si>
    <t>212.216</t>
  </si>
  <si>
    <t>7456121.0</t>
  </si>
  <si>
    <t>4464937.0</t>
  </si>
  <si>
    <t>3754945.0</t>
  </si>
  <si>
    <t>156157.0</t>
  </si>
  <si>
    <t>46987.0</t>
  </si>
  <si>
    <t>36.53</t>
  </si>
  <si>
    <t>2569468.0</t>
  </si>
  <si>
    <t>212.714</t>
  </si>
  <si>
    <t>7465334.0</t>
  </si>
  <si>
    <t>4468388.0</t>
  </si>
  <si>
    <t>3758351.0</t>
  </si>
  <si>
    <t>159582.0</t>
  </si>
  <si>
    <t>36.55</t>
  </si>
  <si>
    <t>7.362</t>
  </si>
  <si>
    <t>2572062.0</t>
  </si>
  <si>
    <t>212.928</t>
  </si>
  <si>
    <t>7470155.0</t>
  </si>
  <si>
    <t>4470358.0</t>
  </si>
  <si>
    <t>3760075.0</t>
  </si>
  <si>
    <t>161269.0</t>
  </si>
  <si>
    <t>46668.0</t>
  </si>
  <si>
    <t>61.11</t>
  </si>
  <si>
    <t>2577103.0</t>
  </si>
  <si>
    <t>213.346</t>
  </si>
  <si>
    <t>5502.0</t>
  </si>
  <si>
    <t>7538426.0</t>
  </si>
  <si>
    <t>4487799.0</t>
  </si>
  <si>
    <t>3785742.0</t>
  </si>
  <si>
    <t>189461.0</t>
  </si>
  <si>
    <t>47707.0</t>
  </si>
  <si>
    <t>30.97</t>
  </si>
  <si>
    <t>2583511.0</t>
  </si>
  <si>
    <t>213.876</t>
  </si>
  <si>
    <t>7589288.0</t>
  </si>
  <si>
    <t>4500928.0</t>
  </si>
  <si>
    <t>3802010.0</t>
  </si>
  <si>
    <t>212228.0</t>
  </si>
  <si>
    <t>50862.0</t>
  </si>
  <si>
    <t>44008.0</t>
  </si>
  <si>
    <t>36.82</t>
  </si>
  <si>
    <t>37.385</t>
  </si>
  <si>
    <t>2590528.0</t>
  </si>
  <si>
    <t>214.457</t>
  </si>
  <si>
    <t>7650594.0</t>
  </si>
  <si>
    <t>4517852.0</t>
  </si>
  <si>
    <t>3819743.0</t>
  </si>
  <si>
    <t>61306.0</t>
  </si>
  <si>
    <t>43436.0</t>
  </si>
  <si>
    <t>31.25</t>
  </si>
  <si>
    <t>10267.0</t>
  </si>
  <si>
    <t>5.399</t>
  </si>
  <si>
    <t>2597655.0</t>
  </si>
  <si>
    <t>215.047</t>
  </si>
  <si>
    <t>7693560.0</t>
  </si>
  <si>
    <t>4528664.0</t>
  </si>
  <si>
    <t>3831087.0</t>
  </si>
  <si>
    <t>262528.0</t>
  </si>
  <si>
    <t>42966.0</t>
  </si>
  <si>
    <t>41120.0</t>
  </si>
  <si>
    <t>31.34</t>
  </si>
  <si>
    <t>2602384.0</t>
  </si>
  <si>
    <t>215.439</t>
  </si>
  <si>
    <t>7769002.0</t>
  </si>
  <si>
    <t>4544602.0</t>
  </si>
  <si>
    <t>3851318.0</t>
  </si>
  <si>
    <t>305066.0</t>
  </si>
  <si>
    <t>75442.0</t>
  </si>
  <si>
    <t>44697.0</t>
  </si>
  <si>
    <t>63.55</t>
  </si>
  <si>
    <t>11381.0</t>
  </si>
  <si>
    <t>2606934.0</t>
  </si>
  <si>
    <t>215.815</t>
  </si>
  <si>
    <t>7803837.0</t>
  </si>
  <si>
    <t>4559543.0</t>
  </si>
  <si>
    <t>3858421.0</t>
  </si>
  <si>
    <t>320124.0</t>
  </si>
  <si>
    <t>34835.0</t>
  </si>
  <si>
    <t>48358.0</t>
  </si>
  <si>
    <t>13022.0</t>
  </si>
  <si>
    <t>5.236</t>
  </si>
  <si>
    <t>2611237.0</t>
  </si>
  <si>
    <t>216.171</t>
  </si>
  <si>
    <t>7818347.0</t>
  </si>
  <si>
    <t>4562128.0</t>
  </si>
  <si>
    <t>3861325.0</t>
  </si>
  <si>
    <t>329432.0</t>
  </si>
  <si>
    <t>49742.0</t>
  </si>
  <si>
    <t>50092.8</t>
  </si>
  <si>
    <t>4097.86754279288</t>
  </si>
  <si>
    <t>38.121</t>
  </si>
  <si>
    <t>2615796.0</t>
  </si>
  <si>
    <t>216.549</t>
  </si>
  <si>
    <t>7851931.0</t>
  </si>
  <si>
    <t>4573349.0</t>
  </si>
  <si>
    <t>3872775.0</t>
  </si>
  <si>
    <t>342654.0</t>
  </si>
  <si>
    <t>44786.0</t>
  </si>
  <si>
    <t>64.23</t>
  </si>
  <si>
    <t>37.41</t>
  </si>
  <si>
    <t>2620200.0</t>
  </si>
  <si>
    <t>216.913</t>
  </si>
  <si>
    <t>7853755.0</t>
  </si>
  <si>
    <t>4574242.0</t>
  </si>
  <si>
    <t>3873435.0</t>
  </si>
  <si>
    <t>343194.0</t>
  </si>
  <si>
    <t>2624911.0</t>
  </si>
  <si>
    <t>4711.0</t>
  </si>
  <si>
    <t>217.303</t>
  </si>
  <si>
    <t>4912.0</t>
  </si>
  <si>
    <t>7874322.0</t>
  </si>
  <si>
    <t>4583292.0</t>
  </si>
  <si>
    <t>3883520.0</t>
  </si>
  <si>
    <t>346660.0</t>
  </si>
  <si>
    <t>20567.0</t>
  </si>
  <si>
    <t>31961.0</t>
  </si>
  <si>
    <t>37.49</t>
  </si>
  <si>
    <t>2631379.0</t>
  </si>
  <si>
    <t>217.839</t>
  </si>
  <si>
    <t>7901853.0</t>
  </si>
  <si>
    <t>4595949.0</t>
  </si>
  <si>
    <t>3894992.0</t>
  </si>
  <si>
    <t>352461.0</t>
  </si>
  <si>
    <t>27531.0</t>
  </si>
  <si>
    <t>2639258.0</t>
  </si>
  <si>
    <t>218.491</t>
  </si>
  <si>
    <t>7931788.0</t>
  </si>
  <si>
    <t>4611290.0</t>
  </si>
  <si>
    <t>3907677.0</t>
  </si>
  <si>
    <t>357438.0</t>
  </si>
  <si>
    <t>29935.0</t>
  </si>
  <si>
    <t>64.89</t>
  </si>
  <si>
    <t>9527.0</t>
  </si>
  <si>
    <t>2644567.0</t>
  </si>
  <si>
    <t>218.931</t>
  </si>
  <si>
    <t>7940336.0</t>
  </si>
  <si>
    <t>4617553.0</t>
  </si>
  <si>
    <t>3911371.0</t>
  </si>
  <si>
    <t>357573.0</t>
  </si>
  <si>
    <t>37.77</t>
  </si>
  <si>
    <t>8287.0</t>
  </si>
  <si>
    <t>2647659.0</t>
  </si>
  <si>
    <t>219.187</t>
  </si>
  <si>
    <t>7943468.0</t>
  </si>
  <si>
    <t>3913343.0</t>
  </si>
  <si>
    <t>357585.0</t>
  </si>
  <si>
    <t>17874.0</t>
  </si>
  <si>
    <t>2652257.0</t>
  </si>
  <si>
    <t>219.567</t>
  </si>
  <si>
    <t>7963463.0</t>
  </si>
  <si>
    <t>4631637.0</t>
  </si>
  <si>
    <t>3922163.0</t>
  </si>
  <si>
    <t>359535.0</t>
  </si>
  <si>
    <t>19995.0</t>
  </si>
  <si>
    <t>15933.0</t>
  </si>
  <si>
    <t>42.702</t>
  </si>
  <si>
    <t>2658570.0</t>
  </si>
  <si>
    <t>220.09</t>
  </si>
  <si>
    <t>7985636.0</t>
  </si>
  <si>
    <t>4646520.0</t>
  </si>
  <si>
    <t>3931783.0</t>
  </si>
  <si>
    <t>359706.0</t>
  </si>
  <si>
    <t>22173.0</t>
  </si>
  <si>
    <t>10325.0</t>
  </si>
  <si>
    <t>2664968.0</t>
  </si>
  <si>
    <t>8005943.0</t>
  </si>
  <si>
    <t>4661570.0</t>
  </si>
  <si>
    <t>3938303.0</t>
  </si>
  <si>
    <t>359796.0</t>
  </si>
  <si>
    <t>20307.0</t>
  </si>
  <si>
    <t>65.49</t>
  </si>
  <si>
    <t>46.629</t>
  </si>
  <si>
    <t>2671742.0</t>
  </si>
  <si>
    <t>221.18</t>
  </si>
  <si>
    <t>0.1522</t>
  </si>
  <si>
    <t>8041312.0</t>
  </si>
  <si>
    <t>4688631.0</t>
  </si>
  <si>
    <t>3948592.0</t>
  </si>
  <si>
    <t>360808.0</t>
  </si>
  <si>
    <t>19923.0</t>
  </si>
  <si>
    <t>48.347</t>
  </si>
  <si>
    <t>2677770.0</t>
  </si>
  <si>
    <t>6028.0</t>
  </si>
  <si>
    <t>221.679</t>
  </si>
  <si>
    <t>8077305.0</t>
  </si>
  <si>
    <t>4716386.0</t>
  </si>
  <si>
    <t>3958765.0</t>
  </si>
  <si>
    <t>361006.0</t>
  </si>
  <si>
    <t>35993.0</t>
  </si>
  <si>
    <t>38.58</t>
  </si>
  <si>
    <t>15014.0</t>
  </si>
  <si>
    <t>48.674</t>
  </si>
  <si>
    <t>2682146.0</t>
  </si>
  <si>
    <t>222.042</t>
  </si>
  <si>
    <t>0.1411</t>
  </si>
  <si>
    <t>8093436.0</t>
  </si>
  <si>
    <t>4729877.0</t>
  </si>
  <si>
    <t>3962614.0</t>
  </si>
  <si>
    <t>361020.0</t>
  </si>
  <si>
    <t>21871.0</t>
  </si>
  <si>
    <t>16046.0</t>
  </si>
  <si>
    <t>2686248.0</t>
  </si>
  <si>
    <t>222.381</t>
  </si>
  <si>
    <t>8104188.0</t>
  </si>
  <si>
    <t>4737302.0</t>
  </si>
  <si>
    <t>3965483.0</t>
  </si>
  <si>
    <t>362758.0</t>
  </si>
  <si>
    <t>10752.0</t>
  </si>
  <si>
    <t>22960.0</t>
  </si>
  <si>
    <t>38.75</t>
  </si>
  <si>
    <t>16780.0</t>
  </si>
  <si>
    <t>2691280.0</t>
  </si>
  <si>
    <t>222.798</t>
  </si>
  <si>
    <t>8132175.0</t>
  </si>
  <si>
    <t>4755528.0</t>
  </si>
  <si>
    <t>3976759.0</t>
  </si>
  <si>
    <t>363259.0</t>
  </si>
  <si>
    <t>27987.0</t>
  </si>
  <si>
    <t>32.53</t>
  </si>
  <si>
    <t>2697928.0</t>
  </si>
  <si>
    <t>223.348</t>
  </si>
  <si>
    <t>8175240.0</t>
  </si>
  <si>
    <t>4785605.0</t>
  </si>
  <si>
    <t>3992808.0</t>
  </si>
  <si>
    <t>363266.0</t>
  </si>
  <si>
    <t>19869.0</t>
  </si>
  <si>
    <t>2706296.0</t>
  </si>
  <si>
    <t>224.041</t>
  </si>
  <si>
    <t>5904.0</t>
  </si>
  <si>
    <t>8218140.0</t>
  </si>
  <si>
    <t>4816178.0</t>
  </si>
  <si>
    <t>4008722.0</t>
  </si>
  <si>
    <t>363267.0</t>
  </si>
  <si>
    <t>42900.0</t>
  </si>
  <si>
    <t>22087.0</t>
  </si>
  <si>
    <t>2714223.0</t>
  </si>
  <si>
    <t>224.697</t>
  </si>
  <si>
    <t>8267905.0</t>
  </si>
  <si>
    <t>4852149.0</t>
  </si>
  <si>
    <t>4027093.0</t>
  </si>
  <si>
    <t>49765.0</t>
  </si>
  <si>
    <t>32.94</t>
  </si>
  <si>
    <t>23360.0</t>
  </si>
  <si>
    <t>7.444</t>
  </si>
  <si>
    <t>2721836.0</t>
  </si>
  <si>
    <t>225.327</t>
  </si>
  <si>
    <t>8313654.0</t>
  </si>
  <si>
    <t>4884778.0</t>
  </si>
  <si>
    <t>4042436.0</t>
  </si>
  <si>
    <t>45749.0</t>
  </si>
  <si>
    <t>33764.0</t>
  </si>
  <si>
    <t>24056.0</t>
  </si>
  <si>
    <t>2727757.0</t>
  </si>
  <si>
    <t>225.818</t>
  </si>
  <si>
    <t>6516.0</t>
  </si>
  <si>
    <t>8336670.0</t>
  </si>
  <si>
    <t>4902475.0</t>
  </si>
  <si>
    <t>4048412.0</t>
  </si>
  <si>
    <t>23016.0</t>
  </si>
  <si>
    <t>34748.0</t>
  </si>
  <si>
    <t>24657.0</t>
  </si>
  <si>
    <t>2731513.0</t>
  </si>
  <si>
    <t>226.129</t>
  </si>
  <si>
    <t>6466.0</t>
  </si>
  <si>
    <t>8340954.0</t>
  </si>
  <si>
    <t>4905223.0</t>
  </si>
  <si>
    <t>4049963.0</t>
  </si>
  <si>
    <t>2737474.0</t>
  </si>
  <si>
    <t>226.622</t>
  </si>
  <si>
    <t>8365014.0</t>
  </si>
  <si>
    <t>4918875.0</t>
  </si>
  <si>
    <t>4060418.0</t>
  </si>
  <si>
    <t>33263.0</t>
  </si>
  <si>
    <t>23335.0</t>
  </si>
  <si>
    <t>2745550.0</t>
  </si>
  <si>
    <t>8076.0</t>
  </si>
  <si>
    <t>227.291</t>
  </si>
  <si>
    <t>0.1311</t>
  </si>
  <si>
    <t>8411426.0</t>
  </si>
  <si>
    <t>4952456.0</t>
  </si>
  <si>
    <t>4075314.0</t>
  </si>
  <si>
    <t>46412.0</t>
  </si>
  <si>
    <t>33741.0</t>
  </si>
  <si>
    <t>23836.0</t>
  </si>
  <si>
    <t>2753604.0</t>
  </si>
  <si>
    <t>227.957</t>
  </si>
  <si>
    <t>8448131.0</t>
  </si>
  <si>
    <t>4976866.0</t>
  </si>
  <si>
    <t>4088196.0</t>
  </si>
  <si>
    <t>36705.0</t>
  </si>
  <si>
    <t>32856.0</t>
  </si>
  <si>
    <t>40.71</t>
  </si>
  <si>
    <t>22955.0</t>
  </si>
  <si>
    <t>55.791</t>
  </si>
  <si>
    <t>2761827.0</t>
  </si>
  <si>
    <t>228.638</t>
  </si>
  <si>
    <t>8482805.0</t>
  </si>
  <si>
    <t>4999534.0</t>
  </si>
  <si>
    <t>4100905.0</t>
  </si>
  <si>
    <t>30700.0</t>
  </si>
  <si>
    <t>21055.0</t>
  </si>
  <si>
    <t>2770591.0</t>
  </si>
  <si>
    <t>229.364</t>
  </si>
  <si>
    <t>8517317.0</t>
  </si>
  <si>
    <t>5020911.0</t>
  </si>
  <si>
    <t>4114837.0</t>
  </si>
  <si>
    <t>29095.0</t>
  </si>
  <si>
    <t>19448.0</t>
  </si>
  <si>
    <t>2775874.0</t>
  </si>
  <si>
    <t>229.801</t>
  </si>
  <si>
    <t>0.1394</t>
  </si>
  <si>
    <t>8531575.0</t>
  </si>
  <si>
    <t>5029355.0</t>
  </si>
  <si>
    <t>4120695.0</t>
  </si>
  <si>
    <t>14258.0</t>
  </si>
  <si>
    <t>27844.0</t>
  </si>
  <si>
    <t>18126.0</t>
  </si>
  <si>
    <t>2778746.0</t>
  </si>
  <si>
    <t>230.039</t>
  </si>
  <si>
    <t>8535952.0</t>
  </si>
  <si>
    <t>5032119.0</t>
  </si>
  <si>
    <t>4122320.0</t>
  </si>
  <si>
    <t>27857.0</t>
  </si>
  <si>
    <t>18128.0</t>
  </si>
  <si>
    <t>8.017</t>
  </si>
  <si>
    <t>2785459.0</t>
  </si>
  <si>
    <t>230.594</t>
  </si>
  <si>
    <t>8572118.0</t>
  </si>
  <si>
    <t>5054464.0</t>
  </si>
  <si>
    <t>4136979.0</t>
  </si>
  <si>
    <t>363902.0</t>
  </si>
  <si>
    <t>36166.0</t>
  </si>
  <si>
    <t>29586.0</t>
  </si>
  <si>
    <t>33.84</t>
  </si>
  <si>
    <t>19370.0</t>
  </si>
  <si>
    <t>2792759.0</t>
  </si>
  <si>
    <t>231.199</t>
  </si>
  <si>
    <t>8609838.0</t>
  </si>
  <si>
    <t>5074083.0</t>
  </si>
  <si>
    <t>4152712.0</t>
  </si>
  <si>
    <t>366304.0</t>
  </si>
  <si>
    <t>37720.0</t>
  </si>
  <si>
    <t>33.97</t>
  </si>
  <si>
    <t>17375.0</t>
  </si>
  <si>
    <t>51051.0</t>
  </si>
  <si>
    <t>4176.25359187586</t>
  </si>
  <si>
    <t>2799958.0</t>
  </si>
  <si>
    <t>231.795</t>
  </si>
  <si>
    <t>8650057.0</t>
  </si>
  <si>
    <t>5093022.0</t>
  </si>
  <si>
    <t>4170622.0</t>
  </si>
  <si>
    <t>369690.0</t>
  </si>
  <si>
    <t>40219.0</t>
  </si>
  <si>
    <t>28847.0</t>
  </si>
  <si>
    <t>70.76</t>
  </si>
  <si>
    <t>16594.0</t>
  </si>
  <si>
    <t>58.982</t>
  </si>
  <si>
    <t>2808409.0</t>
  </si>
  <si>
    <t>8451.0</t>
  </si>
  <si>
    <t>232.494</t>
  </si>
  <si>
    <t>8691191.0</t>
  </si>
  <si>
    <t>5109546.0</t>
  </si>
  <si>
    <t>4190241.0</t>
  </si>
  <si>
    <t>41134.0</t>
  </si>
  <si>
    <t>2817418.0</t>
  </si>
  <si>
    <t>233.24</t>
  </si>
  <si>
    <t>8737135.0</t>
  </si>
  <si>
    <t>5125688.0</t>
  </si>
  <si>
    <t>4212027.0</t>
  </si>
  <si>
    <t>382743.0</t>
  </si>
  <si>
    <t>31403.0</t>
  </si>
  <si>
    <t>41.93</t>
  </si>
  <si>
    <t>2823103.0</t>
  </si>
  <si>
    <t>233.711</t>
  </si>
  <si>
    <t>8753013.0</t>
  </si>
  <si>
    <t>5131068.0</t>
  </si>
  <si>
    <t>4220396.0</t>
  </si>
  <si>
    <t>384877.0</t>
  </si>
  <si>
    <t>31634.0</t>
  </si>
  <si>
    <t>41.97</t>
  </si>
  <si>
    <t>14530.0</t>
  </si>
  <si>
    <t>2826529.0</t>
  </si>
  <si>
    <t>233.994</t>
  </si>
  <si>
    <t>6826.0</t>
  </si>
  <si>
    <t>8756799.0</t>
  </si>
  <si>
    <t>5132783.0</t>
  </si>
  <si>
    <t>4221790.0</t>
  </si>
  <si>
    <t>385556.0</t>
  </si>
  <si>
    <t>31550.0</t>
  </si>
  <si>
    <t>41.99</t>
  </si>
  <si>
    <t>14381.0</t>
  </si>
  <si>
    <t>2832832.0</t>
  </si>
  <si>
    <t>6303.0</t>
  </si>
  <si>
    <t>234.516</t>
  </si>
  <si>
    <t>8797202.0</t>
  </si>
  <si>
    <t>5148119.0</t>
  </si>
  <si>
    <t>4241827.0</t>
  </si>
  <si>
    <t>390598.0</t>
  </si>
  <si>
    <t>42.11</t>
  </si>
  <si>
    <t>13379.0</t>
  </si>
  <si>
    <t>2840873.0</t>
  </si>
  <si>
    <t>235.182</t>
  </si>
  <si>
    <t>8842248.0</t>
  </si>
  <si>
    <t>5163781.0</t>
  </si>
  <si>
    <t>4265666.0</t>
  </si>
  <si>
    <t>396170.0</t>
  </si>
  <si>
    <t>45046.0</t>
  </si>
  <si>
    <t>33201.0</t>
  </si>
  <si>
    <t>60.045</t>
  </si>
  <si>
    <t>2850257.0</t>
  </si>
  <si>
    <t>235.959</t>
  </si>
  <si>
    <t>8890536.0</t>
  </si>
  <si>
    <t>5178966.0</t>
  </si>
  <si>
    <t>4291584.0</t>
  </si>
  <si>
    <t>403390.0</t>
  </si>
  <si>
    <t>48288.0</t>
  </si>
  <si>
    <t>2859655.0</t>
  </si>
  <si>
    <t>236.737</t>
  </si>
  <si>
    <t>8937589.0</t>
  </si>
  <si>
    <t>5193695.0</t>
  </si>
  <si>
    <t>4316049.0</t>
  </si>
  <si>
    <t>411264.0</t>
  </si>
  <si>
    <t>47053.0</t>
  </si>
  <si>
    <t>35200.0</t>
  </si>
  <si>
    <t>42.49</t>
  </si>
  <si>
    <t>35.31</t>
  </si>
  <si>
    <t>2869242.0</t>
  </si>
  <si>
    <t>237.53</t>
  </si>
  <si>
    <t>7403.0</t>
  </si>
  <si>
    <t>0.1692</t>
  </si>
  <si>
    <t>8990904.0</t>
  </si>
  <si>
    <t>5214522.0</t>
  </si>
  <si>
    <t>4340270.0</t>
  </si>
  <si>
    <t>419545.0</t>
  </si>
  <si>
    <t>53315.0</t>
  </si>
  <si>
    <t>36253.0</t>
  </si>
  <si>
    <t>42.66</t>
  </si>
  <si>
    <t>12691.0</t>
  </si>
  <si>
    <t>2875218.0</t>
  </si>
  <si>
    <t>238.025</t>
  </si>
  <si>
    <t>7445.0</t>
  </si>
  <si>
    <t>9008443.0</t>
  </si>
  <si>
    <t>5221782.0</t>
  </si>
  <si>
    <t>4347985.0</t>
  </si>
  <si>
    <t>422109.0</t>
  </si>
  <si>
    <t>17539.0</t>
  </si>
  <si>
    <t>2878579.0</t>
  </si>
  <si>
    <t>238.303</t>
  </si>
  <si>
    <t>9013106.0</t>
  </si>
  <si>
    <t>5224163.0</t>
  </si>
  <si>
    <t>4349604.0</t>
  </si>
  <si>
    <t>422772.0</t>
  </si>
  <si>
    <t>36615.0</t>
  </si>
  <si>
    <t>42.74</t>
  </si>
  <si>
    <t>13054.0</t>
  </si>
  <si>
    <t>2886426.0</t>
  </si>
  <si>
    <t>238.953</t>
  </si>
  <si>
    <t>9064723.0</t>
  </si>
  <si>
    <t>5248229.0</t>
  </si>
  <si>
    <t>4369236.0</t>
  </si>
  <si>
    <t>430697.0</t>
  </si>
  <si>
    <t>51617.0</t>
  </si>
  <si>
    <t>38217.0</t>
  </si>
  <si>
    <t>42.93</t>
  </si>
  <si>
    <t>14301.0</t>
  </si>
  <si>
    <t>2896349.0</t>
  </si>
  <si>
    <t>239.774</t>
  </si>
  <si>
    <t>7925.0</t>
  </si>
  <si>
    <t>0.1594</t>
  </si>
  <si>
    <t>9120842.0</t>
  </si>
  <si>
    <t>5274553.0</t>
  </si>
  <si>
    <t>4389754.0</t>
  </si>
  <si>
    <t>439974.0</t>
  </si>
  <si>
    <t>39799.0</t>
  </si>
  <si>
    <t>8.999</t>
  </si>
  <si>
    <t>69.535</t>
  </si>
  <si>
    <t>2906171.0</t>
  </si>
  <si>
    <t>240.588</t>
  </si>
  <si>
    <t>0.1897</t>
  </si>
  <si>
    <t>9177575.0</t>
  </si>
  <si>
    <t>5301739.0</t>
  </si>
  <si>
    <t>4409386.0</t>
  </si>
  <si>
    <t>449896.0</t>
  </si>
  <si>
    <t>56733.0</t>
  </si>
  <si>
    <t>41006.0</t>
  </si>
  <si>
    <t>2916266.0</t>
  </si>
  <si>
    <t>241.423</t>
  </si>
  <si>
    <t>0.1885</t>
  </si>
  <si>
    <t>9231657.0</t>
  </si>
  <si>
    <t>5328735.0</t>
  </si>
  <si>
    <t>4427365.0</t>
  </si>
  <si>
    <t>459041.0</t>
  </si>
  <si>
    <t>54082.0</t>
  </si>
  <si>
    <t>42010.0</t>
  </si>
  <si>
    <t>19291.0</t>
  </si>
  <si>
    <t>71.253</t>
  </si>
  <si>
    <t>2926353.0</t>
  </si>
  <si>
    <t>242.258</t>
  </si>
  <si>
    <t>8159.0</t>
  </si>
  <si>
    <t>0.1934</t>
  </si>
  <si>
    <t>9275602.0</t>
  </si>
  <si>
    <t>5350887.0</t>
  </si>
  <si>
    <t>4441279.0</t>
  </si>
  <si>
    <t>466933.0</t>
  </si>
  <si>
    <t>40671.0</t>
  </si>
  <si>
    <t>43.77</t>
  </si>
  <si>
    <t>2932983.0</t>
  </si>
  <si>
    <t>242.807</t>
  </si>
  <si>
    <t>9290068.0</t>
  </si>
  <si>
    <t>5357789.0</t>
  </si>
  <si>
    <t>4446244.0</t>
  </si>
  <si>
    <t>469535.0</t>
  </si>
  <si>
    <t>14466.0</t>
  </si>
  <si>
    <t>19430.0</t>
  </si>
  <si>
    <t>2937387.0</t>
  </si>
  <si>
    <t>243.172</t>
  </si>
  <si>
    <t>0.1979</t>
  </si>
  <si>
    <t>9306120.0</t>
  </si>
  <si>
    <t>5367723.0</t>
  </si>
  <si>
    <t>4449255.0</t>
  </si>
  <si>
    <t>472644.0</t>
  </si>
  <si>
    <t>16052.0</t>
  </si>
  <si>
    <t>41859.0</t>
  </si>
  <si>
    <t>20509.0</t>
  </si>
  <si>
    <t>2945943.0</t>
  </si>
  <si>
    <t>243.88</t>
  </si>
  <si>
    <t>9351668.0</t>
  </si>
  <si>
    <t>5390138.0</t>
  </si>
  <si>
    <t>4464105.0</t>
  </si>
  <si>
    <t>480933.0</t>
  </si>
  <si>
    <t>45548.0</t>
  </si>
  <si>
    <t>40992.0</t>
  </si>
  <si>
    <t>3353.0</t>
  </si>
  <si>
    <t>9.817</t>
  </si>
  <si>
    <t>2956659.0</t>
  </si>
  <si>
    <t>10716.0</t>
  </si>
  <si>
    <t>244.767</t>
  </si>
  <si>
    <t>8616.0</t>
  </si>
  <si>
    <t>9398762.0</t>
  </si>
  <si>
    <t>5413267.0</t>
  </si>
  <si>
    <t>4480200.0</t>
  </si>
  <si>
    <t>488806.0</t>
  </si>
  <si>
    <t>47094.0</t>
  </si>
  <si>
    <t>39703.0</t>
  </si>
  <si>
    <t>44.28</t>
  </si>
  <si>
    <t>2965599.0</t>
  </si>
  <si>
    <t>8940.0</t>
  </si>
  <si>
    <t>245.507</t>
  </si>
  <si>
    <t>0.2053</t>
  </si>
  <si>
    <t>9440834.0</t>
  </si>
  <si>
    <t>5433937.0</t>
  </si>
  <si>
    <t>4494603.0</t>
  </si>
  <si>
    <t>495805.0</t>
  </si>
  <si>
    <t>42072.0</t>
  </si>
  <si>
    <t>37608.0</t>
  </si>
  <si>
    <t>44.45</t>
  </si>
  <si>
    <t>18885.0</t>
  </si>
  <si>
    <t>2975959.0</t>
  </si>
  <si>
    <t>246.365</t>
  </si>
  <si>
    <t>9475553.0</t>
  </si>
  <si>
    <t>5449952.0</t>
  </si>
  <si>
    <t>4507062.0</t>
  </si>
  <si>
    <t>502050.0</t>
  </si>
  <si>
    <t>34719.0</t>
  </si>
  <si>
    <t>34842.0</t>
  </si>
  <si>
    <t>17317.0</t>
  </si>
  <si>
    <t>9.898</t>
  </si>
  <si>
    <t>2985129.0</t>
  </si>
  <si>
    <t>247.124</t>
  </si>
  <si>
    <t>0.2478</t>
  </si>
  <si>
    <t>9503944.0</t>
  </si>
  <si>
    <t>5463883.0</t>
  </si>
  <si>
    <t>4517005.0</t>
  </si>
  <si>
    <t>506567.0</t>
  </si>
  <si>
    <t>28391.0</t>
  </si>
  <si>
    <t>32620.0</t>
  </si>
  <si>
    <t>16142.0</t>
  </si>
  <si>
    <t>2990154.0</t>
  </si>
  <si>
    <t>247.54</t>
  </si>
  <si>
    <t>8167.0</t>
  </si>
  <si>
    <t>9505960.0</t>
  </si>
  <si>
    <t>5464907.0</t>
  </si>
  <si>
    <t>4517803.0</t>
  </si>
  <si>
    <t>506761.0</t>
  </si>
  <si>
    <t>30842.0</t>
  </si>
  <si>
    <t>15303.0</t>
  </si>
  <si>
    <t>2995030.0</t>
  </si>
  <si>
    <t>247.944</t>
  </si>
  <si>
    <t>9509864.0</t>
  </si>
  <si>
    <t>5466996.0</t>
  </si>
  <si>
    <t>4519015.0</t>
  </si>
  <si>
    <t>507364.0</t>
  </si>
  <si>
    <t>29106.0</t>
  </si>
  <si>
    <t>3004285.0</t>
  </si>
  <si>
    <t>9255.0</t>
  </si>
  <si>
    <t>248.71</t>
  </si>
  <si>
    <t>9556929.0</t>
  </si>
  <si>
    <t>5492333.0</t>
  </si>
  <si>
    <t>4533537.0</t>
  </si>
  <si>
    <t>514570.0</t>
  </si>
  <si>
    <t>44.93</t>
  </si>
  <si>
    <t>3019449.0</t>
  </si>
  <si>
    <t>249.965</t>
  </si>
  <si>
    <t>8970.0</t>
  </si>
  <si>
    <t>9633790.0</t>
  </si>
  <si>
    <t>5537212.0</t>
  </si>
  <si>
    <t>4554195.0</t>
  </si>
  <si>
    <t>525894.0</t>
  </si>
  <si>
    <t>76861.0</t>
  </si>
  <si>
    <t>33575.0</t>
  </si>
  <si>
    <t>37.26</t>
  </si>
  <si>
    <t>17706.0</t>
  </si>
  <si>
    <t>10.635</t>
  </si>
  <si>
    <t>3035943.0</t>
  </si>
  <si>
    <t>251.331</t>
  </si>
  <si>
    <t>10049.0</t>
  </si>
  <si>
    <t>9682874.0</t>
  </si>
  <si>
    <t>5566346.0</t>
  </si>
  <si>
    <t>4567166.0</t>
  </si>
  <si>
    <t>532873.0</t>
  </si>
  <si>
    <t>49084.0</t>
  </si>
  <si>
    <t>34577.0</t>
  </si>
  <si>
    <t>79.21</t>
  </si>
  <si>
    <t>3056002.0</t>
  </si>
  <si>
    <t>20059.0</t>
  </si>
  <si>
    <t>252.991</t>
  </si>
  <si>
    <t>9757168.0</t>
  </si>
  <si>
    <t>5613175.0</t>
  </si>
  <si>
    <t>4584243.0</t>
  </si>
  <si>
    <t>543261.0</t>
  </si>
  <si>
    <t>74294.0</t>
  </si>
  <si>
    <t>40231.0</t>
  </si>
  <si>
    <t>23318.0</t>
  </si>
  <si>
    <t>3076104.0</t>
  </si>
  <si>
    <t>254.656</t>
  </si>
  <si>
    <t>12996.0</t>
  </si>
  <si>
    <t>9792844.0</t>
  </si>
  <si>
    <t>5635100.0</t>
  </si>
  <si>
    <t>4593214.0</t>
  </si>
  <si>
    <t>548041.0</t>
  </si>
  <si>
    <t>35676.0</t>
  </si>
  <si>
    <t>24460.0</t>
  </si>
  <si>
    <t>53088.0</t>
  </si>
  <si>
    <t>4342.89143573105</t>
  </si>
  <si>
    <t>3085533.0</t>
  </si>
  <si>
    <t>9429.0</t>
  </si>
  <si>
    <t>255.436</t>
  </si>
  <si>
    <t>0.781</t>
  </si>
  <si>
    <t>13626.0</t>
  </si>
  <si>
    <t>0.2569</t>
  </si>
  <si>
    <t>9828521.0</t>
  </si>
  <si>
    <t>5657026.0</t>
  </si>
  <si>
    <t>4602185.0</t>
  </si>
  <si>
    <t>552821.0</t>
  </si>
  <si>
    <t>35677.0</t>
  </si>
  <si>
    <t>46080.0</t>
  </si>
  <si>
    <t>80.4</t>
  </si>
  <si>
    <t>27446.0</t>
  </si>
  <si>
    <t>3094017.0</t>
  </si>
  <si>
    <t>256.138</t>
  </si>
  <si>
    <t>0.3478</t>
  </si>
  <si>
    <t>9835426.0</t>
  </si>
  <si>
    <t>5661892.0</t>
  </si>
  <si>
    <t>4603571.0</t>
  </si>
  <si>
    <t>553474.0</t>
  </si>
  <si>
    <t>46509.0</t>
  </si>
  <si>
    <t>80.46</t>
  </si>
  <si>
    <t>27842.0</t>
  </si>
  <si>
    <t>3109469.0</t>
  </si>
  <si>
    <t>15452.0</t>
  </si>
  <si>
    <t>257.418</t>
  </si>
  <si>
    <t>15026.0</t>
  </si>
  <si>
    <t>9980703.0</t>
  </si>
  <si>
    <t>5752738.0</t>
  </si>
  <si>
    <t>4653074.0</t>
  </si>
  <si>
    <t>567396.0</t>
  </si>
  <si>
    <t>145277.0</t>
  </si>
  <si>
    <t>60539.0</t>
  </si>
  <si>
    <t>37201.0</t>
  </si>
  <si>
    <t>3129135.0</t>
  </si>
  <si>
    <t>19666.0</t>
  </si>
  <si>
    <t>259.046</t>
  </si>
  <si>
    <t>0.3795</t>
  </si>
  <si>
    <t>10119450.0</t>
  </si>
  <si>
    <t>5849291.0</t>
  </si>
  <si>
    <t>4681278.0</t>
  </si>
  <si>
    <t>581401.0</t>
  </si>
  <si>
    <t>138747.0</t>
  </si>
  <si>
    <t>69380.0</t>
  </si>
  <si>
    <t>44583.0</t>
  </si>
  <si>
    <t>3151054.0</t>
  </si>
  <si>
    <t>21919.0</t>
  </si>
  <si>
    <t>260.86</t>
  </si>
  <si>
    <t>10253380.0</t>
  </si>
  <si>
    <t>5938843.0</t>
  </si>
  <si>
    <t>4711140.0</t>
  </si>
  <si>
    <t>596010.0</t>
  </si>
  <si>
    <t>133930.0</t>
  </si>
  <si>
    <t>81501.0</t>
  </si>
  <si>
    <t>48.58</t>
  </si>
  <si>
    <t>53214.0</t>
  </si>
  <si>
    <t>121.89</t>
  </si>
  <si>
    <t>3174240.0</t>
  </si>
  <si>
    <t>23186.0</t>
  </si>
  <si>
    <t>262.78</t>
  </si>
  <si>
    <t>0.4233</t>
  </si>
  <si>
    <t>10400207.0</t>
  </si>
  <si>
    <t>6035225.0</t>
  </si>
  <si>
    <t>4743944.0</t>
  </si>
  <si>
    <t>613651.0</t>
  </si>
  <si>
    <t>146827.0</t>
  </si>
  <si>
    <t>91863.0</t>
  </si>
  <si>
    <t>85.08</t>
  </si>
  <si>
    <t>38.81</t>
  </si>
  <si>
    <t>60293.0</t>
  </si>
  <si>
    <t>3198277.0</t>
  </si>
  <si>
    <t>24037.0</t>
  </si>
  <si>
    <t>264.77</t>
  </si>
  <si>
    <t>0.4344</t>
  </si>
  <si>
    <t>10486385.0</t>
  </si>
  <si>
    <t>6088077.0</t>
  </si>
  <si>
    <t>4763418.0</t>
  </si>
  <si>
    <t>627532.0</t>
  </si>
  <si>
    <t>86178.0</t>
  </si>
  <si>
    <t>99077.0</t>
  </si>
  <si>
    <t>64711.0</t>
  </si>
  <si>
    <t>3215003.0</t>
  </si>
  <si>
    <t>266.154</t>
  </si>
  <si>
    <t>18496.0</t>
  </si>
  <si>
    <t>10572565.0</t>
  </si>
  <si>
    <t>6140930.0</t>
  </si>
  <si>
    <t>4782893.0</t>
  </si>
  <si>
    <t>641413.0</t>
  </si>
  <si>
    <t>86180.0</t>
  </si>
  <si>
    <t>106292.0</t>
  </si>
  <si>
    <t>69129.0</t>
  </si>
  <si>
    <t>3226644.0</t>
  </si>
  <si>
    <t>267.118</t>
  </si>
  <si>
    <t>10589886.0</t>
  </si>
  <si>
    <t>6151069.0</t>
  </si>
  <si>
    <t>4786706.0</t>
  </si>
  <si>
    <t>644783.0</t>
  </si>
  <si>
    <t>107780.0</t>
  </si>
  <si>
    <t>86.63</t>
  </si>
  <si>
    <t>39.16</t>
  </si>
  <si>
    <t>69882.0</t>
  </si>
  <si>
    <t>12.598</t>
  </si>
  <si>
    <t>3244921.0</t>
  </si>
  <si>
    <t>18277.0</t>
  </si>
  <si>
    <t>268.631</t>
  </si>
  <si>
    <t>0.4704</t>
  </si>
  <si>
    <t>10694224.0</t>
  </si>
  <si>
    <t>6211411.0</t>
  </si>
  <si>
    <t>4813045.0</t>
  </si>
  <si>
    <t>662471.0</t>
  </si>
  <si>
    <t>104338.0</t>
  </si>
  <si>
    <t>101932.0</t>
  </si>
  <si>
    <t>87.48</t>
  </si>
  <si>
    <t>39.37</t>
  </si>
  <si>
    <t>8339.0</t>
  </si>
  <si>
    <t>65525.0</t>
  </si>
  <si>
    <t>3268320.0</t>
  </si>
  <si>
    <t>23399.0</t>
  </si>
  <si>
    <t>270.568</t>
  </si>
  <si>
    <t>19884.0</t>
  </si>
  <si>
    <t>1.646</t>
  </si>
  <si>
    <t>0.5383</t>
  </si>
  <si>
    <t>10787201.0</t>
  </si>
  <si>
    <t>6261522.0</t>
  </si>
  <si>
    <t>4837635.0</t>
  </si>
  <si>
    <t>680781.0</t>
  </si>
  <si>
    <t>92977.0</t>
  </si>
  <si>
    <t>95393.0</t>
  </si>
  <si>
    <t>51.22</t>
  </si>
  <si>
    <t>39.57</t>
  </si>
  <si>
    <t>58890.0</t>
  </si>
  <si>
    <t>3296361.0</t>
  </si>
  <si>
    <t>28041.0</t>
  </si>
  <si>
    <t>272.889</t>
  </si>
  <si>
    <t>20758.0</t>
  </si>
  <si>
    <t>0.5488</t>
  </si>
  <si>
    <t>10867524.0</t>
  </si>
  <si>
    <t>6302133.0</t>
  </si>
  <si>
    <t>4860395.0</t>
  </si>
  <si>
    <t>697746.0</t>
  </si>
  <si>
    <t>80323.0</t>
  </si>
  <si>
    <t>87735.0</t>
  </si>
  <si>
    <t>39.76</t>
  </si>
  <si>
    <t>51899.0</t>
  </si>
  <si>
    <t>3325343.0</t>
  </si>
  <si>
    <t>28982.0</t>
  </si>
  <si>
    <t>275.289</t>
  </si>
  <si>
    <t>21586.0</t>
  </si>
  <si>
    <t>0.4598</t>
  </si>
  <si>
    <t>10965771.0</t>
  </si>
  <si>
    <t>6355619.0</t>
  </si>
  <si>
    <t>4885240.0</t>
  </si>
  <si>
    <t>717714.0</t>
  </si>
  <si>
    <t>98247.0</t>
  </si>
  <si>
    <t>80795.0</t>
  </si>
  <si>
    <t>45771.0</t>
  </si>
  <si>
    <t>3355066.0</t>
  </si>
  <si>
    <t>29723.0</t>
  </si>
  <si>
    <t>277.749</t>
  </si>
  <si>
    <t>22398.0</t>
  </si>
  <si>
    <t>0.4633</t>
  </si>
  <si>
    <t>11038395.0</t>
  </si>
  <si>
    <t>6395421.0</t>
  </si>
  <si>
    <t>4903383.0</t>
  </si>
  <si>
    <t>732411.0</t>
  </si>
  <si>
    <t>72624.0</t>
  </si>
  <si>
    <t>78859.0</t>
  </si>
  <si>
    <t>43906.0</t>
  </si>
  <si>
    <t>3374289.0</t>
  </si>
  <si>
    <t>279.341</t>
  </si>
  <si>
    <t>22755.0</t>
  </si>
  <si>
    <t>0.3367</t>
  </si>
  <si>
    <t>11065718.0</t>
  </si>
  <si>
    <t>6410690.0</t>
  </si>
  <si>
    <t>4909187.0</t>
  </si>
  <si>
    <t>738671.0</t>
  </si>
  <si>
    <t>27323.0</t>
  </si>
  <si>
    <t>70450.0</t>
  </si>
  <si>
    <t>38537.0</t>
  </si>
  <si>
    <t>3385700.0</t>
  </si>
  <si>
    <t>11411.0</t>
  </si>
  <si>
    <t>280.285</t>
  </si>
  <si>
    <t>22722.0</t>
  </si>
  <si>
    <t>0.4521</t>
  </si>
  <si>
    <t>11075652.0</t>
  </si>
  <si>
    <t>6416251.0</t>
  </si>
  <si>
    <t>4911463.0</t>
  </si>
  <si>
    <t>740770.0</t>
  </si>
  <si>
    <t>69395.0</t>
  </si>
  <si>
    <t>40.18</t>
  </si>
  <si>
    <t>37883.0</t>
  </si>
  <si>
    <t>3406186.0</t>
  </si>
  <si>
    <t>20486.0</t>
  </si>
  <si>
    <t>281.981</t>
  </si>
  <si>
    <t>11214077.0</t>
  </si>
  <si>
    <t>6489235.0</t>
  </si>
  <si>
    <t>4957620.0</t>
  </si>
  <si>
    <t>762158.0</t>
  </si>
  <si>
    <t>138425.0</t>
  </si>
  <si>
    <t>74265.0</t>
  </si>
  <si>
    <t>91.74</t>
  </si>
  <si>
    <t>6075.0</t>
  </si>
  <si>
    <t>39689.0</t>
  </si>
  <si>
    <t>15.707</t>
  </si>
  <si>
    <t>3430741.0</t>
  </si>
  <si>
    <t>24555.0</t>
  </si>
  <si>
    <t>284.014</t>
  </si>
  <si>
    <t>23203.0</t>
  </si>
  <si>
    <t>1.921</t>
  </si>
  <si>
    <t>11289634.0</t>
  </si>
  <si>
    <t>6525632.0</t>
  </si>
  <si>
    <t>4984453.0</t>
  </si>
  <si>
    <t>774510.0</t>
  </si>
  <si>
    <t>75557.0</t>
  </si>
  <si>
    <t>71776.0</t>
  </si>
  <si>
    <t>92.36</t>
  </si>
  <si>
    <t>40.78</t>
  </si>
  <si>
    <t>37730.0</t>
  </si>
  <si>
    <t>16.852</t>
  </si>
  <si>
    <t>3455836.0</t>
  </si>
  <si>
    <t>25095.0</t>
  </si>
  <si>
    <t>286.092</t>
  </si>
  <si>
    <t>22782.0</t>
  </si>
  <si>
    <t>0.3946</t>
  </si>
  <si>
    <t>11357778.0</t>
  </si>
  <si>
    <t>6557320.0</t>
  </si>
  <si>
    <t>5008600.0</t>
  </si>
  <si>
    <t>786819.0</t>
  </si>
  <si>
    <t>68144.0</t>
  </si>
  <si>
    <t>70036.0</t>
  </si>
  <si>
    <t>92.91</t>
  </si>
  <si>
    <t>40.97</t>
  </si>
  <si>
    <t>36455.0</t>
  </si>
  <si>
    <t>3480473.0</t>
  </si>
  <si>
    <t>24637.0</t>
  </si>
  <si>
    <t>288.131</t>
  </si>
  <si>
    <t>0.5401</t>
  </si>
  <si>
    <t>11408180.0</t>
  </si>
  <si>
    <t>6577720.0</t>
  </si>
  <si>
    <t>5028922.0</t>
  </si>
  <si>
    <t>796499.0</t>
  </si>
  <si>
    <t>50402.0</t>
  </si>
  <si>
    <t>63201.0</t>
  </si>
  <si>
    <t>93.33</t>
  </si>
  <si>
    <t>53.81</t>
  </si>
  <si>
    <t>3502837.0</t>
  </si>
  <si>
    <t>22364.0</t>
  </si>
  <si>
    <t>289.983</t>
  </si>
  <si>
    <t>0.5361</t>
  </si>
  <si>
    <t>11468728.0</t>
  </si>
  <si>
    <t>6600781.0</t>
  </si>
  <si>
    <t>5052435.0</t>
  </si>
  <si>
    <t>810473.0</t>
  </si>
  <si>
    <t>60548.0</t>
  </si>
  <si>
    <t>61476.0</t>
  </si>
  <si>
    <t>93.82</t>
  </si>
  <si>
    <t>3516266.0</t>
  </si>
  <si>
    <t>13429.0</t>
  </si>
  <si>
    <t>291.094</t>
  </si>
  <si>
    <t>11479191.0</t>
  </si>
  <si>
    <t>6605271.0</t>
  </si>
  <si>
    <t>5055376.0</t>
  </si>
  <si>
    <t>813505.0</t>
  </si>
  <si>
    <t>59068.0</t>
  </si>
  <si>
    <t>93.91</t>
  </si>
  <si>
    <t>4832.0</t>
  </si>
  <si>
    <t>27797.0</t>
  </si>
  <si>
    <t>3524886.0</t>
  </si>
  <si>
    <t>291.808</t>
  </si>
  <si>
    <t>0.3995</t>
  </si>
  <si>
    <t>11485022.0</t>
  </si>
  <si>
    <t>6607547.0</t>
  </si>
  <si>
    <t>5057300.0</t>
  </si>
  <si>
    <t>815136.0</t>
  </si>
  <si>
    <t>58481.0</t>
  </si>
  <si>
    <t>93.95</t>
  </si>
  <si>
    <t>4784.0</t>
  </si>
  <si>
    <t>27328.0</t>
  </si>
  <si>
    <t>143.65</t>
  </si>
  <si>
    <t>3543586.0</t>
  </si>
  <si>
    <t>293.356</t>
  </si>
  <si>
    <t>19629.0</t>
  </si>
  <si>
    <t>0.4821</t>
  </si>
  <si>
    <t>11530381.0</t>
  </si>
  <si>
    <t>6622091.0</t>
  </si>
  <si>
    <t>5079663.0</t>
  </si>
  <si>
    <t>823588.0</t>
  </si>
  <si>
    <t>45359.0</t>
  </si>
  <si>
    <t>45186.0</t>
  </si>
  <si>
    <t>18979.0</t>
  </si>
  <si>
    <t>15.543</t>
  </si>
  <si>
    <t>3565412.0</t>
  </si>
  <si>
    <t>21826.0</t>
  </si>
  <si>
    <t>295.163</t>
  </si>
  <si>
    <t>19239.0</t>
  </si>
  <si>
    <t>0.4815</t>
  </si>
  <si>
    <t>11601193.0</t>
  </si>
  <si>
    <t>6648054.0</t>
  </si>
  <si>
    <t>5112190.0</t>
  </si>
  <si>
    <t>835910.0</t>
  </si>
  <si>
    <t>70812.0</t>
  </si>
  <si>
    <t>44508.0</t>
  </si>
  <si>
    <t>17489.0</t>
  </si>
  <si>
    <t>15.216</t>
  </si>
  <si>
    <t>3585590.0</t>
  </si>
  <si>
    <t>20178.0</t>
  </si>
  <si>
    <t>296.833</t>
  </si>
  <si>
    <t>18536.0</t>
  </si>
  <si>
    <t>0.4697</t>
  </si>
  <si>
    <t>11658763.0</t>
  </si>
  <si>
    <t>6664808.0</t>
  </si>
  <si>
    <t>5143396.0</t>
  </si>
  <si>
    <t>845520.0</t>
  </si>
  <si>
    <t>57570.0</t>
  </si>
  <si>
    <t>42998.0</t>
  </si>
  <si>
    <t>95.38</t>
  </si>
  <si>
    <t>15355.0</t>
  </si>
  <si>
    <t>126.88</t>
  </si>
  <si>
    <t>3605499.0</t>
  </si>
  <si>
    <t>19909.0</t>
  </si>
  <si>
    <t>298.482</t>
  </si>
  <si>
    <t>17861.0</t>
  </si>
  <si>
    <t>11709325.0</t>
  </si>
  <si>
    <t>6679305.0</t>
  </si>
  <si>
    <t>5171346.0</t>
  </si>
  <si>
    <t>853635.0</t>
  </si>
  <si>
    <t>95.79</t>
  </si>
  <si>
    <t>14512.0</t>
  </si>
  <si>
    <t>3623544.0</t>
  </si>
  <si>
    <t>299.975</t>
  </si>
  <si>
    <t>17244.0</t>
  </si>
  <si>
    <t>0.3072</t>
  </si>
  <si>
    <t>11763854.0</t>
  </si>
  <si>
    <t>6694190.0</t>
  </si>
  <si>
    <t>5201566.0</t>
  </si>
  <si>
    <t>863059.0</t>
  </si>
  <si>
    <t>54529.0</t>
  </si>
  <si>
    <t>42161.0</t>
  </si>
  <si>
    <t>96.23</t>
  </si>
  <si>
    <t>14.152</t>
  </si>
  <si>
    <t>3634922.0</t>
  </si>
  <si>
    <t>300.917</t>
  </si>
  <si>
    <t>0.3582</t>
  </si>
  <si>
    <t>11787553.0</t>
  </si>
  <si>
    <t>6701069.0</t>
  </si>
  <si>
    <t>5213649.0</t>
  </si>
  <si>
    <t>867796.0</t>
  </si>
  <si>
    <t>23699.0</t>
  </si>
  <si>
    <t>44052.0</t>
  </si>
  <si>
    <t>96.43</t>
  </si>
  <si>
    <t>3641476.0</t>
  </si>
  <si>
    <t>6554.0</t>
  </si>
  <si>
    <t>301.46</t>
  </si>
  <si>
    <t>0.4083</t>
  </si>
  <si>
    <t>11793899.0</t>
  </si>
  <si>
    <t>6703110.0</t>
  </si>
  <si>
    <t>5216344.0</t>
  </si>
  <si>
    <t>869406.0</t>
  </si>
  <si>
    <t>6346.0</t>
  </si>
  <si>
    <t>44125.0</t>
  </si>
  <si>
    <t>96.48</t>
  </si>
  <si>
    <t>3655342.0</t>
  </si>
  <si>
    <t>302.608</t>
  </si>
  <si>
    <t>0.3143</t>
  </si>
  <si>
    <t>11860582.0</t>
  </si>
  <si>
    <t>6726744.0</t>
  </si>
  <si>
    <t>5249625.0</t>
  </si>
  <si>
    <t>879174.0</t>
  </si>
  <si>
    <t>66683.0</t>
  </si>
  <si>
    <t>47172.0</t>
  </si>
  <si>
    <t>97.03</t>
  </si>
  <si>
    <t>14950.0</t>
  </si>
  <si>
    <t>58269.5</t>
  </si>
  <si>
    <t>4766.7667366322</t>
  </si>
  <si>
    <t>3670800.0</t>
  </si>
  <si>
    <t>303.887</t>
  </si>
  <si>
    <t>15055.0</t>
  </si>
  <si>
    <t>11895767.0</t>
  </si>
  <si>
    <t>6736240.0</t>
  </si>
  <si>
    <t>5269121.0</t>
  </si>
  <si>
    <t>885367.0</t>
  </si>
  <si>
    <t>35185.0</t>
  </si>
  <si>
    <t>42082.0</t>
  </si>
  <si>
    <t>11.944</t>
  </si>
  <si>
    <t>3687050.0</t>
  </si>
  <si>
    <t>16250.0</t>
  </si>
  <si>
    <t>305.233</t>
  </si>
  <si>
    <t>11932309.0</t>
  </si>
  <si>
    <t>6745618.0</t>
  </si>
  <si>
    <t>5289506.0</t>
  </si>
  <si>
    <t>892146.0</t>
  </si>
  <si>
    <t>39078.0</t>
  </si>
  <si>
    <t>97.61</t>
  </si>
  <si>
    <t>43.27</t>
  </si>
  <si>
    <t>11544.0</t>
  </si>
  <si>
    <t>3702658.0</t>
  </si>
  <si>
    <t>306.525</t>
  </si>
  <si>
    <t>0.2605</t>
  </si>
  <si>
    <t>11965627.0</t>
  </si>
  <si>
    <t>6753158.0</t>
  </si>
  <si>
    <t>5308361.0</t>
  </si>
  <si>
    <t>899069.0</t>
  </si>
  <si>
    <t>55.24</t>
  </si>
  <si>
    <t>3716626.0</t>
  </si>
  <si>
    <t>307.681</t>
  </si>
  <si>
    <t>13297.0</t>
  </si>
  <si>
    <t>12015161.0</t>
  </si>
  <si>
    <t>6766140.0</t>
  </si>
  <si>
    <t>5334637.0</t>
  </si>
  <si>
    <t>909345.0</t>
  </si>
  <si>
    <t>35901.0</t>
  </si>
  <si>
    <t>98.29</t>
  </si>
  <si>
    <t>55.35</t>
  </si>
  <si>
    <t>43.64</t>
  </si>
  <si>
    <t>84.341</t>
  </si>
  <si>
    <t>3723509.0</t>
  </si>
  <si>
    <t>6883.0</t>
  </si>
  <si>
    <t>308.251</t>
  </si>
  <si>
    <t>0.2773</t>
  </si>
  <si>
    <t>12035055.0</t>
  </si>
  <si>
    <t>6771198.0</t>
  </si>
  <si>
    <t>5345366.0</t>
  </si>
  <si>
    <t>913452.0</t>
  </si>
  <si>
    <t>35357.0</t>
  </si>
  <si>
    <t>98.45</t>
  </si>
  <si>
    <t>81.233</t>
  </si>
  <si>
    <t>3728250.0</t>
  </si>
  <si>
    <t>4741.0</t>
  </si>
  <si>
    <t>308.643</t>
  </si>
  <si>
    <t>0.2244</t>
  </si>
  <si>
    <t>12039368.0</t>
  </si>
  <si>
    <t>6772334.0</t>
  </si>
  <si>
    <t>5347351.0</t>
  </si>
  <si>
    <t>914644.0</t>
  </si>
  <si>
    <t>4313.0</t>
  </si>
  <si>
    <t>35067.0</t>
  </si>
  <si>
    <t>3739120.0</t>
  </si>
  <si>
    <t>309.543</t>
  </si>
  <si>
    <t>12072776.0</t>
  </si>
  <si>
    <t>6781575.0</t>
  </si>
  <si>
    <t>5364939.0</t>
  </si>
  <si>
    <t>921223.0</t>
  </si>
  <si>
    <t>33408.0</t>
  </si>
  <si>
    <t>30313.0</t>
  </si>
  <si>
    <t>98.76</t>
  </si>
  <si>
    <t>55.48</t>
  </si>
  <si>
    <t>7833.0</t>
  </si>
  <si>
    <t>3752112.0</t>
  </si>
  <si>
    <t>310.619</t>
  </si>
  <si>
    <t>0.1891</t>
  </si>
  <si>
    <t>12107100.0</t>
  </si>
  <si>
    <t>6789249.0</t>
  </si>
  <si>
    <t>5383754.0</t>
  </si>
  <si>
    <t>929058.0</t>
  </si>
  <si>
    <t>34324.0</t>
  </si>
  <si>
    <t>7573.0</t>
  </si>
  <si>
    <t>3763469.0</t>
  </si>
  <si>
    <t>11357.0</t>
  </si>
  <si>
    <t>311.559</t>
  </si>
  <si>
    <t>0.1995</t>
  </si>
  <si>
    <t>12145082.0</t>
  </si>
  <si>
    <t>6798156.0</t>
  </si>
  <si>
    <t>5403324.0</t>
  </si>
  <si>
    <t>938563.0</t>
  </si>
  <si>
    <t>30396.0</t>
  </si>
  <si>
    <t>3775050.0</t>
  </si>
  <si>
    <t>312.518</t>
  </si>
  <si>
    <t>0.1637</t>
  </si>
  <si>
    <t>12180886.0</t>
  </si>
  <si>
    <t>6806843.0</t>
  </si>
  <si>
    <t>5421242.0</t>
  </si>
  <si>
    <t>947762.0</t>
  </si>
  <si>
    <t>35804.0</t>
  </si>
  <si>
    <t>99.65</t>
  </si>
  <si>
    <t>55.68</t>
  </si>
  <si>
    <t>3785700.0</t>
  </si>
  <si>
    <t>313.399</t>
  </si>
  <si>
    <t>9868.0</t>
  </si>
  <si>
    <t>12220558.0</t>
  </si>
  <si>
    <t>6817070.0</t>
  </si>
  <si>
    <t>5440391.0</t>
  </si>
  <si>
    <t>958058.0</t>
  </si>
  <si>
    <t>39672.0</t>
  </si>
  <si>
    <t>29342.0</t>
  </si>
  <si>
    <t>99.97</t>
  </si>
  <si>
    <t>3791429.0</t>
  </si>
  <si>
    <t>313.874</t>
  </si>
  <si>
    <t>12241801.0</t>
  </si>
  <si>
    <t>6823067.0</t>
  </si>
  <si>
    <t>5450039.0</t>
  </si>
  <si>
    <t>963656.0</t>
  </si>
  <si>
    <t>21243.0</t>
  </si>
  <si>
    <t>29535.0</t>
  </si>
  <si>
    <t>100.14</t>
  </si>
  <si>
    <t>7410.0</t>
  </si>
  <si>
    <t>3794276.0</t>
  </si>
  <si>
    <t>314.109</t>
  </si>
  <si>
    <t>9432.0</t>
  </si>
  <si>
    <t>12247228.0</t>
  </si>
  <si>
    <t>6824607.0</t>
  </si>
  <si>
    <t>5451936.0</t>
  </si>
  <si>
    <t>965646.0</t>
  </si>
  <si>
    <t>100.19</t>
  </si>
  <si>
    <t>3801605.0</t>
  </si>
  <si>
    <t>314.716</t>
  </si>
  <si>
    <t>0.1616</t>
  </si>
  <si>
    <t>12278634.0</t>
  </si>
  <si>
    <t>6833886.0</t>
  </si>
  <si>
    <t>5465759.0</t>
  </si>
  <si>
    <t>973950.0</t>
  </si>
  <si>
    <t>31406.0</t>
  </si>
  <si>
    <t>100.45</t>
  </si>
  <si>
    <t>3809581.0</t>
  </si>
  <si>
    <t>315.376</t>
  </si>
  <si>
    <t>8210.0</t>
  </si>
  <si>
    <t>12311839.0</t>
  </si>
  <si>
    <t>6842915.0</t>
  </si>
  <si>
    <t>5481227.0</t>
  </si>
  <si>
    <t>33205.0</t>
  </si>
  <si>
    <t>29248.0</t>
  </si>
  <si>
    <t>100.72</t>
  </si>
  <si>
    <t>3817912.0</t>
  </si>
  <si>
    <t>316.066</t>
  </si>
  <si>
    <t>12344214.0</t>
  </si>
  <si>
    <t>6852189.0</t>
  </si>
  <si>
    <t>5495795.0</t>
  </si>
  <si>
    <t>991191.0</t>
  </si>
  <si>
    <t>32375.0</t>
  </si>
  <si>
    <t>28447.0</t>
  </si>
  <si>
    <t>3826181.0</t>
  </si>
  <si>
    <t>8269.0</t>
  </si>
  <si>
    <t>316.751</t>
  </si>
  <si>
    <t>12378961.0</t>
  </si>
  <si>
    <t>6862399.0</t>
  </si>
  <si>
    <t>5511748.0</t>
  </si>
  <si>
    <t>999775.0</t>
  </si>
  <si>
    <t>34747.0</t>
  </si>
  <si>
    <t>28296.0</t>
  </si>
  <si>
    <t>45.09</t>
  </si>
  <si>
    <t>7937.0</t>
  </si>
  <si>
    <t>39.594</t>
  </si>
  <si>
    <t>3833646.0</t>
  </si>
  <si>
    <t>317.369</t>
  </si>
  <si>
    <t>0.1519</t>
  </si>
  <si>
    <t>12412081.0</t>
  </si>
  <si>
    <t>6872780.0</t>
  </si>
  <si>
    <t>5526428.0</t>
  </si>
  <si>
    <t>1007834.0</t>
  </si>
  <si>
    <t>33120.0</t>
  </si>
  <si>
    <t>27360.0</t>
  </si>
  <si>
    <t>101.54</t>
  </si>
  <si>
    <t>3838299.0</t>
  </si>
  <si>
    <t>4653.0</t>
  </si>
  <si>
    <t>317.754</t>
  </si>
  <si>
    <t>6696.0</t>
  </si>
  <si>
    <t>0.1364</t>
  </si>
  <si>
    <t>12430558.0</t>
  </si>
  <si>
    <t>6878437.0</t>
  </si>
  <si>
    <t>5534819.0</t>
  </si>
  <si>
    <t>1012263.0</t>
  </si>
  <si>
    <t>26965.0</t>
  </si>
  <si>
    <t>101.69</t>
  </si>
  <si>
    <t>3841589.0</t>
  </si>
  <si>
    <t>3290.0</t>
  </si>
  <si>
    <t>318.026</t>
  </si>
  <si>
    <t>12434582.0</t>
  </si>
  <si>
    <t>6879571.0</t>
  </si>
  <si>
    <t>5536472.0</t>
  </si>
  <si>
    <t>1013500.0</t>
  </si>
  <si>
    <t>101.72</t>
  </si>
  <si>
    <t>45.29</t>
  </si>
  <si>
    <t>7852.0</t>
  </si>
  <si>
    <t>3847359.0</t>
  </si>
  <si>
    <t>318.504</t>
  </si>
  <si>
    <t>6536.0</t>
  </si>
  <si>
    <t>12461951.0</t>
  </si>
  <si>
    <t>6887620.0</t>
  </si>
  <si>
    <t>5548888.0</t>
  </si>
  <si>
    <t>1020404.0</t>
  </si>
  <si>
    <t>101.95</t>
  </si>
  <si>
    <t>3854652.0</t>
  </si>
  <si>
    <t>319.108</t>
  </si>
  <si>
    <t>12490559.0</t>
  </si>
  <si>
    <t>6896813.0</t>
  </si>
  <si>
    <t>5561274.0</t>
  </si>
  <si>
    <t>1027433.0</t>
  </si>
  <si>
    <t>28608.0</t>
  </si>
  <si>
    <t>25531.0</t>
  </si>
  <si>
    <t>7700.0</t>
  </si>
  <si>
    <t>3862582.0</t>
  </si>
  <si>
    <t>7930.0</t>
  </si>
  <si>
    <t>319.764</t>
  </si>
  <si>
    <t>0.1066</t>
  </si>
  <si>
    <t>12518477.0</t>
  </si>
  <si>
    <t>6906461.0</t>
  </si>
  <si>
    <t>5573320.0</t>
  </si>
  <si>
    <t>1033657.0</t>
  </si>
  <si>
    <t>27918.0</t>
  </si>
  <si>
    <t>24895.0</t>
  </si>
  <si>
    <t>102.41</t>
  </si>
  <si>
    <t>45.59</t>
  </si>
  <si>
    <t>4.008</t>
  </si>
  <si>
    <t>3868938.0</t>
  </si>
  <si>
    <t>320.29</t>
  </si>
  <si>
    <t>12554402.0</t>
  </si>
  <si>
    <t>6918700.0</t>
  </si>
  <si>
    <t>5589509.0</t>
  </si>
  <si>
    <t>1041154.0</t>
  </si>
  <si>
    <t>35925.0</t>
  </si>
  <si>
    <t>28.059</t>
  </si>
  <si>
    <t>3875484.0</t>
  </si>
  <si>
    <t>320.832</t>
  </si>
  <si>
    <t>12576940.0</t>
  </si>
  <si>
    <t>6926581.0</t>
  </si>
  <si>
    <t>5599653.0</t>
  </si>
  <si>
    <t>1045667.0</t>
  </si>
  <si>
    <t>22538.0</t>
  </si>
  <si>
    <t>102.89</t>
  </si>
  <si>
    <t>56.66</t>
  </si>
  <si>
    <t>7686.0</t>
  </si>
  <si>
    <t>3879049.0</t>
  </si>
  <si>
    <t>321.127</t>
  </si>
  <si>
    <t>12586663.0</t>
  </si>
  <si>
    <t>6929767.0</t>
  </si>
  <si>
    <t>5604074.0</t>
  </si>
  <si>
    <t>1047783.0</t>
  </si>
  <si>
    <t>22301.0</t>
  </si>
  <si>
    <t>102.97</t>
  </si>
  <si>
    <t>7333.0</t>
  </si>
  <si>
    <t>26.505</t>
  </si>
  <si>
    <t>3881135.0</t>
  </si>
  <si>
    <t>321.3</t>
  </si>
  <si>
    <t>12588095.0</t>
  </si>
  <si>
    <t>6930139.0</t>
  </si>
  <si>
    <t>5604676.0</t>
  </si>
  <si>
    <t>1048241.0</t>
  </si>
  <si>
    <t>21930.0</t>
  </si>
  <si>
    <t>102.98</t>
  </si>
  <si>
    <t>4.172</t>
  </si>
  <si>
    <t>3882485.0</t>
  </si>
  <si>
    <t>321.412</t>
  </si>
  <si>
    <t>12589125.0</t>
  </si>
  <si>
    <t>6930367.0</t>
  </si>
  <si>
    <t>5605224.0</t>
  </si>
  <si>
    <t>1048495.0</t>
  </si>
  <si>
    <t>18168.0</t>
  </si>
  <si>
    <t>102.99</t>
  </si>
  <si>
    <t>3884359.0</t>
  </si>
  <si>
    <t>321.567</t>
  </si>
  <si>
    <t>12589867.0</t>
  </si>
  <si>
    <t>6930515.0</t>
  </si>
  <si>
    <t>5605495.0</t>
  </si>
  <si>
    <t>1048818.0</t>
  </si>
  <si>
    <t>14187.0</t>
  </si>
  <si>
    <t>3889340.0</t>
  </si>
  <si>
    <t>321.979</t>
  </si>
  <si>
    <t>12615895.0</t>
  </si>
  <si>
    <t>6938144.0</t>
  </si>
  <si>
    <t>5616868.0</t>
  </si>
  <si>
    <t>1055844.0</t>
  </si>
  <si>
    <t>26028.0</t>
  </si>
  <si>
    <t>45.95</t>
  </si>
  <si>
    <t>3895798.0</t>
  </si>
  <si>
    <t>322.514</t>
  </si>
  <si>
    <t>12625899.0</t>
  </si>
  <si>
    <t>6941454.0</t>
  </si>
  <si>
    <t>5621169.0</t>
  </si>
  <si>
    <t>1058237.0</t>
  </si>
  <si>
    <t>10214.0</t>
  </si>
  <si>
    <t>103.29</t>
  </si>
  <si>
    <t>23.887</t>
  </si>
  <si>
    <t>3901499.0</t>
  </si>
  <si>
    <t>322.986</t>
  </si>
  <si>
    <t>12683665.0</t>
  </si>
  <si>
    <t>6958707.0</t>
  </si>
  <si>
    <t>5647597.0</t>
  </si>
  <si>
    <t>1072322.0</t>
  </si>
  <si>
    <t>103.76</t>
  </si>
  <si>
    <t>3906744.0</t>
  </si>
  <si>
    <t>323.42</t>
  </si>
  <si>
    <t>12700090.0</t>
  </si>
  <si>
    <t>6962520.0</t>
  </si>
  <si>
    <t>5652782.0</t>
  </si>
  <si>
    <t>1079749.0</t>
  </si>
  <si>
    <t>16425.0</t>
  </si>
  <si>
    <t>103.89</t>
  </si>
  <si>
    <t>3909536.0</t>
  </si>
  <si>
    <t>323.651</t>
  </si>
  <si>
    <t>12702608.0</t>
  </si>
  <si>
    <t>6963285.0</t>
  </si>
  <si>
    <t>5653701.0</t>
  </si>
  <si>
    <t>1080583.0</t>
  </si>
  <si>
    <t>103.91</t>
  </si>
  <si>
    <t>24.296</t>
  </si>
  <si>
    <t>3915409.0</t>
  </si>
  <si>
    <t>324.137</t>
  </si>
  <si>
    <t>12720136.0</t>
  </si>
  <si>
    <t>6969101.0</t>
  </si>
  <si>
    <t>5660552.0</t>
  </si>
  <si>
    <t>1085444.0</t>
  </si>
  <si>
    <t>17528.0</t>
  </si>
  <si>
    <t>18716.0</t>
  </si>
  <si>
    <t>3922084.0</t>
  </si>
  <si>
    <t>324.69</t>
  </si>
  <si>
    <t>12736142.0</t>
  </si>
  <si>
    <t>6974121.0</t>
  </si>
  <si>
    <t>5666928.0</t>
  </si>
  <si>
    <t>1090054.0</t>
  </si>
  <si>
    <t>104.19</t>
  </si>
  <si>
    <t>6229.0</t>
  </si>
  <si>
    <t>3929263.0</t>
  </si>
  <si>
    <t>325.284</t>
  </si>
  <si>
    <t>12755225.0</t>
  </si>
  <si>
    <t>6979572.0</t>
  </si>
  <si>
    <t>5674108.0</t>
  </si>
  <si>
    <t>1096506.0</t>
  </si>
  <si>
    <t>19083.0</t>
  </si>
  <si>
    <t>104.34</t>
  </si>
  <si>
    <t>3936484.0</t>
  </si>
  <si>
    <t>325.882</t>
  </si>
  <si>
    <t>12777499.0</t>
  </si>
  <si>
    <t>6986370.0</t>
  </si>
  <si>
    <t>5682300.0</t>
  </si>
  <si>
    <t>1103790.0</t>
  </si>
  <si>
    <t>22274.0</t>
  </si>
  <si>
    <t>21657.0</t>
  </si>
  <si>
    <t>104.53</t>
  </si>
  <si>
    <t>3943221.0</t>
  </si>
  <si>
    <t>6737.0</t>
  </si>
  <si>
    <t>326.44</t>
  </si>
  <si>
    <t>12802736.0</t>
  </si>
  <si>
    <t>6993368.0</t>
  </si>
  <si>
    <t>5691668.0</t>
  </si>
  <si>
    <t>1112661.0</t>
  </si>
  <si>
    <t>25237.0</t>
  </si>
  <si>
    <t>17010.0</t>
  </si>
  <si>
    <t>104.73</t>
  </si>
  <si>
    <t>3948242.0</t>
  </si>
  <si>
    <t>326.856</t>
  </si>
  <si>
    <t>12810001.0</t>
  </si>
  <si>
    <t>6995489.0</t>
  </si>
  <si>
    <t>5693888.0</t>
  </si>
  <si>
    <t>1115585.0</t>
  </si>
  <si>
    <t>7265.0</t>
  </si>
  <si>
    <t>104.79</t>
  </si>
  <si>
    <t>3950904.0</t>
  </si>
  <si>
    <t>327.076</t>
  </si>
  <si>
    <t>12813437.0</t>
  </si>
  <si>
    <t>6996135.0</t>
  </si>
  <si>
    <t>5694373.0</t>
  </si>
  <si>
    <t>1117890.0</t>
  </si>
  <si>
    <t>104.82</t>
  </si>
  <si>
    <t>21.515</t>
  </si>
  <si>
    <t>3957302.0</t>
  </si>
  <si>
    <t>327.606</t>
  </si>
  <si>
    <t>12852280.0</t>
  </si>
  <si>
    <t>7009674.0</t>
  </si>
  <si>
    <t>5706717.0</t>
  </si>
  <si>
    <t>1130850.0</t>
  </si>
  <si>
    <t>38843.0</t>
  </si>
  <si>
    <t>18878.0</t>
  </si>
  <si>
    <t>105.14</t>
  </si>
  <si>
    <t>3964009.0</t>
  </si>
  <si>
    <t>328.161</t>
  </si>
  <si>
    <t>5989.0</t>
  </si>
  <si>
    <t>12882007.0</t>
  </si>
  <si>
    <t>7018188.0</t>
  </si>
  <si>
    <t>5716499.0</t>
  </si>
  <si>
    <t>1142281.0</t>
  </si>
  <si>
    <t>29727.0</t>
  </si>
  <si>
    <t>20838.0</t>
  </si>
  <si>
    <t>105.38</t>
  </si>
  <si>
    <t>3971058.0</t>
  </si>
  <si>
    <t>328.744</t>
  </si>
  <si>
    <t>5971.0</t>
  </si>
  <si>
    <t>12919651.0</t>
  </si>
  <si>
    <t>7027712.0</t>
  </si>
  <si>
    <t>5729223.0</t>
  </si>
  <si>
    <t>1157677.0</t>
  </si>
  <si>
    <t>37644.0</t>
  </si>
  <si>
    <t>23489.0</t>
  </si>
  <si>
    <t>3977225.0</t>
  </si>
  <si>
    <t>329.255</t>
  </si>
  <si>
    <t>12941726.0</t>
  </si>
  <si>
    <t>7033766.0</t>
  </si>
  <si>
    <t>5736736.0</t>
  </si>
  <si>
    <t>1166185.0</t>
  </si>
  <si>
    <t>23461.0</t>
  </si>
  <si>
    <t>3983485.0</t>
  </si>
  <si>
    <t>329.773</t>
  </si>
  <si>
    <t>12962871.0</t>
  </si>
  <si>
    <t>7040304.0</t>
  </si>
  <si>
    <t>5744901.0</t>
  </si>
  <si>
    <t>1172627.0</t>
  </si>
  <si>
    <t>21145.0</t>
  </si>
  <si>
    <t>106.04</t>
  </si>
  <si>
    <t>3986951.0</t>
  </si>
  <si>
    <t>330.06</t>
  </si>
  <si>
    <t>12971350.0</t>
  </si>
  <si>
    <t>7043131.0</t>
  </si>
  <si>
    <t>5747887.0</t>
  </si>
  <si>
    <t>1175293.0</t>
  </si>
  <si>
    <t>23050.0</t>
  </si>
  <si>
    <t>47.02</t>
  </si>
  <si>
    <t>9.61</t>
  </si>
  <si>
    <t>3.436</t>
  </si>
  <si>
    <t>20.779</t>
  </si>
  <si>
    <t>3989232.0</t>
  </si>
  <si>
    <t>330.249</t>
  </si>
  <si>
    <t>12972825.0</t>
  </si>
  <si>
    <t>7043449.0</t>
  </si>
  <si>
    <t>5748311.0</t>
  </si>
  <si>
    <t>1176026.0</t>
  </si>
  <si>
    <t>22770.0</t>
  </si>
  <si>
    <t>106.12</t>
  </si>
  <si>
    <t>3994466.0</t>
  </si>
  <si>
    <t>5234.0</t>
  </si>
  <si>
    <t>330.682</t>
  </si>
  <si>
    <t>12986554.0</t>
  </si>
  <si>
    <t>7047412.0</t>
  </si>
  <si>
    <t>5752897.0</t>
  </si>
  <si>
    <t>1181206.0</t>
  </si>
  <si>
    <t>13729.0</t>
  </si>
  <si>
    <t>19182.0</t>
  </si>
  <si>
    <t>5391.0</t>
  </si>
  <si>
    <t>4001392.0</t>
  </si>
  <si>
    <t>331.256</t>
  </si>
  <si>
    <t>13003762.0</t>
  </si>
  <si>
    <t>7052444.0</t>
  </si>
  <si>
    <t>5758741.0</t>
  </si>
  <si>
    <t>1187538.0</t>
  </si>
  <si>
    <t>17208.0</t>
  </si>
  <si>
    <t>18.161</t>
  </si>
  <si>
    <t>4007187.0</t>
  </si>
  <si>
    <t>331.735</t>
  </si>
  <si>
    <t>13021840.0</t>
  </si>
  <si>
    <t>7057834.0</t>
  </si>
  <si>
    <t>5765023.0</t>
  </si>
  <si>
    <t>1193944.0</t>
  </si>
  <si>
    <t>18078.0</t>
  </si>
  <si>
    <t>4013996.0</t>
  </si>
  <si>
    <t>332.299</t>
  </si>
  <si>
    <t>5253.0</t>
  </si>
  <si>
    <t>13034118.0</t>
  </si>
  <si>
    <t>7061332.0</t>
  </si>
  <si>
    <t>5769428.0</t>
  </si>
  <si>
    <t>1198319.0</t>
  </si>
  <si>
    <t>13199.0</t>
  </si>
  <si>
    <t>106.63</t>
  </si>
  <si>
    <t>4020057.0</t>
  </si>
  <si>
    <t>332.801</t>
  </si>
  <si>
    <t>13056982.0</t>
  </si>
  <si>
    <t>7068049.0</t>
  </si>
  <si>
    <t>5777738.0</t>
  </si>
  <si>
    <t>1206156.0</t>
  </si>
  <si>
    <t>22864.0</t>
  </si>
  <si>
    <t>13444.0</t>
  </si>
  <si>
    <t>106.81</t>
  </si>
  <si>
    <t>47.27</t>
  </si>
  <si>
    <t>4024680.0</t>
  </si>
  <si>
    <t>333.183</t>
  </si>
  <si>
    <t>13062659.0</t>
  </si>
  <si>
    <t>7069468.0</t>
  </si>
  <si>
    <t>5779744.0</t>
  </si>
  <si>
    <t>1208408.0</t>
  </si>
  <si>
    <t>106.86</t>
  </si>
  <si>
    <t>4027180.0</t>
  </si>
  <si>
    <t>333.39</t>
  </si>
  <si>
    <t>5421.0</t>
  </si>
  <si>
    <t>13064425.0</t>
  </si>
  <si>
    <t>7069869.0</t>
  </si>
  <si>
    <t>5780269.0</t>
  </si>
  <si>
    <t>1209248.0</t>
  </si>
  <si>
    <t>13086.0</t>
  </si>
  <si>
    <t>106.87</t>
  </si>
  <si>
    <t>47.29</t>
  </si>
  <si>
    <t>18.733</t>
  </si>
  <si>
    <t>4032697.0</t>
  </si>
  <si>
    <t>333.847</t>
  </si>
  <si>
    <t>13080163.0</t>
  </si>
  <si>
    <t>7073836.0</t>
  </si>
  <si>
    <t>5785706.0</t>
  </si>
  <si>
    <t>1215582.0</t>
  </si>
  <si>
    <t>47.33</t>
  </si>
  <si>
    <t>4038839.0</t>
  </si>
  <si>
    <t>6142.0</t>
  </si>
  <si>
    <t>334.356</t>
  </si>
  <si>
    <t>5350.0</t>
  </si>
  <si>
    <t>13093658.0</t>
  </si>
  <si>
    <t>7077224.0</t>
  </si>
  <si>
    <t>5790123.0</t>
  </si>
  <si>
    <t>1221272.0</t>
  </si>
  <si>
    <t>107.11</t>
  </si>
  <si>
    <t>47.37</t>
  </si>
  <si>
    <t>2.863</t>
  </si>
  <si>
    <t>4045301.0</t>
  </si>
  <si>
    <t>334.891</t>
  </si>
  <si>
    <t>13108260.0</t>
  </si>
  <si>
    <t>7080636.0</t>
  </si>
  <si>
    <t>5795307.0</t>
  </si>
  <si>
    <t>1227278.0</t>
  </si>
  <si>
    <t>14602.0</t>
  </si>
  <si>
    <t>2.781</t>
  </si>
  <si>
    <t>4051348.0</t>
  </si>
  <si>
    <t>335.391</t>
  </si>
  <si>
    <t>13125458.0</t>
  </si>
  <si>
    <t>7084602.0</t>
  </si>
  <si>
    <t>5801455.0</t>
  </si>
  <si>
    <t>1234362.0</t>
  </si>
  <si>
    <t>107.37</t>
  </si>
  <si>
    <t>57.96</t>
  </si>
  <si>
    <t>4056140.0</t>
  </si>
  <si>
    <t>335.788</t>
  </si>
  <si>
    <t>13140213.0</t>
  </si>
  <si>
    <t>7088507.0</t>
  </si>
  <si>
    <t>5807165.0</t>
  </si>
  <si>
    <t>1239502.0</t>
  </si>
  <si>
    <t>11890.0</t>
  </si>
  <si>
    <t>107.49</t>
  </si>
  <si>
    <t>47.51</t>
  </si>
  <si>
    <t>15.379</t>
  </si>
  <si>
    <t>4061129.0</t>
  </si>
  <si>
    <t>336.201</t>
  </si>
  <si>
    <t>5207.0</t>
  </si>
  <si>
    <t>13146111.0</t>
  </si>
  <si>
    <t>7090384.0</t>
  </si>
  <si>
    <t>5809590.0</t>
  </si>
  <si>
    <t>1241098.0</t>
  </si>
  <si>
    <t>107.54</t>
  </si>
  <si>
    <t>47.53</t>
  </si>
  <si>
    <t>4063018.0</t>
  </si>
  <si>
    <t>336.357</t>
  </si>
  <si>
    <t>13147393.0</t>
  </si>
  <si>
    <t>7090704.0</t>
  </si>
  <si>
    <t>5809996.0</t>
  </si>
  <si>
    <t>1241654.0</t>
  </si>
  <si>
    <t>107.55</t>
  </si>
  <si>
    <t>4067793.0</t>
  </si>
  <si>
    <t>336.753</t>
  </si>
  <si>
    <t>13156072.0</t>
  </si>
  <si>
    <t>7093270.0</t>
  </si>
  <si>
    <t>5813602.0</t>
  </si>
  <si>
    <t>1244161.0</t>
  </si>
  <si>
    <t>107.62</t>
  </si>
  <si>
    <t>47.56</t>
  </si>
  <si>
    <t>4073556.0</t>
  </si>
  <si>
    <t>337.23</t>
  </si>
  <si>
    <t>13165848.0</t>
  </si>
  <si>
    <t>7096102.0</t>
  </si>
  <si>
    <t>5817913.0</t>
  </si>
  <si>
    <t>1246794.0</t>
  </si>
  <si>
    <t>107.7</t>
  </si>
  <si>
    <t>4079510.0</t>
  </si>
  <si>
    <t>337.723</t>
  </si>
  <si>
    <t>13170288.0</t>
  </si>
  <si>
    <t>7097222.0</t>
  </si>
  <si>
    <t>5819229.0</t>
  </si>
  <si>
    <t>1248798.0</t>
  </si>
  <si>
    <t>8861.0</t>
  </si>
  <si>
    <t>107.74</t>
  </si>
  <si>
    <t>4085133.0</t>
  </si>
  <si>
    <t>338.188</t>
  </si>
  <si>
    <t>4826.0</t>
  </si>
  <si>
    <t>13176641.0</t>
  </si>
  <si>
    <t>7099014.0</t>
  </si>
  <si>
    <t>5821889.0</t>
  </si>
  <si>
    <t>1250699.0</t>
  </si>
  <si>
    <t>107.79</t>
  </si>
  <si>
    <t>10.23</t>
  </si>
  <si>
    <t>4090727.0</t>
  </si>
  <si>
    <t>338.651</t>
  </si>
  <si>
    <t>13189696.0</t>
  </si>
  <si>
    <t>7102999.0</t>
  </si>
  <si>
    <t>5828852.0</t>
  </si>
  <si>
    <t>1252806.0</t>
  </si>
  <si>
    <t>13055.0</t>
  </si>
  <si>
    <t>4094979.0</t>
  </si>
  <si>
    <t>339.003</t>
  </si>
  <si>
    <t>13194781.0</t>
  </si>
  <si>
    <t>7104450.0</t>
  </si>
  <si>
    <t>5831259.0</t>
  </si>
  <si>
    <t>1254033.0</t>
  </si>
  <si>
    <t>107.94</t>
  </si>
  <si>
    <t>4097060.0</t>
  </si>
  <si>
    <t>339.175</t>
  </si>
  <si>
    <t>13195559.0</t>
  </si>
  <si>
    <t>7104636.0</t>
  </si>
  <si>
    <t>5831593.0</t>
  </si>
  <si>
    <t>1254291.0</t>
  </si>
  <si>
    <t>4101672.0</t>
  </si>
  <si>
    <t>339.557</t>
  </si>
  <si>
    <t>13201270.0</t>
  </si>
  <si>
    <t>7106071.0</t>
  </si>
  <si>
    <t>5834249.0</t>
  </si>
  <si>
    <t>1255911.0</t>
  </si>
  <si>
    <t>107.99</t>
  </si>
  <si>
    <t>47.73</t>
  </si>
  <si>
    <t>4107262.0</t>
  </si>
  <si>
    <t>340.02</t>
  </si>
  <si>
    <t>13208182.0</t>
  </si>
  <si>
    <t>7107940.0</t>
  </si>
  <si>
    <t>5837415.0</t>
  </si>
  <si>
    <t>1257788.0</t>
  </si>
  <si>
    <t>6048.0</t>
  </si>
  <si>
    <t>108.05</t>
  </si>
  <si>
    <t>47.75</t>
  </si>
  <si>
    <t>4112379.0</t>
  </si>
  <si>
    <t>340.444</t>
  </si>
  <si>
    <t>13215081.0</t>
  </si>
  <si>
    <t>7109658.0</t>
  </si>
  <si>
    <t>5840587.0</t>
  </si>
  <si>
    <t>1259797.0</t>
  </si>
  <si>
    <t>47.78</t>
  </si>
  <si>
    <t>4117962.0</t>
  </si>
  <si>
    <t>340.906</t>
  </si>
  <si>
    <t>13223438.0</t>
  </si>
  <si>
    <t>7111837.0</t>
  </si>
  <si>
    <t>5844596.0</t>
  </si>
  <si>
    <t>1261966.0</t>
  </si>
  <si>
    <t>8357.0</t>
  </si>
  <si>
    <t>108.18</t>
  </si>
  <si>
    <t>4120904.0</t>
  </si>
  <si>
    <t>341.149</t>
  </si>
  <si>
    <t>13225599.0</t>
  </si>
  <si>
    <t>7112347.0</t>
  </si>
  <si>
    <t>5845562.0</t>
  </si>
  <si>
    <t>1262651.0</t>
  </si>
  <si>
    <t>5129.0</t>
  </si>
  <si>
    <t>47.82</t>
  </si>
  <si>
    <t>4124034.0</t>
  </si>
  <si>
    <t>341.408</t>
  </si>
  <si>
    <t>13227188.0</t>
  </si>
  <si>
    <t>7112764.0</t>
  </si>
  <si>
    <t>5846210.0</t>
  </si>
  <si>
    <t>1263175.0</t>
  </si>
  <si>
    <t>108.21</t>
  </si>
  <si>
    <t>47.83</t>
  </si>
  <si>
    <t>4125535.0</t>
  </si>
  <si>
    <t>341.533</t>
  </si>
  <si>
    <t>13227774.0</t>
  </si>
  <si>
    <t>7112887.0</t>
  </si>
  <si>
    <t>5846414.0</t>
  </si>
  <si>
    <t>1263434.0</t>
  </si>
  <si>
    <t>4130505.0</t>
  </si>
  <si>
    <t>341.944</t>
  </si>
  <si>
    <t>13334551.0</t>
  </si>
  <si>
    <t>7146557.0</t>
  </si>
  <si>
    <t>5881226.0</t>
  </si>
  <si>
    <t>1305420.0</t>
  </si>
  <si>
    <t>106777.0</t>
  </si>
  <si>
    <t>19040.0</t>
  </si>
  <si>
    <t>109.08</t>
  </si>
  <si>
    <t>4136516.0</t>
  </si>
  <si>
    <t>342.442</t>
  </si>
  <si>
    <t>13343242.0</t>
  </si>
  <si>
    <t>7147963.0</t>
  </si>
  <si>
    <t>5883836.0</t>
  </si>
  <si>
    <t>1310095.0</t>
  </si>
  <si>
    <t>19294.0</t>
  </si>
  <si>
    <t>109.16</t>
  </si>
  <si>
    <t>5718.0</t>
  </si>
  <si>
    <t>4142688.0</t>
  </si>
  <si>
    <t>342.953</t>
  </si>
  <si>
    <t>13354543.0</t>
  </si>
  <si>
    <t>7149791.0</t>
  </si>
  <si>
    <t>5887389.0</t>
  </si>
  <si>
    <t>1316015.0</t>
  </si>
  <si>
    <t>109.25</t>
  </si>
  <si>
    <t>48.16</t>
  </si>
  <si>
    <t>4148698.0</t>
  </si>
  <si>
    <t>343.45</t>
  </si>
  <si>
    <t>13366189.0</t>
  </si>
  <si>
    <t>7151974.0</t>
  </si>
  <si>
    <t>5890875.0</t>
  </si>
  <si>
    <t>1321992.0</t>
  </si>
  <si>
    <t>11646.0</t>
  </si>
  <si>
    <t>4154181.0</t>
  </si>
  <si>
    <t>343.904</t>
  </si>
  <si>
    <t>13384924.0</t>
  </si>
  <si>
    <t>7155712.0</t>
  </si>
  <si>
    <t>5897078.0</t>
  </si>
  <si>
    <t>1330786.0</t>
  </si>
  <si>
    <t>18735.0</t>
  </si>
  <si>
    <t>22761.0</t>
  </si>
  <si>
    <t>4157714.0</t>
  </si>
  <si>
    <t>3533.0</t>
  </si>
  <si>
    <t>344.197</t>
  </si>
  <si>
    <t>13387981.0</t>
  </si>
  <si>
    <t>7156100.0</t>
  </si>
  <si>
    <t>5898123.0</t>
  </si>
  <si>
    <t>1332410.0</t>
  </si>
  <si>
    <t>22970.0</t>
  </si>
  <si>
    <t>109.52</t>
  </si>
  <si>
    <t>4159891.0</t>
  </si>
  <si>
    <t>344.377</t>
  </si>
  <si>
    <t>13391837.0</t>
  </si>
  <si>
    <t>7156463.0</t>
  </si>
  <si>
    <t>5898910.0</t>
  </si>
  <si>
    <t>1335116.0</t>
  </si>
  <si>
    <t>23438.0</t>
  </si>
  <si>
    <t>4165086.0</t>
  </si>
  <si>
    <t>344.807</t>
  </si>
  <si>
    <t>13400693.0</t>
  </si>
  <si>
    <t>7157861.0</t>
  </si>
  <si>
    <t>5901305.0</t>
  </si>
  <si>
    <t>1340179.0</t>
  </si>
  <si>
    <t>109.63</t>
  </si>
  <si>
    <t>10.96</t>
  </si>
  <si>
    <t>4170543.0</t>
  </si>
  <si>
    <t>345.259</t>
  </si>
  <si>
    <t>13412847.0</t>
  </si>
  <si>
    <t>7159929.0</t>
  </si>
  <si>
    <t>5904881.0</t>
  </si>
  <si>
    <t>1346689.0</t>
  </si>
  <si>
    <t>12154.0</t>
  </si>
  <si>
    <t>109.72</t>
  </si>
  <si>
    <t>4175813.0</t>
  </si>
  <si>
    <t>345.695</t>
  </si>
  <si>
    <t>13422911.0</t>
  </si>
  <si>
    <t>7161427.0</t>
  </si>
  <si>
    <t>5907872.0</t>
  </si>
  <si>
    <t>1352264.0</t>
  </si>
  <si>
    <t>48.33</t>
  </si>
  <si>
    <t>4180924.0</t>
  </si>
  <si>
    <t>5111.0</t>
  </si>
  <si>
    <t>346.118</t>
  </si>
  <si>
    <t>4604.0</t>
  </si>
  <si>
    <t>13435240.0</t>
  </si>
  <si>
    <t>7163704.0</t>
  </si>
  <si>
    <t>5911715.0</t>
  </si>
  <si>
    <t>1358473.0</t>
  </si>
  <si>
    <t>9864.0</t>
  </si>
  <si>
    <t>48.36</t>
  </si>
  <si>
    <t>4185788.0</t>
  </si>
  <si>
    <t>346.521</t>
  </si>
  <si>
    <t>13446045.0</t>
  </si>
  <si>
    <t>7165823.0</t>
  </si>
  <si>
    <t>5915056.0</t>
  </si>
  <si>
    <t>1363818.0</t>
  </si>
  <si>
    <t>4191247.0</t>
  </si>
  <si>
    <t>346.973</t>
  </si>
  <si>
    <t>13452338.0</t>
  </si>
  <si>
    <t>7166899.0</t>
  </si>
  <si>
    <t>5917052.0</t>
  </si>
  <si>
    <t>1367039.0</t>
  </si>
  <si>
    <t>6293.0</t>
  </si>
  <si>
    <t>110.05</t>
  </si>
  <si>
    <t>4193065.0</t>
  </si>
  <si>
    <t>347.123</t>
  </si>
  <si>
    <t>13452908.0</t>
  </si>
  <si>
    <t>7166990.0</t>
  </si>
  <si>
    <t>5917131.0</t>
  </si>
  <si>
    <t>1367439.0</t>
  </si>
  <si>
    <t>48.41</t>
  </si>
  <si>
    <t>4194903.0</t>
  </si>
  <si>
    <t>347.275</t>
  </si>
  <si>
    <t>50.1</t>
  </si>
  <si>
    <t>13453503.0</t>
  </si>
  <si>
    <t>7167096.0</t>
  </si>
  <si>
    <t>5917244.0</t>
  </si>
  <si>
    <t>1367815.0</t>
  </si>
  <si>
    <t>4198445.0</t>
  </si>
  <si>
    <t>347.569</t>
  </si>
  <si>
    <t>13462365.0</t>
  </si>
  <si>
    <t>7168787.0</t>
  </si>
  <si>
    <t>5919724.0</t>
  </si>
  <si>
    <t>1372506.0</t>
  </si>
  <si>
    <t>8862.0</t>
  </si>
  <si>
    <t>4202989.0</t>
  </si>
  <si>
    <t>4544.0</t>
  </si>
  <si>
    <t>347.945</t>
  </si>
  <si>
    <t>13472349.0</t>
  </si>
  <si>
    <t>7170780.0</t>
  </si>
  <si>
    <t>5922624.0</t>
  </si>
  <si>
    <t>1377597.0</t>
  </si>
  <si>
    <t>110.21</t>
  </si>
  <si>
    <t>4208082.0</t>
  </si>
  <si>
    <t>348.366</t>
  </si>
  <si>
    <t>59.8</t>
  </si>
  <si>
    <t>13479339.0</t>
  </si>
  <si>
    <t>7171913.0</t>
  </si>
  <si>
    <t>5924355.0</t>
  </si>
  <si>
    <t>1381723.0</t>
  </si>
  <si>
    <t>58.67</t>
  </si>
  <si>
    <t>13.989</t>
  </si>
  <si>
    <t>4213246.0</t>
  </si>
  <si>
    <t>348.794</t>
  </si>
  <si>
    <t>13494480.0</t>
  </si>
  <si>
    <t>7175135.0</t>
  </si>
  <si>
    <t>5928968.0</t>
  </si>
  <si>
    <t>1389029.0</t>
  </si>
  <si>
    <t>15141.0</t>
  </si>
  <si>
    <t>6919.0</t>
  </si>
  <si>
    <t>110.39</t>
  </si>
  <si>
    <t>4216523.0</t>
  </si>
  <si>
    <t>349.065</t>
  </si>
  <si>
    <t>13499910.0</t>
  </si>
  <si>
    <t>7176096.0</t>
  </si>
  <si>
    <t>5930287.0</t>
  </si>
  <si>
    <t>1392179.0</t>
  </si>
  <si>
    <t>4218324.0</t>
  </si>
  <si>
    <t>349.214</t>
  </si>
  <si>
    <t>13500731.0</t>
  </si>
  <si>
    <t>7176212.0</t>
  </si>
  <si>
    <t>5930441.0</t>
  </si>
  <si>
    <t>1392730.0</t>
  </si>
  <si>
    <t>13.907</t>
  </si>
  <si>
    <t>4222617.0</t>
  </si>
  <si>
    <t>4293.0</t>
  </si>
  <si>
    <t>349.57</t>
  </si>
  <si>
    <t>73.1</t>
  </si>
  <si>
    <t>13508039.0</t>
  </si>
  <si>
    <t>7177532.0</t>
  </si>
  <si>
    <t>5932156.0</t>
  </si>
  <si>
    <t>1397003.0</t>
  </si>
  <si>
    <t>58.72</t>
  </si>
  <si>
    <t>48.53</t>
  </si>
  <si>
    <t>4228192.0</t>
  </si>
  <si>
    <t>350.031</t>
  </si>
  <si>
    <t>13517133.0</t>
  </si>
  <si>
    <t>7178943.0</t>
  </si>
  <si>
    <t>5934269.0</t>
  </si>
  <si>
    <t>1402573.0</t>
  </si>
  <si>
    <t>7824.0</t>
  </si>
  <si>
    <t>58.73</t>
  </si>
  <si>
    <t>14.398</t>
  </si>
  <si>
    <t>4233366.0</t>
  </si>
  <si>
    <t>350.46</t>
  </si>
  <si>
    <t>13526552.0</t>
  </si>
  <si>
    <t>7180459.0</t>
  </si>
  <si>
    <t>5936391.0</t>
  </si>
  <si>
    <t>1408354.0</t>
  </si>
  <si>
    <t>110.65</t>
  </si>
  <si>
    <t>4238485.0</t>
  </si>
  <si>
    <t>350.883</t>
  </si>
  <si>
    <t>13556489.0</t>
  </si>
  <si>
    <t>7185810.0</t>
  </si>
  <si>
    <t>5945037.0</t>
  </si>
  <si>
    <t>1424294.0</t>
  </si>
  <si>
    <t>48.63</t>
  </si>
  <si>
    <t>4243465.0</t>
  </si>
  <si>
    <t>351.296</t>
  </si>
  <si>
    <t>13560152.0</t>
  </si>
  <si>
    <t>7186266.0</t>
  </si>
  <si>
    <t>5945786.0</t>
  </si>
  <si>
    <t>1426752.0</t>
  </si>
  <si>
    <t>110.93</t>
  </si>
  <si>
    <t>4247150.0</t>
  </si>
  <si>
    <t>351.601</t>
  </si>
  <si>
    <t>13561697.0</t>
  </si>
  <si>
    <t>7186473.0</t>
  </si>
  <si>
    <t>5946104.0</t>
  </si>
  <si>
    <t>1427772.0</t>
  </si>
  <si>
    <t>4249092.0</t>
  </si>
  <si>
    <t>351.761</t>
  </si>
  <si>
    <t>13562439.0</t>
  </si>
  <si>
    <t>7186561.0</t>
  </si>
  <si>
    <t>5946245.0</t>
  </si>
  <si>
    <t>1428285.0</t>
  </si>
  <si>
    <t>4254797.0</t>
  </si>
  <si>
    <t>352.234</t>
  </si>
  <si>
    <t>13570183.0</t>
  </si>
  <si>
    <t>7188648.0</t>
  </si>
  <si>
    <t>5948396.0</t>
  </si>
  <si>
    <t>1431791.0</t>
  </si>
  <si>
    <t>48.66</t>
  </si>
  <si>
    <t>4259782.0</t>
  </si>
  <si>
    <t>352.646</t>
  </si>
  <si>
    <t>13575518.0</t>
  </si>
  <si>
    <t>7189151.0</t>
  </si>
  <si>
    <t>5949113.0</t>
  </si>
  <si>
    <t>1435906.0</t>
  </si>
  <si>
    <t>5335.0</t>
  </si>
  <si>
    <t>8341.0</t>
  </si>
  <si>
    <t>111.06</t>
  </si>
  <si>
    <t>4265058.0</t>
  </si>
  <si>
    <t>353.083</t>
  </si>
  <si>
    <t>13590866.0</t>
  </si>
  <si>
    <t>7190767.0</t>
  </si>
  <si>
    <t>5951277.0</t>
  </si>
  <si>
    <t>1447474.0</t>
  </si>
  <si>
    <t>15348.0</t>
  </si>
  <si>
    <t>4270432.0</t>
  </si>
  <si>
    <t>5374.0</t>
  </si>
  <si>
    <t>353.528</t>
  </si>
  <si>
    <t>4564.0</t>
  </si>
  <si>
    <t>13604831.0</t>
  </si>
  <si>
    <t>7192207.0</t>
  </si>
  <si>
    <t>5953444.0</t>
  </si>
  <si>
    <t>1457832.0</t>
  </si>
  <si>
    <t>13965.0</t>
  </si>
  <si>
    <t>58.84</t>
  </si>
  <si>
    <t>4276118.0</t>
  </si>
  <si>
    <t>353.999</t>
  </si>
  <si>
    <t>13624348.0</t>
  </si>
  <si>
    <t>7194629.0</t>
  </si>
  <si>
    <t>5957036.0</t>
  </si>
  <si>
    <t>1471335.0</t>
  </si>
  <si>
    <t>9171.0</t>
  </si>
  <si>
    <t>111.45</t>
  </si>
  <si>
    <t>58.86</t>
  </si>
  <si>
    <t>1.882</t>
  </si>
  <si>
    <t>4280259.0</t>
  </si>
  <si>
    <t>354.342</t>
  </si>
  <si>
    <t>13634002.0</t>
  </si>
  <si>
    <t>7195849.0</t>
  </si>
  <si>
    <t>5958629.0</t>
  </si>
  <si>
    <t>1478176.0</t>
  </si>
  <si>
    <t>10329.0</t>
  </si>
  <si>
    <t>58.87</t>
  </si>
  <si>
    <t>48.74</t>
  </si>
  <si>
    <t>4284184.0</t>
  </si>
  <si>
    <t>354.666</t>
  </si>
  <si>
    <t>13636296.0</t>
  </si>
  <si>
    <t>7196014.0</t>
  </si>
  <si>
    <t>5958874.0</t>
  </si>
  <si>
    <t>1480060.0</t>
  </si>
  <si>
    <t>10551.0</t>
  </si>
  <si>
    <t>4288899.0</t>
  </si>
  <si>
    <t>4715.0</t>
  </si>
  <si>
    <t>355.057</t>
  </si>
  <si>
    <t>13644008.0</t>
  </si>
  <si>
    <t>7196729.0</t>
  </si>
  <si>
    <t>5960012.0</t>
  </si>
  <si>
    <t>1485919.0</t>
  </si>
  <si>
    <t>4294875.0</t>
  </si>
  <si>
    <t>355.552</t>
  </si>
  <si>
    <t>13657753.0</t>
  </si>
  <si>
    <t>7198197.0</t>
  </si>
  <si>
    <t>5962212.0</t>
  </si>
  <si>
    <t>1495996.0</t>
  </si>
  <si>
    <t>13745.0</t>
  </si>
  <si>
    <t>4301017.0</t>
  </si>
  <si>
    <t>356.06</t>
  </si>
  <si>
    <t>13667326.0</t>
  </si>
  <si>
    <t>7199378.0</t>
  </si>
  <si>
    <t>5963805.0</t>
  </si>
  <si>
    <t>1502795.0</t>
  </si>
  <si>
    <t>9573.0</t>
  </si>
  <si>
    <t>4307680.0</t>
  </si>
  <si>
    <t>356.612</t>
  </si>
  <si>
    <t>13676553.0</t>
  </si>
  <si>
    <t>7200483.0</t>
  </si>
  <si>
    <t>5965405.0</t>
  </si>
  <si>
    <t>1509317.0</t>
  </si>
  <si>
    <t>10246.0</t>
  </si>
  <si>
    <t>4313336.0</t>
  </si>
  <si>
    <t>357.08</t>
  </si>
  <si>
    <t>13684172.0</t>
  </si>
  <si>
    <t>7201343.0</t>
  </si>
  <si>
    <t>5966761.0</t>
  </si>
  <si>
    <t>1514720.0</t>
  </si>
  <si>
    <t>8546.0</t>
  </si>
  <si>
    <t>4316264.0</t>
  </si>
  <si>
    <t>357.322</t>
  </si>
  <si>
    <t>13688238.0</t>
  </si>
  <si>
    <t>7201780.0</t>
  </si>
  <si>
    <t>5967419.0</t>
  </si>
  <si>
    <t>1517691.0</t>
  </si>
  <si>
    <t>48.82</t>
  </si>
  <si>
    <t>4318688.0</t>
  </si>
  <si>
    <t>357.523</t>
  </si>
  <si>
    <t>13689333.0</t>
  </si>
  <si>
    <t>7201885.0</t>
  </si>
  <si>
    <t>5967566.0</t>
  </si>
  <si>
    <t>1518534.0</t>
  </si>
  <si>
    <t>4323083.0</t>
  </si>
  <si>
    <t>357.887</t>
  </si>
  <si>
    <t>13697075.0</t>
  </si>
  <si>
    <t>7202719.0</t>
  </si>
  <si>
    <t>5968804.0</t>
  </si>
  <si>
    <t>1524204.0</t>
  </si>
  <si>
    <t>48.83</t>
  </si>
  <si>
    <t>4330371.0</t>
  </si>
  <si>
    <t>7288.0</t>
  </si>
  <si>
    <t>358.49</t>
  </si>
  <si>
    <t>13709523.0</t>
  </si>
  <si>
    <t>7204240.0</t>
  </si>
  <si>
    <t>5970898.0</t>
  </si>
  <si>
    <t>1533037.0</t>
  </si>
  <si>
    <t>7396.0</t>
  </si>
  <si>
    <t>4337339.0</t>
  </si>
  <si>
    <t>359.067</t>
  </si>
  <si>
    <t>13717683.0</t>
  </si>
  <si>
    <t>7205244.0</t>
  </si>
  <si>
    <t>5972366.0</t>
  </si>
  <si>
    <t>1538725.0</t>
  </si>
  <si>
    <t>8160.0</t>
  </si>
  <si>
    <t>7194.0</t>
  </si>
  <si>
    <t>17.834</t>
  </si>
  <si>
    <t>4344415.0</t>
  </si>
  <si>
    <t>359.653</t>
  </si>
  <si>
    <t>13725183.0</t>
  </si>
  <si>
    <t>7206194.0</t>
  </si>
  <si>
    <t>5973683.0</t>
  </si>
  <si>
    <t>1543958.0</t>
  </si>
  <si>
    <t>48.87</t>
  </si>
  <si>
    <t>4351503.0</t>
  </si>
  <si>
    <t>360.24</t>
  </si>
  <si>
    <t>13733442.0</t>
  </si>
  <si>
    <t>7207183.0</t>
  </si>
  <si>
    <t>5975191.0</t>
  </si>
  <si>
    <t>1549720.0</t>
  </si>
  <si>
    <t>8259.0</t>
  </si>
  <si>
    <t>112.35</t>
  </si>
  <si>
    <t>48.88</t>
  </si>
  <si>
    <t>4356075.0</t>
  </si>
  <si>
    <t>360.618</t>
  </si>
  <si>
    <t>5687.0</t>
  </si>
  <si>
    <t>13740309.0</t>
  </si>
  <si>
    <t>7207988.0</t>
  </si>
  <si>
    <t>5976362.0</t>
  </si>
  <si>
    <t>1554611.0</t>
  </si>
  <si>
    <t>7439.0</t>
  </si>
  <si>
    <t>4358504.0</t>
  </si>
  <si>
    <t>360.819</t>
  </si>
  <si>
    <t>13742180.0</t>
  </si>
  <si>
    <t>7208158.0</t>
  </si>
  <si>
    <t>5976603.0</t>
  </si>
  <si>
    <t>1556071.0</t>
  </si>
  <si>
    <t>4364386.0</t>
  </si>
  <si>
    <t>361.306</t>
  </si>
  <si>
    <t>13750357.0</t>
  </si>
  <si>
    <t>7209082.0</t>
  </si>
  <si>
    <t>5977901.0</t>
  </si>
  <si>
    <t>1562026.0</t>
  </si>
  <si>
    <t>4371724.0</t>
  </si>
  <si>
    <t>7338.0</t>
  </si>
  <si>
    <t>361.914</t>
  </si>
  <si>
    <t>13761747.0</t>
  </si>
  <si>
    <t>7210447.0</t>
  </si>
  <si>
    <t>5979637.0</t>
  </si>
  <si>
    <t>1570315.0</t>
  </si>
  <si>
    <t>11390.0</t>
  </si>
  <si>
    <t>4379247.0</t>
  </si>
  <si>
    <t>7523.0</t>
  </si>
  <si>
    <t>362.536</t>
  </si>
  <si>
    <t>5987.0</t>
  </si>
  <si>
    <t>13773106.0</t>
  </si>
  <si>
    <t>7211804.0</t>
  </si>
  <si>
    <t>5981423.0</t>
  </si>
  <si>
    <t>1578531.0</t>
  </si>
  <si>
    <t>11359.0</t>
  </si>
  <si>
    <t>48.93</t>
  </si>
  <si>
    <t>4387918.0</t>
  </si>
  <si>
    <t>8671.0</t>
  </si>
  <si>
    <t>363.254</t>
  </si>
  <si>
    <t>13785758.0</t>
  </si>
  <si>
    <t>7213308.0</t>
  </si>
  <si>
    <t>5983520.0</t>
  </si>
  <si>
    <t>1587582.0</t>
  </si>
  <si>
    <t>12652.0</t>
  </si>
  <si>
    <t>8654.0</t>
  </si>
  <si>
    <t>112.78</t>
  </si>
  <si>
    <t>48.95</t>
  </si>
  <si>
    <t>4396429.0</t>
  </si>
  <si>
    <t>363.959</t>
  </si>
  <si>
    <t>6418.0</t>
  </si>
  <si>
    <t>13798879.0</t>
  </si>
  <si>
    <t>7215018.0</t>
  </si>
  <si>
    <t>5985781.0</t>
  </si>
  <si>
    <t>1596732.0</t>
  </si>
  <si>
    <t>9348.0</t>
  </si>
  <si>
    <t>4400895.0</t>
  </si>
  <si>
    <t>364.328</t>
  </si>
  <si>
    <t>13807513.0</t>
  </si>
  <si>
    <t>7216175.0</t>
  </si>
  <si>
    <t>5987290.0</t>
  </si>
  <si>
    <t>1602700.0</t>
  </si>
  <si>
    <t>9601.0</t>
  </si>
  <si>
    <t>112.95</t>
  </si>
  <si>
    <t>59.03</t>
  </si>
  <si>
    <t>4401096.0</t>
  </si>
  <si>
    <t>364.345</t>
  </si>
  <si>
    <t>13809280.0</t>
  </si>
  <si>
    <t>7216371.0</t>
  </si>
  <si>
    <t>5987597.0</t>
  </si>
  <si>
    <t>1603964.0</t>
  </si>
  <si>
    <t>4411973.0</t>
  </si>
  <si>
    <t>10877.0</t>
  </si>
  <si>
    <t>365.246</t>
  </si>
  <si>
    <t>6798.0</t>
  </si>
  <si>
    <t>13818364.0</t>
  </si>
  <si>
    <t>7217803.0</t>
  </si>
  <si>
    <t>5989201.0</t>
  </si>
  <si>
    <t>1610012.0</t>
  </si>
  <si>
    <t>13.17</t>
  </si>
  <si>
    <t>4420100.0</t>
  </si>
  <si>
    <t>365.918</t>
  </si>
  <si>
    <t>13829006.0</t>
  </si>
  <si>
    <t>7219388.0</t>
  </si>
  <si>
    <t>5991140.0</t>
  </si>
  <si>
    <t>1617130.0</t>
  </si>
  <si>
    <t>10642.0</t>
  </si>
  <si>
    <t>59.06</t>
  </si>
  <si>
    <t>49.01</t>
  </si>
  <si>
    <t>12.025</t>
  </si>
  <si>
    <t>4428357.0</t>
  </si>
  <si>
    <t>8257.0</t>
  </si>
  <si>
    <t>366.602</t>
  </si>
  <si>
    <t>13837784.0</t>
  </si>
  <si>
    <t>7220701.0</t>
  </si>
  <si>
    <t>5992995.0</t>
  </si>
  <si>
    <t>1622740.0</t>
  </si>
  <si>
    <t>9240.0</t>
  </si>
  <si>
    <t>4433389.0</t>
  </si>
  <si>
    <t>367.018</t>
  </si>
  <si>
    <t>13849676.0</t>
  </si>
  <si>
    <t>7222799.0</t>
  </si>
  <si>
    <t>5995332.0</t>
  </si>
  <si>
    <t>1630197.0</t>
  </si>
  <si>
    <t>11892.0</t>
  </si>
  <si>
    <t>9131.0</t>
  </si>
  <si>
    <t>13.089</t>
  </si>
  <si>
    <t>4440371.0</t>
  </si>
  <si>
    <t>367.596</t>
  </si>
  <si>
    <t>13859901.0</t>
  </si>
  <si>
    <t>7224495.0</t>
  </si>
  <si>
    <t>5997460.0</t>
  </si>
  <si>
    <t>1636598.0</t>
  </si>
  <si>
    <t>10225.0</t>
  </si>
  <si>
    <t>13867926.0</t>
  </si>
  <si>
    <t>7225914.0</t>
  </si>
  <si>
    <t>5998918.0</t>
  </si>
  <si>
    <t>1641746.0</t>
  </si>
  <si>
    <t>8025.0</t>
  </si>
  <si>
    <t>13869255.0</t>
  </si>
  <si>
    <t>7226048.0</t>
  </si>
  <si>
    <t>5999073.0</t>
  </si>
  <si>
    <t>1642786.0</t>
  </si>
  <si>
    <t>8568.0</t>
  </si>
  <si>
    <t>113.46</t>
  </si>
  <si>
    <t>13.44</t>
  </si>
  <si>
    <t>13876750.0</t>
  </si>
  <si>
    <t>7227085.0</t>
  </si>
  <si>
    <t>6000525.0</t>
  </si>
  <si>
    <t>1647792.0</t>
  </si>
  <si>
    <t>113.52</t>
  </si>
  <si>
    <t>13883570.0</t>
  </si>
  <si>
    <t>7228197.0</t>
  </si>
  <si>
    <t>6001912.0</t>
  </si>
  <si>
    <t>1652113.0</t>
  </si>
  <si>
    <t>6820.0</t>
  </si>
  <si>
    <t>13892966.0</t>
  </si>
  <si>
    <t>7229825.0</t>
  </si>
  <si>
    <t>6003856.0</t>
  </si>
  <si>
    <t>1657937.0</t>
  </si>
  <si>
    <t>113.65</t>
  </si>
  <si>
    <t>2.045</t>
  </si>
  <si>
    <t>13906387.0</t>
  </si>
  <si>
    <t>7232070.0</t>
  </si>
  <si>
    <t>6006799.0</t>
  </si>
  <si>
    <t>1666170.0</t>
  </si>
  <si>
    <t>13421.0</t>
  </si>
  <si>
    <t>113.76</t>
  </si>
  <si>
    <t>59.16</t>
  </si>
  <si>
    <t>13.63</t>
  </si>
  <si>
    <t>14.071</t>
  </si>
  <si>
    <t>13920261.0</t>
  </si>
  <si>
    <t>7234402.0</t>
  </si>
  <si>
    <t>6009873.0</t>
  </si>
  <si>
    <t>1674638.0</t>
  </si>
  <si>
    <t>13927827.0</t>
  </si>
  <si>
    <t>7235559.0</t>
  </si>
  <si>
    <t>6011391.0</t>
  </si>
  <si>
    <t>1679529.0</t>
  </si>
  <si>
    <t>113.94</t>
  </si>
  <si>
    <t>13929385.0</t>
  </si>
  <si>
    <t>7235704.0</t>
  </si>
  <si>
    <t>6011605.0</t>
  </si>
  <si>
    <t>1680728.0</t>
  </si>
  <si>
    <t>113.95</t>
  </si>
  <si>
    <t>14.234</t>
  </si>
  <si>
    <t>13937540.0</t>
  </si>
  <si>
    <t>7236827.0</t>
  </si>
  <si>
    <t>6013173.0</t>
  </si>
  <si>
    <t>1686192.0</t>
  </si>
  <si>
    <t>8155.0</t>
  </si>
  <si>
    <t>8684.0</t>
  </si>
  <si>
    <t>114.02</t>
  </si>
  <si>
    <t>13951270.0</t>
  </si>
  <si>
    <t>7238980.0</t>
  </si>
  <si>
    <t>6016031.0</t>
  </si>
  <si>
    <t>1694911.0</t>
  </si>
  <si>
    <t>114.13</t>
  </si>
  <si>
    <t>13967733.0</t>
  </si>
  <si>
    <t>7241536.0</t>
  </si>
  <si>
    <t>6019464.0</t>
  </si>
  <si>
    <t>1705385.0</t>
  </si>
  <si>
    <t>16463.0</t>
  </si>
  <si>
    <t>114.26</t>
  </si>
  <si>
    <t>13983419.0</t>
  </si>
  <si>
    <t>7243957.0</t>
  </si>
  <si>
    <t>6022786.0</t>
  </si>
  <si>
    <t>1715328.0</t>
  </si>
  <si>
    <t>15686.0</t>
  </si>
  <si>
    <t>11005.0</t>
  </si>
  <si>
    <t>114.39</t>
  </si>
  <si>
    <t>13994643.0</t>
  </si>
  <si>
    <t>7245721.0</t>
  </si>
  <si>
    <t>6025269.0</t>
  </si>
  <si>
    <t>1722305.0</t>
  </si>
  <si>
    <t>10626.0</t>
  </si>
  <si>
    <t>14001436.0</t>
  </si>
  <si>
    <t>7246754.0</t>
  </si>
  <si>
    <t>6026496.0</t>
  </si>
  <si>
    <t>1726838.0</t>
  </si>
  <si>
    <t>6793.0</t>
  </si>
  <si>
    <t>10516.0</t>
  </si>
  <si>
    <t>114.54</t>
  </si>
  <si>
    <t>14002405.0</t>
  </si>
  <si>
    <t>7246868.0</t>
  </si>
  <si>
    <t>6026633.0</t>
  </si>
  <si>
    <t>1727556.0</t>
  </si>
  <si>
    <t>114.55</t>
  </si>
  <si>
    <t>14009011.0</t>
  </si>
  <si>
    <t>7247832.0</t>
  </si>
  <si>
    <t>6027713.0</t>
  </si>
  <si>
    <t>1732118.0</t>
  </si>
  <si>
    <t>10210.0</t>
  </si>
  <si>
    <t>14017400.0</t>
  </si>
  <si>
    <t>7249020.0</t>
  </si>
  <si>
    <t>6029102.0</t>
  </si>
  <si>
    <t>1737930.0</t>
  </si>
  <si>
    <t>8389.0</t>
  </si>
  <si>
    <t>114.67</t>
  </si>
  <si>
    <t>14.643</t>
  </si>
  <si>
    <t>14025312.0</t>
  </si>
  <si>
    <t>7250178.0</t>
  </si>
  <si>
    <t>6030428.0</t>
  </si>
  <si>
    <t>1743358.0</t>
  </si>
  <si>
    <t>7912.0</t>
  </si>
  <si>
    <t>8226.0</t>
  </si>
  <si>
    <t>114.73</t>
  </si>
  <si>
    <t>59.31</t>
  </si>
  <si>
    <t>14033486.0</t>
  </si>
  <si>
    <t>7251377.0</t>
  </si>
  <si>
    <t>6031821.0</t>
  </si>
  <si>
    <t>1748940.0</t>
  </si>
  <si>
    <t>8174.0</t>
  </si>
  <si>
    <t>16.443</t>
  </si>
  <si>
    <t>14042652.0</t>
  </si>
  <si>
    <t>7252722.0</t>
  </si>
  <si>
    <t>6033334.0</t>
  </si>
  <si>
    <t>1755248.0</t>
  </si>
  <si>
    <t>14047061.0</t>
  </si>
  <si>
    <t>7253264.0</t>
  </si>
  <si>
    <t>6034023.0</t>
  </si>
  <si>
    <t>1758426.0</t>
  </si>
  <si>
    <t>114.91</t>
  </si>
  <si>
    <t>59.34</t>
  </si>
  <si>
    <t>14048346.0</t>
  </si>
  <si>
    <t>7253416.0</t>
  </si>
  <si>
    <t>6034210.0</t>
  </si>
  <si>
    <t>1759372.0</t>
  </si>
  <si>
    <t>114.92</t>
  </si>
  <si>
    <t>14056842.0</t>
  </si>
  <si>
    <t>7254810.0</t>
  </si>
  <si>
    <t>6035681.0</t>
  </si>
  <si>
    <t>1765003.0</t>
  </si>
  <si>
    <t>114.99</t>
  </si>
  <si>
    <t>14066915.0</t>
  </si>
  <si>
    <t>7256195.0</t>
  </si>
  <si>
    <t>6037211.0</t>
  </si>
  <si>
    <t>1772161.0</t>
  </si>
  <si>
    <t>115.08</t>
  </si>
  <si>
    <t>49.39</t>
  </si>
  <si>
    <t>14077737.0</t>
  </si>
  <si>
    <t>7257747.0</t>
  </si>
  <si>
    <t>6038801.0</t>
  </si>
  <si>
    <t>1779841.0</t>
  </si>
  <si>
    <t>10822.0</t>
  </si>
  <si>
    <t>7489.0</t>
  </si>
  <si>
    <t>115.16</t>
  </si>
  <si>
    <t>59.37</t>
  </si>
  <si>
    <t>14.56</t>
  </si>
  <si>
    <t>14087174.0</t>
  </si>
  <si>
    <t>7259016.0</t>
  </si>
  <si>
    <t>6040321.0</t>
  </si>
  <si>
    <t>1786489.0</t>
  </si>
  <si>
    <t>9437.0</t>
  </si>
  <si>
    <t>14100748.0</t>
  </si>
  <si>
    <t>7261033.0</t>
  </si>
  <si>
    <t>6042510.0</t>
  </si>
  <si>
    <t>1795857.0</t>
  </si>
  <si>
    <t>13574.0</t>
  </si>
  <si>
    <t>8299.0</t>
  </si>
  <si>
    <t>115.35</t>
  </si>
  <si>
    <t>14105398.0</t>
  </si>
  <si>
    <t>7261641.0</t>
  </si>
  <si>
    <t>6043135.0</t>
  </si>
  <si>
    <t>1799274.0</t>
  </si>
  <si>
    <t>115.39</t>
  </si>
  <si>
    <t>14106531.0</t>
  </si>
  <si>
    <t>7261751.0</t>
  </si>
  <si>
    <t>6043266.0</t>
  </si>
  <si>
    <t>1800166.0</t>
  </si>
  <si>
    <t>59.41</t>
  </si>
  <si>
    <t>26.75</t>
  </si>
  <si>
    <t>14115070.0</t>
  </si>
  <si>
    <t>7262996.0</t>
  </si>
  <si>
    <t>6044478.0</t>
  </si>
  <si>
    <t>1806248.0</t>
  </si>
  <si>
    <t>8318.0</t>
  </si>
  <si>
    <t>115.47</t>
  </si>
  <si>
    <t>14131241.0</t>
  </si>
  <si>
    <t>7265312.0</t>
  </si>
  <si>
    <t>6046809.0</t>
  </si>
  <si>
    <t>1817772.0</t>
  </si>
  <si>
    <t>14148918.0</t>
  </si>
  <si>
    <t>7267925.0</t>
  </si>
  <si>
    <t>6049560.0</t>
  </si>
  <si>
    <t>1830085.0</t>
  </si>
  <si>
    <t>17677.0</t>
  </si>
  <si>
    <t>115.75</t>
  </si>
  <si>
    <t>59.46</t>
  </si>
  <si>
    <t>49.49</t>
  </si>
  <si>
    <t>14169753.0</t>
  </si>
  <si>
    <t>7271206.0</t>
  </si>
  <si>
    <t>6052731.0</t>
  </si>
  <si>
    <t>1844468.0</t>
  </si>
  <si>
    <t>20835.0</t>
  </si>
  <si>
    <t>115.92</t>
  </si>
  <si>
    <t>15.09</t>
  </si>
  <si>
    <t>14189506.0</t>
  </si>
  <si>
    <t>7274122.0</t>
  </si>
  <si>
    <t>6055874.0</t>
  </si>
  <si>
    <t>1858162.0</t>
  </si>
  <si>
    <t>19753.0</t>
  </si>
  <si>
    <t>12680.0</t>
  </si>
  <si>
    <t>116.08</t>
  </si>
  <si>
    <t>14196669.0</t>
  </si>
  <si>
    <t>7275231.0</t>
  </si>
  <si>
    <t>6057026.0</t>
  </si>
  <si>
    <t>1863064.0</t>
  </si>
  <si>
    <t>116.14</t>
  </si>
  <si>
    <t>59.52</t>
  </si>
  <si>
    <t>14198477.0</t>
  </si>
  <si>
    <t>7275434.0</t>
  </si>
  <si>
    <t>6057284.0</t>
  </si>
  <si>
    <t>1864411.0</t>
  </si>
  <si>
    <t>116.15</t>
  </si>
  <si>
    <t>14207792.0</t>
  </si>
  <si>
    <t>7276863.0</t>
  </si>
  <si>
    <t>6058625.0</t>
  </si>
  <si>
    <t>1870956.0</t>
  </si>
  <si>
    <t>14223345.0</t>
  </si>
  <si>
    <t>7279398.0</t>
  </si>
  <si>
    <t>6061054.0</t>
  </si>
  <si>
    <t>1881545.0</t>
  </si>
  <si>
    <t>13158.0</t>
  </si>
  <si>
    <t>116.35</t>
  </si>
  <si>
    <t>33.704</t>
  </si>
  <si>
    <t>14240874.0</t>
  </si>
  <si>
    <t>7282243.0</t>
  </si>
  <si>
    <t>6063815.0</t>
  </si>
  <si>
    <t>1893468.0</t>
  </si>
  <si>
    <t>17529.0</t>
  </si>
  <si>
    <t>14260660.0</t>
  </si>
  <si>
    <t>7285460.0</t>
  </si>
  <si>
    <t>6067192.0</t>
  </si>
  <si>
    <t>1906660.0</t>
  </si>
  <si>
    <t>19786.0</t>
  </si>
  <si>
    <t>116.66</t>
  </si>
  <si>
    <t>4.336</t>
  </si>
  <si>
    <t>14284055.0</t>
  </si>
  <si>
    <t>7289552.0</t>
  </si>
  <si>
    <t>6071467.0</t>
  </si>
  <si>
    <t>1921688.0</t>
  </si>
  <si>
    <t>23395.0</t>
  </si>
  <si>
    <t>116.85</t>
  </si>
  <si>
    <t>14296298.0</t>
  </si>
  <si>
    <t>7291716.0</t>
  </si>
  <si>
    <t>6073734.0</t>
  </si>
  <si>
    <t>1929500.0</t>
  </si>
  <si>
    <t>12243.0</t>
  </si>
  <si>
    <t>116.95</t>
  </si>
  <si>
    <t>14298984.0</t>
  </si>
  <si>
    <t>7292226.0</t>
  </si>
  <si>
    <t>6074227.0</t>
  </si>
  <si>
    <t>1931183.0</t>
  </si>
  <si>
    <t>14358.0</t>
  </si>
  <si>
    <t>116.97</t>
  </si>
  <si>
    <t>14310322.0</t>
  </si>
  <si>
    <t>7294614.0</t>
  </si>
  <si>
    <t>6076351.0</t>
  </si>
  <si>
    <t>1938009.0</t>
  </si>
  <si>
    <t>11338.0</t>
  </si>
  <si>
    <t>14647.0</t>
  </si>
  <si>
    <t>14323035.0</t>
  </si>
  <si>
    <t>7297227.0</t>
  </si>
  <si>
    <t>6078753.0</t>
  </si>
  <si>
    <t>1945707.0</t>
  </si>
  <si>
    <t>117.17</t>
  </si>
  <si>
    <t>14332894.0</t>
  </si>
  <si>
    <t>7299112.0</t>
  </si>
  <si>
    <t>6080564.0</t>
  </si>
  <si>
    <t>1951870.0</t>
  </si>
  <si>
    <t>117.25</t>
  </si>
  <si>
    <t>14345913.0</t>
  </si>
  <si>
    <t>7301634.0</t>
  </si>
  <si>
    <t>6083021.0</t>
  </si>
  <si>
    <t>1959910.0</t>
  </si>
  <si>
    <t>12179.0</t>
  </si>
  <si>
    <t>117.36</t>
  </si>
  <si>
    <t>14358116.0</t>
  </si>
  <si>
    <t>7303791.0</t>
  </si>
  <si>
    <t>6085378.0</t>
  </si>
  <si>
    <t>1967599.0</t>
  </si>
  <si>
    <t>117.46</t>
  </si>
  <si>
    <t>59.75</t>
  </si>
  <si>
    <t>14361263.0</t>
  </si>
  <si>
    <t>7304423.0</t>
  </si>
  <si>
    <t>6085951.0</t>
  </si>
  <si>
    <t>1969541.0</t>
  </si>
  <si>
    <t>9281.0</t>
  </si>
  <si>
    <t>117.48</t>
  </si>
  <si>
    <t>49.79</t>
  </si>
  <si>
    <t>14362521.0</t>
  </si>
  <si>
    <t>7304580.0</t>
  </si>
  <si>
    <t>6086189.0</t>
  </si>
  <si>
    <t>1970404.0</t>
  </si>
  <si>
    <t>9077.0</t>
  </si>
  <si>
    <t>117.49</t>
  </si>
  <si>
    <t>14367457.0</t>
  </si>
  <si>
    <t>7305489.0</t>
  </si>
  <si>
    <t>6087145.0</t>
  </si>
  <si>
    <t>1973475.0</t>
  </si>
  <si>
    <t>117.53</t>
  </si>
  <si>
    <t>14375802.0</t>
  </si>
  <si>
    <t>7307053.0</t>
  </si>
  <si>
    <t>6088884.0</t>
  </si>
  <si>
    <t>1978517.0</t>
  </si>
  <si>
    <t>8345.0</t>
  </si>
  <si>
    <t>117.6</t>
  </si>
  <si>
    <t>29.368</t>
  </si>
  <si>
    <t>14388376.0</t>
  </si>
  <si>
    <t>7309197.0</t>
  </si>
  <si>
    <t>6091464.0</t>
  </si>
  <si>
    <t>1986367.0</t>
  </si>
  <si>
    <t>12574.0</t>
  </si>
  <si>
    <t>16.25</t>
  </si>
  <si>
    <t>29.614</t>
  </si>
  <si>
    <t>14400778.0</t>
  </si>
  <si>
    <t>7311425.0</t>
  </si>
  <si>
    <t>6094021.0</t>
  </si>
  <si>
    <t>1993984.0</t>
  </si>
  <si>
    <t>12402.0</t>
  </si>
  <si>
    <t>14418334.0</t>
  </si>
  <si>
    <t>7314630.0</t>
  </si>
  <si>
    <t>6098131.0</t>
  </si>
  <si>
    <t>2004225.0</t>
  </si>
  <si>
    <t>117.95</t>
  </si>
  <si>
    <t>14422087.0</t>
  </si>
  <si>
    <t>7315277.0</t>
  </si>
  <si>
    <t>6098927.0</t>
  </si>
  <si>
    <t>2006535.0</t>
  </si>
  <si>
    <t>14423129.0</t>
  </si>
  <si>
    <t>7315407.0</t>
  </si>
  <si>
    <t>6099109.0</t>
  </si>
  <si>
    <t>2007265.0</t>
  </si>
  <si>
    <t>8658.0</t>
  </si>
  <si>
    <t>117.99</t>
  </si>
  <si>
    <t>14429659.0</t>
  </si>
  <si>
    <t>7316535.0</t>
  </si>
  <si>
    <t>6100502.0</t>
  </si>
  <si>
    <t>2011274.0</t>
  </si>
  <si>
    <t>3.763</t>
  </si>
  <si>
    <t>14438796.0</t>
  </si>
  <si>
    <t>7318229.0</t>
  </si>
  <si>
    <t>6102417.0</t>
  </si>
  <si>
    <t>2016802.0</t>
  </si>
  <si>
    <t>8999.0</t>
  </si>
  <si>
    <t>118.12</t>
  </si>
  <si>
    <t>24.623</t>
  </si>
  <si>
    <t>14449427.0</t>
  </si>
  <si>
    <t>7320196.0</t>
  </si>
  <si>
    <t>6104701.0</t>
  </si>
  <si>
    <t>2023182.0</t>
  </si>
  <si>
    <t>10631.0</t>
  </si>
  <si>
    <t>14459972.0</t>
  </si>
  <si>
    <t>7322167.0</t>
  </si>
  <si>
    <t>6106999.0</t>
  </si>
  <si>
    <t>2029458.0</t>
  </si>
  <si>
    <t>10545.0</t>
  </si>
  <si>
    <t>118.29</t>
  </si>
  <si>
    <t>49.96</t>
  </si>
  <si>
    <t>14469376.0</t>
  </si>
  <si>
    <t>7323866.0</t>
  </si>
  <si>
    <t>6109323.0</t>
  </si>
  <si>
    <t>2034839.0</t>
  </si>
  <si>
    <t>118.37</t>
  </si>
  <si>
    <t>49.98</t>
  </si>
  <si>
    <t>14474563.0</t>
  </si>
  <si>
    <t>7324729.0</t>
  </si>
  <si>
    <t>6110600.0</t>
  </si>
  <si>
    <t>2037886.0</t>
  </si>
  <si>
    <t>5187.0</t>
  </si>
  <si>
    <t>118.41</t>
  </si>
  <si>
    <t>14475382.0</t>
  </si>
  <si>
    <t>7324838.0</t>
  </si>
  <si>
    <t>6110768.0</t>
  </si>
  <si>
    <t>2038428.0</t>
  </si>
  <si>
    <t>118.42</t>
  </si>
  <si>
    <t>14480664.0</t>
  </si>
  <si>
    <t>7325828.0</t>
  </si>
  <si>
    <t>6112082.0</t>
  </si>
  <si>
    <t>2041406.0</t>
  </si>
  <si>
    <t>118.46</t>
  </si>
  <si>
    <t>59.93</t>
  </si>
  <si>
    <t>14490297.0</t>
  </si>
  <si>
    <t>7327492.0</t>
  </si>
  <si>
    <t>6114253.0</t>
  </si>
  <si>
    <t>2047204.0</t>
  </si>
  <si>
    <t>7357.0</t>
  </si>
  <si>
    <t>118.54</t>
  </si>
  <si>
    <t>50.02</t>
  </si>
  <si>
    <t>14499985.0</t>
  </si>
  <si>
    <t>7329134.0</t>
  </si>
  <si>
    <t>6116483.0</t>
  </si>
  <si>
    <t>2053020.0</t>
  </si>
  <si>
    <t>9688.0</t>
  </si>
  <si>
    <t>16.79</t>
  </si>
  <si>
    <t>14509502.0</t>
  </si>
  <si>
    <t>7330735.0</t>
  </si>
  <si>
    <t>6118618.0</t>
  </si>
  <si>
    <t>2058801.0</t>
  </si>
  <si>
    <t>9517.0</t>
  </si>
  <si>
    <t>118.7</t>
  </si>
  <si>
    <t>14519324.0</t>
  </si>
  <si>
    <t>7332444.0</t>
  </si>
  <si>
    <t>6120883.0</t>
  </si>
  <si>
    <t>2064649.0</t>
  </si>
  <si>
    <t>118.78</t>
  </si>
  <si>
    <t>14522081.0</t>
  </si>
  <si>
    <t>7332936.0</t>
  </si>
  <si>
    <t>6121526.0</t>
  </si>
  <si>
    <t>2066271.0</t>
  </si>
  <si>
    <t>14524840.0</t>
  </si>
  <si>
    <t>7333429.0</t>
  </si>
  <si>
    <t>6122169.0</t>
  </si>
  <si>
    <t>2067894.0</t>
  </si>
  <si>
    <t>118.82</t>
  </si>
  <si>
    <t>16.92</t>
  </si>
  <si>
    <t>14529910.0</t>
  </si>
  <si>
    <t>7334306.0</t>
  </si>
  <si>
    <t>6123332.0</t>
  </si>
  <si>
    <t>2070924.0</t>
  </si>
  <si>
    <t>118.86</t>
  </si>
  <si>
    <t>50.09</t>
  </si>
  <si>
    <t>14536604.0</t>
  </si>
  <si>
    <t>7335416.0</t>
  </si>
  <si>
    <t>6124977.0</t>
  </si>
  <si>
    <t>2074863.0</t>
  </si>
  <si>
    <t>118.92</t>
  </si>
  <si>
    <t>14543499.0</t>
  </si>
  <si>
    <t>7336499.0</t>
  </si>
  <si>
    <t>6126638.0</t>
  </si>
  <si>
    <t>2079014.0</t>
  </si>
  <si>
    <t>6216.0</t>
  </si>
  <si>
    <t>118.97</t>
  </si>
  <si>
    <t>14550073.0</t>
  </si>
  <si>
    <t>7337532.0</t>
  </si>
  <si>
    <t>6128188.0</t>
  </si>
  <si>
    <t>2083005.0</t>
  </si>
  <si>
    <t>119.03</t>
  </si>
  <si>
    <t>14556232.0</t>
  </si>
  <si>
    <t>7338610.0</t>
  </si>
  <si>
    <t>6129559.0</t>
  </si>
  <si>
    <t>2086715.0</t>
  </si>
  <si>
    <t>6159.0</t>
  </si>
  <si>
    <t>119.08</t>
  </si>
  <si>
    <t>14559654.0</t>
  </si>
  <si>
    <t>7339234.0</t>
  </si>
  <si>
    <t>6130345.0</t>
  </si>
  <si>
    <t>2088727.0</t>
  </si>
  <si>
    <t>14560115.0</t>
  </si>
  <si>
    <t>7339299.0</t>
  </si>
  <si>
    <t>6130442.0</t>
  </si>
  <si>
    <t>2089026.0</t>
  </si>
  <si>
    <t>14563501.0</t>
  </si>
  <si>
    <t>7339820.0</t>
  </si>
  <si>
    <t>6131219.0</t>
  </si>
  <si>
    <t>2091114.0</t>
  </si>
  <si>
    <t>119.14</t>
  </si>
  <si>
    <t>14568866.0</t>
  </si>
  <si>
    <t>7340770.0</t>
  </si>
  <si>
    <t>6132436.0</t>
  </si>
  <si>
    <t>2094312.0</t>
  </si>
  <si>
    <t>119.18</t>
  </si>
  <si>
    <t>17.13</t>
  </si>
  <si>
    <t>14574562.0</t>
  </si>
  <si>
    <t>7341722.0</t>
  </si>
  <si>
    <t>6133751.0</t>
  </si>
  <si>
    <t>2097741.0</t>
  </si>
  <si>
    <t>119.23</t>
  </si>
  <si>
    <t>14580663.0</t>
  </si>
  <si>
    <t>7342713.0</t>
  </si>
  <si>
    <t>6135096.0</t>
  </si>
  <si>
    <t>2101506.0</t>
  </si>
  <si>
    <t>6101.0</t>
  </si>
  <si>
    <t>119.28</t>
  </si>
  <si>
    <t>50.19</t>
  </si>
  <si>
    <t>14586490.0</t>
  </si>
  <si>
    <t>7343690.0</t>
  </si>
  <si>
    <t>6136451.0</t>
  </si>
  <si>
    <t>2105001.0</t>
  </si>
  <si>
    <t>119.33</t>
  </si>
  <si>
    <t>14589326.0</t>
  </si>
  <si>
    <t>7344165.0</t>
  </si>
  <si>
    <t>6137104.0</t>
  </si>
  <si>
    <t>2106709.0</t>
  </si>
  <si>
    <t>119.35</t>
  </si>
  <si>
    <t>14589895.0</t>
  </si>
  <si>
    <t>7344254.0</t>
  </si>
  <si>
    <t>6137232.0</t>
  </si>
  <si>
    <t>2107061.0</t>
  </si>
  <si>
    <t>14593005.0</t>
  </si>
  <si>
    <t>7344772.0</t>
  </si>
  <si>
    <t>6137957.0</t>
  </si>
  <si>
    <t>2108928.0</t>
  </si>
  <si>
    <t>119.38</t>
  </si>
  <si>
    <t>14597899.0</t>
  </si>
  <si>
    <t>7345658.0</t>
  </si>
  <si>
    <t>6139073.0</t>
  </si>
  <si>
    <t>2111820.0</t>
  </si>
  <si>
    <t>50.22</t>
  </si>
  <si>
    <t>14601923.0</t>
  </si>
  <si>
    <t>7346285.0</t>
  </si>
  <si>
    <t>6139999.0</t>
  </si>
  <si>
    <t>2114291.0</t>
  </si>
  <si>
    <t>119.45</t>
  </si>
  <si>
    <t>14606294.0</t>
  </si>
  <si>
    <t>7347005.0</t>
  </si>
  <si>
    <t>6141057.0</t>
  </si>
  <si>
    <t>2116884.0</t>
  </si>
  <si>
    <t>119.49</t>
  </si>
  <si>
    <t>14611866.0</t>
  </si>
  <si>
    <t>7347828.0</t>
  </si>
  <si>
    <t>6142395.0</t>
  </si>
  <si>
    <t>2120295.0</t>
  </si>
  <si>
    <t>119.53</t>
  </si>
  <si>
    <t>50.25</t>
  </si>
  <si>
    <t>14613331.0</t>
  </si>
  <si>
    <t>7348065.0</t>
  </si>
  <si>
    <t>6142752.0</t>
  </si>
  <si>
    <t>2121166.0</t>
  </si>
  <si>
    <t>119.55</t>
  </si>
  <si>
    <t>14614797.0</t>
  </si>
  <si>
    <t>7348302.0</t>
  </si>
  <si>
    <t>6143110.0</t>
  </si>
  <si>
    <t>2122037.0</t>
  </si>
  <si>
    <t>119.56</t>
  </si>
  <si>
    <t>14618165.0</t>
  </si>
  <si>
    <t>7348843.0</t>
  </si>
  <si>
    <t>6143865.0</t>
  </si>
  <si>
    <t>2124109.0</t>
  </si>
  <si>
    <t>119.58</t>
  </si>
  <si>
    <t>14622766.0</t>
  </si>
  <si>
    <t>7349595.0</t>
  </si>
  <si>
    <t>6144961.0</t>
  </si>
  <si>
    <t>2126862.0</t>
  </si>
  <si>
    <t>3552.0</t>
  </si>
  <si>
    <t>14627301.0</t>
  </si>
  <si>
    <t>7350360.0</t>
  </si>
  <si>
    <t>6145935.0</t>
  </si>
  <si>
    <t>2129658.0</t>
  </si>
  <si>
    <t>119.66</t>
  </si>
  <si>
    <t>50.28</t>
  </si>
  <si>
    <t>14631480.0</t>
  </si>
  <si>
    <t>7350995.0</t>
  </si>
  <si>
    <t>6146859.0</t>
  </si>
  <si>
    <t>2132278.0</t>
  </si>
  <si>
    <t>14637457.0</t>
  </si>
  <si>
    <t>7351992.0</t>
  </si>
  <si>
    <t>6148250.0</t>
  </si>
  <si>
    <t>2135867.0</t>
  </si>
  <si>
    <t>119.74</t>
  </si>
  <si>
    <t>14640188.0</t>
  </si>
  <si>
    <t>7352565.0</t>
  </si>
  <si>
    <t>6148933.0</t>
  </si>
  <si>
    <t>2137342.0</t>
  </si>
  <si>
    <t>119.76</t>
  </si>
  <si>
    <t>14640832.0</t>
  </si>
  <si>
    <t>7352653.0</t>
  </si>
  <si>
    <t>6149088.0</t>
  </si>
  <si>
    <t>2137743.0</t>
  </si>
  <si>
    <t>14644290.0</t>
  </si>
  <si>
    <t>7353174.0</t>
  </si>
  <si>
    <t>6149884.0</t>
  </si>
  <si>
    <t>2139884.0</t>
  </si>
  <si>
    <t>14650029.0</t>
  </si>
  <si>
    <t>7354015.0</t>
  </si>
  <si>
    <t>6151258.0</t>
  </si>
  <si>
    <t>2143408.0</t>
  </si>
  <si>
    <t>119.85</t>
  </si>
  <si>
    <t>14656555.0</t>
  </si>
  <si>
    <t>7355014.0</t>
  </si>
  <si>
    <t>6152805.0</t>
  </si>
  <si>
    <t>2147388.0</t>
  </si>
  <si>
    <t>50.33</t>
  </si>
  <si>
    <t>17.57</t>
  </si>
  <si>
    <t>14663658.0</t>
  </si>
  <si>
    <t>7356179.0</t>
  </si>
  <si>
    <t>6154554.0</t>
  </si>
  <si>
    <t>2151577.0</t>
  </si>
  <si>
    <t>119.96</t>
  </si>
  <si>
    <t>14671344.0</t>
  </si>
  <si>
    <t>7357453.0</t>
  </si>
  <si>
    <t>6156409.0</t>
  </si>
  <si>
    <t>2156134.0</t>
  </si>
  <si>
    <t>120.02</t>
  </si>
  <si>
    <t>14675582.0</t>
  </si>
  <si>
    <t>7358213.0</t>
  </si>
  <si>
    <t>6157434.0</t>
  </si>
  <si>
    <t>2158587.0</t>
  </si>
  <si>
    <t>120.05</t>
  </si>
  <si>
    <t>14675806.0</t>
  </si>
  <si>
    <t>7358259.0</t>
  </si>
  <si>
    <t>6157479.0</t>
  </si>
  <si>
    <t>2158720.0</t>
  </si>
  <si>
    <t>120.06</t>
  </si>
  <si>
    <t>14677476.0</t>
  </si>
  <si>
    <t>7358544.0</t>
  </si>
  <si>
    <t>6157804.0</t>
  </si>
  <si>
    <t>2159780.0</t>
  </si>
  <si>
    <t>14680557.0</t>
  </si>
  <si>
    <t>7359208.0</t>
  </si>
  <si>
    <t>6158463.0</t>
  </si>
  <si>
    <t>2161538.0</t>
  </si>
  <si>
    <t>120.1</t>
  </si>
  <si>
    <t>14683567.0</t>
  </si>
  <si>
    <t>7359748.0</t>
  </si>
  <si>
    <t>6159144.0</t>
  </si>
  <si>
    <t>2163327.0</t>
  </si>
  <si>
    <t>120.12</t>
  </si>
  <si>
    <t>60.21</t>
  </si>
  <si>
    <t>14686577.0</t>
  </si>
  <si>
    <t>7360288.0</t>
  </si>
  <si>
    <t>6159825.0</t>
  </si>
  <si>
    <t>2165116.0</t>
  </si>
  <si>
    <t>120.14</t>
  </si>
  <si>
    <t>14690530.0</t>
  </si>
  <si>
    <t>7361008.0</t>
  </si>
  <si>
    <t>6160585.0</t>
  </si>
  <si>
    <t>2167589.0</t>
  </si>
  <si>
    <t>BES</t>
  </si>
  <si>
    <t>Bonaire Sint Eustatius and Saba</t>
  </si>
  <si>
    <t>35845.0</t>
  </si>
  <si>
    <t>19109.0</t>
  </si>
  <si>
    <t>132.5</t>
  </si>
  <si>
    <t>BIH</t>
  </si>
  <si>
    <t>Bosnia and Herzegovina</t>
  </si>
  <si>
    <t>-1107.2</t>
  </si>
  <si>
    <t>-10.98</t>
  </si>
  <si>
    <t>-11.77</t>
  </si>
  <si>
    <t>-342.412162559185</t>
  </si>
  <si>
    <t>7019.0</t>
  </si>
  <si>
    <t>2.146</t>
  </si>
  <si>
    <t>10181.0</t>
  </si>
  <si>
    <t>11612.0</t>
  </si>
  <si>
    <t>3.793</t>
  </si>
  <si>
    <t>13339.0</t>
  </si>
  <si>
    <t>14743.0</t>
  </si>
  <si>
    <t>4.507</t>
  </si>
  <si>
    <t>16868.0</t>
  </si>
  <si>
    <t>5.447</t>
  </si>
  <si>
    <t>18358.0</t>
  </si>
  <si>
    <t>5.612</t>
  </si>
  <si>
    <t>5.868</t>
  </si>
  <si>
    <t>20125.0</t>
  </si>
  <si>
    <t>21432.0</t>
  </si>
  <si>
    <t>22768.0</t>
  </si>
  <si>
    <t>6.961</t>
  </si>
  <si>
    <t>24676.0</t>
  </si>
  <si>
    <t>7.544</t>
  </si>
  <si>
    <t>7.897</t>
  </si>
  <si>
    <t>26822.0</t>
  </si>
  <si>
    <t>8.439</t>
  </si>
  <si>
    <t>8.906</t>
  </si>
  <si>
    <t>30793.0</t>
  </si>
  <si>
    <t>-911.2</t>
  </si>
  <si>
    <t>-6.96</t>
  </si>
  <si>
    <t>-281.797292741988</t>
  </si>
  <si>
    <t>32178.0</t>
  </si>
  <si>
    <t>9.838</t>
  </si>
  <si>
    <t>32783.0</t>
  </si>
  <si>
    <t>33928.0</t>
  </si>
  <si>
    <t>10.373</t>
  </si>
  <si>
    <t>34378.0</t>
  </si>
  <si>
    <t>35296.0</t>
  </si>
  <si>
    <t>10.791</t>
  </si>
  <si>
    <t>0.0469</t>
  </si>
  <si>
    <t>36492.0</t>
  </si>
  <si>
    <t>38187.0</t>
  </si>
  <si>
    <t>11.675</t>
  </si>
  <si>
    <t>38791.0</t>
  </si>
  <si>
    <t>11.859</t>
  </si>
  <si>
    <t>39989.0</t>
  </si>
  <si>
    <t>12.226</t>
  </si>
  <si>
    <t>41282.0</t>
  </si>
  <si>
    <t>12.621</t>
  </si>
  <si>
    <t>42318.0</t>
  </si>
  <si>
    <t>12.938</t>
  </si>
  <si>
    <t>43451.0</t>
  </si>
  <si>
    <t>13.284</t>
  </si>
  <si>
    <t>44380.0</t>
  </si>
  <si>
    <t>13.568</t>
  </si>
  <si>
    <t>45810.0</t>
  </si>
  <si>
    <t>14.005</t>
  </si>
  <si>
    <t>47149.0</t>
  </si>
  <si>
    <t>48528.0</t>
  </si>
  <si>
    <t>14.836</t>
  </si>
  <si>
    <t>49832.0</t>
  </si>
  <si>
    <t>15.235</t>
  </si>
  <si>
    <t>51320.0</t>
  </si>
  <si>
    <t>53988.0</t>
  </si>
  <si>
    <t>16.505</t>
  </si>
  <si>
    <t>17.005</t>
  </si>
  <si>
    <t>56997.0</t>
  </si>
  <si>
    <t>84.7</t>
  </si>
  <si>
    <t>57507.0</t>
  </si>
  <si>
    <t>17.581</t>
  </si>
  <si>
    <t>58694.0</t>
  </si>
  <si>
    <t>17.944</t>
  </si>
  <si>
    <t>59532.0</t>
  </si>
  <si>
    <t>87.4</t>
  </si>
  <si>
    <t>59934.0</t>
  </si>
  <si>
    <t>60528.0</t>
  </si>
  <si>
    <t>18.505</t>
  </si>
  <si>
    <t>18.683</t>
  </si>
  <si>
    <t>62567.0</t>
  </si>
  <si>
    <t>19.443</t>
  </si>
  <si>
    <t>64623.0</t>
  </si>
  <si>
    <t>19.757</t>
  </si>
  <si>
    <t>65220.0</t>
  </si>
  <si>
    <t>19.939</t>
  </si>
  <si>
    <t>-972.0</t>
  </si>
  <si>
    <t>-6.04</t>
  </si>
  <si>
    <t>-300.600272766914</t>
  </si>
  <si>
    <t>65900.0</t>
  </si>
  <si>
    <t>20.147</t>
  </si>
  <si>
    <t>66722.0</t>
  </si>
  <si>
    <t>20.398</t>
  </si>
  <si>
    <t>67952.0</t>
  </si>
  <si>
    <t>20.774</t>
  </si>
  <si>
    <t>68706.0</t>
  </si>
  <si>
    <t>21.005</t>
  </si>
  <si>
    <t>69654.0</t>
  </si>
  <si>
    <t>21.295</t>
  </si>
  <si>
    <t>71820.0</t>
  </si>
  <si>
    <t>21.957</t>
  </si>
  <si>
    <t>72514.0</t>
  </si>
  <si>
    <t>22.169</t>
  </si>
  <si>
    <t>73379.0</t>
  </si>
  <si>
    <t>74379.0</t>
  </si>
  <si>
    <t>22.739</t>
  </si>
  <si>
    <t>75171.0</t>
  </si>
  <si>
    <t>22.981</t>
  </si>
  <si>
    <t>23.692</t>
  </si>
  <si>
    <t>78309.0</t>
  </si>
  <si>
    <t>23.941</t>
  </si>
  <si>
    <t>79079.0</t>
  </si>
  <si>
    <t>24.176</t>
  </si>
  <si>
    <t>80114.0</t>
  </si>
  <si>
    <t>24.773</t>
  </si>
  <si>
    <t>83634.0</t>
  </si>
  <si>
    <t>25.569</t>
  </si>
  <si>
    <t>84958.0</t>
  </si>
  <si>
    <t>25.974</t>
  </si>
  <si>
    <t>86273.0</t>
  </si>
  <si>
    <t>26.376</t>
  </si>
  <si>
    <t>87418.0</t>
  </si>
  <si>
    <t>26.726</t>
  </si>
  <si>
    <t>91792.0</t>
  </si>
  <si>
    <t>28.063</t>
  </si>
  <si>
    <t>92969.0</t>
  </si>
  <si>
    <t>28.423</t>
  </si>
  <si>
    <t>-783.6</t>
  </si>
  <si>
    <t>-242.335775452833</t>
  </si>
  <si>
    <t>94126.0</t>
  </si>
  <si>
    <t>28.776</t>
  </si>
  <si>
    <t>95885.0</t>
  </si>
  <si>
    <t>29.314</t>
  </si>
  <si>
    <t>29.88</t>
  </si>
  <si>
    <t>30.996</t>
  </si>
  <si>
    <t>102715.0</t>
  </si>
  <si>
    <t>31.402</t>
  </si>
  <si>
    <t>104343.0</t>
  </si>
  <si>
    <t>106214.0</t>
  </si>
  <si>
    <t>32.472</t>
  </si>
  <si>
    <t>108010.0</t>
  </si>
  <si>
    <t>33.021</t>
  </si>
  <si>
    <t>0.1879</t>
  </si>
  <si>
    <t>111536.0</t>
  </si>
  <si>
    <t>34.099</t>
  </si>
  <si>
    <t>114344.0</t>
  </si>
  <si>
    <t>34.958</t>
  </si>
  <si>
    <t>117902.0</t>
  </si>
  <si>
    <t>36.045</t>
  </si>
  <si>
    <t>0.1379</t>
  </si>
  <si>
    <t>0.1365</t>
  </si>
  <si>
    <t>124044.0</t>
  </si>
  <si>
    <t>37.923</t>
  </si>
  <si>
    <t>125518.0</t>
  </si>
  <si>
    <t>127302.0</t>
  </si>
  <si>
    <t>38.919</t>
  </si>
  <si>
    <t>128933.0</t>
  </si>
  <si>
    <t>39.418</t>
  </si>
  <si>
    <t>0.1685</t>
  </si>
  <si>
    <t>0.1367</t>
  </si>
  <si>
    <t>132646.0</t>
  </si>
  <si>
    <t>40.553</t>
  </si>
  <si>
    <t>134164.0</t>
  </si>
  <si>
    <t>41.017</t>
  </si>
  <si>
    <t>135760.0</t>
  </si>
  <si>
    <t>41.505</t>
  </si>
  <si>
    <t>137604.0</t>
  </si>
  <si>
    <t>42.069</t>
  </si>
  <si>
    <t>0.1924</t>
  </si>
  <si>
    <t>139343.0</t>
  </si>
  <si>
    <t>-526.6</t>
  </si>
  <si>
    <t>-2.43</t>
  </si>
  <si>
    <t>-162.856073702734</t>
  </si>
  <si>
    <t>142404.0</t>
  </si>
  <si>
    <t>43.536</t>
  </si>
  <si>
    <t>0.2013</t>
  </si>
  <si>
    <t>143973.0</t>
  </si>
  <si>
    <t>44.016</t>
  </si>
  <si>
    <t>145559.0</t>
  </si>
  <si>
    <t>44.501</t>
  </si>
  <si>
    <t>147023.0</t>
  </si>
  <si>
    <t>44.948</t>
  </si>
  <si>
    <t>148090.0</t>
  </si>
  <si>
    <t>45.274</t>
  </si>
  <si>
    <t>152346.0</t>
  </si>
  <si>
    <t>46.576</t>
  </si>
  <si>
    <t>47.227</t>
  </si>
  <si>
    <t>156047.0</t>
  </si>
  <si>
    <t>47.707</t>
  </si>
  <si>
    <t>157586.0</t>
  </si>
  <si>
    <t>48.178</t>
  </si>
  <si>
    <t>0.1693</t>
  </si>
  <si>
    <t>159613.0</t>
  </si>
  <si>
    <t>48.797</t>
  </si>
  <si>
    <t>163147.0</t>
  </si>
  <si>
    <t>49.878</t>
  </si>
  <si>
    <t>164881.0</t>
  </si>
  <si>
    <t>50.408</t>
  </si>
  <si>
    <t>166973.0</t>
  </si>
  <si>
    <t>168861.0</t>
  </si>
  <si>
    <t>51.625</t>
  </si>
  <si>
    <t>0.1636</t>
  </si>
  <si>
    <t>0.1675</t>
  </si>
  <si>
    <t>174907.0</t>
  </si>
  <si>
    <t>53.473</t>
  </si>
  <si>
    <t>176878.0</t>
  </si>
  <si>
    <t>54.076</t>
  </si>
  <si>
    <t>178652.0</t>
  </si>
  <si>
    <t>54.618</t>
  </si>
  <si>
    <t>180590.0</t>
  </si>
  <si>
    <t>182490.0</t>
  </si>
  <si>
    <t>183974.0</t>
  </si>
  <si>
    <t>56.245</t>
  </si>
  <si>
    <t>185125.0</t>
  </si>
  <si>
    <t>56.597</t>
  </si>
  <si>
    <t>0.1771</t>
  </si>
  <si>
    <t>186532.0</t>
  </si>
  <si>
    <t>57.027</t>
  </si>
  <si>
    <t>-51.4</t>
  </si>
  <si>
    <t>-0.21</t>
  </si>
  <si>
    <t>-15.89594035002</t>
  </si>
  <si>
    <t>188733.0</t>
  </si>
  <si>
    <t>190771.0</t>
  </si>
  <si>
    <t>58.323</t>
  </si>
  <si>
    <t>192556.0</t>
  </si>
  <si>
    <t>58.869</t>
  </si>
  <si>
    <t>194840.0</t>
  </si>
  <si>
    <t>59.567</t>
  </si>
  <si>
    <t>196358.0</t>
  </si>
  <si>
    <t>60.031</t>
  </si>
  <si>
    <t>0.1436</t>
  </si>
  <si>
    <t>198511.0</t>
  </si>
  <si>
    <t>60.689</t>
  </si>
  <si>
    <t>200525.0</t>
  </si>
  <si>
    <t>61.305</t>
  </si>
  <si>
    <t>0.1464</t>
  </si>
  <si>
    <t>201140.0</t>
  </si>
  <si>
    <t>0.1679</t>
  </si>
  <si>
    <t>201661.0</t>
  </si>
  <si>
    <t>61.652</t>
  </si>
  <si>
    <t>202243.0</t>
  </si>
  <si>
    <t>0.2285</t>
  </si>
  <si>
    <t>211329.0</t>
  </si>
  <si>
    <t>64.608</t>
  </si>
  <si>
    <t>213546.0</t>
  </si>
  <si>
    <t>65.286</t>
  </si>
  <si>
    <t>0.1512</t>
  </si>
  <si>
    <t>215696.0</t>
  </si>
  <si>
    <t>65.943</t>
  </si>
  <si>
    <t>0.1342</t>
  </si>
  <si>
    <t>218045.0</t>
  </si>
  <si>
    <t>220278.0</t>
  </si>
  <si>
    <t>67.344</t>
  </si>
  <si>
    <t>224569.0</t>
  </si>
  <si>
    <t>68.656</t>
  </si>
  <si>
    <t>226684.0</t>
  </si>
  <si>
    <t>69.302</t>
  </si>
  <si>
    <t>228942.0</t>
  </si>
  <si>
    <t>69.993</t>
  </si>
  <si>
    <t>0.1412</t>
  </si>
  <si>
    <t>231002.0</t>
  </si>
  <si>
    <t>70.622</t>
  </si>
  <si>
    <t>232973.0</t>
  </si>
  <si>
    <t>71.225</t>
  </si>
  <si>
    <t>236800.0</t>
  </si>
  <si>
    <t>72.395</t>
  </si>
  <si>
    <t>239149.0</t>
  </si>
  <si>
    <t>73.113</t>
  </si>
  <si>
    <t>241230.0</t>
  </si>
  <si>
    <t>73.749</t>
  </si>
  <si>
    <t>29.57</t>
  </si>
  <si>
    <t>228.233540434139</t>
  </si>
  <si>
    <t>243411.0</t>
  </si>
  <si>
    <t>74.416</t>
  </si>
  <si>
    <t>245211.0</t>
  </si>
  <si>
    <t>74.966</t>
  </si>
  <si>
    <t>0.1153</t>
  </si>
  <si>
    <t>248975.0</t>
  </si>
  <si>
    <t>76.117</t>
  </si>
  <si>
    <t>251160.0</t>
  </si>
  <si>
    <t>76.785</t>
  </si>
  <si>
    <t>253264.0</t>
  </si>
  <si>
    <t>77.428</t>
  </si>
  <si>
    <t>255545.0</t>
  </si>
  <si>
    <t>78.126</t>
  </si>
  <si>
    <t>257737.0</t>
  </si>
  <si>
    <t>78.796</t>
  </si>
  <si>
    <t>0.1836</t>
  </si>
  <si>
    <t>0.1726</t>
  </si>
  <si>
    <t>262637.0</t>
  </si>
  <si>
    <t>80.294</t>
  </si>
  <si>
    <t>264777.0</t>
  </si>
  <si>
    <t>80.948</t>
  </si>
  <si>
    <t>267288.0</t>
  </si>
  <si>
    <t>81.716</t>
  </si>
  <si>
    <t>269614.0</t>
  </si>
  <si>
    <t>82.427</t>
  </si>
  <si>
    <t>272139.0</t>
  </si>
  <si>
    <t>83.199</t>
  </si>
  <si>
    <t>0.2201</t>
  </si>
  <si>
    <t>0.2338</t>
  </si>
  <si>
    <t>84.889</t>
  </si>
  <si>
    <t>0.2544</t>
  </si>
  <si>
    <t>0.2686</t>
  </si>
  <si>
    <t>283279.0</t>
  </si>
  <si>
    <t>86.605</t>
  </si>
  <si>
    <t>0.2915</t>
  </si>
  <si>
    <t>286335.0</t>
  </si>
  <si>
    <t>87.539</t>
  </si>
  <si>
    <t>289301.0</t>
  </si>
  <si>
    <t>88.446</t>
  </si>
  <si>
    <t>0.3291</t>
  </si>
  <si>
    <t>291987.0</t>
  </si>
  <si>
    <t>89.267</t>
  </si>
  <si>
    <t>0.3442</t>
  </si>
  <si>
    <t>294491.0</t>
  </si>
  <si>
    <t>90.032</t>
  </si>
  <si>
    <t>0.3632</t>
  </si>
  <si>
    <t>296339.0</t>
  </si>
  <si>
    <t>90.597</t>
  </si>
  <si>
    <t>299419.0</t>
  </si>
  <si>
    <t>91.539</t>
  </si>
  <si>
    <t>0.4098</t>
  </si>
  <si>
    <t>303136.0</t>
  </si>
  <si>
    <t>92.675</t>
  </si>
  <si>
    <t>307464.0</t>
  </si>
  <si>
    <t>4328.0</t>
  </si>
  <si>
    <t>93.999</t>
  </si>
  <si>
    <t>311309.0</t>
  </si>
  <si>
    <t>95.174</t>
  </si>
  <si>
    <t>0.4382</t>
  </si>
  <si>
    <t>315265.0</t>
  </si>
  <si>
    <t>96.384</t>
  </si>
  <si>
    <t>0.4439</t>
  </si>
  <si>
    <t>1229.2</t>
  </si>
  <si>
    <t>380.141826424991</t>
  </si>
  <si>
    <t>318213.0</t>
  </si>
  <si>
    <t>97.285</t>
  </si>
  <si>
    <t>0.4473</t>
  </si>
  <si>
    <t>319831.0</t>
  </si>
  <si>
    <t>97.779</t>
  </si>
  <si>
    <t>0.4543</t>
  </si>
  <si>
    <t>322647.0</t>
  </si>
  <si>
    <t>327103.0</t>
  </si>
  <si>
    <t>100.003</t>
  </si>
  <si>
    <t>0.4531</t>
  </si>
  <si>
    <t>332274.0</t>
  </si>
  <si>
    <t>101.584</t>
  </si>
  <si>
    <t>336968.0</t>
  </si>
  <si>
    <t>103.019</t>
  </si>
  <si>
    <t>341410.0</t>
  </si>
  <si>
    <t>104.377</t>
  </si>
  <si>
    <t>0.4254</t>
  </si>
  <si>
    <t>344207.0</t>
  </si>
  <si>
    <t>105.232</t>
  </si>
  <si>
    <t>0.4201</t>
  </si>
  <si>
    <t>346573.0</t>
  </si>
  <si>
    <t>105.955</t>
  </si>
  <si>
    <t>351948.0</t>
  </si>
  <si>
    <t>107.598</t>
  </si>
  <si>
    <t>357527.0</t>
  </si>
  <si>
    <t>109.304</t>
  </si>
  <si>
    <t>362541.0</t>
  </si>
  <si>
    <t>110.837</t>
  </si>
  <si>
    <t>0.3564</t>
  </si>
  <si>
    <t>366395.0</t>
  </si>
  <si>
    <t>112.015</t>
  </si>
  <si>
    <t>0.3465</t>
  </si>
  <si>
    <t>370168.0</t>
  </si>
  <si>
    <t>113.169</t>
  </si>
  <si>
    <t>0.3369</t>
  </si>
  <si>
    <t>372502.0</t>
  </si>
  <si>
    <t>113.882</t>
  </si>
  <si>
    <t>374892.0</t>
  </si>
  <si>
    <t>114.613</t>
  </si>
  <si>
    <t>0.3273</t>
  </si>
  <si>
    <t>378617.0</t>
  </si>
  <si>
    <t>3725.0</t>
  </si>
  <si>
    <t>115.752</t>
  </si>
  <si>
    <t>0.3345</t>
  </si>
  <si>
    <t>383166.0</t>
  </si>
  <si>
    <t>117.142</t>
  </si>
  <si>
    <t>386780.0</t>
  </si>
  <si>
    <t>118.247</t>
  </si>
  <si>
    <t>0.3492</t>
  </si>
  <si>
    <t>390919.0</t>
  </si>
  <si>
    <t>119.513</t>
  </si>
  <si>
    <t>394742.0</t>
  </si>
  <si>
    <t>120.681</t>
  </si>
  <si>
    <t>0.3421</t>
  </si>
  <si>
    <t>396711.0</t>
  </si>
  <si>
    <t>121.283</t>
  </si>
  <si>
    <t>0.3326</t>
  </si>
  <si>
    <t>398160.0</t>
  </si>
  <si>
    <t>121.726</t>
  </si>
  <si>
    <t>401738.0</t>
  </si>
  <si>
    <t>122.82</t>
  </si>
  <si>
    <t>0.3371</t>
  </si>
  <si>
    <t>405667.0</t>
  </si>
  <si>
    <t>124.021</t>
  </si>
  <si>
    <t>0.3445</t>
  </si>
  <si>
    <t>408424.0</t>
  </si>
  <si>
    <t>124.864</t>
  </si>
  <si>
    <t>0.3463</t>
  </si>
  <si>
    <t>411604.0</t>
  </si>
  <si>
    <t>125.836</t>
  </si>
  <si>
    <t>0.3595</t>
  </si>
  <si>
    <t>414856.0</t>
  </si>
  <si>
    <t>126.831</t>
  </si>
  <si>
    <t>416554.0</t>
  </si>
  <si>
    <t>127.35</t>
  </si>
  <si>
    <t>0.3713</t>
  </si>
  <si>
    <t>418107.0</t>
  </si>
  <si>
    <t>127.825</t>
  </si>
  <si>
    <t>0.3683</t>
  </si>
  <si>
    <t>3703.2</t>
  </si>
  <si>
    <t>1145.24992809716</t>
  </si>
  <si>
    <t>421535.0</t>
  </si>
  <si>
    <t>128.873</t>
  </si>
  <si>
    <t>0.3711</t>
  </si>
  <si>
    <t>425012.0</t>
  </si>
  <si>
    <t>129.936</t>
  </si>
  <si>
    <t>2764.0</t>
  </si>
  <si>
    <t>0.3644</t>
  </si>
  <si>
    <t>428822.0</t>
  </si>
  <si>
    <t>432980.0</t>
  </si>
  <si>
    <t>132.372</t>
  </si>
  <si>
    <t>0.3444</t>
  </si>
  <si>
    <t>435795.0</t>
  </si>
  <si>
    <t>133.232</t>
  </si>
  <si>
    <t>438057.0</t>
  </si>
  <si>
    <t>2262.0</t>
  </si>
  <si>
    <t>133.924</t>
  </si>
  <si>
    <t>0.3317</t>
  </si>
  <si>
    <t>439811.0</t>
  </si>
  <si>
    <t>134.46</t>
  </si>
  <si>
    <t>0.3245</t>
  </si>
  <si>
    <t>443407.0</t>
  </si>
  <si>
    <t>135.559</t>
  </si>
  <si>
    <t>452838.0</t>
  </si>
  <si>
    <t>138.443</t>
  </si>
  <si>
    <t>2.883</t>
  </si>
  <si>
    <t>0.2494</t>
  </si>
  <si>
    <t>456817.0</t>
  </si>
  <si>
    <t>139.659</t>
  </si>
  <si>
    <t>0.2523</t>
  </si>
  <si>
    <t>460177.0</t>
  </si>
  <si>
    <t>140.686</t>
  </si>
  <si>
    <t>463118.0</t>
  </si>
  <si>
    <t>141.585</t>
  </si>
  <si>
    <t>0.2393</t>
  </si>
  <si>
    <t>465140.0</t>
  </si>
  <si>
    <t>142.204</t>
  </si>
  <si>
    <t>0.2441</t>
  </si>
  <si>
    <t>466426.0</t>
  </si>
  <si>
    <t>142.597</t>
  </si>
  <si>
    <t>0.2449</t>
  </si>
  <si>
    <t>469745.0</t>
  </si>
  <si>
    <t>143.611</t>
  </si>
  <si>
    <t>473300.0</t>
  </si>
  <si>
    <t>144.698</t>
  </si>
  <si>
    <t>0.2891</t>
  </si>
  <si>
    <t>476924.0</t>
  </si>
  <si>
    <t>145.806</t>
  </si>
  <si>
    <t>480213.0</t>
  </si>
  <si>
    <t>146.812</t>
  </si>
  <si>
    <t>0.2664</t>
  </si>
  <si>
    <t>483053.0</t>
  </si>
  <si>
    <t>147.68</t>
  </si>
  <si>
    <t>0.2617</t>
  </si>
  <si>
    <t>485428.0</t>
  </si>
  <si>
    <t>148.406</t>
  </si>
  <si>
    <t>0.2172</t>
  </si>
  <si>
    <t>487271.0</t>
  </si>
  <si>
    <t>0.2284</t>
  </si>
  <si>
    <t>490610.0</t>
  </si>
  <si>
    <t>149.99</t>
  </si>
  <si>
    <t>0.2231</t>
  </si>
  <si>
    <t>493664.0</t>
  </si>
  <si>
    <t>150.924</t>
  </si>
  <si>
    <t>496925.0</t>
  </si>
  <si>
    <t>151.921</t>
  </si>
  <si>
    <t>499883.0</t>
  </si>
  <si>
    <t>152.825</t>
  </si>
  <si>
    <t>502063.0</t>
  </si>
  <si>
    <t>153.492</t>
  </si>
  <si>
    <t>0.2002</t>
  </si>
  <si>
    <t>503906.0</t>
  </si>
  <si>
    <t>154.055</t>
  </si>
  <si>
    <t>505681.0</t>
  </si>
  <si>
    <t>154.598</t>
  </si>
  <si>
    <t>509067.0</t>
  </si>
  <si>
    <t>155.633</t>
  </si>
  <si>
    <t>511940.0</t>
  </si>
  <si>
    <t>156.511</t>
  </si>
  <si>
    <t>0.1868</t>
  </si>
  <si>
    <t>514380.0</t>
  </si>
  <si>
    <t>157.257</t>
  </si>
  <si>
    <t>6595.8</t>
  </si>
  <si>
    <t>94.24</t>
  </si>
  <si>
    <t>2039.81407316462</t>
  </si>
  <si>
    <t>517161.0</t>
  </si>
  <si>
    <t>158.108</t>
  </si>
  <si>
    <t>519854.0</t>
  </si>
  <si>
    <t>158.931</t>
  </si>
  <si>
    <t>524907.0</t>
  </si>
  <si>
    <t>160.476</t>
  </si>
  <si>
    <t>0.1855</t>
  </si>
  <si>
    <t>535439.0</t>
  </si>
  <si>
    <t>163.696</t>
  </si>
  <si>
    <t>538848.0</t>
  </si>
  <si>
    <t>164.738</t>
  </si>
  <si>
    <t>541875.0</t>
  </si>
  <si>
    <t>165.663</t>
  </si>
  <si>
    <t>0.1357</t>
  </si>
  <si>
    <t>544432.0</t>
  </si>
  <si>
    <t>166.445</t>
  </si>
  <si>
    <t>548818.0</t>
  </si>
  <si>
    <t>167.786</t>
  </si>
  <si>
    <t>552988.0</t>
  </si>
  <si>
    <t>169.061</t>
  </si>
  <si>
    <t>3510.0</t>
  </si>
  <si>
    <t>556009.0</t>
  </si>
  <si>
    <t>169.984</t>
  </si>
  <si>
    <t>558563.0</t>
  </si>
  <si>
    <t>170.765</t>
  </si>
  <si>
    <t>562138.0</t>
  </si>
  <si>
    <t>171.858</t>
  </si>
  <si>
    <t>563849.0</t>
  </si>
  <si>
    <t>172.381</t>
  </si>
  <si>
    <t>565698.0</t>
  </si>
  <si>
    <t>172.946</t>
  </si>
  <si>
    <t>568743.0</t>
  </si>
  <si>
    <t>173.877</t>
  </si>
  <si>
    <t>0.1096</t>
  </si>
  <si>
    <t>571214.0</t>
  </si>
  <si>
    <t>174.633</t>
  </si>
  <si>
    <t>573827.0</t>
  </si>
  <si>
    <t>175.432</t>
  </si>
  <si>
    <t>575996.0</t>
  </si>
  <si>
    <t>176.095</t>
  </si>
  <si>
    <t>581358.0</t>
  </si>
  <si>
    <t>177.734</t>
  </si>
  <si>
    <t>0.1316</t>
  </si>
  <si>
    <t>584293.0</t>
  </si>
  <si>
    <t>178.631</t>
  </si>
  <si>
    <t>587331.0</t>
  </si>
  <si>
    <t>589873.0</t>
  </si>
  <si>
    <t>592221.0</t>
  </si>
  <si>
    <t>181.055</t>
  </si>
  <si>
    <t>6668.3</t>
  </si>
  <si>
    <t>2062.23538980619</t>
  </si>
  <si>
    <t>597673.0</t>
  </si>
  <si>
    <t>182.722</t>
  </si>
  <si>
    <t>600336.0</t>
  </si>
  <si>
    <t>183.536</t>
  </si>
  <si>
    <t>603521.0</t>
  </si>
  <si>
    <t>184.51</t>
  </si>
  <si>
    <t>605988.0</t>
  </si>
  <si>
    <t>185.264</t>
  </si>
  <si>
    <t>608499.0</t>
  </si>
  <si>
    <t>186.032</t>
  </si>
  <si>
    <t>0.1121</t>
  </si>
  <si>
    <t>617764.0</t>
  </si>
  <si>
    <t>188.864</t>
  </si>
  <si>
    <t>620709.0</t>
  </si>
  <si>
    <t>189.765</t>
  </si>
  <si>
    <t>623347.0</t>
  </si>
  <si>
    <t>190.571</t>
  </si>
  <si>
    <t>625798.0</t>
  </si>
  <si>
    <t>191.32</t>
  </si>
  <si>
    <t>631187.0</t>
  </si>
  <si>
    <t>192.968</t>
  </si>
  <si>
    <t>634381.0</t>
  </si>
  <si>
    <t>193.944</t>
  </si>
  <si>
    <t>636979.0</t>
  </si>
  <si>
    <t>194.739</t>
  </si>
  <si>
    <t>639345.0</t>
  </si>
  <si>
    <t>195.462</t>
  </si>
  <si>
    <t>196.25</t>
  </si>
  <si>
    <t>648158.0</t>
  </si>
  <si>
    <t>198.156</t>
  </si>
  <si>
    <t>652067.0</t>
  </si>
  <si>
    <t>199.351</t>
  </si>
  <si>
    <t>655239.0</t>
  </si>
  <si>
    <t>200.321</t>
  </si>
  <si>
    <t>0.2077</t>
  </si>
  <si>
    <t>0.2455</t>
  </si>
  <si>
    <t>0.3261</t>
  </si>
  <si>
    <t>6826.4</t>
  </si>
  <si>
    <t>2111.12932306179</t>
  </si>
  <si>
    <t>0.2626</t>
  </si>
  <si>
    <t>657338.0</t>
  </si>
  <si>
    <t>200.963</t>
  </si>
  <si>
    <t>0.7422</t>
  </si>
  <si>
    <t>674037.0</t>
  </si>
  <si>
    <t>16699.0</t>
  </si>
  <si>
    <t>206.068</t>
  </si>
  <si>
    <t>5.105</t>
  </si>
  <si>
    <t>678280.0</t>
  </si>
  <si>
    <t>207.365</t>
  </si>
  <si>
    <t>681283.0</t>
  </si>
  <si>
    <t>208.283</t>
  </si>
  <si>
    <t>689431.0</t>
  </si>
  <si>
    <t>210.774</t>
  </si>
  <si>
    <t>694132.0</t>
  </si>
  <si>
    <t>212.212</t>
  </si>
  <si>
    <t>698295.0</t>
  </si>
  <si>
    <t>213.484</t>
  </si>
  <si>
    <t>702920.0</t>
  </si>
  <si>
    <t>214.898</t>
  </si>
  <si>
    <t>707190.0</t>
  </si>
  <si>
    <t>216.204</t>
  </si>
  <si>
    <t>0.2566</t>
  </si>
  <si>
    <t>0.2511</t>
  </si>
  <si>
    <t>0.2458</t>
  </si>
  <si>
    <t>717043.0</t>
  </si>
  <si>
    <t>219.216</t>
  </si>
  <si>
    <t>722446.0</t>
  </si>
  <si>
    <t>220.868</t>
  </si>
  <si>
    <t>727664.0</t>
  </si>
  <si>
    <t>222.463</t>
  </si>
  <si>
    <t>733032.0</t>
  </si>
  <si>
    <t>224.104</t>
  </si>
  <si>
    <t>0.2956</t>
  </si>
  <si>
    <t>736787.0</t>
  </si>
  <si>
    <t>225.252</t>
  </si>
  <si>
    <t>0.3101</t>
  </si>
  <si>
    <t>0.3061</t>
  </si>
  <si>
    <t>747794.0</t>
  </si>
  <si>
    <t>228.617</t>
  </si>
  <si>
    <t>0.3186</t>
  </si>
  <si>
    <t>753263.0</t>
  </si>
  <si>
    <t>5469.0</t>
  </si>
  <si>
    <t>230.289</t>
  </si>
  <si>
    <t>0.3216</t>
  </si>
  <si>
    <t>758540.0</t>
  </si>
  <si>
    <t>231.903</t>
  </si>
  <si>
    <t>764199.0</t>
  </si>
  <si>
    <t>233.633</t>
  </si>
  <si>
    <t>0.3296</t>
  </si>
  <si>
    <t>769406.0</t>
  </si>
  <si>
    <t>235.225</t>
  </si>
  <si>
    <t>0.3279</t>
  </si>
  <si>
    <t>0.3301</t>
  </si>
  <si>
    <t>238.488</t>
  </si>
  <si>
    <t>0.3457</t>
  </si>
  <si>
    <t>785479.0</t>
  </si>
  <si>
    <t>240.138</t>
  </si>
  <si>
    <t>791077.0</t>
  </si>
  <si>
    <t>1.711</t>
  </si>
  <si>
    <t>1.421</t>
  </si>
  <si>
    <t>0.3512</t>
  </si>
  <si>
    <t>8266.5</t>
  </si>
  <si>
    <t>43.03</t>
  </si>
  <si>
    <t>2556.49398644825</t>
  </si>
  <si>
    <t>796448.0</t>
  </si>
  <si>
    <t>243.492</t>
  </si>
  <si>
    <t>4607.0</t>
  </si>
  <si>
    <t>0.3461</t>
  </si>
  <si>
    <t>802118.0</t>
  </si>
  <si>
    <t>245.225</t>
  </si>
  <si>
    <t>0.3499</t>
  </si>
  <si>
    <t>812504.0</t>
  </si>
  <si>
    <t>248.401</t>
  </si>
  <si>
    <t>0.3277</t>
  </si>
  <si>
    <t>818181.0</t>
  </si>
  <si>
    <t>250.136</t>
  </si>
  <si>
    <t>4672.0</t>
  </si>
  <si>
    <t>0.3012</t>
  </si>
  <si>
    <t>824150.0</t>
  </si>
  <si>
    <t>251.961</t>
  </si>
  <si>
    <t>829803.0</t>
  </si>
  <si>
    <t>253.689</t>
  </si>
  <si>
    <t>835478.0</t>
  </si>
  <si>
    <t>5675.0</t>
  </si>
  <si>
    <t>255.424</t>
  </si>
  <si>
    <t>4766.0</t>
  </si>
  <si>
    <t>0.2516</t>
  </si>
  <si>
    <t>846536.0</t>
  </si>
  <si>
    <t>258.805</t>
  </si>
  <si>
    <t>4862.0</t>
  </si>
  <si>
    <t>0.2434</t>
  </si>
  <si>
    <t>850499.0</t>
  </si>
  <si>
    <t>260.016</t>
  </si>
  <si>
    <t>855428.0</t>
  </si>
  <si>
    <t>261.523</t>
  </si>
  <si>
    <t>35612.0</t>
  </si>
  <si>
    <t>25612.0</t>
  </si>
  <si>
    <t>858968.0</t>
  </si>
  <si>
    <t>262.606</t>
  </si>
  <si>
    <t>862452.0</t>
  </si>
  <si>
    <t>263.671</t>
  </si>
  <si>
    <t>3800.0</t>
  </si>
  <si>
    <t>0.2657</t>
  </si>
  <si>
    <t>872381.0</t>
  </si>
  <si>
    <t>266.706</t>
  </si>
  <si>
    <t>876306.0</t>
  </si>
  <si>
    <t>267.906</t>
  </si>
  <si>
    <t>880667.0</t>
  </si>
  <si>
    <t>269.239</t>
  </si>
  <si>
    <t>884114.0</t>
  </si>
  <si>
    <t>270.293</t>
  </si>
  <si>
    <t>887506.0</t>
  </si>
  <si>
    <t>271.33</t>
  </si>
  <si>
    <t>80988.0</t>
  </si>
  <si>
    <t>68988.0</t>
  </si>
  <si>
    <t>894305.0</t>
  </si>
  <si>
    <t>273.409</t>
  </si>
  <si>
    <t>897655.0</t>
  </si>
  <si>
    <t>274.433</t>
  </si>
  <si>
    <t>0.2274</t>
  </si>
  <si>
    <t>900774.0</t>
  </si>
  <si>
    <t>275.387</t>
  </si>
  <si>
    <t>4281.0</t>
  </si>
  <si>
    <t>903942.0</t>
  </si>
  <si>
    <t>276.355</t>
  </si>
  <si>
    <t>907054.0</t>
  </si>
  <si>
    <t>277.307</t>
  </si>
  <si>
    <t>11325.8</t>
  </si>
  <si>
    <t>23.01</t>
  </si>
  <si>
    <t>102.26</t>
  </si>
  <si>
    <t>3502.61169681432</t>
  </si>
  <si>
    <t>0.1975</t>
  </si>
  <si>
    <t>109609.0</t>
  </si>
  <si>
    <t>85057.0</t>
  </si>
  <si>
    <t>24552.0</t>
  </si>
  <si>
    <t>913433.0</t>
  </si>
  <si>
    <t>279.257</t>
  </si>
  <si>
    <t>0.1731</t>
  </si>
  <si>
    <t>916879.0</t>
  </si>
  <si>
    <t>280.31</t>
  </si>
  <si>
    <t>920007.0</t>
  </si>
  <si>
    <t>281.267</t>
  </si>
  <si>
    <t>922568.0</t>
  </si>
  <si>
    <t>282.05</t>
  </si>
  <si>
    <t>929119.0</t>
  </si>
  <si>
    <t>284.052</t>
  </si>
  <si>
    <t>0.1595</t>
  </si>
  <si>
    <t>932033.0</t>
  </si>
  <si>
    <t>284.943</t>
  </si>
  <si>
    <t>0.1102</t>
  </si>
  <si>
    <t>934460.0</t>
  </si>
  <si>
    <t>285.685</t>
  </si>
  <si>
    <t>0.1088</t>
  </si>
  <si>
    <t>936259.0</t>
  </si>
  <si>
    <t>286.235</t>
  </si>
  <si>
    <t>937964.0</t>
  </si>
  <si>
    <t>286.756</t>
  </si>
  <si>
    <t>0.0921</t>
  </si>
  <si>
    <t>945559.0</t>
  </si>
  <si>
    <t>289.078</t>
  </si>
  <si>
    <t>949432.0</t>
  </si>
  <si>
    <t>290.262</t>
  </si>
  <si>
    <t>952119.0</t>
  </si>
  <si>
    <t>291.084</t>
  </si>
  <si>
    <t>151549.0</t>
  </si>
  <si>
    <t>116085.0</t>
  </si>
  <si>
    <t>35464.0</t>
  </si>
  <si>
    <t>954240.0</t>
  </si>
  <si>
    <t>291.732</t>
  </si>
  <si>
    <t>956536.0</t>
  </si>
  <si>
    <t>292.434</t>
  </si>
  <si>
    <t>2653.0</t>
  </si>
  <si>
    <t>5708.0</t>
  </si>
  <si>
    <t>962537.0</t>
  </si>
  <si>
    <t>294.269</t>
  </si>
  <si>
    <t>965308.0</t>
  </si>
  <si>
    <t>295.116</t>
  </si>
  <si>
    <t>236472.0</t>
  </si>
  <si>
    <t>191659.0</t>
  </si>
  <si>
    <t>44813.0</t>
  </si>
  <si>
    <t>12465.0</t>
  </si>
  <si>
    <t>11043.0</t>
  </si>
  <si>
    <t>968076.0</t>
  </si>
  <si>
    <t>295.962</t>
  </si>
  <si>
    <t>11388.0</t>
  </si>
  <si>
    <t>970337.0</t>
  </si>
  <si>
    <t>296.654</t>
  </si>
  <si>
    <t>0.0462</t>
  </si>
  <si>
    <t>972590.0</t>
  </si>
  <si>
    <t>297.342</t>
  </si>
  <si>
    <t>9165.0</t>
  </si>
  <si>
    <t>977858.0</t>
  </si>
  <si>
    <t>298.953</t>
  </si>
  <si>
    <t>12569.3</t>
  </si>
  <si>
    <t>3887.17593465964</t>
  </si>
  <si>
    <t>980528.0</t>
  </si>
  <si>
    <t>299.769</t>
  </si>
  <si>
    <t>982454.0</t>
  </si>
  <si>
    <t>300.358</t>
  </si>
  <si>
    <t>984706.0</t>
  </si>
  <si>
    <t>301.047</t>
  </si>
  <si>
    <t>986578.0</t>
  </si>
  <si>
    <t>301.619</t>
  </si>
  <si>
    <t>992476.0</t>
  </si>
  <si>
    <t>303.422</t>
  </si>
  <si>
    <t>994645.0</t>
  </si>
  <si>
    <t>304.085</t>
  </si>
  <si>
    <t>996877.0</t>
  </si>
  <si>
    <t>304.767</t>
  </si>
  <si>
    <t>998869.0</t>
  </si>
  <si>
    <t>305.376</t>
  </si>
  <si>
    <t>323252.0</t>
  </si>
  <si>
    <t>257898.0</t>
  </si>
  <si>
    <t>65354.0</t>
  </si>
  <si>
    <t>1000580.0</t>
  </si>
  <si>
    <t>305.9</t>
  </si>
  <si>
    <t>6063.0</t>
  </si>
  <si>
    <t>1004976.0</t>
  </si>
  <si>
    <t>307.244</t>
  </si>
  <si>
    <t>1006995.0</t>
  </si>
  <si>
    <t>307.861</t>
  </si>
  <si>
    <t>1008853.0</t>
  </si>
  <si>
    <t>308.429</t>
  </si>
  <si>
    <t>1010886.0</t>
  </si>
  <si>
    <t>309.05</t>
  </si>
  <si>
    <t>7662.0</t>
  </si>
  <si>
    <t>1012709.0</t>
  </si>
  <si>
    <t>309.608</t>
  </si>
  <si>
    <t>1016893.0</t>
  </si>
  <si>
    <t>310.887</t>
  </si>
  <si>
    <t>1018739.0</t>
  </si>
  <si>
    <t>311.451</t>
  </si>
  <si>
    <t>1020308.0</t>
  </si>
  <si>
    <t>311.931</t>
  </si>
  <si>
    <t>1021848.0</t>
  </si>
  <si>
    <t>312.402</t>
  </si>
  <si>
    <t>430513.0</t>
  </si>
  <si>
    <t>293737.0</t>
  </si>
  <si>
    <t>136776.0</t>
  </si>
  <si>
    <t>1023310.0</t>
  </si>
  <si>
    <t>312.849</t>
  </si>
  <si>
    <t>457491.0</t>
  </si>
  <si>
    <t>302020.0</t>
  </si>
  <si>
    <t>155471.0</t>
  </si>
  <si>
    <t>26978.0</t>
  </si>
  <si>
    <t>1027418.0</t>
  </si>
  <si>
    <t>314.105</t>
  </si>
  <si>
    <t>7683.0</t>
  </si>
  <si>
    <t>1029115.0</t>
  </si>
  <si>
    <t>314.623</t>
  </si>
  <si>
    <t>1030666.0</t>
  </si>
  <si>
    <t>315.098</t>
  </si>
  <si>
    <t>92.5</t>
  </si>
  <si>
    <t>4051.2999724759</t>
  </si>
  <si>
    <t>1032106.0</t>
  </si>
  <si>
    <t>315.538</t>
  </si>
  <si>
    <t>106.8</t>
  </si>
  <si>
    <t>4945.0</t>
  </si>
  <si>
    <t>1033373.0</t>
  </si>
  <si>
    <t>315.925</t>
  </si>
  <si>
    <t>97.3</t>
  </si>
  <si>
    <t>176.1</t>
  </si>
  <si>
    <t>470218.0</t>
  </si>
  <si>
    <t>306429.0</t>
  </si>
  <si>
    <t>163789.0</t>
  </si>
  <si>
    <t>220.1</t>
  </si>
  <si>
    <t>1039881.0</t>
  </si>
  <si>
    <t>317.915</t>
  </si>
  <si>
    <t>368.5</t>
  </si>
  <si>
    <t>1041294.0</t>
  </si>
  <si>
    <t>318.347</t>
  </si>
  <si>
    <t>612.7</t>
  </si>
  <si>
    <t>4842.0</t>
  </si>
  <si>
    <t>1042739.0</t>
  </si>
  <si>
    <t>318.788</t>
  </si>
  <si>
    <t>6032.0</t>
  </si>
  <si>
    <t>1045737.0</t>
  </si>
  <si>
    <t>319.705</t>
  </si>
  <si>
    <t>1047193.0</t>
  </si>
  <si>
    <t>320.15</t>
  </si>
  <si>
    <t>1048753.0</t>
  </si>
  <si>
    <t>320.627</t>
  </si>
  <si>
    <t>1050723.0</t>
  </si>
  <si>
    <t>321.229</t>
  </si>
  <si>
    <t>1051854.0</t>
  </si>
  <si>
    <t>321.575</t>
  </si>
  <si>
    <t>1054807.0</t>
  </si>
  <si>
    <t>322.478</t>
  </si>
  <si>
    <t>1056137.0</t>
  </si>
  <si>
    <t>322.885</t>
  </si>
  <si>
    <t>1057042.0</t>
  </si>
  <si>
    <t>323.161</t>
  </si>
  <si>
    <t>623838.0</t>
  </si>
  <si>
    <t>388445.0</t>
  </si>
  <si>
    <t>235393.0</t>
  </si>
  <si>
    <t>1058585.0</t>
  </si>
  <si>
    <t>323.633</t>
  </si>
  <si>
    <t>3031.0</t>
  </si>
  <si>
    <t>1060468.0</t>
  </si>
  <si>
    <t>324.209</t>
  </si>
  <si>
    <t>10002.0</t>
  </si>
  <si>
    <t>1064881.0</t>
  </si>
  <si>
    <t>325.558</t>
  </si>
  <si>
    <t>10604.0</t>
  </si>
  <si>
    <t>1066701.0</t>
  </si>
  <si>
    <t>326.114</t>
  </si>
  <si>
    <t>1068521.0</t>
  </si>
  <si>
    <t>326.671</t>
  </si>
  <si>
    <t>11004.0</t>
  </si>
  <si>
    <t>3403.0</t>
  </si>
  <si>
    <t>1070586.0</t>
  </si>
  <si>
    <t>327.302</t>
  </si>
  <si>
    <t>1071650.0</t>
  </si>
  <si>
    <t>327.627</t>
  </si>
  <si>
    <t>13377.3</t>
  </si>
  <si>
    <t>4137.05764288564</t>
  </si>
  <si>
    <t>1076063.0</t>
  </si>
  <si>
    <t>328.976</t>
  </si>
  <si>
    <t>1077957.0</t>
  </si>
  <si>
    <t>329.555</t>
  </si>
  <si>
    <t>1080309.0</t>
  </si>
  <si>
    <t>330.274</t>
  </si>
  <si>
    <t>777900.0</t>
  </si>
  <si>
    <t>491843.0</t>
  </si>
  <si>
    <t>286057.0</t>
  </si>
  <si>
    <t>1082009.0</t>
  </si>
  <si>
    <t>330.794</t>
  </si>
  <si>
    <t>9921.0</t>
  </si>
  <si>
    <t>1083943.0</t>
  </si>
  <si>
    <t>331.385</t>
  </si>
  <si>
    <t>8838.0</t>
  </si>
  <si>
    <t>1088194.0</t>
  </si>
  <si>
    <t>332.685</t>
  </si>
  <si>
    <t>1090593.0</t>
  </si>
  <si>
    <t>333.419</t>
  </si>
  <si>
    <t>499813.0</t>
  </si>
  <si>
    <t>298609.0</t>
  </si>
  <si>
    <t>1092969.0</t>
  </si>
  <si>
    <t>865306.0</t>
  </si>
  <si>
    <t>537608.0</t>
  </si>
  <si>
    <t>327698.0</t>
  </si>
  <si>
    <t>66884.0</t>
  </si>
  <si>
    <t>12487.0</t>
  </si>
  <si>
    <t>16.63</t>
  </si>
  <si>
    <t>1095445.0</t>
  </si>
  <si>
    <t>334.902</t>
  </si>
  <si>
    <t>13280.0</t>
  </si>
  <si>
    <t>1097265.0</t>
  </si>
  <si>
    <t>335.458</t>
  </si>
  <si>
    <t>14073.0</t>
  </si>
  <si>
    <t>14867.0</t>
  </si>
  <si>
    <t>1103356.0</t>
  </si>
  <si>
    <t>337.32</t>
  </si>
  <si>
    <t>16454.0</t>
  </si>
  <si>
    <t>1106080.0</t>
  </si>
  <si>
    <t>338.153</t>
  </si>
  <si>
    <t>9023.0</t>
  </si>
  <si>
    <t>1108879.0</t>
  </si>
  <si>
    <t>339.009</t>
  </si>
  <si>
    <t>928126.0</t>
  </si>
  <si>
    <t>567198.0</t>
  </si>
  <si>
    <t>360928.0</t>
  </si>
  <si>
    <t>8974.0</t>
  </si>
  <si>
    <t>4227.0</t>
  </si>
  <si>
    <t>1111191.0</t>
  </si>
  <si>
    <t>339.716</t>
  </si>
  <si>
    <t>0.1149</t>
  </si>
  <si>
    <t>8635.0</t>
  </si>
  <si>
    <t>1113991.0</t>
  </si>
  <si>
    <t>340.572</t>
  </si>
  <si>
    <t>1123005.0</t>
  </si>
  <si>
    <t>343.328</t>
  </si>
  <si>
    <t>6940.0</t>
  </si>
  <si>
    <t>1125967.0</t>
  </si>
  <si>
    <t>344.233</t>
  </si>
  <si>
    <t>1129226.0</t>
  </si>
  <si>
    <t>345.229</t>
  </si>
  <si>
    <t>1132357.0</t>
  </si>
  <si>
    <t>346.187</t>
  </si>
  <si>
    <t>1138215.0</t>
  </si>
  <si>
    <t>1141029.0</t>
  </si>
  <si>
    <t>2814.0</t>
  </si>
  <si>
    <t>348.838</t>
  </si>
  <si>
    <t>13561.8</t>
  </si>
  <si>
    <t>4194.11602799417</t>
  </si>
  <si>
    <t>1144570.0</t>
  </si>
  <si>
    <t>349.92</t>
  </si>
  <si>
    <t>1146897.0</t>
  </si>
  <si>
    <t>350.632</t>
  </si>
  <si>
    <t>0.2051</t>
  </si>
  <si>
    <t>1148516.0</t>
  </si>
  <si>
    <t>351.127</t>
  </si>
  <si>
    <t>0.2363</t>
  </si>
  <si>
    <t>1158964.0</t>
  </si>
  <si>
    <t>354.321</t>
  </si>
  <si>
    <t>0.2357</t>
  </si>
  <si>
    <t>1060145.0</t>
  </si>
  <si>
    <t>634063.0</t>
  </si>
  <si>
    <t>426082.0</t>
  </si>
  <si>
    <t>13.18</t>
  </si>
  <si>
    <t>1162083.0</t>
  </si>
  <si>
    <t>355.275</t>
  </si>
  <si>
    <t>1165158.0</t>
  </si>
  <si>
    <t>356.215</t>
  </si>
  <si>
    <t>7079.0</t>
  </si>
  <si>
    <t>1168375.0</t>
  </si>
  <si>
    <t>357.198</t>
  </si>
  <si>
    <t>0.2272</t>
  </si>
  <si>
    <t>0.2333</t>
  </si>
  <si>
    <t>0.2396</t>
  </si>
  <si>
    <t>7797.0</t>
  </si>
  <si>
    <t>1174665.0</t>
  </si>
  <si>
    <t>359.121</t>
  </si>
  <si>
    <t>0.2621</t>
  </si>
  <si>
    <t>8036.0</t>
  </si>
  <si>
    <t>1178217.0</t>
  </si>
  <si>
    <t>360.207</t>
  </si>
  <si>
    <t>0.2518</t>
  </si>
  <si>
    <t>8275.0</t>
  </si>
  <si>
    <t>1182245.0</t>
  </si>
  <si>
    <t>361.439</t>
  </si>
  <si>
    <t>0.2454</t>
  </si>
  <si>
    <t>1185467.0</t>
  </si>
  <si>
    <t>362.424</t>
  </si>
  <si>
    <t>0.2491</t>
  </si>
  <si>
    <t>1188929.0</t>
  </si>
  <si>
    <t>363.482</t>
  </si>
  <si>
    <t>0.2506</t>
  </si>
  <si>
    <t>0.2474</t>
  </si>
  <si>
    <t>1196043.0</t>
  </si>
  <si>
    <t>365.657</t>
  </si>
  <si>
    <t>0.2534</t>
  </si>
  <si>
    <t>1199529.0</t>
  </si>
  <si>
    <t>366.723</t>
  </si>
  <si>
    <t>1203854.0</t>
  </si>
  <si>
    <t>368.045</t>
  </si>
  <si>
    <t>1207337.0</t>
  </si>
  <si>
    <t>369.11</t>
  </si>
  <si>
    <t>0.2446</t>
  </si>
  <si>
    <t>1210173.0</t>
  </si>
  <si>
    <t>369.977</t>
  </si>
  <si>
    <t>0.2389</t>
  </si>
  <si>
    <t>1216467.0</t>
  </si>
  <si>
    <t>371.901</t>
  </si>
  <si>
    <t>1220394.0</t>
  </si>
  <si>
    <t>373.102</t>
  </si>
  <si>
    <t>0.2404</t>
  </si>
  <si>
    <t>1223189.0</t>
  </si>
  <si>
    <t>373.956</t>
  </si>
  <si>
    <t>1242203.0</t>
  </si>
  <si>
    <t>734195.0</t>
  </si>
  <si>
    <t>508008.0</t>
  </si>
  <si>
    <t>1227043.0</t>
  </si>
  <si>
    <t>375.134</t>
  </si>
  <si>
    <t>14690.5</t>
  </si>
  <si>
    <t>4543.17727066086</t>
  </si>
  <si>
    <t>1230009.0</t>
  </si>
  <si>
    <t>376.041</t>
  </si>
  <si>
    <t>0.2387</t>
  </si>
  <si>
    <t>0.2409</t>
  </si>
  <si>
    <t>7908.0</t>
  </si>
  <si>
    <t>0.2431</t>
  </si>
  <si>
    <t>1235767.0</t>
  </si>
  <si>
    <t>377.801</t>
  </si>
  <si>
    <t>0.2477</t>
  </si>
  <si>
    <t>1238919.0</t>
  </si>
  <si>
    <t>378.765</t>
  </si>
  <si>
    <t>7419.0</t>
  </si>
  <si>
    <t>1246009.0</t>
  </si>
  <si>
    <t>380.933</t>
  </si>
  <si>
    <t>1248564.0</t>
  </si>
  <si>
    <t>381.714</t>
  </si>
  <si>
    <t>0.2532</t>
  </si>
  <si>
    <t>1253492.0</t>
  </si>
  <si>
    <t>383.22</t>
  </si>
  <si>
    <t>0.2375</t>
  </si>
  <si>
    <t>1256450.0</t>
  </si>
  <si>
    <t>384.125</t>
  </si>
  <si>
    <t>0.2394</t>
  </si>
  <si>
    <t>1258890.0</t>
  </si>
  <si>
    <t>384.871</t>
  </si>
  <si>
    <t>1262217.0</t>
  </si>
  <si>
    <t>385.888</t>
  </si>
  <si>
    <t>1265280.0</t>
  </si>
  <si>
    <t>386.824</t>
  </si>
  <si>
    <t>1270807.0</t>
  </si>
  <si>
    <t>388.514</t>
  </si>
  <si>
    <t>1273411.0</t>
  </si>
  <si>
    <t>389.31</t>
  </si>
  <si>
    <t>0.2267</t>
  </si>
  <si>
    <t>1276308.0</t>
  </si>
  <si>
    <t>390.196</t>
  </si>
  <si>
    <t>1278729.0</t>
  </si>
  <si>
    <t>390.936</t>
  </si>
  <si>
    <t>0.2399</t>
  </si>
  <si>
    <t>1281963.0</t>
  </si>
  <si>
    <t>391.925</t>
  </si>
  <si>
    <t>0.2424</t>
  </si>
  <si>
    <t>0.2412</t>
  </si>
  <si>
    <t>1287610.0</t>
  </si>
  <si>
    <t>393.651</t>
  </si>
  <si>
    <t>1291186.0</t>
  </si>
  <si>
    <t>394.744</t>
  </si>
  <si>
    <t>1295083.0</t>
  </si>
  <si>
    <t>395.936</t>
  </si>
  <si>
    <t>1298834.0</t>
  </si>
  <si>
    <t>397.082</t>
  </si>
  <si>
    <t>0.2438</t>
  </si>
  <si>
    <t>1301987.0</t>
  </si>
  <si>
    <t>398.046</t>
  </si>
  <si>
    <t>0.2397</t>
  </si>
  <si>
    <t>2885.0</t>
  </si>
  <si>
    <t>1479596.0</t>
  </si>
  <si>
    <t>797531.0</t>
  </si>
  <si>
    <t>682065.0</t>
  </si>
  <si>
    <t>45.76</t>
  </si>
  <si>
    <t>15820.0</t>
  </si>
  <si>
    <t>4892.48592095945</t>
  </si>
  <si>
    <t>1307890.0</t>
  </si>
  <si>
    <t>399.851</t>
  </si>
  <si>
    <t>1311066.0</t>
  </si>
  <si>
    <t>400.822</t>
  </si>
  <si>
    <t>1315401.0</t>
  </si>
  <si>
    <t>402.147</t>
  </si>
  <si>
    <t>12198.0</t>
  </si>
  <si>
    <t>1319130.0</t>
  </si>
  <si>
    <t>403.287</t>
  </si>
  <si>
    <t>1553874.0</t>
  </si>
  <si>
    <t>833233.0</t>
  </si>
  <si>
    <t>720631.0</t>
  </si>
  <si>
    <t>13791.0</t>
  </si>
  <si>
    <t>5949.0</t>
  </si>
  <si>
    <t>0.2345</t>
  </si>
  <si>
    <t>12904.0</t>
  </si>
  <si>
    <t>1328385.0</t>
  </si>
  <si>
    <t>406.117</t>
  </si>
  <si>
    <t>0.2715</t>
  </si>
  <si>
    <t>1332707.0</t>
  </si>
  <si>
    <t>407.438</t>
  </si>
  <si>
    <t>0.2672</t>
  </si>
  <si>
    <t>1336060.0</t>
  </si>
  <si>
    <t>408.463</t>
  </si>
  <si>
    <t>0.2659</t>
  </si>
  <si>
    <t>1340471.0</t>
  </si>
  <si>
    <t>409.812</t>
  </si>
  <si>
    <t>0.2579</t>
  </si>
  <si>
    <t>1343252.0</t>
  </si>
  <si>
    <t>410.662</t>
  </si>
  <si>
    <t>0.2837</t>
  </si>
  <si>
    <t>0.2847</t>
  </si>
  <si>
    <t>1349956.0</t>
  </si>
  <si>
    <t>412.712</t>
  </si>
  <si>
    <t>1353609.0</t>
  </si>
  <si>
    <t>413.828</t>
  </si>
  <si>
    <t>0.2442</t>
  </si>
  <si>
    <t>1357575.0</t>
  </si>
  <si>
    <t>415.041</t>
  </si>
  <si>
    <t>1361202.0</t>
  </si>
  <si>
    <t>416.15</t>
  </si>
  <si>
    <t>1364521.0</t>
  </si>
  <si>
    <t>0.2344</t>
  </si>
  <si>
    <t>0.2334</t>
  </si>
  <si>
    <t>0.2324</t>
  </si>
  <si>
    <t>1371490.0</t>
  </si>
  <si>
    <t>419.295</t>
  </si>
  <si>
    <t>0.2208</t>
  </si>
  <si>
    <t>1372920.0</t>
  </si>
  <si>
    <t>419.732</t>
  </si>
  <si>
    <t>0.2359</t>
  </si>
  <si>
    <t>1378799.0</t>
  </si>
  <si>
    <t>421.53</t>
  </si>
  <si>
    <t>1382485.0</t>
  </si>
  <si>
    <t>422.656</t>
  </si>
  <si>
    <t>1385921.0</t>
  </si>
  <si>
    <t>423.707</t>
  </si>
  <si>
    <t>0.1935</t>
  </si>
  <si>
    <t>1393545.0</t>
  </si>
  <si>
    <t>426.038</t>
  </si>
  <si>
    <t>1397409.0</t>
  </si>
  <si>
    <t>427.219</t>
  </si>
  <si>
    <t>0.1865</t>
  </si>
  <si>
    <t>882641.0</t>
  </si>
  <si>
    <t>22572.0</t>
  </si>
  <si>
    <t>17518.3</t>
  </si>
  <si>
    <t>5417.70139754386</t>
  </si>
  <si>
    <t>1401319.0</t>
  </si>
  <si>
    <t>428.414</t>
  </si>
  <si>
    <t>1404535.0</t>
  </si>
  <si>
    <t>429.398</t>
  </si>
  <si>
    <t>1407341.0</t>
  </si>
  <si>
    <t>430.255</t>
  </si>
  <si>
    <t>0.2113</t>
  </si>
  <si>
    <t>1413601.0</t>
  </si>
  <si>
    <t>432.169</t>
  </si>
  <si>
    <t>1417356.0</t>
  </si>
  <si>
    <t>433.317</t>
  </si>
  <si>
    <t>1420452.0</t>
  </si>
  <si>
    <t>434.264</t>
  </si>
  <si>
    <t>1423567.0</t>
  </si>
  <si>
    <t>435.216</t>
  </si>
  <si>
    <t>1426356.0</t>
  </si>
  <si>
    <t>436.069</t>
  </si>
  <si>
    <t>0.1988</t>
  </si>
  <si>
    <t>2676.0</t>
  </si>
  <si>
    <t>1432196.0</t>
  </si>
  <si>
    <t>437.854</t>
  </si>
  <si>
    <t>1435468.0</t>
  </si>
  <si>
    <t>438.854</t>
  </si>
  <si>
    <t>1438312.0</t>
  </si>
  <si>
    <t>439.724</t>
  </si>
  <si>
    <t>1441646.0</t>
  </si>
  <si>
    <t>440.743</t>
  </si>
  <si>
    <t>1444359.0</t>
  </si>
  <si>
    <t>441.573</t>
  </si>
  <si>
    <t>0.1862</t>
  </si>
  <si>
    <t>1449713.0</t>
  </si>
  <si>
    <t>443.209</t>
  </si>
  <si>
    <t>1453091.0</t>
  </si>
  <si>
    <t>444.242</t>
  </si>
  <si>
    <t>1456145.0</t>
  </si>
  <si>
    <t>445.176</t>
  </si>
  <si>
    <t>0.1776</t>
  </si>
  <si>
    <t>1459183.0</t>
  </si>
  <si>
    <t>446.105</t>
  </si>
  <si>
    <t>1461608.0</t>
  </si>
  <si>
    <t>446.846</t>
  </si>
  <si>
    <t>1467061.0</t>
  </si>
  <si>
    <t>448.513</t>
  </si>
  <si>
    <t>1471199.0</t>
  </si>
  <si>
    <t>449.778</t>
  </si>
  <si>
    <t>1474785.0</t>
  </si>
  <si>
    <t>450.875</t>
  </si>
  <si>
    <t>1479046.0</t>
  </si>
  <si>
    <t>452.177</t>
  </si>
  <si>
    <t>1483234.0</t>
  </si>
  <si>
    <t>453.458</t>
  </si>
  <si>
    <t>19123.2</t>
  </si>
  <si>
    <t>52.62</t>
  </si>
  <si>
    <t>5914.03203310314</t>
  </si>
  <si>
    <t>3556.0</t>
  </si>
  <si>
    <t>1499302.0</t>
  </si>
  <si>
    <t>458.37</t>
  </si>
  <si>
    <t>939775.0</t>
  </si>
  <si>
    <t>842954.0</t>
  </si>
  <si>
    <t>120530.0</t>
  </si>
  <si>
    <t>1924950.0</t>
  </si>
  <si>
    <t>943394.0</t>
  </si>
  <si>
    <t>846080.0</t>
  </si>
  <si>
    <t>29.18</t>
  </si>
  <si>
    <t>26.17</t>
  </si>
  <si>
    <t>19747.9</t>
  </si>
  <si>
    <t>6107.22646766846</t>
  </si>
  <si>
    <t>21531.2</t>
  </si>
  <si>
    <t>6658.72900514299</t>
  </si>
  <si>
    <t>22134.5</t>
  </si>
  <si>
    <t>18.13</t>
  </si>
  <si>
    <t>6845.3052855548</t>
  </si>
  <si>
    <t>6844.53213670509</t>
  </si>
  <si>
    <t>22171.7</t>
  </si>
  <si>
    <t>6856.80974043847</t>
  </si>
  <si>
    <t>22150.6</t>
  </si>
  <si>
    <t>-0.77</t>
  </si>
  <si>
    <t>6850.28436414692</t>
  </si>
  <si>
    <t>BWA</t>
  </si>
  <si>
    <t>Botswana</t>
  </si>
  <si>
    <t>538.5</t>
  </si>
  <si>
    <t>597.9</t>
  </si>
  <si>
    <t>164.1</t>
  </si>
  <si>
    <t>839.2</t>
  </si>
  <si>
    <t>6210.0</t>
  </si>
  <si>
    <t>790.2</t>
  </si>
  <si>
    <t>6548.0</t>
  </si>
  <si>
    <t>573.4</t>
  </si>
  <si>
    <t>1783.2</t>
  </si>
  <si>
    <t>2.735</t>
  </si>
  <si>
    <t>1748.3</t>
  </si>
  <si>
    <t>1923.1</t>
  </si>
  <si>
    <t>2097.9</t>
  </si>
  <si>
    <t>2517.5</t>
  </si>
  <si>
    <t>3.503</t>
  </si>
  <si>
    <t>2853.1</t>
  </si>
  <si>
    <t>3.616</t>
  </si>
  <si>
    <t>10619.0</t>
  </si>
  <si>
    <t>4.441</t>
  </si>
  <si>
    <t>2426.6</t>
  </si>
  <si>
    <t>4.476</t>
  </si>
  <si>
    <t>2223.8</t>
  </si>
  <si>
    <t>11945.0</t>
  </si>
  <si>
    <t>2405.6</t>
  </si>
  <si>
    <t>1776.2</t>
  </si>
  <si>
    <t>5.136</t>
  </si>
  <si>
    <t>2237.8</t>
  </si>
  <si>
    <t>1188.8</t>
  </si>
  <si>
    <t>14103.0</t>
  </si>
  <si>
    <t>2608.4</t>
  </si>
  <si>
    <t>5.518</t>
  </si>
  <si>
    <t>2692.3</t>
  </si>
  <si>
    <t>14855.0</t>
  </si>
  <si>
    <t>5.739</t>
  </si>
  <si>
    <t>2909.1</t>
  </si>
  <si>
    <t>5.948</t>
  </si>
  <si>
    <t>600.8</t>
  </si>
  <si>
    <t>16100.0</t>
  </si>
  <si>
    <t>542.6</t>
  </si>
  <si>
    <t>595.1</t>
  </si>
  <si>
    <t>6.811</t>
  </si>
  <si>
    <t>397.5</t>
  </si>
  <si>
    <t>17991.0</t>
  </si>
  <si>
    <t>388.4</t>
  </si>
  <si>
    <t>18261.0</t>
  </si>
  <si>
    <t>7.055</t>
  </si>
  <si>
    <t>19626.0</t>
  </si>
  <si>
    <t>7.582</t>
  </si>
  <si>
    <t>477.3</t>
  </si>
  <si>
    <t>7.799</t>
  </si>
  <si>
    <t>798.1</t>
  </si>
  <si>
    <t>8.149</t>
  </si>
  <si>
    <t>998.6</t>
  </si>
  <si>
    <t>970.6</t>
  </si>
  <si>
    <t>8.736</t>
  </si>
  <si>
    <t>23337.0</t>
  </si>
  <si>
    <t>9.016</t>
  </si>
  <si>
    <t>1780.9</t>
  </si>
  <si>
    <t>24006.0</t>
  </si>
  <si>
    <t>9.274</t>
  </si>
  <si>
    <t>1149.9</t>
  </si>
  <si>
    <t>24582.0</t>
  </si>
  <si>
    <t>9.497</t>
  </si>
  <si>
    <t>991.6</t>
  </si>
  <si>
    <t>25077.0</t>
  </si>
  <si>
    <t>9.688</t>
  </si>
  <si>
    <t>25642.0</t>
  </si>
  <si>
    <t>9.906</t>
  </si>
  <si>
    <t>910.4</t>
  </si>
  <si>
    <t>26238.0</t>
  </si>
  <si>
    <t>904.8</t>
  </si>
  <si>
    <t>781.5</t>
  </si>
  <si>
    <t>10.354</t>
  </si>
  <si>
    <t>866.9</t>
  </si>
  <si>
    <t>454.1</t>
  </si>
  <si>
    <t>481.2</t>
  </si>
  <si>
    <t>275.4</t>
  </si>
  <si>
    <t>33176.0</t>
  </si>
  <si>
    <t>159.9</t>
  </si>
  <si>
    <t>33919.0</t>
  </si>
  <si>
    <t>13.104</t>
  </si>
  <si>
    <t>143.6</t>
  </si>
  <si>
    <t>135.4</t>
  </si>
  <si>
    <t>36868.0</t>
  </si>
  <si>
    <t>14.243</t>
  </si>
  <si>
    <t>283.8</t>
  </si>
  <si>
    <t>324.7</t>
  </si>
  <si>
    <t>1582.8</t>
  </si>
  <si>
    <t>1687.6</t>
  </si>
  <si>
    <t>1792.5</t>
  </si>
  <si>
    <t>42290.0</t>
  </si>
  <si>
    <t>16.338</t>
  </si>
  <si>
    <t>45440.0</t>
  </si>
  <si>
    <t>17.555</t>
  </si>
  <si>
    <t>47860.0</t>
  </si>
  <si>
    <t>51379.0</t>
  </si>
  <si>
    <t>57966.0</t>
  </si>
  <si>
    <t>22.394</t>
  </si>
  <si>
    <t>24.067</t>
  </si>
  <si>
    <t>66744.0</t>
  </si>
  <si>
    <t>25.786</t>
  </si>
  <si>
    <t>0.0291</t>
  </si>
  <si>
    <t>68423.0</t>
  </si>
  <si>
    <t>26.434</t>
  </si>
  <si>
    <t>73013.0</t>
  </si>
  <si>
    <t>28.208</t>
  </si>
  <si>
    <t>1333.0</t>
  </si>
  <si>
    <t>143.5</t>
  </si>
  <si>
    <t>87280.0</t>
  </si>
  <si>
    <t>93420.0</t>
  </si>
  <si>
    <t>36.091</t>
  </si>
  <si>
    <t>98018.0</t>
  </si>
  <si>
    <t>37.868</t>
  </si>
  <si>
    <t>106284.0</t>
  </si>
  <si>
    <t>41.061</t>
  </si>
  <si>
    <t>104.3</t>
  </si>
  <si>
    <t>109547.0</t>
  </si>
  <si>
    <t>42.322</t>
  </si>
  <si>
    <t>116728.0</t>
  </si>
  <si>
    <t>45.096</t>
  </si>
  <si>
    <t>180.6</t>
  </si>
  <si>
    <t>128016.0</t>
  </si>
  <si>
    <t>49.457</t>
  </si>
  <si>
    <t>133971.0</t>
  </si>
  <si>
    <t>51.758</t>
  </si>
  <si>
    <t>138290.0</t>
  </si>
  <si>
    <t>53.426</t>
  </si>
  <si>
    <t>150407.0</t>
  </si>
  <si>
    <t>58.108</t>
  </si>
  <si>
    <t>156054.0</t>
  </si>
  <si>
    <t>60.289</t>
  </si>
  <si>
    <t>179742.0</t>
  </si>
  <si>
    <t>69.441</t>
  </si>
  <si>
    <t>184076.0</t>
  </si>
  <si>
    <t>71.115</t>
  </si>
  <si>
    <t>222045.0</t>
  </si>
  <si>
    <t>85.784</t>
  </si>
  <si>
    <t>224692.0</t>
  </si>
  <si>
    <t>86.807</t>
  </si>
  <si>
    <t>238334.0</t>
  </si>
  <si>
    <t>92.077</t>
  </si>
  <si>
    <t>566.9</t>
  </si>
  <si>
    <t>572.7</t>
  </si>
  <si>
    <t>578.5</t>
  </si>
  <si>
    <t>584.3</t>
  </si>
  <si>
    <t>256952.0</t>
  </si>
  <si>
    <t>267517.0</t>
  </si>
  <si>
    <t>103.351</t>
  </si>
  <si>
    <t>3637.0</t>
  </si>
  <si>
    <t>3673.0</t>
  </si>
  <si>
    <t>279070.0</t>
  </si>
  <si>
    <t>107.815</t>
  </si>
  <si>
    <t>3644.0</t>
  </si>
  <si>
    <t>289232.0</t>
  </si>
  <si>
    <t>111.741</t>
  </si>
  <si>
    <t>299546.0</t>
  </si>
  <si>
    <t>115.725</t>
  </si>
  <si>
    <t>330611.0</t>
  </si>
  <si>
    <t>127.727</t>
  </si>
  <si>
    <t>3260.0</t>
  </si>
  <si>
    <t>362171.0</t>
  </si>
  <si>
    <t>139.92</t>
  </si>
  <si>
    <t>377957.0</t>
  </si>
  <si>
    <t>146.018</t>
  </si>
  <si>
    <t>4436.0</t>
  </si>
  <si>
    <t>398311.0</t>
  </si>
  <si>
    <t>153.882</t>
  </si>
  <si>
    <t>4599.0</t>
  </si>
  <si>
    <t>406978.0</t>
  </si>
  <si>
    <t>4518.0</t>
  </si>
  <si>
    <t>422359.0</t>
  </si>
  <si>
    <t>163.172</t>
  </si>
  <si>
    <t>438332.0</t>
  </si>
  <si>
    <t>169.343</t>
  </si>
  <si>
    <t>455040.0</t>
  </si>
  <si>
    <t>175.798</t>
  </si>
  <si>
    <t>1.583</t>
  </si>
  <si>
    <t>0.0446</t>
  </si>
  <si>
    <t>470387.0</t>
  </si>
  <si>
    <t>181.727</t>
  </si>
  <si>
    <t>1.539</t>
  </si>
  <si>
    <t>0.0472</t>
  </si>
  <si>
    <t>4060.0</t>
  </si>
  <si>
    <t>489264.0</t>
  </si>
  <si>
    <t>189.02</t>
  </si>
  <si>
    <t>4341.0</t>
  </si>
  <si>
    <t>495696.0</t>
  </si>
  <si>
    <t>191.505</t>
  </si>
  <si>
    <t>513852.0</t>
  </si>
  <si>
    <t>198.519</t>
  </si>
  <si>
    <t>523759.0</t>
  </si>
  <si>
    <t>202.347</t>
  </si>
  <si>
    <t>541468.0</t>
  </si>
  <si>
    <t>209.188</t>
  </si>
  <si>
    <t>544167.0</t>
  </si>
  <si>
    <t>210.231</t>
  </si>
  <si>
    <t>2436.0</t>
  </si>
  <si>
    <t>553859.0</t>
  </si>
  <si>
    <t>213.975</t>
  </si>
  <si>
    <t>559538.0</t>
  </si>
  <si>
    <t>216.169</t>
  </si>
  <si>
    <t>573333.0</t>
  </si>
  <si>
    <t>221.499</t>
  </si>
  <si>
    <t>584169.0</t>
  </si>
  <si>
    <t>225.685</t>
  </si>
  <si>
    <t>599609.0</t>
  </si>
  <si>
    <t>231.65</t>
  </si>
  <si>
    <t>0.0479</t>
  </si>
  <si>
    <t>613944.0</t>
  </si>
  <si>
    <t>237.188</t>
  </si>
  <si>
    <t>4369.0</t>
  </si>
  <si>
    <t>632628.0</t>
  </si>
  <si>
    <t>244.407</t>
  </si>
  <si>
    <t>648636.0</t>
  </si>
  <si>
    <t>250.591</t>
  </si>
  <si>
    <t>668789.0</t>
  </si>
  <si>
    <t>258.377</t>
  </si>
  <si>
    <t>5515.0</t>
  </si>
  <si>
    <t>692131.0</t>
  </si>
  <si>
    <t>267.395</t>
  </si>
  <si>
    <t>2.159</t>
  </si>
  <si>
    <t>703522.0</t>
  </si>
  <si>
    <t>271.796</t>
  </si>
  <si>
    <t>4962.0</t>
  </si>
  <si>
    <t>1.917</t>
  </si>
  <si>
    <t>3970.0</t>
  </si>
  <si>
    <t>706026.0</t>
  </si>
  <si>
    <t>272.763</t>
  </si>
  <si>
    <t>0.767</t>
  </si>
  <si>
    <t>721535.0</t>
  </si>
  <si>
    <t>278.755</t>
  </si>
  <si>
    <t>3161.0</t>
  </si>
  <si>
    <t>736373.0</t>
  </si>
  <si>
    <t>284.487</t>
  </si>
  <si>
    <t>778246.0</t>
  </si>
  <si>
    <t>300.664</t>
  </si>
  <si>
    <t>9292.0</t>
  </si>
  <si>
    <t>805587.0</t>
  </si>
  <si>
    <t>311.227</t>
  </si>
  <si>
    <t>8741.0</t>
  </si>
  <si>
    <t>6449.0</t>
  </si>
  <si>
    <t>2.491</t>
  </si>
  <si>
    <t>815362.0</t>
  </si>
  <si>
    <t>315.003</t>
  </si>
  <si>
    <t>825247.0</t>
  </si>
  <si>
    <t>318.822</t>
  </si>
  <si>
    <t>0.1529</t>
  </si>
  <si>
    <t>327.116</t>
  </si>
  <si>
    <t>0.1082</t>
  </si>
  <si>
    <t>856135.0</t>
  </si>
  <si>
    <t>330.755</t>
  </si>
  <si>
    <t>880029.0</t>
  </si>
  <si>
    <t>339.987</t>
  </si>
  <si>
    <t>1.833</t>
  </si>
  <si>
    <t>889158.0</t>
  </si>
  <si>
    <t>343.513</t>
  </si>
  <si>
    <t>901776.0</t>
  </si>
  <si>
    <t>348.388</t>
  </si>
  <si>
    <t>910730.0</t>
  </si>
  <si>
    <t>351.847</t>
  </si>
  <si>
    <t>926189.0</t>
  </si>
  <si>
    <t>357.82</t>
  </si>
  <si>
    <t>932633.0</t>
  </si>
  <si>
    <t>360.309</t>
  </si>
  <si>
    <t>0.1359</t>
  </si>
  <si>
    <t>942561.0</t>
  </si>
  <si>
    <t>364.145</t>
  </si>
  <si>
    <t>0.1473</t>
  </si>
  <si>
    <t>12945.0</t>
  </si>
  <si>
    <t>944985.0</t>
  </si>
  <si>
    <t>365.081</t>
  </si>
  <si>
    <t>958802.0</t>
  </si>
  <si>
    <t>370.419</t>
  </si>
  <si>
    <t>17808.0</t>
  </si>
  <si>
    <t>969789.0</t>
  </si>
  <si>
    <t>374.664</t>
  </si>
  <si>
    <t>25040.0</t>
  </si>
  <si>
    <t>976728.0</t>
  </si>
  <si>
    <t>377.345</t>
  </si>
  <si>
    <t>36652.0</t>
  </si>
  <si>
    <t>0.0988</t>
  </si>
  <si>
    <t>982095.0</t>
  </si>
  <si>
    <t>379.418</t>
  </si>
  <si>
    <t>41612.0</t>
  </si>
  <si>
    <t>0.0948</t>
  </si>
  <si>
    <t>992876.0</t>
  </si>
  <si>
    <t>383.583</t>
  </si>
  <si>
    <t>47160.0</t>
  </si>
  <si>
    <t>999041.0</t>
  </si>
  <si>
    <t>385.965</t>
  </si>
  <si>
    <t>48411.0</t>
  </si>
  <si>
    <t>1036708.0</t>
  </si>
  <si>
    <t>400.517</t>
  </si>
  <si>
    <t>49882.0</t>
  </si>
  <si>
    <t>8328.0</t>
  </si>
  <si>
    <t>3.217</t>
  </si>
  <si>
    <t>10394.0</t>
  </si>
  <si>
    <t>1086267.0</t>
  </si>
  <si>
    <t>419.664</t>
  </si>
  <si>
    <t>4.814</t>
  </si>
  <si>
    <t>11179.0</t>
  </si>
  <si>
    <t>4.319</t>
  </si>
  <si>
    <t>2.834</t>
  </si>
  <si>
    <t>53375.0</t>
  </si>
  <si>
    <t>1089391.0</t>
  </si>
  <si>
    <t>420.871</t>
  </si>
  <si>
    <t>0.3812</t>
  </si>
  <si>
    <t>56101.0</t>
  </si>
  <si>
    <t>1105082.0</t>
  </si>
  <si>
    <t>426.933</t>
  </si>
  <si>
    <t>1111863.0</t>
  </si>
  <si>
    <t>429.552</t>
  </si>
  <si>
    <t>88907.0</t>
  </si>
  <si>
    <t>6374.0</t>
  </si>
  <si>
    <t>1130899.0</t>
  </si>
  <si>
    <t>436.907</t>
  </si>
  <si>
    <t>120055.0</t>
  </si>
  <si>
    <t>1143453.0</t>
  </si>
  <si>
    <t>441.757</t>
  </si>
  <si>
    <t>132782.0</t>
  </si>
  <si>
    <t>5516.0</t>
  </si>
  <si>
    <t>4763.0</t>
  </si>
  <si>
    <t>1162291.0</t>
  </si>
  <si>
    <t>449.034</t>
  </si>
  <si>
    <t>142864.0</t>
  </si>
  <si>
    <t>1170583.0</t>
  </si>
  <si>
    <t>452.238</t>
  </si>
  <si>
    <t>146725.0</t>
  </si>
  <si>
    <t>4156.0</t>
  </si>
  <si>
    <t>1193343.0</t>
  </si>
  <si>
    <t>461.031</t>
  </si>
  <si>
    <t>1203796.0</t>
  </si>
  <si>
    <t>465.069</t>
  </si>
  <si>
    <t>150019.0</t>
  </si>
  <si>
    <t>1230113.0</t>
  </si>
  <si>
    <t>475.236</t>
  </si>
  <si>
    <t>2.111</t>
  </si>
  <si>
    <t>1244999.0</t>
  </si>
  <si>
    <t>480.987</t>
  </si>
  <si>
    <t>174333.0</t>
  </si>
  <si>
    <t>151315.0</t>
  </si>
  <si>
    <t>23018.0</t>
  </si>
  <si>
    <t>5819.0</t>
  </si>
  <si>
    <t>3926.0</t>
  </si>
  <si>
    <t>4378.0</t>
  </si>
  <si>
    <t>5684.0</t>
  </si>
  <si>
    <t>1269428.0</t>
  </si>
  <si>
    <t>490.425</t>
  </si>
  <si>
    <t>200893.0</t>
  </si>
  <si>
    <t>152383.0</t>
  </si>
  <si>
    <t>5672.0</t>
  </si>
  <si>
    <t>5466.0</t>
  </si>
  <si>
    <t>1282735.0</t>
  </si>
  <si>
    <t>495.566</t>
  </si>
  <si>
    <t>219488.0</t>
  </si>
  <si>
    <t>153403.0</t>
  </si>
  <si>
    <t>66085.0</t>
  </si>
  <si>
    <t>0.1197</t>
  </si>
  <si>
    <t>6131.0</t>
  </si>
  <si>
    <t>1304362.0</t>
  </si>
  <si>
    <t>503.921</t>
  </si>
  <si>
    <t>241568.0</t>
  </si>
  <si>
    <t>157288.0</t>
  </si>
  <si>
    <t>84280.0</t>
  </si>
  <si>
    <t>0.1125</t>
  </si>
  <si>
    <t>1321854.0</t>
  </si>
  <si>
    <t>510.679</t>
  </si>
  <si>
    <t>250345.0</t>
  </si>
  <si>
    <t>158863.0</t>
  </si>
  <si>
    <t>91482.0</t>
  </si>
  <si>
    <t>5496.0</t>
  </si>
  <si>
    <t>2.123</t>
  </si>
  <si>
    <t>1340900.0</t>
  </si>
  <si>
    <t>518.037</t>
  </si>
  <si>
    <t>2.017</t>
  </si>
  <si>
    <t>260321.0</t>
  </si>
  <si>
    <t>160196.0</t>
  </si>
  <si>
    <t>100125.0</t>
  </si>
  <si>
    <t>4909.0</t>
  </si>
  <si>
    <t>1351857.0</t>
  </si>
  <si>
    <t>522.271</t>
  </si>
  <si>
    <t>267763.0</t>
  </si>
  <si>
    <t>161426.0</t>
  </si>
  <si>
    <t>106337.0</t>
  </si>
  <si>
    <t>1.924</t>
  </si>
  <si>
    <t>1380609.0</t>
  </si>
  <si>
    <t>533.378</t>
  </si>
  <si>
    <t>0.0993</t>
  </si>
  <si>
    <t>274241.0</t>
  </si>
  <si>
    <t>165652.0</t>
  </si>
  <si>
    <t>108589.0</t>
  </si>
  <si>
    <t>284676.0</t>
  </si>
  <si>
    <t>173512.0</t>
  </si>
  <si>
    <t>111164.0</t>
  </si>
  <si>
    <t>10435.0</t>
  </si>
  <si>
    <t>1394594.0</t>
  </si>
  <si>
    <t>538.781</t>
  </si>
  <si>
    <t>0.1445</t>
  </si>
  <si>
    <t>0.1459</t>
  </si>
  <si>
    <t>4444.0</t>
  </si>
  <si>
    <t>5933.0</t>
  </si>
  <si>
    <t>0.2587</t>
  </si>
  <si>
    <t>1421742.0</t>
  </si>
  <si>
    <t>549.27</t>
  </si>
  <si>
    <t>5876.0</t>
  </si>
  <si>
    <t>0.2612</t>
  </si>
  <si>
    <t>310823.0</t>
  </si>
  <si>
    <t>194676.0</t>
  </si>
  <si>
    <t>116147.0</t>
  </si>
  <si>
    <t>1987.0</t>
  </si>
  <si>
    <t>1436619.0</t>
  </si>
  <si>
    <t>555.017</t>
  </si>
  <si>
    <t>0.2796</t>
  </si>
  <si>
    <t>318107.0</t>
  </si>
  <si>
    <t>200054.0</t>
  </si>
  <si>
    <t>118053.0</t>
  </si>
  <si>
    <t>0.3013</t>
  </si>
  <si>
    <t>0.3075</t>
  </si>
  <si>
    <t>1457692.0</t>
  </si>
  <si>
    <t>563.158</t>
  </si>
  <si>
    <t>0.3205</t>
  </si>
  <si>
    <t>331408.0</t>
  </si>
  <si>
    <t>209890.0</t>
  </si>
  <si>
    <t>121518.0</t>
  </si>
  <si>
    <t>4977.0</t>
  </si>
  <si>
    <t>0.3308</t>
  </si>
  <si>
    <t>1470906.0</t>
  </si>
  <si>
    <t>568.263</t>
  </si>
  <si>
    <t>352407.0</t>
  </si>
  <si>
    <t>227982.0</t>
  </si>
  <si>
    <t>124425.0</t>
  </si>
  <si>
    <t>7362.0</t>
  </si>
  <si>
    <t>2.844</t>
  </si>
  <si>
    <t>1514979.0</t>
  </si>
  <si>
    <t>585.29</t>
  </si>
  <si>
    <t>0.1577</t>
  </si>
  <si>
    <t>365137.0</t>
  </si>
  <si>
    <t>237775.0</t>
  </si>
  <si>
    <t>127362.0</t>
  </si>
  <si>
    <t>7901.0</t>
  </si>
  <si>
    <t>1525222.0</t>
  </si>
  <si>
    <t>589.248</t>
  </si>
  <si>
    <t>7759.0</t>
  </si>
  <si>
    <t>2.998</t>
  </si>
  <si>
    <t>0.2411</t>
  </si>
  <si>
    <t>370626.0</t>
  </si>
  <si>
    <t>241888.0</t>
  </si>
  <si>
    <t>128738.0</t>
  </si>
  <si>
    <t>0.2747</t>
  </si>
  <si>
    <t>5863.0</t>
  </si>
  <si>
    <t>0.3191</t>
  </si>
  <si>
    <t>0.4618</t>
  </si>
  <si>
    <t>1542739.0</t>
  </si>
  <si>
    <t>596.015</t>
  </si>
  <si>
    <t>0.5721</t>
  </si>
  <si>
    <t>376360.0</t>
  </si>
  <si>
    <t>243894.0</t>
  </si>
  <si>
    <t>132466.0</t>
  </si>
  <si>
    <t>0.5134</t>
  </si>
  <si>
    <t>0.4655</t>
  </si>
  <si>
    <t>0.4169</t>
  </si>
  <si>
    <t>0.3935</t>
  </si>
  <si>
    <t>391360.0</t>
  </si>
  <si>
    <t>245061.0</t>
  </si>
  <si>
    <t>146299.0</t>
  </si>
  <si>
    <t>0.3726</t>
  </si>
  <si>
    <t>0.3227</t>
  </si>
  <si>
    <t>1588907.0</t>
  </si>
  <si>
    <t>613.851</t>
  </si>
  <si>
    <t>6595.0</t>
  </si>
  <si>
    <t>408023.0</t>
  </si>
  <si>
    <t>246501.0</t>
  </si>
  <si>
    <t>161522.0</t>
  </si>
  <si>
    <t>0.3292</t>
  </si>
  <si>
    <t>0.3545</t>
  </si>
  <si>
    <t>1599459.0</t>
  </si>
  <si>
    <t>617.928</t>
  </si>
  <si>
    <t>0.3364</t>
  </si>
  <si>
    <t>3648.0</t>
  </si>
  <si>
    <t>0.3618</t>
  </si>
  <si>
    <t>0.3271</t>
  </si>
  <si>
    <t>1616148.0</t>
  </si>
  <si>
    <t>624.376</t>
  </si>
  <si>
    <t>0.3446</t>
  </si>
  <si>
    <t>1629455.0</t>
  </si>
  <si>
    <t>629.517</t>
  </si>
  <si>
    <t>434644.0</t>
  </si>
  <si>
    <t>252722.0</t>
  </si>
  <si>
    <t>181922.0</t>
  </si>
  <si>
    <t>1645029.0</t>
  </si>
  <si>
    <t>635.533</t>
  </si>
  <si>
    <t>0.2539</t>
  </si>
  <si>
    <t>5395.0</t>
  </si>
  <si>
    <t>0.3352</t>
  </si>
  <si>
    <t>8572.0</t>
  </si>
  <si>
    <t>1647822.0</t>
  </si>
  <si>
    <t>636.612</t>
  </si>
  <si>
    <t>0.3159</t>
  </si>
  <si>
    <t>8350.0</t>
  </si>
  <si>
    <t>0.3017</t>
  </si>
  <si>
    <t>528003.0</t>
  </si>
  <si>
    <t>320308.0</t>
  </si>
  <si>
    <t>207695.0</t>
  </si>
  <si>
    <t>9655.0</t>
  </si>
  <si>
    <t>0.2623</t>
  </si>
  <si>
    <t>1666991.0</t>
  </si>
  <si>
    <t>644.018</t>
  </si>
  <si>
    <t>11158.0</t>
  </si>
  <si>
    <t>1671764.0</t>
  </si>
  <si>
    <t>645.862</t>
  </si>
  <si>
    <t>5880.0</t>
  </si>
  <si>
    <t>0.1952</t>
  </si>
  <si>
    <t>573691.0</t>
  </si>
  <si>
    <t>355273.0</t>
  </si>
  <si>
    <t>218418.0</t>
  </si>
  <si>
    <t>13.51</t>
  </si>
  <si>
    <t>1702940.0</t>
  </si>
  <si>
    <t>657.906</t>
  </si>
  <si>
    <t>2.084</t>
  </si>
  <si>
    <t>5652.0</t>
  </si>
  <si>
    <t>0.1099</t>
  </si>
  <si>
    <t>1713133.0</t>
  </si>
  <si>
    <t>661.844</t>
  </si>
  <si>
    <t>0.1035</t>
  </si>
  <si>
    <t>587595.0</t>
  </si>
  <si>
    <t>365655.0</t>
  </si>
  <si>
    <t>221940.0</t>
  </si>
  <si>
    <t>22.34</t>
  </si>
  <si>
    <t>0.2918</t>
  </si>
  <si>
    <t>1728392.0</t>
  </si>
  <si>
    <t>667.739</t>
  </si>
  <si>
    <t>0.3374</t>
  </si>
  <si>
    <t>0.3625</t>
  </si>
  <si>
    <t>1735938.0</t>
  </si>
  <si>
    <t>670.655</t>
  </si>
  <si>
    <t>0.3571</t>
  </si>
  <si>
    <t>0.3868</t>
  </si>
  <si>
    <t>606699.0</t>
  </si>
  <si>
    <t>380093.0</t>
  </si>
  <si>
    <t>226606.0</t>
  </si>
  <si>
    <t>1747699.0</t>
  </si>
  <si>
    <t>675.198</t>
  </si>
  <si>
    <t>1754359.0</t>
  </si>
  <si>
    <t>677.771</t>
  </si>
  <si>
    <t>0.2501</t>
  </si>
  <si>
    <t>0.2723</t>
  </si>
  <si>
    <t>0.1957</t>
  </si>
  <si>
    <t>629604.0</t>
  </si>
  <si>
    <t>394827.0</t>
  </si>
  <si>
    <t>234777.0</t>
  </si>
  <si>
    <t>1760585.0</t>
  </si>
  <si>
    <t>680.177</t>
  </si>
  <si>
    <t>0.1977</t>
  </si>
  <si>
    <t>1770961.0</t>
  </si>
  <si>
    <t>684.185</t>
  </si>
  <si>
    <t>0.1287</t>
  </si>
  <si>
    <t>690001.0</t>
  </si>
  <si>
    <t>444442.0</t>
  </si>
  <si>
    <t>245559.0</t>
  </si>
  <si>
    <t>26.23</t>
  </si>
  <si>
    <t>1777500.0</t>
  </si>
  <si>
    <t>686.712</t>
  </si>
  <si>
    <t>9028.0</t>
  </si>
  <si>
    <t>1788867.0</t>
  </si>
  <si>
    <t>691.103</t>
  </si>
  <si>
    <t>12057.0</t>
  </si>
  <si>
    <t>4845.0</t>
  </si>
  <si>
    <t>10967.0</t>
  </si>
  <si>
    <t>783999.0</t>
  </si>
  <si>
    <t>525739.0</t>
  </si>
  <si>
    <t>258260.0</t>
  </si>
  <si>
    <t>13428.0</t>
  </si>
  <si>
    <t>9.82</t>
  </si>
  <si>
    <t>1796128.0</t>
  </si>
  <si>
    <t>693.908</t>
  </si>
  <si>
    <t>0.1994</t>
  </si>
  <si>
    <t>13823.0</t>
  </si>
  <si>
    <t>0.1933</t>
  </si>
  <si>
    <t>0.1993</t>
  </si>
  <si>
    <t>882831.0</t>
  </si>
  <si>
    <t>618979.0</t>
  </si>
  <si>
    <t>263852.0</t>
  </si>
  <si>
    <t>13320.0</t>
  </si>
  <si>
    <t>1811943.0</t>
  </si>
  <si>
    <t>700.018</t>
  </si>
  <si>
    <t>13348.0</t>
  </si>
  <si>
    <t>5075.0</t>
  </si>
  <si>
    <t>12588.0</t>
  </si>
  <si>
    <t>11856.0</t>
  </si>
  <si>
    <t>0.2075</t>
  </si>
  <si>
    <t>11808.0</t>
  </si>
  <si>
    <t>1817142.0</t>
  </si>
  <si>
    <t>702.027</t>
  </si>
  <si>
    <t>0.1468</t>
  </si>
  <si>
    <t>943915.0</t>
  </si>
  <si>
    <t>676342.0</t>
  </si>
  <si>
    <t>267573.0</t>
  </si>
  <si>
    <t>8726.0</t>
  </si>
  <si>
    <t>8195.0</t>
  </si>
  <si>
    <t>1824059.0</t>
  </si>
  <si>
    <t>704.699</t>
  </si>
  <si>
    <t>7963.0</t>
  </si>
  <si>
    <t>9693.0</t>
  </si>
  <si>
    <t>7732.0</t>
  </si>
  <si>
    <t>1828618.0</t>
  </si>
  <si>
    <t>706.46</t>
  </si>
  <si>
    <t>7270.0</t>
  </si>
  <si>
    <t>11142.0</t>
  </si>
  <si>
    <t>1028674.0</t>
  </si>
  <si>
    <t>722374.0</t>
  </si>
  <si>
    <t>306300.0</t>
  </si>
  <si>
    <t>12108.0</t>
  </si>
  <si>
    <t>1834120.0</t>
  </si>
  <si>
    <t>708.586</t>
  </si>
  <si>
    <t>0.6304</t>
  </si>
  <si>
    <t>0.6299</t>
  </si>
  <si>
    <t>13383.0</t>
  </si>
  <si>
    <t>14021.0</t>
  </si>
  <si>
    <t>1838690.0</t>
  </si>
  <si>
    <t>710.351</t>
  </si>
  <si>
    <t>0.6123</t>
  </si>
  <si>
    <t>0.5805</t>
  </si>
  <si>
    <t>15295.0</t>
  </si>
  <si>
    <t>5815.0</t>
  </si>
  <si>
    <t>7653.0</t>
  </si>
  <si>
    <t>0.5514</t>
  </si>
  <si>
    <t>1128095.0</t>
  </si>
  <si>
    <t>770879.0</t>
  </si>
  <si>
    <t>357216.0</t>
  </si>
  <si>
    <t>14593.0</t>
  </si>
  <si>
    <t>1846414.0</t>
  </si>
  <si>
    <t>713.335</t>
  </si>
  <si>
    <t>8006.0</t>
  </si>
  <si>
    <t>1850000.0</t>
  </si>
  <si>
    <t>714.721</t>
  </si>
  <si>
    <t>6686.0</t>
  </si>
  <si>
    <t>1855782.0</t>
  </si>
  <si>
    <t>716.955</t>
  </si>
  <si>
    <t>718.385</t>
  </si>
  <si>
    <t>1869359.0</t>
  </si>
  <si>
    <t>722.2</t>
  </si>
  <si>
    <t>0.0342</t>
  </si>
  <si>
    <t>1873214.0</t>
  </si>
  <si>
    <t>723.689</t>
  </si>
  <si>
    <t>1905739.0</t>
  </si>
  <si>
    <t>736.255</t>
  </si>
  <si>
    <t>92.6</t>
  </si>
  <si>
    <t>6123.0</t>
  </si>
  <si>
    <t>1929047.0</t>
  </si>
  <si>
    <t>745.26</t>
  </si>
  <si>
    <t>7365.0</t>
  </si>
  <si>
    <t>2.609</t>
  </si>
  <si>
    <t>1944469.0</t>
  </si>
  <si>
    <t>751.218</t>
  </si>
  <si>
    <t>1960578.0</t>
  </si>
  <si>
    <t>757.441</t>
  </si>
  <si>
    <t>1985958.0</t>
  </si>
  <si>
    <t>767.246</t>
  </si>
  <si>
    <t>6478.0</t>
  </si>
  <si>
    <t>6324.0</t>
  </si>
  <si>
    <t>2.157</t>
  </si>
  <si>
    <t>1997064.0</t>
  </si>
  <si>
    <t>771.537</t>
  </si>
  <si>
    <t>0.2198</t>
  </si>
  <si>
    <t>2015878.0</t>
  </si>
  <si>
    <t>778.805</t>
  </si>
  <si>
    <t>0.3054</t>
  </si>
  <si>
    <t>0.3058</t>
  </si>
  <si>
    <t>2026898.0</t>
  </si>
  <si>
    <t>783.063</t>
  </si>
  <si>
    <t>0.3265</t>
  </si>
  <si>
    <t>0.8899</t>
  </si>
  <si>
    <t>1169197.0</t>
  </si>
  <si>
    <t>1033971.0</t>
  </si>
  <si>
    <t>2031665.0</t>
  </si>
  <si>
    <t>784.905</t>
  </si>
  <si>
    <t>0.8919</t>
  </si>
  <si>
    <t>0.4985</t>
  </si>
  <si>
    <t>3231.0</t>
  </si>
  <si>
    <t>1193823.0</t>
  </si>
  <si>
    <t>1079089.0</t>
  </si>
  <si>
    <t>0.2524</t>
  </si>
  <si>
    <t>5208.0</t>
  </si>
  <si>
    <t>6197.0</t>
  </si>
  <si>
    <t>2081962.0</t>
  </si>
  <si>
    <t>804.336</t>
  </si>
  <si>
    <t>7185.0</t>
  </si>
  <si>
    <t>0.1389</t>
  </si>
  <si>
    <t>0.1568</t>
  </si>
  <si>
    <t>0.1728</t>
  </si>
  <si>
    <t>0.2029</t>
  </si>
  <si>
    <t>0.4797</t>
  </si>
  <si>
    <t>2108285.0</t>
  </si>
  <si>
    <t>814.506</t>
  </si>
  <si>
    <t>0.3735</t>
  </si>
  <si>
    <t>0.3315</t>
  </si>
  <si>
    <t>0.2978</t>
  </si>
  <si>
    <t>0.2704</t>
  </si>
  <si>
    <t>1376754.0</t>
  </si>
  <si>
    <t>1124733.0</t>
  </si>
  <si>
    <t>42.76</t>
  </si>
  <si>
    <t>3826.0</t>
  </si>
  <si>
    <t>5045.0</t>
  </si>
  <si>
    <t>86486.0</t>
  </si>
  <si>
    <t>2165678.0</t>
  </si>
  <si>
    <t>836.679</t>
  </si>
  <si>
    <t>1389603.0</t>
  </si>
  <si>
    <t>1129165.0</t>
  </si>
  <si>
    <t>1422523.0</t>
  </si>
  <si>
    <t>1162835.0</t>
  </si>
  <si>
    <t>44.21</t>
  </si>
  <si>
    <t>158470.0</t>
  </si>
  <si>
    <t>1438728.0</t>
  </si>
  <si>
    <t>1228164.0</t>
  </si>
  <si>
    <t>2208626.0</t>
  </si>
  <si>
    <t>853.271</t>
  </si>
  <si>
    <t>1445394.0</t>
  </si>
  <si>
    <t>1445393.0</t>
  </si>
  <si>
    <t>1263041.0</t>
  </si>
  <si>
    <t>54.95</t>
  </si>
  <si>
    <t>48.02</t>
  </si>
  <si>
    <t>215239.0</t>
  </si>
  <si>
    <t>7190.0</t>
  </si>
  <si>
    <t>2219469.0</t>
  </si>
  <si>
    <t>857.46</t>
  </si>
  <si>
    <t>1454775.0</t>
  </si>
  <si>
    <t>1292541.0</t>
  </si>
  <si>
    <t>243897.0</t>
  </si>
  <si>
    <t>55.31</t>
  </si>
  <si>
    <t>1919965.0</t>
  </si>
  <si>
    <t>1475516.0</t>
  </si>
  <si>
    <t>1333463.0</t>
  </si>
  <si>
    <t>311490.0</t>
  </si>
  <si>
    <t>2276591.0</t>
  </si>
  <si>
    <t>879.528</t>
  </si>
  <si>
    <t>1920000.0</t>
  </si>
  <si>
    <t>1479625.0</t>
  </si>
  <si>
    <t>1339651.0</t>
  </si>
  <si>
    <t>8383.0</t>
  </si>
  <si>
    <t>12572.0</t>
  </si>
  <si>
    <t>20950.0</t>
  </si>
  <si>
    <t>7965.0</t>
  </si>
  <si>
    <t>29328.0</t>
  </si>
  <si>
    <t>2285160.0</t>
  </si>
  <si>
    <t>882.839</t>
  </si>
  <si>
    <t>2330589.0</t>
  </si>
  <si>
    <t>1486076.0</t>
  </si>
  <si>
    <t>1348663.0</t>
  </si>
  <si>
    <t>88.61</t>
  </si>
  <si>
    <t>25138.0</t>
  </si>
  <si>
    <t>20948.0</t>
  </si>
  <si>
    <t>7964.0</t>
  </si>
  <si>
    <t>16759.0</t>
  </si>
  <si>
    <t>12569.0</t>
  </si>
  <si>
    <t>4190.0</t>
  </si>
  <si>
    <t>366735.0</t>
  </si>
  <si>
    <t>16214.0</t>
  </si>
  <si>
    <t>24322.0</t>
  </si>
  <si>
    <t>32429.0</t>
  </si>
  <si>
    <t>40536.0</t>
  </si>
  <si>
    <t>48643.0</t>
  </si>
  <si>
    <t>18493.0</t>
  </si>
  <si>
    <t>2727844.0</t>
  </si>
  <si>
    <t>373727.0</t>
  </si>
  <si>
    <t>56751.0</t>
  </si>
  <si>
    <t>103.71</t>
  </si>
  <si>
    <t>21576.0</t>
  </si>
  <si>
    <t>48672.0</t>
  </si>
  <si>
    <t>18504.0</t>
  </si>
  <si>
    <t>32514.0</t>
  </si>
  <si>
    <t>16355.0</t>
  </si>
  <si>
    <t>2730607.0</t>
  </si>
  <si>
    <t>391031.0</t>
  </si>
  <si>
    <t>2862659.0</t>
  </si>
  <si>
    <t>405491.0</t>
  </si>
  <si>
    <t>108.83</t>
  </si>
  <si>
    <t>2871301.0</t>
  </si>
  <si>
    <t>420133.0</t>
  </si>
  <si>
    <t>1502742.0</t>
  </si>
  <si>
    <t>1373738.0</t>
  </si>
  <si>
    <t>2891400.0</t>
  </si>
  <si>
    <t>1515015.0</t>
  </si>
  <si>
    <t>1375332.0</t>
  </si>
  <si>
    <t>109.93</t>
  </si>
  <si>
    <t>1589621.0</t>
  </si>
  <si>
    <t>1378230.0</t>
  </si>
  <si>
    <t>466951.0</t>
  </si>
  <si>
    <t>60.43</t>
  </si>
  <si>
    <t>1679676.0</t>
  </si>
  <si>
    <t>1412496.0</t>
  </si>
  <si>
    <t>498312.0</t>
  </si>
  <si>
    <t>63.86</t>
  </si>
  <si>
    <t>16982.0</t>
  </si>
  <si>
    <t>21228.0</t>
  </si>
  <si>
    <t>25473.0</t>
  </si>
  <si>
    <t>9684.0</t>
  </si>
  <si>
    <t>3099433.0</t>
  </si>
  <si>
    <t>29719.0</t>
  </si>
  <si>
    <t>117.84</t>
  </si>
  <si>
    <t>1683867.0</t>
  </si>
  <si>
    <t>1424020.0</t>
  </si>
  <si>
    <t>499063.0</t>
  </si>
  <si>
    <t>1684721.0</t>
  </si>
  <si>
    <t>1424985.0</t>
  </si>
  <si>
    <t>499233.0</t>
  </si>
  <si>
    <t>3121142.0</t>
  </si>
  <si>
    <t>1687070.0</t>
  </si>
  <si>
    <t>1426050.0</t>
  </si>
  <si>
    <t>499421.0</t>
  </si>
  <si>
    <t>118.66</t>
  </si>
  <si>
    <t>BRA</t>
  </si>
  <si>
    <t>Brazil</t>
  </si>
  <si>
    <t>2427.8</t>
  </si>
  <si>
    <t>11.2756513404751</t>
  </si>
  <si>
    <t>7482.3</t>
  </si>
  <si>
    <t>34.7507232988043</t>
  </si>
  <si>
    <t>179698.0</t>
  </si>
  <si>
    <t>7447.0</t>
  </si>
  <si>
    <t>189730.0</t>
  </si>
  <si>
    <t>194407.0</t>
  </si>
  <si>
    <t>237903.0</t>
  </si>
  <si>
    <t>43496.0</t>
  </si>
  <si>
    <t>18118.8</t>
  </si>
  <si>
    <t>84.1507832225888</t>
  </si>
  <si>
    <t>249063.0</t>
  </si>
  <si>
    <t>249331.0</t>
  </si>
  <si>
    <t>11994.0</t>
  </si>
  <si>
    <t>298044.0</t>
  </si>
  <si>
    <t>299605.0</t>
  </si>
  <si>
    <t>11124.0</t>
  </si>
  <si>
    <t>359273.0</t>
  </si>
  <si>
    <t>17307.0</t>
  </si>
  <si>
    <t>430405.0</t>
  </si>
  <si>
    <t>18686.0</t>
  </si>
  <si>
    <t>466209.0</t>
  </si>
  <si>
    <t>20959.0</t>
  </si>
  <si>
    <t>23706.0</t>
  </si>
  <si>
    <t>26452.0</t>
  </si>
  <si>
    <t>583549.0</t>
  </si>
  <si>
    <t>33097.0</t>
  </si>
  <si>
    <t>705048.0</t>
  </si>
  <si>
    <t>705289.0</t>
  </si>
  <si>
    <t>28567.0</t>
  </si>
  <si>
    <t>33078.0</t>
  </si>
  <si>
    <t>846669.0</t>
  </si>
  <si>
    <t>37589.0</t>
  </si>
  <si>
    <t>883885.0</t>
  </si>
  <si>
    <t>37216.0</t>
  </si>
  <si>
    <t>4.124</t>
  </si>
  <si>
    <t>38566.0</t>
  </si>
  <si>
    <t>37931.0</t>
  </si>
  <si>
    <t>935748.0</t>
  </si>
  <si>
    <t>4.366</t>
  </si>
  <si>
    <t>37296.0</t>
  </si>
  <si>
    <t>1084104.0</t>
  </si>
  <si>
    <t>148356.0</t>
  </si>
  <si>
    <t>5.058</t>
  </si>
  <si>
    <t>54151.0</t>
  </si>
  <si>
    <t>1104772.0</t>
  </si>
  <si>
    <t>20668.0</t>
  </si>
  <si>
    <t>57069.0</t>
  </si>
  <si>
    <t>53765.0</t>
  </si>
  <si>
    <t>52587.9</t>
  </si>
  <si>
    <t>244.238745006909</t>
  </si>
  <si>
    <t>50461.0</t>
  </si>
  <si>
    <t>1247455.0</t>
  </si>
  <si>
    <t>51939.0</t>
  </si>
  <si>
    <t>54343.0</t>
  </si>
  <si>
    <t>56747.0</t>
  </si>
  <si>
    <t>1375741.0</t>
  </si>
  <si>
    <t>6.419</t>
  </si>
  <si>
    <t>41662.0</t>
  </si>
  <si>
    <t>1470260.0</t>
  </si>
  <si>
    <t>94519.0</t>
  </si>
  <si>
    <t>52213.0</t>
  </si>
  <si>
    <t>51880.0</t>
  </si>
  <si>
    <t>51548.0</t>
  </si>
  <si>
    <t>1605960.0</t>
  </si>
  <si>
    <t>51215.0</t>
  </si>
  <si>
    <t>52988.0</t>
  </si>
  <si>
    <t>54762.0</t>
  </si>
  <si>
    <t>56535.0</t>
  </si>
  <si>
    <t>1826663.0</t>
  </si>
  <si>
    <t>50915.0</t>
  </si>
  <si>
    <t>1828459.0</t>
  </si>
  <si>
    <t>8.531</t>
  </si>
  <si>
    <t>44709.0</t>
  </si>
  <si>
    <t>52016.0</t>
  </si>
  <si>
    <t>59323.0</t>
  </si>
  <si>
    <t>2117602.0</t>
  </si>
  <si>
    <t>65209.0</t>
  </si>
  <si>
    <t>2550648.0</t>
  </si>
  <si>
    <t>433046.0</t>
  </si>
  <si>
    <t>11.901</t>
  </si>
  <si>
    <t>119191.0</t>
  </si>
  <si>
    <t>125467.0</t>
  </si>
  <si>
    <t>2782076.0</t>
  </si>
  <si>
    <t>12.981</t>
  </si>
  <si>
    <t>136231.0</t>
  </si>
  <si>
    <t>122991.0</t>
  </si>
  <si>
    <t>109751.0</t>
  </si>
  <si>
    <t>2793176.0</t>
  </si>
  <si>
    <t>13.032</t>
  </si>
  <si>
    <t>96511.0</t>
  </si>
  <si>
    <t>60643.0</t>
  </si>
  <si>
    <t>3157120.0</t>
  </si>
  <si>
    <t>75618.0</t>
  </si>
  <si>
    <t>66820.0</t>
  </si>
  <si>
    <t>58021.0</t>
  </si>
  <si>
    <t>3203771.0</t>
  </si>
  <si>
    <t>14.948</t>
  </si>
  <si>
    <t>59714.0</t>
  </si>
  <si>
    <t>80640.0</t>
  </si>
  <si>
    <t>73464.4</t>
  </si>
  <si>
    <t>17.43</t>
  </si>
  <si>
    <t>341.197364007415</t>
  </si>
  <si>
    <t>3504141.0</t>
  </si>
  <si>
    <t>101566.0</t>
  </si>
  <si>
    <t>89347.0</t>
  </si>
  <si>
    <t>77127.0</t>
  </si>
  <si>
    <t>88682.0</t>
  </si>
  <si>
    <t>3889883.0</t>
  </si>
  <si>
    <t>18.149</t>
  </si>
  <si>
    <t>100237.0</t>
  </si>
  <si>
    <t>116950.0</t>
  </si>
  <si>
    <t>114429.0</t>
  </si>
  <si>
    <t>4287499.0</t>
  </si>
  <si>
    <t>20.005</t>
  </si>
  <si>
    <t>111908.0</t>
  </si>
  <si>
    <t>125869.0</t>
  </si>
  <si>
    <t>139830.0</t>
  </si>
  <si>
    <t>4869986.0</t>
  </si>
  <si>
    <t>22.722</t>
  </si>
  <si>
    <t>153791.0</t>
  </si>
  <si>
    <t>4870980.0</t>
  </si>
  <si>
    <t>140157.0</t>
  </si>
  <si>
    <t>130935.0</t>
  </si>
  <si>
    <t>121714.0</t>
  </si>
  <si>
    <t>5074948.0</t>
  </si>
  <si>
    <t>112493.0</t>
  </si>
  <si>
    <t>5233799.0</t>
  </si>
  <si>
    <t>158851.0</t>
  </si>
  <si>
    <t>107448.0</t>
  </si>
  <si>
    <t>90494.0</t>
  </si>
  <si>
    <t>73540.0</t>
  </si>
  <si>
    <t>84181.0</t>
  </si>
  <si>
    <t>5535729.0</t>
  </si>
  <si>
    <t>25.829</t>
  </si>
  <si>
    <t>85251.0</t>
  </si>
  <si>
    <t>93803.0</t>
  </si>
  <si>
    <t>102354.0</t>
  </si>
  <si>
    <t>97926.0</t>
  </si>
  <si>
    <t>6047128.0</t>
  </si>
  <si>
    <t>28.215</t>
  </si>
  <si>
    <t>105407.0</t>
  </si>
  <si>
    <t>105776.0</t>
  </si>
  <si>
    <t>106145.0</t>
  </si>
  <si>
    <t>106514.0</t>
  </si>
  <si>
    <t>6359398.0</t>
  </si>
  <si>
    <t>29.672</t>
  </si>
  <si>
    <t>99403.0</t>
  </si>
  <si>
    <t>126094.0</t>
  </si>
  <si>
    <t>6988772.0</t>
  </si>
  <si>
    <t>32.608</t>
  </si>
  <si>
    <t>152785.0</t>
  </si>
  <si>
    <t>191206.0</t>
  </si>
  <si>
    <t>94612.3</t>
  </si>
  <si>
    <t>11.79</t>
  </si>
  <si>
    <t>439.416470599076</t>
  </si>
  <si>
    <t>236738.0</t>
  </si>
  <si>
    <t>8179160.0</t>
  </si>
  <si>
    <t>282271.0</t>
  </si>
  <si>
    <t>271562.0</t>
  </si>
  <si>
    <t>8185369.0</t>
  </si>
  <si>
    <t>38.191</t>
  </si>
  <si>
    <t>260853.0</t>
  </si>
  <si>
    <t>236773.0</t>
  </si>
  <si>
    <t>8477624.0</t>
  </si>
  <si>
    <t>212693.0</t>
  </si>
  <si>
    <t>163647.0</t>
  </si>
  <si>
    <t>114601.0</t>
  </si>
  <si>
    <t>8638045.0</t>
  </si>
  <si>
    <t>40.303</t>
  </si>
  <si>
    <t>65555.0</t>
  </si>
  <si>
    <t>9130523.0</t>
  </si>
  <si>
    <t>492478.0</t>
  </si>
  <si>
    <t>42.601</t>
  </si>
  <si>
    <t>135466.0</t>
  </si>
  <si>
    <t>161229.0</t>
  </si>
  <si>
    <t>9497419.0</t>
  </si>
  <si>
    <t>44.313</t>
  </si>
  <si>
    <t>166560.0</t>
  </si>
  <si>
    <t>199850.0</t>
  </si>
  <si>
    <t>10255722.0</t>
  </si>
  <si>
    <t>47.851</t>
  </si>
  <si>
    <t>246375.0</t>
  </si>
  <si>
    <t>261197.0</t>
  </si>
  <si>
    <t>10570174.0</t>
  </si>
  <si>
    <t>49.318</t>
  </si>
  <si>
    <t>276018.0</t>
  </si>
  <si>
    <t>220322.0</t>
  </si>
  <si>
    <t>208772.0</t>
  </si>
  <si>
    <t>197223.0</t>
  </si>
  <si>
    <t>10980583.0</t>
  </si>
  <si>
    <t>51.233</t>
  </si>
  <si>
    <t>157716.0</t>
  </si>
  <si>
    <t>11005604.0</t>
  </si>
  <si>
    <t>25021.0</t>
  </si>
  <si>
    <t>107126.0</t>
  </si>
  <si>
    <t>93612.0</t>
  </si>
  <si>
    <t>80097.0</t>
  </si>
  <si>
    <t>11193479.0</t>
  </si>
  <si>
    <t>52.226</t>
  </si>
  <si>
    <t>74386.0</t>
  </si>
  <si>
    <t>46721.0</t>
  </si>
  <si>
    <t>11210798.0</t>
  </si>
  <si>
    <t>52.307</t>
  </si>
  <si>
    <t>32888.0</t>
  </si>
  <si>
    <t>62982.0</t>
  </si>
  <si>
    <t>11682165.0</t>
  </si>
  <si>
    <t>54.506</t>
  </si>
  <si>
    <t>87705.0</t>
  </si>
  <si>
    <t>89475.0</t>
  </si>
  <si>
    <t>91246.0</t>
  </si>
  <si>
    <t>118073.4</t>
  </si>
  <si>
    <t>548.37898137592</t>
  </si>
  <si>
    <t>11907217.0</t>
  </si>
  <si>
    <t>55.557</t>
  </si>
  <si>
    <t>101138.0</t>
  </si>
  <si>
    <t>11933975.0</t>
  </si>
  <si>
    <t>26758.0</t>
  </si>
  <si>
    <t>55.681</t>
  </si>
  <si>
    <t>104136.0</t>
  </si>
  <si>
    <t>11953385.0</t>
  </si>
  <si>
    <t>55.772</t>
  </si>
  <si>
    <t>106084.0</t>
  </si>
  <si>
    <t>119469.0</t>
  </si>
  <si>
    <t>132854.0</t>
  </si>
  <si>
    <t>169191.0</t>
  </si>
  <si>
    <t>13270898.0</t>
  </si>
  <si>
    <t>61.919</t>
  </si>
  <si>
    <t>205528.0</t>
  </si>
  <si>
    <t>213974.0</t>
  </si>
  <si>
    <t>229315.0</t>
  </si>
  <si>
    <t>245704.0</t>
  </si>
  <si>
    <t>13807456.0</t>
  </si>
  <si>
    <t>64.423</t>
  </si>
  <si>
    <t>217813.0</t>
  </si>
  <si>
    <t>13836559.0</t>
  </si>
  <si>
    <t>29103.0</t>
  </si>
  <si>
    <t>64.558</t>
  </si>
  <si>
    <t>174917.0</t>
  </si>
  <si>
    <t>139023.0</t>
  </si>
  <si>
    <t>103129.0</t>
  </si>
  <si>
    <t>95127.0</t>
  </si>
  <si>
    <t>14149045.0</t>
  </si>
  <si>
    <t>66.016</t>
  </si>
  <si>
    <t>87124.0</t>
  </si>
  <si>
    <t>14166928.0</t>
  </si>
  <si>
    <t>17883.0</t>
  </si>
  <si>
    <t>66.1</t>
  </si>
  <si>
    <t>70516.0</t>
  </si>
  <si>
    <t>61722.0</t>
  </si>
  <si>
    <t>14457260.0</t>
  </si>
  <si>
    <t>67.454</t>
  </si>
  <si>
    <t>66351.0</t>
  </si>
  <si>
    <t>85639.0</t>
  </si>
  <si>
    <t>104926.0</t>
  </si>
  <si>
    <t>15096660.0</t>
  </si>
  <si>
    <t>70.438</t>
  </si>
  <si>
    <t>132819.0</t>
  </si>
  <si>
    <t>130413.0</t>
  </si>
  <si>
    <t>128008.0</t>
  </si>
  <si>
    <t>125603.0</t>
  </si>
  <si>
    <t>123197.0</t>
  </si>
  <si>
    <t>15375387.0</t>
  </si>
  <si>
    <t>71.738</t>
  </si>
  <si>
    <t>100713.0</t>
  </si>
  <si>
    <t>15412955.0</t>
  </si>
  <si>
    <t>37568.0</t>
  </si>
  <si>
    <t>71.914</t>
  </si>
  <si>
    <t>75633.0</t>
  </si>
  <si>
    <t>133819.5</t>
  </si>
  <si>
    <t>621.510019176503</t>
  </si>
  <si>
    <t>59574.0</t>
  </si>
  <si>
    <t>65999.0</t>
  </si>
  <si>
    <t>15715116.0</t>
  </si>
  <si>
    <t>73.323</t>
  </si>
  <si>
    <t>72424.0</t>
  </si>
  <si>
    <t>73658.0</t>
  </si>
  <si>
    <t>74891.0</t>
  </si>
  <si>
    <t>79956.0</t>
  </si>
  <si>
    <t>16037030.0</t>
  </si>
  <si>
    <t>74.825</t>
  </si>
  <si>
    <t>74765.0</t>
  </si>
  <si>
    <t>112883.0</t>
  </si>
  <si>
    <t>16772127.0</t>
  </si>
  <si>
    <t>78.255</t>
  </si>
  <si>
    <t>151002.0</t>
  </si>
  <si>
    <t>158314.0</t>
  </si>
  <si>
    <t>165627.0</t>
  </si>
  <si>
    <t>180252.0</t>
  </si>
  <si>
    <t>187564.0</t>
  </si>
  <si>
    <t>151567.0</t>
  </si>
  <si>
    <t>115570.0</t>
  </si>
  <si>
    <t>18736824.0</t>
  </si>
  <si>
    <t>87.422</t>
  </si>
  <si>
    <t>18816082.0</t>
  </si>
  <si>
    <t>87.792</t>
  </si>
  <si>
    <t>110383.0</t>
  </si>
  <si>
    <t>18845636.0</t>
  </si>
  <si>
    <t>29554.0</t>
  </si>
  <si>
    <t>87.93</t>
  </si>
  <si>
    <t>98095.0</t>
  </si>
  <si>
    <t>18894312.0</t>
  </si>
  <si>
    <t>48676.0</t>
  </si>
  <si>
    <t>88.157</t>
  </si>
  <si>
    <t>88539.0</t>
  </si>
  <si>
    <t>21374279.0</t>
  </si>
  <si>
    <t>2479967.0</t>
  </si>
  <si>
    <t>99.728</t>
  </si>
  <si>
    <t>11.571</t>
  </si>
  <si>
    <t>426309.0</t>
  </si>
  <si>
    <t>149943.2</t>
  </si>
  <si>
    <t>696.39477884304</t>
  </si>
  <si>
    <t>21406521.0</t>
  </si>
  <si>
    <t>32242.0</t>
  </si>
  <si>
    <t>99.878</t>
  </si>
  <si>
    <t>414405.0</t>
  </si>
  <si>
    <t>21426648.0</t>
  </si>
  <si>
    <t>20127.0</t>
  </si>
  <si>
    <t>99.972</t>
  </si>
  <si>
    <t>400771.0</t>
  </si>
  <si>
    <t>21455397.0</t>
  </si>
  <si>
    <t>28749.0</t>
  </si>
  <si>
    <t>100.106</t>
  </si>
  <si>
    <t>21518065.0</t>
  </si>
  <si>
    <t>62668.0</t>
  </si>
  <si>
    <t>100.399</t>
  </si>
  <si>
    <t>385998.0</t>
  </si>
  <si>
    <t>21635781.0</t>
  </si>
  <si>
    <t>117716.0</t>
  </si>
  <si>
    <t>100.948</t>
  </si>
  <si>
    <t>398592.0</t>
  </si>
  <si>
    <t>21682101.0</t>
  </si>
  <si>
    <t>101.164</t>
  </si>
  <si>
    <t>398256.0</t>
  </si>
  <si>
    <t>21744150.0</t>
  </si>
  <si>
    <t>62049.0</t>
  </si>
  <si>
    <t>101.454</t>
  </si>
  <si>
    <t>52839.0</t>
  </si>
  <si>
    <t>21766350.0</t>
  </si>
  <si>
    <t>22200.0</t>
  </si>
  <si>
    <t>101.557</t>
  </si>
  <si>
    <t>51404.0</t>
  </si>
  <si>
    <t>21811819.0</t>
  </si>
  <si>
    <t>45469.0</t>
  </si>
  <si>
    <t>101.769</t>
  </si>
  <si>
    <t>55024.0</t>
  </si>
  <si>
    <t>21878411.0</t>
  </si>
  <si>
    <t>66592.0</t>
  </si>
  <si>
    <t>102.08</t>
  </si>
  <si>
    <t>60431.0</t>
  </si>
  <si>
    <t>21908724.0</t>
  </si>
  <si>
    <t>102.221</t>
  </si>
  <si>
    <t>55808.0</t>
  </si>
  <si>
    <t>22008774.0</t>
  </si>
  <si>
    <t>100050.0</t>
  </si>
  <si>
    <t>102.688</t>
  </si>
  <si>
    <t>53285.0</t>
  </si>
  <si>
    <t>22084995.0</t>
  </si>
  <si>
    <t>76221.0</t>
  </si>
  <si>
    <t>103.044</t>
  </si>
  <si>
    <t>57556.0</t>
  </si>
  <si>
    <t>22089038.0</t>
  </si>
  <si>
    <t>103.063</t>
  </si>
  <si>
    <t>49270.0</t>
  </si>
  <si>
    <t>55721.0</t>
  </si>
  <si>
    <t>22223755.0</t>
  </si>
  <si>
    <t>103.691</t>
  </si>
  <si>
    <t>58848.0</t>
  </si>
  <si>
    <t>22274567.0</t>
  </si>
  <si>
    <t>103.928</t>
  </si>
  <si>
    <t>22357626.0</t>
  </si>
  <si>
    <t>83059.0</t>
  </si>
  <si>
    <t>104.316</t>
  </si>
  <si>
    <t>64129.0</t>
  </si>
  <si>
    <t>22420323.0</t>
  </si>
  <si>
    <t>62697.0</t>
  </si>
  <si>
    <t>104.608</t>
  </si>
  <si>
    <t>58793.0</t>
  </si>
  <si>
    <t>22503688.0</t>
  </si>
  <si>
    <t>83365.0</t>
  </si>
  <si>
    <t>104.997</t>
  </si>
  <si>
    <t>59813.0</t>
  </si>
  <si>
    <t>22528947.0</t>
  </si>
  <si>
    <t>25259.0</t>
  </si>
  <si>
    <t>105.115</t>
  </si>
  <si>
    <t>62844.0</t>
  </si>
  <si>
    <t>22564250.0</t>
  </si>
  <si>
    <t>35303.0</t>
  </si>
  <si>
    <t>105.28</t>
  </si>
  <si>
    <t>58265.0</t>
  </si>
  <si>
    <t>22634876.0</t>
  </si>
  <si>
    <t>70626.0</t>
  </si>
  <si>
    <t>105.609</t>
  </si>
  <si>
    <t>58732.0</t>
  </si>
  <si>
    <t>22711485.0</t>
  </si>
  <si>
    <t>76609.0</t>
  </si>
  <si>
    <t>105.967</t>
  </si>
  <si>
    <t>22780858.0</t>
  </si>
  <si>
    <t>69373.0</t>
  </si>
  <si>
    <t>106.291</t>
  </si>
  <si>
    <t>60462.0</t>
  </si>
  <si>
    <t>22879792.0</t>
  </si>
  <si>
    <t>98934.0</t>
  </si>
  <si>
    <t>106.752</t>
  </si>
  <si>
    <t>65638.0</t>
  </si>
  <si>
    <t>22999678.0</t>
  </si>
  <si>
    <t>119886.0</t>
  </si>
  <si>
    <t>107.312</t>
  </si>
  <si>
    <t>70856.0</t>
  </si>
  <si>
    <t>76002.0</t>
  </si>
  <si>
    <t>79713.0</t>
  </si>
  <si>
    <t>23183521.0</t>
  </si>
  <si>
    <t>108.169</t>
  </si>
  <si>
    <t>165716.1</t>
  </si>
  <si>
    <t>769.650286309957</t>
  </si>
  <si>
    <t>25667025.0</t>
  </si>
  <si>
    <t>2483504.0</t>
  </si>
  <si>
    <t>119.757</t>
  </si>
  <si>
    <t>11.587</t>
  </si>
  <si>
    <t>422220.0</t>
  </si>
  <si>
    <t>25736998.0</t>
  </si>
  <si>
    <t>69973.0</t>
  </si>
  <si>
    <t>120.083</t>
  </si>
  <si>
    <t>422306.0</t>
  </si>
  <si>
    <t>25847171.0</t>
  </si>
  <si>
    <t>110173.0</t>
  </si>
  <si>
    <t>120.597</t>
  </si>
  <si>
    <t>423911.0</t>
  </si>
  <si>
    <t>1.978</t>
  </si>
  <si>
    <t>25925584.0</t>
  </si>
  <si>
    <t>120.963</t>
  </si>
  <si>
    <t>417987.0</t>
  </si>
  <si>
    <t>25957935.0</t>
  </si>
  <si>
    <t>32351.0</t>
  </si>
  <si>
    <t>121.114</t>
  </si>
  <si>
    <t>413854.0</t>
  </si>
  <si>
    <t>25966103.0</t>
  </si>
  <si>
    <t>8168.0</t>
  </si>
  <si>
    <t>121.152</t>
  </si>
  <si>
    <t>406266.0</t>
  </si>
  <si>
    <t>26074986.0</t>
  </si>
  <si>
    <t>108883.0</t>
  </si>
  <si>
    <t>121.66</t>
  </si>
  <si>
    <t>413066.0</t>
  </si>
  <si>
    <t>26153478.0</t>
  </si>
  <si>
    <t>78492.0</t>
  </si>
  <si>
    <t>122.026</t>
  </si>
  <si>
    <t>69493.0</t>
  </si>
  <si>
    <t>70644.0</t>
  </si>
  <si>
    <t>26309534.0</t>
  </si>
  <si>
    <t>122.755</t>
  </si>
  <si>
    <t>66052.0</t>
  </si>
  <si>
    <t>26489470.0</t>
  </si>
  <si>
    <t>179936.0</t>
  </si>
  <si>
    <t>123.594</t>
  </si>
  <si>
    <t>80555.0</t>
  </si>
  <si>
    <t>26492110.0</t>
  </si>
  <si>
    <t>123.606</t>
  </si>
  <si>
    <t>76311.0</t>
  </si>
  <si>
    <t>26596658.0</t>
  </si>
  <si>
    <t>104548.0</t>
  </si>
  <si>
    <t>124.094</t>
  </si>
  <si>
    <t>90079.0</t>
  </si>
  <si>
    <t>26625122.0</t>
  </si>
  <si>
    <t>28464.0</t>
  </si>
  <si>
    <t>124.227</t>
  </si>
  <si>
    <t>78591.0</t>
  </si>
  <si>
    <t>26720982.0</t>
  </si>
  <si>
    <t>95860.0</t>
  </si>
  <si>
    <t>124.674</t>
  </si>
  <si>
    <t>81072.0</t>
  </si>
  <si>
    <t>26765768.0</t>
  </si>
  <si>
    <t>124.883</t>
  </si>
  <si>
    <t>76323.0</t>
  </si>
  <si>
    <t>26916786.0</t>
  </si>
  <si>
    <t>151018.0</t>
  </si>
  <si>
    <t>125.588</t>
  </si>
  <si>
    <t>86750.0</t>
  </si>
  <si>
    <t>26940294.0</t>
  </si>
  <si>
    <t>23508.0</t>
  </si>
  <si>
    <t>125.698</t>
  </si>
  <si>
    <t>64403.0</t>
  </si>
  <si>
    <t>27044505.0</t>
  </si>
  <si>
    <t>104211.0</t>
  </si>
  <si>
    <t>126.184</t>
  </si>
  <si>
    <t>78914.0</t>
  </si>
  <si>
    <t>27092095.0</t>
  </si>
  <si>
    <t>47590.0</t>
  </si>
  <si>
    <t>126.406</t>
  </si>
  <si>
    <t>70777.0</t>
  </si>
  <si>
    <t>27179327.0</t>
  </si>
  <si>
    <t>87232.0</t>
  </si>
  <si>
    <t>126.813</t>
  </si>
  <si>
    <t>79172.0</t>
  </si>
  <si>
    <t>27234590.0</t>
  </si>
  <si>
    <t>55263.0</t>
  </si>
  <si>
    <t>127.071</t>
  </si>
  <si>
    <t>73373.0</t>
  </si>
  <si>
    <t>27246435.0</t>
  </si>
  <si>
    <t>11845.0</t>
  </si>
  <si>
    <t>127.126</t>
  </si>
  <si>
    <t>68667.0</t>
  </si>
  <si>
    <t>57470.0</t>
  </si>
  <si>
    <t>64489.0</t>
  </si>
  <si>
    <t>27464362.0</t>
  </si>
  <si>
    <t>128.143</t>
  </si>
  <si>
    <t>59980.0</t>
  </si>
  <si>
    <t>27480401.0</t>
  </si>
  <si>
    <t>128.218</t>
  </si>
  <si>
    <t>55472.0</t>
  </si>
  <si>
    <t>29017161.0</t>
  </si>
  <si>
    <t>1536760.0</t>
  </si>
  <si>
    <t>135.388</t>
  </si>
  <si>
    <t>262548.0</t>
  </si>
  <si>
    <t>29067010.0</t>
  </si>
  <si>
    <t>49849.0</t>
  </si>
  <si>
    <t>135.62</t>
  </si>
  <si>
    <t>261774.0</t>
  </si>
  <si>
    <t>29170573.0</t>
  </si>
  <si>
    <t>103563.0</t>
  </si>
  <si>
    <t>136.104</t>
  </si>
  <si>
    <t>274877.0</t>
  </si>
  <si>
    <t>29244757.0</t>
  </si>
  <si>
    <t>74184.0</t>
  </si>
  <si>
    <t>136.45</t>
  </si>
  <si>
    <t>275097.0</t>
  </si>
  <si>
    <t>192738.8</t>
  </si>
  <si>
    <t>895.154258415673</t>
  </si>
  <si>
    <t>29249432.0</t>
  </si>
  <si>
    <t>136.472</t>
  </si>
  <si>
    <t>265387.0</t>
  </si>
  <si>
    <t>29298771.0</t>
  </si>
  <si>
    <t>49339.0</t>
  </si>
  <si>
    <t>136.702</t>
  </si>
  <si>
    <t>262058.0</t>
  </si>
  <si>
    <t>29325305.0</t>
  </si>
  <si>
    <t>26534.0</t>
  </si>
  <si>
    <t>136.826</t>
  </si>
  <si>
    <t>263558.0</t>
  </si>
  <si>
    <t>29360809.0</t>
  </si>
  <si>
    <t>35504.0</t>
  </si>
  <si>
    <t>136.991</t>
  </si>
  <si>
    <t>49093.0</t>
  </si>
  <si>
    <t>29433114.0</t>
  </si>
  <si>
    <t>72305.0</t>
  </si>
  <si>
    <t>137.329</t>
  </si>
  <si>
    <t>52301.0</t>
  </si>
  <si>
    <t>29498348.0</t>
  </si>
  <si>
    <t>65234.0</t>
  </si>
  <si>
    <t>137.633</t>
  </si>
  <si>
    <t>29561570.0</t>
  </si>
  <si>
    <t>63222.0</t>
  </si>
  <si>
    <t>137.928</t>
  </si>
  <si>
    <t>45259.0</t>
  </si>
  <si>
    <t>29638759.0</t>
  </si>
  <si>
    <t>77189.0</t>
  </si>
  <si>
    <t>138.288</t>
  </si>
  <si>
    <t>55618.0</t>
  </si>
  <si>
    <t>29691328.0</t>
  </si>
  <si>
    <t>52569.0</t>
  </si>
  <si>
    <t>138.533</t>
  </si>
  <si>
    <t>56080.0</t>
  </si>
  <si>
    <t>29723641.0</t>
  </si>
  <si>
    <t>32313.0</t>
  </si>
  <si>
    <t>138.684</t>
  </si>
  <si>
    <t>56905.0</t>
  </si>
  <si>
    <t>29818855.0</t>
  </si>
  <si>
    <t>95214.0</t>
  </si>
  <si>
    <t>139.128</t>
  </si>
  <si>
    <t>65435.0</t>
  </si>
  <si>
    <t>29826084.0</t>
  </si>
  <si>
    <t>139.162</t>
  </si>
  <si>
    <t>56139.0</t>
  </si>
  <si>
    <t>29955213.0</t>
  </si>
  <si>
    <t>129129.0</t>
  </si>
  <si>
    <t>139.765</t>
  </si>
  <si>
    <t>65266.0</t>
  </si>
  <si>
    <t>30024424.0</t>
  </si>
  <si>
    <t>69211.0</t>
  </si>
  <si>
    <t>140.087</t>
  </si>
  <si>
    <t>66122.0</t>
  </si>
  <si>
    <t>30124644.0</t>
  </si>
  <si>
    <t>100220.0</t>
  </si>
  <si>
    <t>140.555</t>
  </si>
  <si>
    <t>69412.0</t>
  </si>
  <si>
    <t>30194431.0</t>
  </si>
  <si>
    <t>69787.0</t>
  </si>
  <si>
    <t>140.881</t>
  </si>
  <si>
    <t>71872.0</t>
  </si>
  <si>
    <t>30244995.0</t>
  </si>
  <si>
    <t>50564.0</t>
  </si>
  <si>
    <t>141.117</t>
  </si>
  <si>
    <t>30334083.0</t>
  </si>
  <si>
    <t>89088.0</t>
  </si>
  <si>
    <t>141.532</t>
  </si>
  <si>
    <t>73604.0</t>
  </si>
  <si>
    <t>30417016.0</t>
  </si>
  <si>
    <t>82933.0</t>
  </si>
  <si>
    <t>141.919</t>
  </si>
  <si>
    <t>84419.0</t>
  </si>
  <si>
    <t>12418.0</t>
  </si>
  <si>
    <t>71090.0</t>
  </si>
  <si>
    <t>105824.0</t>
  </si>
  <si>
    <t>92297.0</t>
  </si>
  <si>
    <t>30488673.0</t>
  </si>
  <si>
    <t>142.254</t>
  </si>
  <si>
    <t>66321.0</t>
  </si>
  <si>
    <t>193699.0</t>
  </si>
  <si>
    <t>87875.0</t>
  </si>
  <si>
    <t>48397.0</t>
  </si>
  <si>
    <t>30663982.0</t>
  </si>
  <si>
    <t>175309.0</t>
  </si>
  <si>
    <t>143.072</t>
  </si>
  <si>
    <t>77048.0</t>
  </si>
  <si>
    <t>462269.0</t>
  </si>
  <si>
    <t>268570.0</t>
  </si>
  <si>
    <t>92431.0</t>
  </si>
  <si>
    <t>30689586.0</t>
  </si>
  <si>
    <t>25604.0</t>
  </si>
  <si>
    <t>143.191</t>
  </si>
  <si>
    <t>70736.0</t>
  </si>
  <si>
    <t>573268.0</t>
  </si>
  <si>
    <t>110999.0</t>
  </si>
  <si>
    <t>95526.0</t>
  </si>
  <si>
    <t>30751500.0</t>
  </si>
  <si>
    <t>61914.0</t>
  </si>
  <si>
    <t>143.48</t>
  </si>
  <si>
    <t>72358.0</t>
  </si>
  <si>
    <t>613954.0</t>
  </si>
  <si>
    <t>40686.0</t>
  </si>
  <si>
    <t>87692.0</t>
  </si>
  <si>
    <t>30774397.0</t>
  </si>
  <si>
    <t>22897.0</t>
  </si>
  <si>
    <t>143.587</t>
  </si>
  <si>
    <t>62902.0</t>
  </si>
  <si>
    <t>801759.0</t>
  </si>
  <si>
    <t>187805.0</t>
  </si>
  <si>
    <t>114379.0</t>
  </si>
  <si>
    <t>30900248.0</t>
  </si>
  <si>
    <t>125851.0</t>
  </si>
  <si>
    <t>144.174</t>
  </si>
  <si>
    <t>69033.0</t>
  </si>
  <si>
    <t>1045746.0</t>
  </si>
  <si>
    <t>243987.0</t>
  </si>
  <si>
    <t>147460.0</t>
  </si>
  <si>
    <t>30938972.0</t>
  </si>
  <si>
    <t>144.355</t>
  </si>
  <si>
    <t>69447.0</t>
  </si>
  <si>
    <t>1327546.0</t>
  </si>
  <si>
    <t>281800.0</t>
  </si>
  <si>
    <t>174532.0</t>
  </si>
  <si>
    <t>32789216.0</t>
  </si>
  <si>
    <t>1850244.0</t>
  </si>
  <si>
    <t>152.987</t>
  </si>
  <si>
    <t>328649.0</t>
  </si>
  <si>
    <t>1563098.0</t>
  </si>
  <si>
    <t>235552.0</t>
  </si>
  <si>
    <t>195628.0</t>
  </si>
  <si>
    <t>32880655.0</t>
  </si>
  <si>
    <t>91439.0</t>
  </si>
  <si>
    <t>153.414</t>
  </si>
  <si>
    <t>316668.0</t>
  </si>
  <si>
    <t>1923813.0</t>
  </si>
  <si>
    <t>208792.0</t>
  </si>
  <si>
    <t>33028536.0</t>
  </si>
  <si>
    <t>147881.0</t>
  </si>
  <si>
    <t>154.104</t>
  </si>
  <si>
    <t>334136.0</t>
  </si>
  <si>
    <t>2046523.0</t>
  </si>
  <si>
    <t>122710.0</t>
  </si>
  <si>
    <t>210465.0</t>
  </si>
  <si>
    <t>33046556.0</t>
  </si>
  <si>
    <t>154.188</t>
  </si>
  <si>
    <t>327865.0</t>
  </si>
  <si>
    <t>2084119.0</t>
  </si>
  <si>
    <t>37596.0</t>
  </si>
  <si>
    <t>210024.0</t>
  </si>
  <si>
    <t>231326.1</t>
  </si>
  <si>
    <t>1074.36874930056</t>
  </si>
  <si>
    <t>33078118.0</t>
  </si>
  <si>
    <t>154.335</t>
  </si>
  <si>
    <t>329103.0</t>
  </si>
  <si>
    <t>2292551.0</t>
  </si>
  <si>
    <t>208432.0</t>
  </si>
  <si>
    <t>212970.0</t>
  </si>
  <si>
    <t>33115124.0</t>
  </si>
  <si>
    <t>37006.0</t>
  </si>
  <si>
    <t>154.508</t>
  </si>
  <si>
    <t>316411.0</t>
  </si>
  <si>
    <t>2521704.0</t>
  </si>
  <si>
    <t>229153.0</t>
  </si>
  <si>
    <t>210851.0</t>
  </si>
  <si>
    <t>33126511.0</t>
  </si>
  <si>
    <t>11387.0</t>
  </si>
  <si>
    <t>154.561</t>
  </si>
  <si>
    <t>312506.0</t>
  </si>
  <si>
    <t>2802134.0</t>
  </si>
  <si>
    <t>280430.0</t>
  </si>
  <si>
    <t>210655.0</t>
  </si>
  <si>
    <t>48368.0</t>
  </si>
  <si>
    <t>3074906.0</t>
  </si>
  <si>
    <t>272772.0</t>
  </si>
  <si>
    <t>215973.0</t>
  </si>
  <si>
    <t>35487.0</t>
  </si>
  <si>
    <t>3401383.0</t>
  </si>
  <si>
    <t>3399421.0</t>
  </si>
  <si>
    <t>326477.0</t>
  </si>
  <si>
    <t>211081.0</t>
  </si>
  <si>
    <t>210801.0</t>
  </si>
  <si>
    <t>3553681.0</t>
  </si>
  <si>
    <t>3534004.0</t>
  </si>
  <si>
    <t>152298.0</t>
  </si>
  <si>
    <t>215308.0</t>
  </si>
  <si>
    <t>212497.0</t>
  </si>
  <si>
    <t>3605538.0</t>
  </si>
  <si>
    <t>3579850.0</t>
  </si>
  <si>
    <t>25688.0</t>
  </si>
  <si>
    <t>217346.0</t>
  </si>
  <si>
    <t>213676.0</t>
  </si>
  <si>
    <t>33132899.0</t>
  </si>
  <si>
    <t>154.591</t>
  </si>
  <si>
    <t>7826.0</t>
  </si>
  <si>
    <t>3820207.0</t>
  </si>
  <si>
    <t>3786591.0</t>
  </si>
  <si>
    <t>33616.0</t>
  </si>
  <si>
    <t>214669.0</t>
  </si>
  <si>
    <t>218237.0</t>
  </si>
  <si>
    <t>213434.0</t>
  </si>
  <si>
    <t>33355154.0</t>
  </si>
  <si>
    <t>222255.0</t>
  </si>
  <si>
    <t>155.628</t>
  </si>
  <si>
    <t>34290.0</t>
  </si>
  <si>
    <t>4120332.0</t>
  </si>
  <si>
    <t>4069677.0</t>
  </si>
  <si>
    <t>50655.0</t>
  </si>
  <si>
    <t>300125.0</t>
  </si>
  <si>
    <t>228375.0</t>
  </si>
  <si>
    <t>221139.0</t>
  </si>
  <si>
    <t>33409955.0</t>
  </si>
  <si>
    <t>155.884</t>
  </si>
  <si>
    <t>40492.0</t>
  </si>
  <si>
    <t>4406835.0</t>
  </si>
  <si>
    <t>4326075.0</t>
  </si>
  <si>
    <t>80760.0</t>
  </si>
  <si>
    <t>286503.0</t>
  </si>
  <si>
    <t>229243.0</t>
  </si>
  <si>
    <t>217706.0</t>
  </si>
  <si>
    <t>33441753.0</t>
  </si>
  <si>
    <t>156.032</t>
  </si>
  <si>
    <t>44852.0</t>
  </si>
  <si>
    <t>4696136.0</t>
  </si>
  <si>
    <t>4586270.0</t>
  </si>
  <si>
    <t>109866.0</t>
  </si>
  <si>
    <t>231604.0</t>
  </si>
  <si>
    <t>215909.0</t>
  </si>
  <si>
    <t>33601025.0</t>
  </si>
  <si>
    <t>159272.0</t>
  </si>
  <si>
    <t>156.775</t>
  </si>
  <si>
    <t>67423.0</t>
  </si>
  <si>
    <t>5125206.0</t>
  </si>
  <si>
    <t>4946738.0</t>
  </si>
  <si>
    <t>178468.0</t>
  </si>
  <si>
    <t>429070.0</t>
  </si>
  <si>
    <t>246260.0</t>
  </si>
  <si>
    <t>221045.0</t>
  </si>
  <si>
    <t>33662928.0</t>
  </si>
  <si>
    <t>61903.0</t>
  </si>
  <si>
    <t>157.064</t>
  </si>
  <si>
    <t>76083.0</t>
  </si>
  <si>
    <t>5236943.0</t>
  </si>
  <si>
    <t>5042713.0</t>
  </si>
  <si>
    <t>194230.0</t>
  </si>
  <si>
    <t>111737.0</t>
  </si>
  <si>
    <t>240466.0</t>
  </si>
  <si>
    <t>215530.0</t>
  </si>
  <si>
    <t>33708882.0</t>
  </si>
  <si>
    <t>45954.0</t>
  </si>
  <si>
    <t>157.278</t>
  </si>
  <si>
    <t>82466.0</t>
  </si>
  <si>
    <t>5293979.0</t>
  </si>
  <si>
    <t>5076110.0</t>
  </si>
  <si>
    <t>217869.0</t>
  </si>
  <si>
    <t>57036.0</t>
  </si>
  <si>
    <t>241206.0</t>
  </si>
  <si>
    <t>213751.0</t>
  </si>
  <si>
    <t>33741300.0</t>
  </si>
  <si>
    <t>157.43</t>
  </si>
  <si>
    <t>86914.0</t>
  </si>
  <si>
    <t>5609937.0</t>
  </si>
  <si>
    <t>5324317.0</t>
  </si>
  <si>
    <t>285620.0</t>
  </si>
  <si>
    <t>255676.0</t>
  </si>
  <si>
    <t>219675.0</t>
  </si>
  <si>
    <t>33767865.0</t>
  </si>
  <si>
    <t>157.554</t>
  </si>
  <si>
    <t>58959.0</t>
  </si>
  <si>
    <t>5883539.0</t>
  </si>
  <si>
    <t>5326007.0</t>
  </si>
  <si>
    <t>557532.0</t>
  </si>
  <si>
    <t>273602.0</t>
  </si>
  <si>
    <t>251887.0</t>
  </si>
  <si>
    <t>179476.0</t>
  </si>
  <si>
    <t>33875901.0</t>
  </si>
  <si>
    <t>108036.0</t>
  </si>
  <si>
    <t>158.058</t>
  </si>
  <si>
    <t>6206680.0</t>
  </si>
  <si>
    <t>5482925.0</t>
  </si>
  <si>
    <t>723755.0</t>
  </si>
  <si>
    <t>323141.0</t>
  </si>
  <si>
    <t>257121.0</t>
  </si>
  <si>
    <t>165264.0</t>
  </si>
  <si>
    <t>33909730.0</t>
  </si>
  <si>
    <t>33829.0</t>
  </si>
  <si>
    <t>158.215</t>
  </si>
  <si>
    <t>66854.0</t>
  </si>
  <si>
    <t>6535156.0</t>
  </si>
  <si>
    <t>5640483.0</t>
  </si>
  <si>
    <t>894673.0</t>
  </si>
  <si>
    <t>328476.0</t>
  </si>
  <si>
    <t>262717.0</t>
  </si>
  <si>
    <t>150602.0</t>
  </si>
  <si>
    <t>34018639.0</t>
  </si>
  <si>
    <t>108909.0</t>
  </si>
  <si>
    <t>158.724</t>
  </si>
  <si>
    <t>59659.0</t>
  </si>
  <si>
    <t>6813168.0</t>
  </si>
  <si>
    <t>5756361.0</t>
  </si>
  <si>
    <t>1056807.0</t>
  </si>
  <si>
    <t>278012.0</t>
  </si>
  <si>
    <t>241137.0</t>
  </si>
  <si>
    <t>115660.0</t>
  </si>
  <si>
    <t>34146745.0</t>
  </si>
  <si>
    <t>128106.0</t>
  </si>
  <si>
    <t>159.321</t>
  </si>
  <si>
    <t>6950802.0</t>
  </si>
  <si>
    <t>5817908.0</t>
  </si>
  <si>
    <t>1132894.0</t>
  </si>
  <si>
    <t>137634.0</t>
  </si>
  <si>
    <t>244837.0</t>
  </si>
  <si>
    <t>110742.0</t>
  </si>
  <si>
    <t>34175241.0</t>
  </si>
  <si>
    <t>28496.0</t>
  </si>
  <si>
    <t>159.454</t>
  </si>
  <si>
    <t>7028356.0</t>
  </si>
  <si>
    <t>5857080.0</t>
  </si>
  <si>
    <t>1171276.0</t>
  </si>
  <si>
    <t>77554.0</t>
  </si>
  <si>
    <t>247768.0</t>
  </si>
  <si>
    <t>111567.0</t>
  </si>
  <si>
    <t>34184282.0</t>
  </si>
  <si>
    <t>9041.0</t>
  </si>
  <si>
    <t>159.496</t>
  </si>
  <si>
    <t>63283.0</t>
  </si>
  <si>
    <t>7297061.0</t>
  </si>
  <si>
    <t>6002873.0</t>
  </si>
  <si>
    <t>1294188.0</t>
  </si>
  <si>
    <t>268705.0</t>
  </si>
  <si>
    <t>241018.0</t>
  </si>
  <si>
    <t>96937.0</t>
  </si>
  <si>
    <t>34308759.0</t>
  </si>
  <si>
    <t>124477.0</t>
  </si>
  <si>
    <t>160.077</t>
  </si>
  <si>
    <t>77271.0</t>
  </si>
  <si>
    <t>7551676.0</t>
  </si>
  <si>
    <t>6116082.0</t>
  </si>
  <si>
    <t>1435594.0</t>
  </si>
  <si>
    <t>254615.0</t>
  </si>
  <si>
    <t>112868.0</t>
  </si>
  <si>
    <t>34326575.0</t>
  </si>
  <si>
    <t>17816.0</t>
  </si>
  <si>
    <t>64382.0</t>
  </si>
  <si>
    <t>7799000.0</t>
  </si>
  <si>
    <t>6202055.0</t>
  </si>
  <si>
    <t>1596945.0</t>
  </si>
  <si>
    <t>247324.0</t>
  </si>
  <si>
    <t>227474.0</t>
  </si>
  <si>
    <t>102733.0</t>
  </si>
  <si>
    <t>34460303.0</t>
  </si>
  <si>
    <t>133728.0</t>
  </si>
  <si>
    <t>160.784</t>
  </si>
  <si>
    <t>78653.0</t>
  </si>
  <si>
    <t>8101787.0</t>
  </si>
  <si>
    <t>6346769.0</t>
  </si>
  <si>
    <t>1755018.0</t>
  </si>
  <si>
    <t>302787.0</t>
  </si>
  <si>
    <t>223804.0</t>
  </si>
  <si>
    <t>100898.0</t>
  </si>
  <si>
    <t>34539560.0</t>
  </si>
  <si>
    <t>79257.0</t>
  </si>
  <si>
    <t>161.154</t>
  </si>
  <si>
    <t>8322042.0</t>
  </si>
  <si>
    <t>6437836.0</t>
  </si>
  <si>
    <t>1884206.0</t>
  </si>
  <si>
    <t>220255.0</t>
  </si>
  <si>
    <t>215553.0</t>
  </si>
  <si>
    <t>97354.0</t>
  </si>
  <si>
    <t>34704162.0</t>
  </si>
  <si>
    <t>164602.0</t>
  </si>
  <si>
    <t>8433568.0</t>
  </si>
  <si>
    <t>6518628.0</t>
  </si>
  <si>
    <t>1914940.0</t>
  </si>
  <si>
    <t>111526.0</t>
  </si>
  <si>
    <t>211824.0</t>
  </si>
  <si>
    <t>100103.0</t>
  </si>
  <si>
    <t>34725552.0</t>
  </si>
  <si>
    <t>21390.0</t>
  </si>
  <si>
    <t>162.022</t>
  </si>
  <si>
    <t>78616.0</t>
  </si>
  <si>
    <t>8465403.0</t>
  </si>
  <si>
    <t>6542206.0</t>
  </si>
  <si>
    <t>1923197.0</t>
  </si>
  <si>
    <t>31835.0</t>
  </si>
  <si>
    <t>205292.0</t>
  </si>
  <si>
    <t>97875.0</t>
  </si>
  <si>
    <t>265766.6</t>
  </si>
  <si>
    <t>1234.32388151558</t>
  </si>
  <si>
    <t>34765380.0</t>
  </si>
  <si>
    <t>39828.0</t>
  </si>
  <si>
    <t>162.208</t>
  </si>
  <si>
    <t>83014.0</t>
  </si>
  <si>
    <t>8841027.0</t>
  </si>
  <si>
    <t>6806293.0</t>
  </si>
  <si>
    <t>2034734.0</t>
  </si>
  <si>
    <t>375624.0</t>
  </si>
  <si>
    <t>220567.0</t>
  </si>
  <si>
    <t>114774.0</t>
  </si>
  <si>
    <t>36714837.0</t>
  </si>
  <si>
    <t>1949457.0</t>
  </si>
  <si>
    <t>171.304</t>
  </si>
  <si>
    <t>9.096</t>
  </si>
  <si>
    <t>343725.0</t>
  </si>
  <si>
    <t>9277322.0</t>
  </si>
  <si>
    <t>7114219.0</t>
  </si>
  <si>
    <t>2163103.0</t>
  </si>
  <si>
    <t>246521.0</t>
  </si>
  <si>
    <t>142591.0</t>
  </si>
  <si>
    <t>36792787.0</t>
  </si>
  <si>
    <t>77950.0</t>
  </si>
  <si>
    <t>171.667</t>
  </si>
  <si>
    <t>352316.0</t>
  </si>
  <si>
    <t>9739676.0</t>
  </si>
  <si>
    <t>7417852.0</t>
  </si>
  <si>
    <t>2321824.0</t>
  </si>
  <si>
    <t>462354.0</t>
  </si>
  <si>
    <t>173685.0</t>
  </si>
  <si>
    <t>36898125.0</t>
  </si>
  <si>
    <t>105338.0</t>
  </si>
  <si>
    <t>172.159</t>
  </si>
  <si>
    <t>348260.0</t>
  </si>
  <si>
    <t>10169160.0</t>
  </si>
  <si>
    <t>7701146.0</t>
  </si>
  <si>
    <t>2468014.0</t>
  </si>
  <si>
    <t>429484.0</t>
  </si>
  <si>
    <t>295339.0</t>
  </si>
  <si>
    <t>193482.0</t>
  </si>
  <si>
    <t>36976780.0</t>
  </si>
  <si>
    <t>78655.0</t>
  </si>
  <si>
    <t>172.526</t>
  </si>
  <si>
    <t>348174.0</t>
  </si>
  <si>
    <t>10576542.0</t>
  </si>
  <si>
    <t>7958939.0</t>
  </si>
  <si>
    <t>2617603.0</t>
  </si>
  <si>
    <t>407382.0</t>
  </si>
  <si>
    <t>322071.0</t>
  </si>
  <si>
    <t>217300.0</t>
  </si>
  <si>
    <t>36992037.0</t>
  </si>
  <si>
    <t>172.597</t>
  </si>
  <si>
    <t>326839.0</t>
  </si>
  <si>
    <t>10830688.0</t>
  </si>
  <si>
    <t>8142004.0</t>
  </si>
  <si>
    <t>2688684.0</t>
  </si>
  <si>
    <t>254146.0</t>
  </si>
  <si>
    <t>342446.0</t>
  </si>
  <si>
    <t>231911.0</t>
  </si>
  <si>
    <t>37105304.0</t>
  </si>
  <si>
    <t>113267.0</t>
  </si>
  <si>
    <t>173.125</t>
  </si>
  <si>
    <t>10948409.0</t>
  </si>
  <si>
    <t>8227671.0</t>
  </si>
  <si>
    <t>2720738.0</t>
  </si>
  <si>
    <t>117721.0</t>
  </si>
  <si>
    <t>354715.0</t>
  </si>
  <si>
    <t>240781.0</t>
  </si>
  <si>
    <t>37177496.0</t>
  </si>
  <si>
    <t>72192.0</t>
  </si>
  <si>
    <t>173.462</t>
  </si>
  <si>
    <t>344588.0</t>
  </si>
  <si>
    <t>11357494.0</t>
  </si>
  <si>
    <t>8504966.0</t>
  </si>
  <si>
    <t>2852528.0</t>
  </si>
  <si>
    <t>409085.0</t>
  </si>
  <si>
    <t>359495.0</t>
  </si>
  <si>
    <t>242668.0</t>
  </si>
  <si>
    <t>37258191.0</t>
  </si>
  <si>
    <t>80695.0</t>
  </si>
  <si>
    <t>77622.0</t>
  </si>
  <si>
    <t>11756131.0</t>
  </si>
  <si>
    <t>8764547.0</t>
  </si>
  <si>
    <t>2991584.0</t>
  </si>
  <si>
    <t>398637.0</t>
  </si>
  <si>
    <t>354116.0</t>
  </si>
  <si>
    <t>5.46</t>
  </si>
  <si>
    <t>235761.0</t>
  </si>
  <si>
    <t>37330968.0</t>
  </si>
  <si>
    <t>72777.0</t>
  </si>
  <si>
    <t>174.178</t>
  </si>
  <si>
    <t>76883.0</t>
  </si>
  <si>
    <t>12181103.0</t>
  </si>
  <si>
    <t>9013293.0</t>
  </si>
  <si>
    <t>3167810.0</t>
  </si>
  <si>
    <t>424972.0</t>
  </si>
  <si>
    <t>348775.0</t>
  </si>
  <si>
    <t>37428587.0</t>
  </si>
  <si>
    <t>97619.0</t>
  </si>
  <si>
    <t>174.634</t>
  </si>
  <si>
    <t>75780.0</t>
  </si>
  <si>
    <t>12613179.0</t>
  </si>
  <si>
    <t>9298511.0</t>
  </si>
  <si>
    <t>3314668.0</t>
  </si>
  <si>
    <t>432076.0</t>
  </si>
  <si>
    <t>349146.0</t>
  </si>
  <si>
    <t>228195.0</t>
  </si>
  <si>
    <t>37655071.0</t>
  </si>
  <si>
    <t>226484.0</t>
  </si>
  <si>
    <t>175.69</t>
  </si>
  <si>
    <t>96899.0</t>
  </si>
  <si>
    <t>13017720.0</t>
  </si>
  <si>
    <t>9547655.0</t>
  </si>
  <si>
    <t>3470065.0</t>
  </si>
  <si>
    <t>404541.0</t>
  </si>
  <si>
    <t>348740.0</t>
  </si>
  <si>
    <t>226959.0</t>
  </si>
  <si>
    <t>37786476.0</t>
  </si>
  <si>
    <t>131405.0</t>
  </si>
  <si>
    <t>176.304</t>
  </si>
  <si>
    <t>113491.0</t>
  </si>
  <si>
    <t>13223729.0</t>
  </si>
  <si>
    <t>9669967.0</t>
  </si>
  <si>
    <t>3553762.0</t>
  </si>
  <si>
    <t>206009.0</t>
  </si>
  <si>
    <t>341863.0</t>
  </si>
  <si>
    <t>218280.0</t>
  </si>
  <si>
    <t>37823393.0</t>
  </si>
  <si>
    <t>176.476</t>
  </si>
  <si>
    <t>102584.0</t>
  </si>
  <si>
    <t>13286664.0</t>
  </si>
  <si>
    <t>9718209.0</t>
  </si>
  <si>
    <t>3568455.0</t>
  </si>
  <si>
    <t>62935.0</t>
  </si>
  <si>
    <t>334036.0</t>
  </si>
  <si>
    <t>212934.0</t>
  </si>
  <si>
    <t>37907905.0</t>
  </si>
  <si>
    <t>84512.0</t>
  </si>
  <si>
    <t>176.87</t>
  </si>
  <si>
    <t>104344.0</t>
  </si>
  <si>
    <t>13763573.0</t>
  </si>
  <si>
    <t>10087787.0</t>
  </si>
  <si>
    <t>3675786.0</t>
  </si>
  <si>
    <t>476909.0</t>
  </si>
  <si>
    <t>343726.0</t>
  </si>
  <si>
    <t>226117.0</t>
  </si>
  <si>
    <t>38009513.0</t>
  </si>
  <si>
    <t>101608.0</t>
  </si>
  <si>
    <t>177.344</t>
  </si>
  <si>
    <t>107332.0</t>
  </si>
  <si>
    <t>14198794.0</t>
  </si>
  <si>
    <t>10402388.0</t>
  </si>
  <si>
    <t>3796406.0</t>
  </si>
  <si>
    <t>435221.0</t>
  </si>
  <si>
    <t>348952.0</t>
  </si>
  <si>
    <t>233977.0</t>
  </si>
  <si>
    <t>38117808.0</t>
  </si>
  <si>
    <t>108295.0</t>
  </si>
  <si>
    <t>177.849</t>
  </si>
  <si>
    <t>112406.0</t>
  </si>
  <si>
    <t>14648691.0</t>
  </si>
  <si>
    <t>10725474.0</t>
  </si>
  <si>
    <t>3923217.0</t>
  </si>
  <si>
    <t>449897.0</t>
  </si>
  <si>
    <t>352513.0</t>
  </si>
  <si>
    <t>244597.0</t>
  </si>
  <si>
    <t>38237629.0</t>
  </si>
  <si>
    <t>178.409</t>
  </si>
  <si>
    <t>115577.0</t>
  </si>
  <si>
    <t>15087602.0</t>
  </si>
  <si>
    <t>11055747.0</t>
  </si>
  <si>
    <t>4031855.0</t>
  </si>
  <si>
    <t>438911.0</t>
  </si>
  <si>
    <t>353489.0</t>
  </si>
  <si>
    <t>251034.0</t>
  </si>
  <si>
    <t>38331495.0</t>
  </si>
  <si>
    <t>93866.0</t>
  </si>
  <si>
    <t>178.847</t>
  </si>
  <si>
    <t>96632.0</t>
  </si>
  <si>
    <t>15623349.0</t>
  </si>
  <si>
    <t>11509501.0</t>
  </si>
  <si>
    <t>4113848.0</t>
  </si>
  <si>
    <t>535747.0</t>
  </si>
  <si>
    <t>372233.0</t>
  </si>
  <si>
    <t>280264.0</t>
  </si>
  <si>
    <t>38402854.0</t>
  </si>
  <si>
    <t>71359.0</t>
  </si>
  <si>
    <t>179.179</t>
  </si>
  <si>
    <t>88054.0</t>
  </si>
  <si>
    <t>15883688.0</t>
  </si>
  <si>
    <t>11739832.0</t>
  </si>
  <si>
    <t>4143856.0</t>
  </si>
  <si>
    <t>260339.0</t>
  </si>
  <si>
    <t>379994.0</t>
  </si>
  <si>
    <t>295695.0</t>
  </si>
  <si>
    <t>38414595.0</t>
  </si>
  <si>
    <t>179.234</t>
  </si>
  <si>
    <t>84457.0</t>
  </si>
  <si>
    <t>15980363.0</t>
  </si>
  <si>
    <t>11818482.0</t>
  </si>
  <si>
    <t>4161881.0</t>
  </si>
  <si>
    <t>96675.0</t>
  </si>
  <si>
    <t>384814.0</t>
  </si>
  <si>
    <t>300039.0</t>
  </si>
  <si>
    <t>38533309.0</t>
  </si>
  <si>
    <t>118714.0</t>
  </si>
  <si>
    <t>179.788</t>
  </si>
  <si>
    <t>89343.0</t>
  </si>
  <si>
    <t>16567102.0</t>
  </si>
  <si>
    <t>12314847.0</t>
  </si>
  <si>
    <t>4252255.0</t>
  </si>
  <si>
    <t>586739.0</t>
  </si>
  <si>
    <t>400504.0</t>
  </si>
  <si>
    <t>318151.0</t>
  </si>
  <si>
    <t>38602870.0</t>
  </si>
  <si>
    <t>69561.0</t>
  </si>
  <si>
    <t>180.113</t>
  </si>
  <si>
    <t>84765.0</t>
  </si>
  <si>
    <t>17157631.0</t>
  </si>
  <si>
    <t>12817812.0</t>
  </si>
  <si>
    <t>4339819.0</t>
  </si>
  <si>
    <t>590529.0</t>
  </si>
  <si>
    <t>422691.0</t>
  </si>
  <si>
    <t>345061.0</t>
  </si>
  <si>
    <t>38771509.0</t>
  </si>
  <si>
    <t>168639.0</t>
  </si>
  <si>
    <t>180.9</t>
  </si>
  <si>
    <t>93386.0</t>
  </si>
  <si>
    <t>17886781.0</t>
  </si>
  <si>
    <t>13436373.0</t>
  </si>
  <si>
    <t>4450408.0</t>
  </si>
  <si>
    <t>729150.0</t>
  </si>
  <si>
    <t>462584.0</t>
  </si>
  <si>
    <t>387271.0</t>
  </si>
  <si>
    <t>38845418.0</t>
  </si>
  <si>
    <t>73909.0</t>
  </si>
  <si>
    <t>181.244</t>
  </si>
  <si>
    <t>86827.0</t>
  </si>
  <si>
    <t>18655345.0</t>
  </si>
  <si>
    <t>14102934.0</t>
  </si>
  <si>
    <t>4552411.0</t>
  </si>
  <si>
    <t>768564.0</t>
  </si>
  <si>
    <t>509678.0</t>
  </si>
  <si>
    <t>435312.0</t>
  </si>
  <si>
    <t>41765747.0</t>
  </si>
  <si>
    <t>2920329.0</t>
  </si>
  <si>
    <t>194.87</t>
  </si>
  <si>
    <t>13.626</t>
  </si>
  <si>
    <t>490607.0</t>
  </si>
  <si>
    <t>19577786.0</t>
  </si>
  <si>
    <t>14928869.0</t>
  </si>
  <si>
    <t>4648917.0</t>
  </si>
  <si>
    <t>922441.0</t>
  </si>
  <si>
    <t>564920.0</t>
  </si>
  <si>
    <t>488481.0</t>
  </si>
  <si>
    <t>41827329.0</t>
  </si>
  <si>
    <t>61582.0</t>
  </si>
  <si>
    <t>195.157</t>
  </si>
  <si>
    <t>489211.0</t>
  </si>
  <si>
    <t>19962072.0</t>
  </si>
  <si>
    <t>15282128.0</t>
  </si>
  <si>
    <t>4679944.0</t>
  </si>
  <si>
    <t>384286.0</t>
  </si>
  <si>
    <t>582626.0</t>
  </si>
  <si>
    <t>506042.0</t>
  </si>
  <si>
    <t>41879940.0</t>
  </si>
  <si>
    <t>52611.0</t>
  </si>
  <si>
    <t>195.403</t>
  </si>
  <si>
    <t>495049.0</t>
  </si>
  <si>
    <t>20216938.0</t>
  </si>
  <si>
    <t>15513974.0</t>
  </si>
  <si>
    <t>4702964.0</t>
  </si>
  <si>
    <t>254866.0</t>
  </si>
  <si>
    <t>605225.0</t>
  </si>
  <si>
    <t>527927.0</t>
  </si>
  <si>
    <t>41912110.0</t>
  </si>
  <si>
    <t>32170.0</t>
  </si>
  <si>
    <t>195.553</t>
  </si>
  <si>
    <t>482686.0</t>
  </si>
  <si>
    <t>21160763.0</t>
  </si>
  <si>
    <t>16335279.0</t>
  </si>
  <si>
    <t>4825484.0</t>
  </si>
  <si>
    <t>943825.0</t>
  </si>
  <si>
    <t>656237.0</t>
  </si>
  <si>
    <t>3048.0</t>
  </si>
  <si>
    <t>574347.0</t>
  </si>
  <si>
    <t>41971077.0</t>
  </si>
  <si>
    <t>58967.0</t>
  </si>
  <si>
    <t>195.828</t>
  </si>
  <si>
    <t>481172.0</t>
  </si>
  <si>
    <t>21950245.0</t>
  </si>
  <si>
    <t>16995184.0</t>
  </si>
  <si>
    <t>4955061.0</t>
  </si>
  <si>
    <t>789482.0</t>
  </si>
  <si>
    <t>684659.0</t>
  </si>
  <si>
    <t>596767.0</t>
  </si>
  <si>
    <t>42090429.0</t>
  </si>
  <si>
    <t>119352.0</t>
  </si>
  <si>
    <t>196.385</t>
  </si>
  <si>
    <t>474131.0</t>
  </si>
  <si>
    <t>22839287.0</t>
  </si>
  <si>
    <t>17745732.0</t>
  </si>
  <si>
    <t>5093555.0</t>
  </si>
  <si>
    <t>889042.0</t>
  </si>
  <si>
    <t>707501.0</t>
  </si>
  <si>
    <t>615623.0</t>
  </si>
  <si>
    <t>360854.1</t>
  </si>
  <si>
    <t>1675.94736649681</t>
  </si>
  <si>
    <t>42168722.0</t>
  </si>
  <si>
    <t>78293.0</t>
  </si>
  <si>
    <t>196.75</t>
  </si>
  <si>
    <t>474758.0</t>
  </si>
  <si>
    <t>23880805.0</t>
  </si>
  <si>
    <t>18639028.0</t>
  </si>
  <si>
    <t>5241777.0</t>
  </si>
  <si>
    <t>1041518.0</t>
  </si>
  <si>
    <t>746494.0</t>
  </si>
  <si>
    <t>648013.0</t>
  </si>
  <si>
    <t>42240982.0</t>
  </si>
  <si>
    <t>72260.0</t>
  </si>
  <si>
    <t>197.087</t>
  </si>
  <si>
    <t>67891.0</t>
  </si>
  <si>
    <t>24181208.0</t>
  </si>
  <si>
    <t>18900837.0</t>
  </si>
  <si>
    <t>5280371.0</t>
  </si>
  <si>
    <t>300403.0</t>
  </si>
  <si>
    <t>657632.0</t>
  </si>
  <si>
    <t>567424.0</t>
  </si>
  <si>
    <t>42250568.0</t>
  </si>
  <si>
    <t>197.132</t>
  </si>
  <si>
    <t>60463.0</t>
  </si>
  <si>
    <t>24575470.0</t>
  </si>
  <si>
    <t>19222342.0</t>
  </si>
  <si>
    <t>5353128.0</t>
  </si>
  <si>
    <t>394262.0</t>
  </si>
  <si>
    <t>659057.0</t>
  </si>
  <si>
    <t>562888.0</t>
  </si>
  <si>
    <t>42290951.0</t>
  </si>
  <si>
    <t>40383.0</t>
  </si>
  <si>
    <t>197.32</t>
  </si>
  <si>
    <t>58716.0</t>
  </si>
  <si>
    <t>24910668.0</t>
  </si>
  <si>
    <t>19510333.0</t>
  </si>
  <si>
    <t>5400335.0</t>
  </si>
  <si>
    <t>335198.0</t>
  </si>
  <si>
    <t>670533.0</t>
  </si>
  <si>
    <t>570908.0</t>
  </si>
  <si>
    <t>42349570.0</t>
  </si>
  <si>
    <t>197.594</t>
  </si>
  <si>
    <t>62494.0</t>
  </si>
  <si>
    <t>25658532.0</t>
  </si>
  <si>
    <t>20056296.0</t>
  </si>
  <si>
    <t>5602236.0</t>
  </si>
  <si>
    <t>747864.0</t>
  </si>
  <si>
    <t>642538.0</t>
  </si>
  <si>
    <t>531574.0</t>
  </si>
  <si>
    <t>42419408.0</t>
  </si>
  <si>
    <t>69838.0</t>
  </si>
  <si>
    <t>197.92</t>
  </si>
  <si>
    <t>64047.0</t>
  </si>
  <si>
    <t>26736003.0</t>
  </si>
  <si>
    <t>20850120.0</t>
  </si>
  <si>
    <t>5885883.0</t>
  </si>
  <si>
    <t>1077471.0</t>
  </si>
  <si>
    <t>683680.0</t>
  </si>
  <si>
    <t>550705.0</t>
  </si>
  <si>
    <t>42591815.0</t>
  </si>
  <si>
    <t>172407.0</t>
  </si>
  <si>
    <t>198.724</t>
  </si>
  <si>
    <t>71627.0</t>
  </si>
  <si>
    <t>27644079.0</t>
  </si>
  <si>
    <t>21538484.0</t>
  </si>
  <si>
    <t>6105595.0</t>
  </si>
  <si>
    <t>908076.0</t>
  </si>
  <si>
    <t>686399.0</t>
  </si>
  <si>
    <t>541822.0</t>
  </si>
  <si>
    <t>42676465.0</t>
  </si>
  <si>
    <t>84650.0</t>
  </si>
  <si>
    <t>199.119</t>
  </si>
  <si>
    <t>72535.0</t>
  </si>
  <si>
    <t>28653848.0</t>
  </si>
  <si>
    <t>22246612.0</t>
  </si>
  <si>
    <t>6407236.0</t>
  </si>
  <si>
    <t>1009769.0</t>
  </si>
  <si>
    <t>515369.0</t>
  </si>
  <si>
    <t>42741642.0</t>
  </si>
  <si>
    <t>65177.0</t>
  </si>
  <si>
    <t>199.423</t>
  </si>
  <si>
    <t>71523.0</t>
  </si>
  <si>
    <t>29544578.0</t>
  </si>
  <si>
    <t>22693305.0</t>
  </si>
  <si>
    <t>6851273.0</t>
  </si>
  <si>
    <t>890730.0</t>
  </si>
  <si>
    <t>766196.0</t>
  </si>
  <si>
    <t>541781.0</t>
  </si>
  <si>
    <t>77124.0</t>
  </si>
  <si>
    <t>30084664.0</t>
  </si>
  <si>
    <t>23097172.0</t>
  </si>
  <si>
    <t>6987492.0</t>
  </si>
  <si>
    <t>540086.0</t>
  </si>
  <si>
    <t>787028.0</t>
  </si>
  <si>
    <t>553547.0</t>
  </si>
  <si>
    <t>42839236.0</t>
  </si>
  <si>
    <t>199.879</t>
  </si>
  <si>
    <t>78326.0</t>
  </si>
  <si>
    <t>30356896.0</t>
  </si>
  <si>
    <t>23300896.0</t>
  </si>
  <si>
    <t>7056000.0</t>
  </si>
  <si>
    <t>272232.0</t>
  </si>
  <si>
    <t>778033.0</t>
  </si>
  <si>
    <t>541509.0</t>
  </si>
  <si>
    <t>42869592.0</t>
  </si>
  <si>
    <t>30356.0</t>
  </si>
  <si>
    <t>200.02</t>
  </si>
  <si>
    <t>74289.0</t>
  </si>
  <si>
    <t>31316420.0</t>
  </si>
  <si>
    <t>23910515.0</t>
  </si>
  <si>
    <t>7405905.0</t>
  </si>
  <si>
    <t>959524.0</t>
  </si>
  <si>
    <t>808270.0</t>
  </si>
  <si>
    <t>550603.0</t>
  </si>
  <si>
    <t>42964671.0</t>
  </si>
  <si>
    <t>95079.0</t>
  </si>
  <si>
    <t>200.464</t>
  </si>
  <si>
    <t>77895.0</t>
  </si>
  <si>
    <t>32217205.0</t>
  </si>
  <si>
    <t>24473138.0</t>
  </si>
  <si>
    <t>7744067.0</t>
  </si>
  <si>
    <t>900785.0</t>
  </si>
  <si>
    <t>783029.0</t>
  </si>
  <si>
    <t>517574.0</t>
  </si>
  <si>
    <t>42986801.0</t>
  </si>
  <si>
    <t>22130.0</t>
  </si>
  <si>
    <t>200.567</t>
  </si>
  <si>
    <t>56427.0</t>
  </si>
  <si>
    <t>33148388.0</t>
  </si>
  <si>
    <t>24996380.0</t>
  </si>
  <si>
    <t>8152008.0</t>
  </si>
  <si>
    <t>931183.0</t>
  </si>
  <si>
    <t>786330.0</t>
  </si>
  <si>
    <t>493985.0</t>
  </si>
  <si>
    <t>43050813.0</t>
  </si>
  <si>
    <t>200.866</t>
  </si>
  <si>
    <t>34050325.0</t>
  </si>
  <si>
    <t>8572131.0</t>
  </si>
  <si>
    <t>901937.0</t>
  </si>
  <si>
    <t>770925.0</t>
  </si>
  <si>
    <t>461655.0</t>
  </si>
  <si>
    <t>43152651.0</t>
  </si>
  <si>
    <t>101838.0</t>
  </si>
  <si>
    <t>201.341</t>
  </si>
  <si>
    <t>34993448.0</t>
  </si>
  <si>
    <t>25810304.0</t>
  </si>
  <si>
    <t>9183144.0</t>
  </si>
  <si>
    <t>943123.0</t>
  </si>
  <si>
    <t>778410.0</t>
  </si>
  <si>
    <t>445286.0</t>
  </si>
  <si>
    <t>43172148.0</t>
  </si>
  <si>
    <t>19497.0</t>
  </si>
  <si>
    <t>201.432</t>
  </si>
  <si>
    <t>54530.0</t>
  </si>
  <si>
    <t>35603882.0</t>
  </si>
  <si>
    <t>26085155.0</t>
  </si>
  <si>
    <t>9518727.0</t>
  </si>
  <si>
    <t>610434.0</t>
  </si>
  <si>
    <t>788460.0</t>
  </si>
  <si>
    <t>426855.0</t>
  </si>
  <si>
    <t>43239204.0</t>
  </si>
  <si>
    <t>67056.0</t>
  </si>
  <si>
    <t>201.745</t>
  </si>
  <si>
    <t>57138.0</t>
  </si>
  <si>
    <t>35817144.0</t>
  </si>
  <si>
    <t>26210282.0</t>
  </si>
  <si>
    <t>9606862.0</t>
  </si>
  <si>
    <t>213262.0</t>
  </si>
  <si>
    <t>780035.0</t>
  </si>
  <si>
    <t>415627.0</t>
  </si>
  <si>
    <t>43246224.0</t>
  </si>
  <si>
    <t>201.778</t>
  </si>
  <si>
    <t>53805.0</t>
  </si>
  <si>
    <t>36910479.0</t>
  </si>
  <si>
    <t>26707227.0</t>
  </si>
  <si>
    <t>10203252.0</t>
  </si>
  <si>
    <t>1093335.0</t>
  </si>
  <si>
    <t>799151.0</t>
  </si>
  <si>
    <t>399530.0</t>
  </si>
  <si>
    <t>43364614.0</t>
  </si>
  <si>
    <t>118390.0</t>
  </si>
  <si>
    <t>202.33</t>
  </si>
  <si>
    <t>57135.0</t>
  </si>
  <si>
    <t>37909705.0</t>
  </si>
  <si>
    <t>27184073.0</t>
  </si>
  <si>
    <t>10725632.0</t>
  </si>
  <si>
    <t>999226.0</t>
  </si>
  <si>
    <t>813214.0</t>
  </si>
  <si>
    <t>387276.0</t>
  </si>
  <si>
    <t>43385777.0</t>
  </si>
  <si>
    <t>21163.0</t>
  </si>
  <si>
    <t>202.429</t>
  </si>
  <si>
    <t>38467754.0</t>
  </si>
  <si>
    <t>27518053.0</t>
  </si>
  <si>
    <t>10949701.0</t>
  </si>
  <si>
    <t>558049.0</t>
  </si>
  <si>
    <t>759909.0</t>
  </si>
  <si>
    <t>360239.0</t>
  </si>
  <si>
    <t>43486715.0</t>
  </si>
  <si>
    <t>100938.0</t>
  </si>
  <si>
    <t>202.9</t>
  </si>
  <si>
    <t>62272.0</t>
  </si>
  <si>
    <t>39291064.0</t>
  </si>
  <si>
    <t>27887014.0</t>
  </si>
  <si>
    <t>11404050.0</t>
  </si>
  <si>
    <t>823310.0</t>
  </si>
  <si>
    <t>748677.0</t>
  </si>
  <si>
    <t>43538104.0</t>
  </si>
  <si>
    <t>51389.0</t>
  </si>
  <si>
    <t>203.139</t>
  </si>
  <si>
    <t>55065.0</t>
  </si>
  <si>
    <t>41073104.0</t>
  </si>
  <si>
    <t>28783905.0</t>
  </si>
  <si>
    <t>12289199.0</t>
  </si>
  <si>
    <t>1782040.0</t>
  </si>
  <si>
    <t>868522.0</t>
  </si>
  <si>
    <t>19.08</t>
  </si>
  <si>
    <t>424800.0</t>
  </si>
  <si>
    <t>52403.0</t>
  </si>
  <si>
    <t>41494939.0</t>
  </si>
  <si>
    <t>28981002.0</t>
  </si>
  <si>
    <t>12513937.0</t>
  </si>
  <si>
    <t>421835.0</t>
  </si>
  <si>
    <t>841580.0</t>
  </si>
  <si>
    <t>413692.0</t>
  </si>
  <si>
    <t>43539837.0</t>
  </si>
  <si>
    <t>203.148</t>
  </si>
  <si>
    <t>42948.0</t>
  </si>
  <si>
    <t>41626753.0</t>
  </si>
  <si>
    <t>29041497.0</t>
  </si>
  <si>
    <t>12585256.0</t>
  </si>
  <si>
    <t>829944.0</t>
  </si>
  <si>
    <t>404459.0</t>
  </si>
  <si>
    <t>43559085.0</t>
  </si>
  <si>
    <t>203.237</t>
  </si>
  <si>
    <t>44694.0</t>
  </si>
  <si>
    <t>42787199.0</t>
  </si>
  <si>
    <t>29601947.0</t>
  </si>
  <si>
    <t>13185252.0</t>
  </si>
  <si>
    <t>1160446.0</t>
  </si>
  <si>
    <t>839531.0</t>
  </si>
  <si>
    <t>413531.0</t>
  </si>
  <si>
    <t>43748615.0</t>
  </si>
  <si>
    <t>189530.0</t>
  </si>
  <si>
    <t>204.122</t>
  </si>
  <si>
    <t>54857.0</t>
  </si>
  <si>
    <t>44287510.0</t>
  </si>
  <si>
    <t>30275923.0</t>
  </si>
  <si>
    <t>14011587.0</t>
  </si>
  <si>
    <t>1500311.0</t>
  </si>
  <si>
    <t>911115.0</t>
  </si>
  <si>
    <t>20.57</t>
  </si>
  <si>
    <t>441693.0</t>
  </si>
  <si>
    <t>43775323.0</t>
  </si>
  <si>
    <t>26708.0</t>
  </si>
  <si>
    <t>204.246</t>
  </si>
  <si>
    <t>55649.0</t>
  </si>
  <si>
    <t>45379804.0</t>
  </si>
  <si>
    <t>30748674.0</t>
  </si>
  <si>
    <t>14631130.0</t>
  </si>
  <si>
    <t>1092294.0</t>
  </si>
  <si>
    <t>987436.0</t>
  </si>
  <si>
    <t>461517.0</t>
  </si>
  <si>
    <t>43821152.0</t>
  </si>
  <si>
    <t>45829.0</t>
  </si>
  <si>
    <t>204.46</t>
  </si>
  <si>
    <t>47777.0</t>
  </si>
  <si>
    <t>46426188.0</t>
  </si>
  <si>
    <t>31243694.0</t>
  </si>
  <si>
    <t>15182494.0</t>
  </si>
  <si>
    <t>1046384.0</t>
  </si>
  <si>
    <t>1019303.0</t>
  </si>
  <si>
    <t>479526.0</t>
  </si>
  <si>
    <t>43957543.0</t>
  </si>
  <si>
    <t>136391.0</t>
  </si>
  <si>
    <t>205.096</t>
  </si>
  <si>
    <t>59920.0</t>
  </si>
  <si>
    <t>47399150.0</t>
  </si>
  <si>
    <t>31696792.0</t>
  </si>
  <si>
    <t>15702358.0</t>
  </si>
  <si>
    <t>972962.0</t>
  </si>
  <si>
    <t>903721.0</t>
  </si>
  <si>
    <t>416127.0</t>
  </si>
  <si>
    <t>443063.6</t>
  </si>
  <si>
    <t>2057.76039017042</t>
  </si>
  <si>
    <t>43991474.0</t>
  </si>
  <si>
    <t>33931.0</t>
  </si>
  <si>
    <t>205.255</t>
  </si>
  <si>
    <t>64643.0</t>
  </si>
  <si>
    <t>47663526.0</t>
  </si>
  <si>
    <t>31830880.0</t>
  </si>
  <si>
    <t>15832646.0</t>
  </si>
  <si>
    <t>264376.0</t>
  </si>
  <si>
    <t>881227.0</t>
  </si>
  <si>
    <t>407125.0</t>
  </si>
  <si>
    <t>46437617.0</t>
  </si>
  <si>
    <t>2446143.0</t>
  </si>
  <si>
    <t>216.668</t>
  </si>
  <si>
    <t>11.413</t>
  </si>
  <si>
    <t>413969.0</t>
  </si>
  <si>
    <t>47755613.0</t>
  </si>
  <si>
    <t>31884404.0</t>
  </si>
  <si>
    <t>15871209.0</t>
  </si>
  <si>
    <t>92087.0</t>
  </si>
  <si>
    <t>875551.0</t>
  </si>
  <si>
    <t>22.18</t>
  </si>
  <si>
    <t>406130.0</t>
  </si>
  <si>
    <t>46515675.0</t>
  </si>
  <si>
    <t>78058.0</t>
  </si>
  <si>
    <t>217.032</t>
  </si>
  <si>
    <t>422370.0</t>
  </si>
  <si>
    <t>48643324.0</t>
  </si>
  <si>
    <t>32345310.0</t>
  </si>
  <si>
    <t>16298014.0</t>
  </si>
  <si>
    <t>887711.0</t>
  </si>
  <si>
    <t>836589.0</t>
  </si>
  <si>
    <t>391909.0</t>
  </si>
  <si>
    <t>46546245.0</t>
  </si>
  <si>
    <t>30570.0</t>
  </si>
  <si>
    <t>217.175</t>
  </si>
  <si>
    <t>399661.0</t>
  </si>
  <si>
    <t>1.865</t>
  </si>
  <si>
    <t>49626137.0</t>
  </si>
  <si>
    <t>32896171.0</t>
  </si>
  <si>
    <t>16729966.0</t>
  </si>
  <si>
    <t>982813.0</t>
  </si>
  <si>
    <t>762661.0</t>
  </si>
  <si>
    <t>374321.0</t>
  </si>
  <si>
    <t>46623449.0</t>
  </si>
  <si>
    <t>77204.0</t>
  </si>
  <si>
    <t>217.535</t>
  </si>
  <si>
    <t>406875.0</t>
  </si>
  <si>
    <t>50576224.0</t>
  </si>
  <si>
    <t>33490395.0</t>
  </si>
  <si>
    <t>17085829.0</t>
  </si>
  <si>
    <t>950087.0</t>
  </si>
  <si>
    <t>742346.0</t>
  </si>
  <si>
    <t>391674.0</t>
  </si>
  <si>
    <t>46675867.0</t>
  </si>
  <si>
    <t>52418.0</t>
  </si>
  <si>
    <t>217.78</t>
  </si>
  <si>
    <t>407816.0</t>
  </si>
  <si>
    <t>51624587.0</t>
  </si>
  <si>
    <t>34271192.0</t>
  </si>
  <si>
    <t>17353395.0</t>
  </si>
  <si>
    <t>1048363.0</t>
  </si>
  <si>
    <t>742628.0</t>
  </si>
  <si>
    <t>432500.0</t>
  </si>
  <si>
    <t>46822608.0</t>
  </si>
  <si>
    <t>218.464</t>
  </si>
  <si>
    <t>409295.0</t>
  </si>
  <si>
    <t>52647815.0</t>
  </si>
  <si>
    <t>35008550.0</t>
  </si>
  <si>
    <t>17639265.0</t>
  </si>
  <si>
    <t>1023228.0</t>
  </si>
  <si>
    <t>749809.0</t>
  </si>
  <si>
    <t>473108.0</t>
  </si>
  <si>
    <t>46834128.0</t>
  </si>
  <si>
    <t>218.518</t>
  </si>
  <si>
    <t>406093.0</t>
  </si>
  <si>
    <t>52972460.0</t>
  </si>
  <si>
    <t>35253389.0</t>
  </si>
  <si>
    <t>17719071.0</t>
  </si>
  <si>
    <t>324645.0</t>
  </si>
  <si>
    <t>758419.0</t>
  </si>
  <si>
    <t>488930.0</t>
  </si>
  <si>
    <t>46886139.0</t>
  </si>
  <si>
    <t>52011.0</t>
  </si>
  <si>
    <t>218.761</t>
  </si>
  <si>
    <t>53064124.0</t>
  </si>
  <si>
    <t>35318058.0</t>
  </si>
  <si>
    <t>17746066.0</t>
  </si>
  <si>
    <t>91664.0</t>
  </si>
  <si>
    <t>758359.0</t>
  </si>
  <si>
    <t>24.65</t>
  </si>
  <si>
    <t>490522.0</t>
  </si>
  <si>
    <t>46901500.0</t>
  </si>
  <si>
    <t>15361.0</t>
  </si>
  <si>
    <t>218.832</t>
  </si>
  <si>
    <t>55118.0</t>
  </si>
  <si>
    <t>54008862.0</t>
  </si>
  <si>
    <t>35926219.0</t>
  </si>
  <si>
    <t>18082643.0</t>
  </si>
  <si>
    <t>944738.0</t>
  </si>
  <si>
    <t>766505.0</t>
  </si>
  <si>
    <t>25.08</t>
  </si>
  <si>
    <t>511558.0</t>
  </si>
  <si>
    <t>46933781.0</t>
  </si>
  <si>
    <t>32281.0</t>
  </si>
  <si>
    <t>218.983</t>
  </si>
  <si>
    <t>55362.0</t>
  </si>
  <si>
    <t>54912939.0</t>
  </si>
  <si>
    <t>36523507.0</t>
  </si>
  <si>
    <t>18389432.0</t>
  </si>
  <si>
    <t>904077.0</t>
  </si>
  <si>
    <t>755257.0</t>
  </si>
  <si>
    <t>518191.0</t>
  </si>
  <si>
    <t>46981303.0</t>
  </si>
  <si>
    <t>219.205</t>
  </si>
  <si>
    <t>51122.0</t>
  </si>
  <si>
    <t>55907165.0</t>
  </si>
  <si>
    <t>37233983.0</t>
  </si>
  <si>
    <t>18673182.0</t>
  </si>
  <si>
    <t>994226.0</t>
  </si>
  <si>
    <t>761563.0</t>
  </si>
  <si>
    <t>534798.0</t>
  </si>
  <si>
    <t>47012314.0</t>
  </si>
  <si>
    <t>31011.0</t>
  </si>
  <si>
    <t>219.349</t>
  </si>
  <si>
    <t>48064.0</t>
  </si>
  <si>
    <t>56583962.0</t>
  </si>
  <si>
    <t>37768491.0</t>
  </si>
  <si>
    <t>18815471.0</t>
  </si>
  <si>
    <t>676797.0</t>
  </si>
  <si>
    <t>708482.0</t>
  </si>
  <si>
    <t>499614.0</t>
  </si>
  <si>
    <t>47041452.0</t>
  </si>
  <si>
    <t>29138.0</t>
  </si>
  <si>
    <t>219.485</t>
  </si>
  <si>
    <t>57313642.0</t>
  </si>
  <si>
    <t>38320507.0</t>
  </si>
  <si>
    <t>18993135.0</t>
  </si>
  <si>
    <t>729680.0</t>
  </si>
  <si>
    <t>666547.0</t>
  </si>
  <si>
    <t>473137.0</t>
  </si>
  <si>
    <t>47073060.0</t>
  </si>
  <si>
    <t>31608.0</t>
  </si>
  <si>
    <t>219.633</t>
  </si>
  <si>
    <t>34133.0</t>
  </si>
  <si>
    <t>57668646.0</t>
  </si>
  <si>
    <t>38570631.0</t>
  </si>
  <si>
    <t>19098015.0</t>
  </si>
  <si>
    <t>355004.0</t>
  </si>
  <si>
    <t>670884.0</t>
  </si>
  <si>
    <t>473892.0</t>
  </si>
  <si>
    <t>57935280.0</t>
  </si>
  <si>
    <t>38752714.0</t>
  </si>
  <si>
    <t>19182566.0</t>
  </si>
  <si>
    <t>266634.0</t>
  </si>
  <si>
    <t>695879.0</t>
  </si>
  <si>
    <t>490665.0</t>
  </si>
  <si>
    <t>47116589.0</t>
  </si>
  <si>
    <t>219.836</t>
  </si>
  <si>
    <t>30727.0</t>
  </si>
  <si>
    <t>58714631.0</t>
  </si>
  <si>
    <t>39284275.0</t>
  </si>
  <si>
    <t>19430356.0</t>
  </si>
  <si>
    <t>779351.0</t>
  </si>
  <si>
    <t>672253.0</t>
  </si>
  <si>
    <t>479722.0</t>
  </si>
  <si>
    <t>48852865.0</t>
  </si>
  <si>
    <t>1736276.0</t>
  </si>
  <si>
    <t>227.937</t>
  </si>
  <si>
    <t>8.101</t>
  </si>
  <si>
    <t>274155.0</t>
  </si>
  <si>
    <t>59603625.0</t>
  </si>
  <si>
    <t>39891922.0</t>
  </si>
  <si>
    <t>19711703.0</t>
  </si>
  <si>
    <t>888994.0</t>
  </si>
  <si>
    <t>670098.0</t>
  </si>
  <si>
    <t>481202.0</t>
  </si>
  <si>
    <t>48940425.0</t>
  </si>
  <si>
    <t>87560.0</t>
  </si>
  <si>
    <t>228.345</t>
  </si>
  <si>
    <t>279875.0</t>
  </si>
  <si>
    <t>60363334.0</t>
  </si>
  <si>
    <t>40435632.0</t>
  </si>
  <si>
    <t>19927702.0</t>
  </si>
  <si>
    <t>759709.0</t>
  </si>
  <si>
    <t>636596.0</t>
  </si>
  <si>
    <t>28.04</t>
  </si>
  <si>
    <t>457378.0</t>
  </si>
  <si>
    <t>48986473.0</t>
  </si>
  <si>
    <t>46048.0</t>
  </si>
  <si>
    <t>228.56</t>
  </si>
  <si>
    <t>282023.0</t>
  </si>
  <si>
    <t>61297420.0</t>
  </si>
  <si>
    <t>41089722.0</t>
  </si>
  <si>
    <t>20207698.0</t>
  </si>
  <si>
    <t>934086.0</t>
  </si>
  <si>
    <t>673351.0</t>
  </si>
  <si>
    <t>474462.0</t>
  </si>
  <si>
    <t>49013934.0</t>
  </si>
  <si>
    <t>27461.0</t>
  </si>
  <si>
    <t>228.688</t>
  </si>
  <si>
    <t>281783.0</t>
  </si>
  <si>
    <t>62122684.0</t>
  </si>
  <si>
    <t>41659039.0</t>
  </si>
  <si>
    <t>20463645.0</t>
  </si>
  <si>
    <t>825264.0</t>
  </si>
  <si>
    <t>687006.0</t>
  </si>
  <si>
    <t>476933.0</t>
  </si>
  <si>
    <t>49046902.0</t>
  </si>
  <si>
    <t>32968.0</t>
  </si>
  <si>
    <t>228.842</t>
  </si>
  <si>
    <t>281977.0</t>
  </si>
  <si>
    <t>62459684.0</t>
  </si>
  <si>
    <t>41882011.0</t>
  </si>
  <si>
    <t>20577673.0</t>
  </si>
  <si>
    <t>337000.0</t>
  </si>
  <si>
    <t>684434.0</t>
  </si>
  <si>
    <t>473054.0</t>
  </si>
  <si>
    <t>280673.0</t>
  </si>
  <si>
    <t>63278821.0</t>
  </si>
  <si>
    <t>42474538.0</t>
  </si>
  <si>
    <t>20804283.0</t>
  </si>
  <si>
    <t>819137.0</t>
  </si>
  <si>
    <t>763363.0</t>
  </si>
  <si>
    <t>19.73</t>
  </si>
  <si>
    <t>531689.0</t>
  </si>
  <si>
    <t>49072172.0</t>
  </si>
  <si>
    <t>228.96</t>
  </si>
  <si>
    <t>279369.0</t>
  </si>
  <si>
    <t>64098809.0</t>
  </si>
  <si>
    <t>43008064.0</t>
  </si>
  <si>
    <t>21090745.0</t>
  </si>
  <si>
    <t>819988.0</t>
  </si>
  <si>
    <t>769168.0</t>
  </si>
  <si>
    <t>19.97</t>
  </si>
  <si>
    <t>531970.0</t>
  </si>
  <si>
    <t>49076549.0</t>
  </si>
  <si>
    <t>228.981</t>
  </si>
  <si>
    <t>31955.0</t>
  </si>
  <si>
    <t>64918585.0</t>
  </si>
  <si>
    <t>43525933.0</t>
  </si>
  <si>
    <t>21392652.0</t>
  </si>
  <si>
    <t>819776.0</t>
  </si>
  <si>
    <t>759280.0</t>
  </si>
  <si>
    <t>30.15</t>
  </si>
  <si>
    <t>519144.0</t>
  </si>
  <si>
    <t>49081279.0</t>
  </si>
  <si>
    <t>229.003</t>
  </si>
  <si>
    <t>20122.0</t>
  </si>
  <si>
    <t>65668438.0</t>
  </si>
  <si>
    <t>44045168.0</t>
  </si>
  <si>
    <t>21623270.0</t>
  </si>
  <si>
    <t>749853.0</t>
  </si>
  <si>
    <t>757872.0</t>
  </si>
  <si>
    <t>515648.0</t>
  </si>
  <si>
    <t>49353004.0</t>
  </si>
  <si>
    <t>271725.0</t>
  </si>
  <si>
    <t>230.27</t>
  </si>
  <si>
    <t>52362.0</t>
  </si>
  <si>
    <t>66363506.0</t>
  </si>
  <si>
    <t>44530761.0</t>
  </si>
  <si>
    <t>21832745.0</t>
  </si>
  <si>
    <t>695068.0</t>
  </si>
  <si>
    <t>723727.0</t>
  </si>
  <si>
    <t>30.82</t>
  </si>
  <si>
    <t>491577.0</t>
  </si>
  <si>
    <t>49384362.0</t>
  </si>
  <si>
    <t>31358.0</t>
  </si>
  <si>
    <t>230.417</t>
  </si>
  <si>
    <t>67359292.0</t>
  </si>
  <si>
    <t>45284397.0</t>
  </si>
  <si>
    <t>22074895.0</t>
  </si>
  <si>
    <t>995786.0</t>
  </si>
  <si>
    <t>748087.0</t>
  </si>
  <si>
    <t>3474.0</t>
  </si>
  <si>
    <t>517908.0</t>
  </si>
  <si>
    <t>49403998.0</t>
  </si>
  <si>
    <t>19636.0</t>
  </si>
  <si>
    <t>230.508</t>
  </si>
  <si>
    <t>67761958.0</t>
  </si>
  <si>
    <t>45604680.0</t>
  </si>
  <si>
    <t>22157278.0</t>
  </si>
  <si>
    <t>402666.0</t>
  </si>
  <si>
    <t>757468.0</t>
  </si>
  <si>
    <t>531810.0</t>
  </si>
  <si>
    <t>49410095.0</t>
  </si>
  <si>
    <t>230.537</t>
  </si>
  <si>
    <t>50080.0</t>
  </si>
  <si>
    <t>67874735.0</t>
  </si>
  <si>
    <t>45684962.0</t>
  </si>
  <si>
    <t>22189773.0</t>
  </si>
  <si>
    <t>112777.0</t>
  </si>
  <si>
    <t>656559.0</t>
  </si>
  <si>
    <t>458632.0</t>
  </si>
  <si>
    <t>49495703.0</t>
  </si>
  <si>
    <t>85608.0</t>
  </si>
  <si>
    <t>230.936</t>
  </si>
  <si>
    <t>60504.0</t>
  </si>
  <si>
    <t>68665647.0</t>
  </si>
  <si>
    <t>46328168.0</t>
  </si>
  <si>
    <t>22337479.0</t>
  </si>
  <si>
    <t>790912.0</t>
  </si>
  <si>
    <t>652405.0</t>
  </si>
  <si>
    <t>474301.0</t>
  </si>
  <si>
    <t>504481.7</t>
  </si>
  <si>
    <t>50.54</t>
  </si>
  <si>
    <t>2343.01003247804</t>
  </si>
  <si>
    <t>49569793.0</t>
  </si>
  <si>
    <t>74090.0</t>
  </si>
  <si>
    <t>231.282</t>
  </si>
  <si>
    <t>70463.0</t>
  </si>
  <si>
    <t>69477898.0</t>
  </si>
  <si>
    <t>46932629.0</t>
  </si>
  <si>
    <t>22545269.0</t>
  </si>
  <si>
    <t>812251.0</t>
  </si>
  <si>
    <t>651330.0</t>
  </si>
  <si>
    <t>486671.0</t>
  </si>
  <si>
    <t>49631233.0</t>
  </si>
  <si>
    <t>61440.0</t>
  </si>
  <si>
    <t>231.569</t>
  </si>
  <si>
    <t>78565.0</t>
  </si>
  <si>
    <t>70685368.0</t>
  </si>
  <si>
    <t>47852026.0</t>
  </si>
  <si>
    <t>22833342.0</t>
  </si>
  <si>
    <t>1207470.0</t>
  </si>
  <si>
    <t>716704.0</t>
  </si>
  <si>
    <t>32.83</t>
  </si>
  <si>
    <t>543837.0</t>
  </si>
  <si>
    <t>49765330.0</t>
  </si>
  <si>
    <t>134097.0</t>
  </si>
  <si>
    <t>232.194</t>
  </si>
  <si>
    <t>58904.0</t>
  </si>
  <si>
    <t>71245492.0</t>
  </si>
  <si>
    <t>48321463.0</t>
  </si>
  <si>
    <t>22924029.0</t>
  </si>
  <si>
    <t>560124.0</t>
  </si>
  <si>
    <t>697427.0</t>
  </si>
  <si>
    <t>33.09</t>
  </si>
  <si>
    <t>541529.0</t>
  </si>
  <si>
    <t>49857892.0</t>
  </si>
  <si>
    <t>92562.0</t>
  </si>
  <si>
    <t>232.626</t>
  </si>
  <si>
    <t>67647.0</t>
  </si>
  <si>
    <t>71961789.0</t>
  </si>
  <si>
    <t>48963900.0</t>
  </si>
  <si>
    <t>22997889.0</t>
  </si>
  <si>
    <t>716297.0</t>
  </si>
  <si>
    <t>657500.0</t>
  </si>
  <si>
    <t>22.74</t>
  </si>
  <si>
    <t>525643.0</t>
  </si>
  <si>
    <t>49878944.0</t>
  </si>
  <si>
    <t>232.724</t>
  </si>
  <si>
    <t>67849.0</t>
  </si>
  <si>
    <t>72586950.0</t>
  </si>
  <si>
    <t>49491413.0</t>
  </si>
  <si>
    <t>23095537.0</t>
  </si>
  <si>
    <t>625161.0</t>
  </si>
  <si>
    <t>689285.0</t>
  </si>
  <si>
    <t>555248.0</t>
  </si>
  <si>
    <t>49939952.0</t>
  </si>
  <si>
    <t>61008.0</t>
  </si>
  <si>
    <t>233.009</t>
  </si>
  <si>
    <t>75694.0</t>
  </si>
  <si>
    <t>72811509.0</t>
  </si>
  <si>
    <t>49685501.0</t>
  </si>
  <si>
    <t>23126008.0</t>
  </si>
  <si>
    <t>705253.0</t>
  </si>
  <si>
    <t>571506.0</t>
  </si>
  <si>
    <t>50029606.0</t>
  </si>
  <si>
    <t>233.427</t>
  </si>
  <si>
    <t>76272.0</t>
  </si>
  <si>
    <t>73614079.0</t>
  </si>
  <si>
    <t>50381104.0</t>
  </si>
  <si>
    <t>23232975.0</t>
  </si>
  <si>
    <t>802570.0</t>
  </si>
  <si>
    <t>706919.0</t>
  </si>
  <si>
    <t>578991.0</t>
  </si>
  <si>
    <t>50073330.0</t>
  </si>
  <si>
    <t>43724.0</t>
  </si>
  <si>
    <t>233.631</t>
  </si>
  <si>
    <t>71934.0</t>
  </si>
  <si>
    <t>74920113.0</t>
  </si>
  <si>
    <t>51502554.0</t>
  </si>
  <si>
    <t>23417559.0</t>
  </si>
  <si>
    <t>1306034.0</t>
  </si>
  <si>
    <t>777459.0</t>
  </si>
  <si>
    <t>652846.0</t>
  </si>
  <si>
    <t>50127012.0</t>
  </si>
  <si>
    <t>53682.0</t>
  </si>
  <si>
    <t>233.882</t>
  </si>
  <si>
    <t>70826.0</t>
  </si>
  <si>
    <t>76117123.0</t>
  </si>
  <si>
    <t>52567517.0</t>
  </si>
  <si>
    <t>23549606.0</t>
  </si>
  <si>
    <t>1197010.0</t>
  </si>
  <si>
    <t>775965.0</t>
  </si>
  <si>
    <t>10.94</t>
  </si>
  <si>
    <t>673642.0</t>
  </si>
  <si>
    <t>50191122.0</t>
  </si>
  <si>
    <t>64110.0</t>
  </si>
  <si>
    <t>234.181</t>
  </si>
  <si>
    <t>60827.0</t>
  </si>
  <si>
    <t>77243101.0</t>
  </si>
  <si>
    <t>53577624.0</t>
  </si>
  <si>
    <t>23665477.0</t>
  </si>
  <si>
    <t>1125978.0</t>
  </si>
  <si>
    <t>856801.0</t>
  </si>
  <si>
    <t>750880.0</t>
  </si>
  <si>
    <t>50245852.0</t>
  </si>
  <si>
    <t>54730.0</t>
  </si>
  <si>
    <t>234.436</t>
  </si>
  <si>
    <t>55423.0</t>
  </si>
  <si>
    <t>78471914.0</t>
  </si>
  <si>
    <t>54685737.0</t>
  </si>
  <si>
    <t>23786177.0</t>
  </si>
  <si>
    <t>1228813.0</t>
  </si>
  <si>
    <t>930018.0</t>
  </si>
  <si>
    <t>11.05</t>
  </si>
  <si>
    <t>817405.0</t>
  </si>
  <si>
    <t>50485241.0</t>
  </si>
  <si>
    <t>239389.0</t>
  </si>
  <si>
    <t>235.553</t>
  </si>
  <si>
    <t>86614.0</t>
  </si>
  <si>
    <t>79118243.0</t>
  </si>
  <si>
    <t>55292343.0</t>
  </si>
  <si>
    <t>23825900.0</t>
  </si>
  <si>
    <t>646329.0</t>
  </si>
  <si>
    <t>933042.0</t>
  </si>
  <si>
    <t>828704.0</t>
  </si>
  <si>
    <t>50801841.0</t>
  </si>
  <si>
    <t>316600.0</t>
  </si>
  <si>
    <t>237.03</t>
  </si>
  <si>
    <t>123127.0</t>
  </si>
  <si>
    <t>79466212.0</t>
  </si>
  <si>
    <t>55617274.0</t>
  </si>
  <si>
    <t>23848938.0</t>
  </si>
  <si>
    <t>950672.0</t>
  </si>
  <si>
    <t>847396.0</t>
  </si>
  <si>
    <t>50835875.0</t>
  </si>
  <si>
    <t>237.189</t>
  </si>
  <si>
    <t>115181.0</t>
  </si>
  <si>
    <t>80577338.0</t>
  </si>
  <si>
    <t>56657381.0</t>
  </si>
  <si>
    <t>23919957.0</t>
  </si>
  <si>
    <t>1111126.0</t>
  </si>
  <si>
    <t>994751.0</t>
  </si>
  <si>
    <t>4620.0</t>
  </si>
  <si>
    <t>896611.0</t>
  </si>
  <si>
    <t>50893819.0</t>
  </si>
  <si>
    <t>57944.0</t>
  </si>
  <si>
    <t>237.46</t>
  </si>
  <si>
    <t>117213.0</t>
  </si>
  <si>
    <t>81940689.0</t>
  </si>
  <si>
    <t>57910386.0</t>
  </si>
  <si>
    <t>24030303.0</t>
  </si>
  <si>
    <t>1363351.0</t>
  </si>
  <si>
    <t>1002939.0</t>
  </si>
  <si>
    <t>915405.0</t>
  </si>
  <si>
    <t>50951461.0</t>
  </si>
  <si>
    <t>57642.0</t>
  </si>
  <si>
    <t>237.729</t>
  </si>
  <si>
    <t>117778.0</t>
  </si>
  <si>
    <t>83181485.0</t>
  </si>
  <si>
    <t>59068483.0</t>
  </si>
  <si>
    <t>24113002.0</t>
  </si>
  <si>
    <t>1240796.0</t>
  </si>
  <si>
    <t>1009195.0</t>
  </si>
  <si>
    <t>38.63</t>
  </si>
  <si>
    <t>928709.0</t>
  </si>
  <si>
    <t>52726489.0</t>
  </si>
  <si>
    <t>1775028.0</t>
  </si>
  <si>
    <t>246.01</t>
  </si>
  <si>
    <t>8.282</t>
  </si>
  <si>
    <t>362195.0</t>
  </si>
  <si>
    <t>85441106.0</t>
  </si>
  <si>
    <t>61187304.0</t>
  </si>
  <si>
    <t>24253802.0</t>
  </si>
  <si>
    <t>2259621.0</t>
  </si>
  <si>
    <t>1171144.0</t>
  </si>
  <si>
    <t>1087097.0</t>
  </si>
  <si>
    <t>52781423.0</t>
  </si>
  <si>
    <t>54934.0</t>
  </si>
  <si>
    <t>246.267</t>
  </si>
  <si>
    <t>362224.0</t>
  </si>
  <si>
    <t>87160471.0</t>
  </si>
  <si>
    <t>62785859.0</t>
  </si>
  <si>
    <t>24374612.0</t>
  </si>
  <si>
    <t>1719365.0</t>
  </si>
  <si>
    <t>1241222.0</t>
  </si>
  <si>
    <t>1157160.0</t>
  </si>
  <si>
    <t>52818761.0</t>
  </si>
  <si>
    <t>37338.0</t>
  </si>
  <si>
    <t>246.441</t>
  </si>
  <si>
    <t>333360.0</t>
  </si>
  <si>
    <t>88108418.0</t>
  </si>
  <si>
    <t>63659153.0</t>
  </si>
  <si>
    <t>24449265.0</t>
  </si>
  <si>
    <t>1284311.0</t>
  </si>
  <si>
    <t>1195259.0</t>
  </si>
  <si>
    <t>288267.0</t>
  </si>
  <si>
    <t>88570223.0</t>
  </si>
  <si>
    <t>64099339.0</t>
  </si>
  <si>
    <t>24470884.0</t>
  </si>
  <si>
    <t>461805.0</t>
  </si>
  <si>
    <t>1300573.0</t>
  </si>
  <si>
    <t>1211724.0</t>
  </si>
  <si>
    <t>52820657.0</t>
  </si>
  <si>
    <t>283540.0</t>
  </si>
  <si>
    <t>90013336.0</t>
  </si>
  <si>
    <t>65421825.0</t>
  </si>
  <si>
    <t>24591511.0</t>
  </si>
  <si>
    <t>1443113.0</t>
  </si>
  <si>
    <t>1348000.0</t>
  </si>
  <si>
    <t>1252063.0</t>
  </si>
  <si>
    <t>52977109.0</t>
  </si>
  <si>
    <t>156452.0</t>
  </si>
  <si>
    <t>247.18</t>
  </si>
  <si>
    <t>297613.0</t>
  </si>
  <si>
    <t>91420290.0</t>
  </si>
  <si>
    <t>66688623.0</t>
  </si>
  <si>
    <t>24731667.0</t>
  </si>
  <si>
    <t>1406954.0</t>
  </si>
  <si>
    <t>1354229.0</t>
  </si>
  <si>
    <t>6290.0</t>
  </si>
  <si>
    <t>1254034.0</t>
  </si>
  <si>
    <t>53008201.0</t>
  </si>
  <si>
    <t>31092.0</t>
  </si>
  <si>
    <t>247.325</t>
  </si>
  <si>
    <t>293820.0</t>
  </si>
  <si>
    <t>92782243.0</t>
  </si>
  <si>
    <t>67890907.0</t>
  </si>
  <si>
    <t>24891336.0</t>
  </si>
  <si>
    <t>1361953.0</t>
  </si>
  <si>
    <t>1371537.0</t>
  </si>
  <si>
    <t>43.09</t>
  </si>
  <si>
    <t>1260346.0</t>
  </si>
  <si>
    <t>53057848.0</t>
  </si>
  <si>
    <t>49647.0</t>
  </si>
  <si>
    <t>247.556</t>
  </si>
  <si>
    <t>47337.0</t>
  </si>
  <si>
    <t>94322179.0</t>
  </si>
  <si>
    <t>69113521.0</t>
  </si>
  <si>
    <t>25208658.0</t>
  </si>
  <si>
    <t>1539936.0</t>
  </si>
  <si>
    <t>1268725.0</t>
  </si>
  <si>
    <t>43.81</t>
  </si>
  <si>
    <t>1132317.0</t>
  </si>
  <si>
    <t>53196856.0</t>
  </si>
  <si>
    <t>139008.0</t>
  </si>
  <si>
    <t>248.205</t>
  </si>
  <si>
    <t>95764065.0</t>
  </si>
  <si>
    <t>70369603.0</t>
  </si>
  <si>
    <t>25404254.0</t>
  </si>
  <si>
    <t>1441886.0</t>
  </si>
  <si>
    <t>1229085.0</t>
  </si>
  <si>
    <t>1083392.0</t>
  </si>
  <si>
    <t>53202943.0</t>
  </si>
  <si>
    <t>248.233</t>
  </si>
  <si>
    <t>54883.0</t>
  </si>
  <si>
    <t>96545254.0</t>
  </si>
  <si>
    <t>71090361.0</t>
  </si>
  <si>
    <t>25520772.0</t>
  </si>
  <si>
    <t>781189.0</t>
  </si>
  <si>
    <t>1205262.0</t>
  </si>
  <si>
    <t>1061601.0</t>
  </si>
  <si>
    <t>53209627.0</t>
  </si>
  <si>
    <t>248.265</t>
  </si>
  <si>
    <t>96789753.0</t>
  </si>
  <si>
    <t>71319026.0</t>
  </si>
  <si>
    <t>25568632.0</t>
  </si>
  <si>
    <t>244499.0</t>
  </si>
  <si>
    <t>1174219.0</t>
  </si>
  <si>
    <t>1031384.0</t>
  </si>
  <si>
    <t>53286135.0</t>
  </si>
  <si>
    <t>248.622</t>
  </si>
  <si>
    <t>66497.0</t>
  </si>
  <si>
    <t>97929680.0</t>
  </si>
  <si>
    <t>72324820.0</t>
  </si>
  <si>
    <t>25866869.0</t>
  </si>
  <si>
    <t>1139927.0</t>
  </si>
  <si>
    <t>1130906.0</t>
  </si>
  <si>
    <t>986142.0</t>
  </si>
  <si>
    <t>53320295.0</t>
  </si>
  <si>
    <t>34160.0</t>
  </si>
  <si>
    <t>248.781</t>
  </si>
  <si>
    <t>49027.0</t>
  </si>
  <si>
    <t>99828676.0</t>
  </si>
  <si>
    <t>73943650.0</t>
  </si>
  <si>
    <t>26348752.0</t>
  </si>
  <si>
    <t>1898996.0</t>
  </si>
  <si>
    <t>1201198.0</t>
  </si>
  <si>
    <t>1036432.0</t>
  </si>
  <si>
    <t>53327474.0</t>
  </si>
  <si>
    <t>248.815</t>
  </si>
  <si>
    <t>45610.0</t>
  </si>
  <si>
    <t>101167462.0</t>
  </si>
  <si>
    <t>75097273.0</t>
  </si>
  <si>
    <t>26642477.0</t>
  </si>
  <si>
    <t>1338786.0</t>
  </si>
  <si>
    <t>1197888.0</t>
  </si>
  <si>
    <t>1029481.0</t>
  </si>
  <si>
    <t>555397.2</t>
  </si>
  <si>
    <t>2579.48149875449</t>
  </si>
  <si>
    <t>53971507.0</t>
  </si>
  <si>
    <t>644033.0</t>
  </si>
  <si>
    <t>251.819</t>
  </si>
  <si>
    <t>3.005</t>
  </si>
  <si>
    <t>130523.0</t>
  </si>
  <si>
    <t>102561737.0</t>
  </si>
  <si>
    <t>76284848.0</t>
  </si>
  <si>
    <t>26949200.0</t>
  </si>
  <si>
    <t>1394275.0</t>
  </si>
  <si>
    <t>1177080.0</t>
  </si>
  <si>
    <t>1024475.0</t>
  </si>
  <si>
    <t>54003112.0</t>
  </si>
  <si>
    <t>31605.0</t>
  </si>
  <si>
    <t>251.967</t>
  </si>
  <si>
    <t>115179.0</t>
  </si>
  <si>
    <t>104047565.0</t>
  </si>
  <si>
    <t>77586349.0</t>
  </si>
  <si>
    <t>27259467.0</t>
  </si>
  <si>
    <t>1485828.0</t>
  </si>
  <si>
    <t>1183357.0</t>
  </si>
  <si>
    <t>12.66</t>
  </si>
  <si>
    <t>1030964.0</t>
  </si>
  <si>
    <t>54021950.0</t>
  </si>
  <si>
    <t>18838.0</t>
  </si>
  <si>
    <t>252.055</t>
  </si>
  <si>
    <t>117001.0</t>
  </si>
  <si>
    <t>104753510.0</t>
  </si>
  <si>
    <t>78210253.0</t>
  </si>
  <si>
    <t>27418130.0</t>
  </si>
  <si>
    <t>705945.0</t>
  </si>
  <si>
    <t>1172608.0</t>
  </si>
  <si>
    <t>1017127.0</t>
  </si>
  <si>
    <t>54128041.0</t>
  </si>
  <si>
    <t>106091.0</t>
  </si>
  <si>
    <t>252.55</t>
  </si>
  <si>
    <t>131202.0</t>
  </si>
  <si>
    <t>105097389.0</t>
  </si>
  <si>
    <t>78512727.0</t>
  </si>
  <si>
    <t>27489232.0</t>
  </si>
  <si>
    <t>343879.0</t>
  </si>
  <si>
    <t>1186805.0</t>
  </si>
  <si>
    <t>1027672.0</t>
  </si>
  <si>
    <t>54146861.0</t>
  </si>
  <si>
    <t>18820.0</t>
  </si>
  <si>
    <t>252.638</t>
  </si>
  <si>
    <t>122961.0</t>
  </si>
  <si>
    <t>106696625.0</t>
  </si>
  <si>
    <t>79835457.0</t>
  </si>
  <si>
    <t>27854683.0</t>
  </si>
  <si>
    <t>1599236.0</t>
  </si>
  <si>
    <t>1252421.0</t>
  </si>
  <si>
    <t>1072948.0</t>
  </si>
  <si>
    <t>54178005.0</t>
  </si>
  <si>
    <t>31144.0</t>
  </si>
  <si>
    <t>252.783</t>
  </si>
  <si>
    <t>122530.0</t>
  </si>
  <si>
    <t>108247755.0</t>
  </si>
  <si>
    <t>81152984.0</t>
  </si>
  <si>
    <t>28317786.0</t>
  </si>
  <si>
    <t>1551130.0</t>
  </si>
  <si>
    <t>1202726.0</t>
  </si>
  <si>
    <t>5586.0</t>
  </si>
  <si>
    <t>1029905.0</t>
  </si>
  <si>
    <t>54204686.0</t>
  </si>
  <si>
    <t>26681.0</t>
  </si>
  <si>
    <t>252.907</t>
  </si>
  <si>
    <t>125316.0</t>
  </si>
  <si>
    <t>109976127.0</t>
  </si>
  <si>
    <t>82649595.0</t>
  </si>
  <si>
    <t>28929443.0</t>
  </si>
  <si>
    <t>1728372.0</t>
  </si>
  <si>
    <t>1258381.0</t>
  </si>
  <si>
    <t>1078903.0</t>
  </si>
  <si>
    <t>54226282.0</t>
  </si>
  <si>
    <t>253.008</t>
  </si>
  <si>
    <t>36396.0</t>
  </si>
  <si>
    <t>111573265.0</t>
  </si>
  <si>
    <t>83948802.0</t>
  </si>
  <si>
    <t>29547039.0</t>
  </si>
  <si>
    <t>1597138.0</t>
  </si>
  <si>
    <t>1287361.0</t>
  </si>
  <si>
    <t>38.99</t>
  </si>
  <si>
    <t>1094851.0</t>
  </si>
  <si>
    <t>54242687.0</t>
  </si>
  <si>
    <t>16405.0</t>
  </si>
  <si>
    <t>253.085</t>
  </si>
  <si>
    <t>34225.0</t>
  </si>
  <si>
    <t>112999344.0</t>
  </si>
  <si>
    <t>85166293.0</t>
  </si>
  <si>
    <t>30044191.0</t>
  </si>
  <si>
    <t>1426079.0</t>
  </si>
  <si>
    <t>1278826.0</t>
  </si>
  <si>
    <t>5939.0</t>
  </si>
  <si>
    <t>1082849.0</t>
  </si>
  <si>
    <t>54395937.0</t>
  </si>
  <si>
    <t>153250.0</t>
  </si>
  <si>
    <t>113929447.0</t>
  </si>
  <si>
    <t>85922323.0</t>
  </si>
  <si>
    <t>30387607.0</t>
  </si>
  <si>
    <t>930103.0</t>
  </si>
  <si>
    <t>1310848.0</t>
  </si>
  <si>
    <t>14.11</t>
  </si>
  <si>
    <t>1101724.0</t>
  </si>
  <si>
    <t>54402249.0</t>
  </si>
  <si>
    <t>253.829</t>
  </si>
  <si>
    <t>39173.0</t>
  </si>
  <si>
    <t>114350128.0</t>
  </si>
  <si>
    <t>86272249.0</t>
  </si>
  <si>
    <t>30545014.0</t>
  </si>
  <si>
    <t>420681.0</t>
  </si>
  <si>
    <t>1321820.0</t>
  </si>
  <si>
    <t>1108503.0</t>
  </si>
  <si>
    <t>54472957.0</t>
  </si>
  <si>
    <t>70708.0</t>
  </si>
  <si>
    <t>254.159</t>
  </si>
  <si>
    <t>46585.0</t>
  </si>
  <si>
    <t>115654260.0</t>
  </si>
  <si>
    <t>87264587.0</t>
  </si>
  <si>
    <t>31003288.0</t>
  </si>
  <si>
    <t>1304132.0</t>
  </si>
  <si>
    <t>1279662.0</t>
  </si>
  <si>
    <t>40.53</t>
  </si>
  <si>
    <t>1061304.0</t>
  </si>
  <si>
    <t>54522599.0</t>
  </si>
  <si>
    <t>49642.0</t>
  </si>
  <si>
    <t>254.391</t>
  </si>
  <si>
    <t>49228.0</t>
  </si>
  <si>
    <t>117154411.0</t>
  </si>
  <si>
    <t>88385719.0</t>
  </si>
  <si>
    <t>31569503.0</t>
  </si>
  <si>
    <t>1500151.0</t>
  </si>
  <si>
    <t>1272379.0</t>
  </si>
  <si>
    <t>5909.0</t>
  </si>
  <si>
    <t>1033248.0</t>
  </si>
  <si>
    <t>47731.0</t>
  </si>
  <si>
    <t>118689127.0</t>
  </si>
  <si>
    <t>89449394.0</t>
  </si>
  <si>
    <t>32219034.0</t>
  </si>
  <si>
    <t>1534716.0</t>
  </si>
  <si>
    <t>1244714.0</t>
  </si>
  <si>
    <t>41.54</t>
  </si>
  <si>
    <t>5781.0</t>
  </si>
  <si>
    <t>971400.0</t>
  </si>
  <si>
    <t>54555012.0</t>
  </si>
  <si>
    <t>254.542</t>
  </si>
  <si>
    <t>120155331.0</t>
  </si>
  <si>
    <t>90743692.0</t>
  </si>
  <si>
    <t>32832460.0</t>
  </si>
  <si>
    <t>1466204.0</t>
  </si>
  <si>
    <t>1226009.0</t>
  </si>
  <si>
    <t>970699.0</t>
  </si>
  <si>
    <t>54673618.0</t>
  </si>
  <si>
    <t>118606.0</t>
  </si>
  <si>
    <t>255.095</t>
  </si>
  <si>
    <t>61562.0</t>
  </si>
  <si>
    <t>121651233.0</t>
  </si>
  <si>
    <t>91739486.0</t>
  </si>
  <si>
    <t>33467323.0</t>
  </si>
  <si>
    <t>1495902.0</t>
  </si>
  <si>
    <t>1235984.0</t>
  </si>
  <si>
    <t>5740.0</t>
  </si>
  <si>
    <t>939028.0</t>
  </si>
  <si>
    <t>54677459.0</t>
  </si>
  <si>
    <t>255.113</t>
  </si>
  <si>
    <t>40217.0</t>
  </si>
  <si>
    <t>122615695.0</t>
  </si>
  <si>
    <t>92434146.0</t>
  </si>
  <si>
    <t>33818142.0</t>
  </si>
  <si>
    <t>1240893.0</t>
  </si>
  <si>
    <t>930260.0</t>
  </si>
  <si>
    <t>54732334.0</t>
  </si>
  <si>
    <t>54875.0</t>
  </si>
  <si>
    <t>255.369</t>
  </si>
  <si>
    <t>47155.0</t>
  </si>
  <si>
    <t>122859535.0</t>
  </si>
  <si>
    <t>92630599.0</t>
  </si>
  <si>
    <t>33891244.0</t>
  </si>
  <si>
    <t>243840.0</t>
  </si>
  <si>
    <t>1215630.0</t>
  </si>
  <si>
    <t>908336.0</t>
  </si>
  <si>
    <t>54743490.0</t>
  </si>
  <si>
    <t>11156.0</t>
  </si>
  <si>
    <t>255.421</t>
  </si>
  <si>
    <t>38648.0</t>
  </si>
  <si>
    <t>124433796.0</t>
  </si>
  <si>
    <t>93786760.0</t>
  </si>
  <si>
    <t>34383717.0</t>
  </si>
  <si>
    <t>1574261.0</t>
  </si>
  <si>
    <t>1254219.0</t>
  </si>
  <si>
    <t>931739.0</t>
  </si>
  <si>
    <t>54786381.0</t>
  </si>
  <si>
    <t>42891.0</t>
  </si>
  <si>
    <t>255.621</t>
  </si>
  <si>
    <t>37683.0</t>
  </si>
  <si>
    <t>126315897.0</t>
  </si>
  <si>
    <t>95101845.0</t>
  </si>
  <si>
    <t>35053766.0</t>
  </si>
  <si>
    <t>1882101.0</t>
  </si>
  <si>
    <t>1308784.0</t>
  </si>
  <si>
    <t>959447.0</t>
  </si>
  <si>
    <t>54794279.0</t>
  </si>
  <si>
    <t>7898.0</t>
  </si>
  <si>
    <t>255.658</t>
  </si>
  <si>
    <t>36496.0</t>
  </si>
  <si>
    <t>128199383.0</t>
  </si>
  <si>
    <t>96304601.0</t>
  </si>
  <si>
    <t>35808080.0</t>
  </si>
  <si>
    <t>1883486.0</t>
  </si>
  <si>
    <t>1358608.0</t>
  </si>
  <si>
    <t>59.54</t>
  </si>
  <si>
    <t>44.73</t>
  </si>
  <si>
    <t>979315.0</t>
  </si>
  <si>
    <t>54891331.0</t>
  </si>
  <si>
    <t>97052.0</t>
  </si>
  <si>
    <t>256.111</t>
  </si>
  <si>
    <t>48046.0</t>
  </si>
  <si>
    <t>130131385.0</t>
  </si>
  <si>
    <t>97428671.0</t>
  </si>
  <si>
    <t>36676823.0</t>
  </si>
  <si>
    <t>1932002.0</t>
  </si>
  <si>
    <t>1425151.0</t>
  </si>
  <si>
    <t>60.44</t>
  </si>
  <si>
    <t>17.03</t>
  </si>
  <si>
    <t>954997.0</t>
  </si>
  <si>
    <t>37200.0</t>
  </si>
  <si>
    <t>131858906.0</t>
  </si>
  <si>
    <t>98712936.0</t>
  </si>
  <si>
    <t>37161762.0</t>
  </si>
  <si>
    <t>1727521.0</t>
  </si>
  <si>
    <t>1458239.0</t>
  </si>
  <si>
    <t>17.26</t>
  </si>
  <si>
    <t>996207.0</t>
  </si>
  <si>
    <t>54976702.0</t>
  </si>
  <si>
    <t>256.509</t>
  </si>
  <si>
    <t>132812191.0</t>
  </si>
  <si>
    <t>99391757.0</t>
  </si>
  <si>
    <t>37463852.0</t>
  </si>
  <si>
    <t>953285.0</t>
  </si>
  <si>
    <t>1456642.0</t>
  </si>
  <si>
    <t>993944.0</t>
  </si>
  <si>
    <t>55034463.0</t>
  </si>
  <si>
    <t>57761.0</t>
  </si>
  <si>
    <t>256.779</t>
  </si>
  <si>
    <t>133139145.0</t>
  </si>
  <si>
    <t>99610570.0</t>
  </si>
  <si>
    <t>37583404.0</t>
  </si>
  <si>
    <t>326954.0</t>
  </si>
  <si>
    <t>1468516.0</t>
  </si>
  <si>
    <t>46.26</t>
  </si>
  <si>
    <t>997139.0</t>
  </si>
  <si>
    <t>55034721.0</t>
  </si>
  <si>
    <t>256.78</t>
  </si>
  <si>
    <t>41604.0</t>
  </si>
  <si>
    <t>134540217.0</t>
  </si>
  <si>
    <t>100522817.0</t>
  </si>
  <si>
    <t>38110566.0</t>
  </si>
  <si>
    <t>1401072.0</t>
  </si>
  <si>
    <t>1443774.0</t>
  </si>
  <si>
    <t>62.49</t>
  </si>
  <si>
    <t>962294.0</t>
  </si>
  <si>
    <t>36469.0</t>
  </si>
  <si>
    <t>136158369.0</t>
  </si>
  <si>
    <t>101528055.0</t>
  </si>
  <si>
    <t>38761406.0</t>
  </si>
  <si>
    <t>1618152.0</t>
  </si>
  <si>
    <t>1406067.0</t>
  </si>
  <si>
    <t>918030.0</t>
  </si>
  <si>
    <t>36333.0</t>
  </si>
  <si>
    <t>137944954.0</t>
  </si>
  <si>
    <t>102535345.0</t>
  </si>
  <si>
    <t>39603390.0</t>
  </si>
  <si>
    <t>1786585.0</t>
  </si>
  <si>
    <t>1392224.0</t>
  </si>
  <si>
    <t>18.39</t>
  </si>
  <si>
    <t>890106.0</t>
  </si>
  <si>
    <t>55055559.0</t>
  </si>
  <si>
    <t>256.877</t>
  </si>
  <si>
    <t>139483586.0</t>
  </si>
  <si>
    <t>103363365.0</t>
  </si>
  <si>
    <t>40360686.0</t>
  </si>
  <si>
    <t>1538632.0</t>
  </si>
  <si>
    <t>1336029.0</t>
  </si>
  <si>
    <t>6205.0</t>
  </si>
  <si>
    <t>847813.0</t>
  </si>
  <si>
    <t>141319627.0</t>
  </si>
  <si>
    <t>104477597.0</t>
  </si>
  <si>
    <t>41116889.0</t>
  </si>
  <si>
    <t>1836041.0</t>
  </si>
  <si>
    <t>1351532.0</t>
  </si>
  <si>
    <t>48.52</t>
  </si>
  <si>
    <t>823523.0</t>
  </si>
  <si>
    <t>33188.0</t>
  </si>
  <si>
    <t>142301917.0</t>
  </si>
  <si>
    <t>105083580.0</t>
  </si>
  <si>
    <t>41507968.0</t>
  </si>
  <si>
    <t>982290.0</t>
  </si>
  <si>
    <t>1355675.0</t>
  </si>
  <si>
    <t>813118.0</t>
  </si>
  <si>
    <t>588347.1</t>
  </si>
  <si>
    <t>2732.51370243828</t>
  </si>
  <si>
    <t>35898.0</t>
  </si>
  <si>
    <t>142598659.0</t>
  </si>
  <si>
    <t>105292650.0</t>
  </si>
  <si>
    <t>41599313.0</t>
  </si>
  <si>
    <t>296742.0</t>
  </si>
  <si>
    <t>1351359.0</t>
  </si>
  <si>
    <t>19.32</t>
  </si>
  <si>
    <t>6276.0</t>
  </si>
  <si>
    <t>811726.0</t>
  </si>
  <si>
    <t>46822.0</t>
  </si>
  <si>
    <t>143762758.0</t>
  </si>
  <si>
    <t>105934725.0</t>
  </si>
  <si>
    <t>42147735.0</t>
  </si>
  <si>
    <t>1164099.0</t>
  </si>
  <si>
    <t>1317506.0</t>
  </si>
  <si>
    <t>773130.0</t>
  </si>
  <si>
    <t>56792.0</t>
  </si>
  <si>
    <t>145618595.0</t>
  </si>
  <si>
    <t>107137953.0</t>
  </si>
  <si>
    <t>42823483.0</t>
  </si>
  <si>
    <t>1855837.0</t>
  </si>
  <si>
    <t>1351461.0</t>
  </si>
  <si>
    <t>801414.0</t>
  </si>
  <si>
    <t>66761.0</t>
  </si>
  <si>
    <t>148054492.0</t>
  </si>
  <si>
    <t>108658469.0</t>
  </si>
  <si>
    <t>43769705.0</t>
  </si>
  <si>
    <t>2435897.0</t>
  </si>
  <si>
    <t>1444220.0</t>
  </si>
  <si>
    <t>20.33</t>
  </si>
  <si>
    <t>874732.0</t>
  </si>
  <si>
    <t>55592668.0</t>
  </si>
  <si>
    <t>259.383</t>
  </si>
  <si>
    <t>76730.0</t>
  </si>
  <si>
    <t>149763010.0</t>
  </si>
  <si>
    <t>109745651.0</t>
  </si>
  <si>
    <t>44414256.0</t>
  </si>
  <si>
    <t>1708518.0</t>
  </si>
  <si>
    <t>1468489.0</t>
  </si>
  <si>
    <t>69.56</t>
  </si>
  <si>
    <t>911755.0</t>
  </si>
  <si>
    <t>67708.0</t>
  </si>
  <si>
    <t>151506191.0</t>
  </si>
  <si>
    <t>110841845.0</t>
  </si>
  <si>
    <t>45086810.0</t>
  </si>
  <si>
    <t>1743181.0</t>
  </si>
  <si>
    <t>1455223.0</t>
  </si>
  <si>
    <t>909178.0</t>
  </si>
  <si>
    <t>58686.0</t>
  </si>
  <si>
    <t>152313188.0</t>
  </si>
  <si>
    <t>111342715.0</t>
  </si>
  <si>
    <t>45397341.0</t>
  </si>
  <si>
    <t>806997.0</t>
  </si>
  <si>
    <t>1430182.0</t>
  </si>
  <si>
    <t>894162.0</t>
  </si>
  <si>
    <t>55633393.0</t>
  </si>
  <si>
    <t>259.573</t>
  </si>
  <si>
    <t>49663.0</t>
  </si>
  <si>
    <t>152680029.0</t>
  </si>
  <si>
    <t>111566720.0</t>
  </si>
  <si>
    <t>45542992.0</t>
  </si>
  <si>
    <t>366841.0</t>
  </si>
  <si>
    <t>1440196.0</t>
  </si>
  <si>
    <t>21.15</t>
  </si>
  <si>
    <t>896296.0</t>
  </si>
  <si>
    <t>154190964.0</t>
  </si>
  <si>
    <t>112476618.0</t>
  </si>
  <si>
    <t>46160465.0</t>
  </si>
  <si>
    <t>1510935.0</t>
  </si>
  <si>
    <t>1489744.0</t>
  </si>
  <si>
    <t>21.44</t>
  </si>
  <si>
    <t>934556.0</t>
  </si>
  <si>
    <t>55985277.0</t>
  </si>
  <si>
    <t>261.215</t>
  </si>
  <si>
    <t>78010.0</t>
  </si>
  <si>
    <t>156399040.0</t>
  </si>
  <si>
    <t>113880889.0</t>
  </si>
  <si>
    <t>46980025.0</t>
  </si>
  <si>
    <t>2208076.0</t>
  </si>
  <si>
    <t>1540064.0</t>
  </si>
  <si>
    <t>72.64</t>
  </si>
  <si>
    <t>21.82</t>
  </si>
  <si>
    <t>963277.0</t>
  </si>
  <si>
    <t>69792.0</t>
  </si>
  <si>
    <t>158422879.0</t>
  </si>
  <si>
    <t>115251518.0</t>
  </si>
  <si>
    <t>47644783.0</t>
  </si>
  <si>
    <t>2023839.0</t>
  </si>
  <si>
    <t>1481198.0</t>
  </si>
  <si>
    <t>53.53</t>
  </si>
  <si>
    <t>22.13</t>
  </si>
  <si>
    <t>941864.0</t>
  </si>
  <si>
    <t>56023684.0</t>
  </si>
  <si>
    <t>261.394</t>
  </si>
  <si>
    <t>61574.0</t>
  </si>
  <si>
    <t>160674246.0</t>
  </si>
  <si>
    <t>116780678.0</t>
  </si>
  <si>
    <t>48383179.0</t>
  </si>
  <si>
    <t>2251367.0</t>
  </si>
  <si>
    <t>1558748.0</t>
  </si>
  <si>
    <t>1005004.0</t>
  </si>
  <si>
    <t>60833.0</t>
  </si>
  <si>
    <t>162832096.0</t>
  </si>
  <si>
    <t>118175020.0</t>
  </si>
  <si>
    <t>49164242.0</t>
  </si>
  <si>
    <t>2157850.0</t>
  </si>
  <si>
    <t>1617986.0</t>
  </si>
  <si>
    <t>1047596.0</t>
  </si>
  <si>
    <t>60092.0</t>
  </si>
  <si>
    <t>164215233.0</t>
  </si>
  <si>
    <t>119132205.0</t>
  </si>
  <si>
    <t>49606493.0</t>
  </si>
  <si>
    <t>1383137.0</t>
  </si>
  <si>
    <t>1700292.0</t>
  </si>
  <si>
    <t>1112784.0</t>
  </si>
  <si>
    <t>164680217.0</t>
  </si>
  <si>
    <t>119504650.0</t>
  </si>
  <si>
    <t>49705914.0</t>
  </si>
  <si>
    <t>464984.0</t>
  </si>
  <si>
    <t>1714313.0</t>
  </si>
  <si>
    <t>1133990.0</t>
  </si>
  <si>
    <t>56057235.0</t>
  </si>
  <si>
    <t>261.551</t>
  </si>
  <si>
    <t>166750328.0</t>
  </si>
  <si>
    <t>120686544.0</t>
  </si>
  <si>
    <t>50600926.0</t>
  </si>
  <si>
    <t>2070111.0</t>
  </si>
  <si>
    <t>1794195.0</t>
  </si>
  <si>
    <t>1172847.0</t>
  </si>
  <si>
    <t>47652.0</t>
  </si>
  <si>
    <t>169753003.0</t>
  </si>
  <si>
    <t>122541955.0</t>
  </si>
  <si>
    <t>51771235.0</t>
  </si>
  <si>
    <t>3002675.0</t>
  </si>
  <si>
    <t>1907709.0</t>
  </si>
  <si>
    <t>8860.0</t>
  </si>
  <si>
    <t>1237295.0</t>
  </si>
  <si>
    <t>56580445.0</t>
  </si>
  <si>
    <t>263.992</t>
  </si>
  <si>
    <t>82281.0</t>
  </si>
  <si>
    <t>171741149.0</t>
  </si>
  <si>
    <t>123678883.0</t>
  </si>
  <si>
    <t>52629848.0</t>
  </si>
  <si>
    <t>1988146.0</t>
  </si>
  <si>
    <t>1902610.0</t>
  </si>
  <si>
    <t>24.44</t>
  </si>
  <si>
    <t>1203909.0</t>
  </si>
  <si>
    <t>174263122.0</t>
  </si>
  <si>
    <t>125160916.0</t>
  </si>
  <si>
    <t>53680684.0</t>
  </si>
  <si>
    <t>2521973.0</t>
  </si>
  <si>
    <t>1941268.0</t>
  </si>
  <si>
    <t>1197177.0</t>
  </si>
  <si>
    <t>81902.0</t>
  </si>
  <si>
    <t>176376890.0</t>
  </si>
  <si>
    <t>126384146.0</t>
  </si>
  <si>
    <t>54578690.0</t>
  </si>
  <si>
    <t>2113768.0</t>
  </si>
  <si>
    <t>1934971.0</t>
  </si>
  <si>
    <t>1172732.0</t>
  </si>
  <si>
    <t>56617857.0</t>
  </si>
  <si>
    <t>264.167</t>
  </si>
  <si>
    <t>177587502.0</t>
  </si>
  <si>
    <t>127168248.0</t>
  </si>
  <si>
    <t>55013076.0</t>
  </si>
  <si>
    <t>1210612.0</t>
  </si>
  <si>
    <t>1910324.0</t>
  </si>
  <si>
    <t>1148006.0</t>
  </si>
  <si>
    <t>82616.0</t>
  </si>
  <si>
    <t>178173214.0</t>
  </si>
  <si>
    <t>127600937.0</t>
  </si>
  <si>
    <t>55170955.0</t>
  </si>
  <si>
    <t>585712.0</t>
  </si>
  <si>
    <t>1927571.0</t>
  </si>
  <si>
    <t>1156612.0</t>
  </si>
  <si>
    <t>56636459.0</t>
  </si>
  <si>
    <t>264.254</t>
  </si>
  <si>
    <t>82746.0</t>
  </si>
  <si>
    <t>180251675.0</t>
  </si>
  <si>
    <t>128859272.0</t>
  </si>
  <si>
    <t>55999780.0</t>
  </si>
  <si>
    <t>2078461.0</t>
  </si>
  <si>
    <t>1928764.0</t>
  </si>
  <si>
    <t>1167533.0</t>
  </si>
  <si>
    <t>62309.0</t>
  </si>
  <si>
    <t>182654763.0</t>
  </si>
  <si>
    <t>130267899.0</t>
  </si>
  <si>
    <t>57002150.0</t>
  </si>
  <si>
    <t>2403088.0</t>
  </si>
  <si>
    <t>1843109.0</t>
  </si>
  <si>
    <t>8560.0</t>
  </si>
  <si>
    <t>1103706.0</t>
  </si>
  <si>
    <t>56873550.0</t>
  </si>
  <si>
    <t>265.36</t>
  </si>
  <si>
    <t>41872.0</t>
  </si>
  <si>
    <t>184707573.0</t>
  </si>
  <si>
    <t>131489509.0</t>
  </si>
  <si>
    <t>57838947.0</t>
  </si>
  <si>
    <t>2052810.0</t>
  </si>
  <si>
    <t>1852346.0</t>
  </si>
  <si>
    <t>85.79</t>
  </si>
  <si>
    <t>1115804.0</t>
  </si>
  <si>
    <t>40936.0</t>
  </si>
  <si>
    <t>186102952.0</t>
  </si>
  <si>
    <t>131918133.0</t>
  </si>
  <si>
    <t>58811744.0</t>
  </si>
  <si>
    <t>1395379.0</t>
  </si>
  <si>
    <t>1691404.0</t>
  </si>
  <si>
    <t>965317.0</t>
  </si>
  <si>
    <t>188045400.0</t>
  </si>
  <si>
    <t>132939921.0</t>
  </si>
  <si>
    <t>59746726.0</t>
  </si>
  <si>
    <t>1942448.0</t>
  </si>
  <si>
    <t>1666930.0</t>
  </si>
  <si>
    <t>87.34</t>
  </si>
  <si>
    <t>39064.0</t>
  </si>
  <si>
    <t>189376018.0</t>
  </si>
  <si>
    <t>133608741.0</t>
  </si>
  <si>
    <t>60412846.0</t>
  </si>
  <si>
    <t>1330618.0</t>
  </si>
  <si>
    <t>1684074.0</t>
  </si>
  <si>
    <t>87.95</t>
  </si>
  <si>
    <t>920070.0</t>
  </si>
  <si>
    <t>56897224.0</t>
  </si>
  <si>
    <t>265.47</t>
  </si>
  <si>
    <t>38581.0</t>
  </si>
  <si>
    <t>189971293.0</t>
  </si>
  <si>
    <t>133947333.0</t>
  </si>
  <si>
    <t>60672443.0</t>
  </si>
  <si>
    <t>595275.0</t>
  </si>
  <si>
    <t>1685440.0</t>
  </si>
  <si>
    <t>88.23</t>
  </si>
  <si>
    <t>7828.0</t>
  </si>
  <si>
    <t>906628.0</t>
  </si>
  <si>
    <t>39815.0</t>
  </si>
  <si>
    <t>191515901.0</t>
  </si>
  <si>
    <t>134777145.0</t>
  </si>
  <si>
    <t>61384034.0</t>
  </si>
  <si>
    <t>1544608.0</t>
  </si>
  <si>
    <t>1609175.0</t>
  </si>
  <si>
    <t>7474.0</t>
  </si>
  <si>
    <t>845410.0</t>
  </si>
  <si>
    <t>25442.0</t>
  </si>
  <si>
    <t>194176380.0</t>
  </si>
  <si>
    <t>136127045.0</t>
  </si>
  <si>
    <t>62698760.0</t>
  </si>
  <si>
    <t>2660479.0</t>
  </si>
  <si>
    <t>1645945.0</t>
  </si>
  <si>
    <t>837021.0</t>
  </si>
  <si>
    <t>612588.2</t>
  </si>
  <si>
    <t>2845.0988378323</t>
  </si>
  <si>
    <t>196166473.0</t>
  </si>
  <si>
    <t>137067385.0</t>
  </si>
  <si>
    <t>63754375.0</t>
  </si>
  <si>
    <t>1990093.0</t>
  </si>
  <si>
    <t>1636986.0</t>
  </si>
  <si>
    <t>91.11</t>
  </si>
  <si>
    <t>796839.0</t>
  </si>
  <si>
    <t>56968977.0</t>
  </si>
  <si>
    <t>265.805</t>
  </si>
  <si>
    <t>12787.0</t>
  </si>
  <si>
    <t>198142390.0</t>
  </si>
  <si>
    <t>137897705.0</t>
  </si>
  <si>
    <t>64905651.0</t>
  </si>
  <si>
    <t>1975917.0</t>
  </si>
  <si>
    <t>1719920.0</t>
  </si>
  <si>
    <t>92.03</t>
  </si>
  <si>
    <t>30.14</t>
  </si>
  <si>
    <t>854225.0</t>
  </si>
  <si>
    <t>57095219.0</t>
  </si>
  <si>
    <t>126242.0</t>
  </si>
  <si>
    <t>266.394</t>
  </si>
  <si>
    <t>200077775.0</t>
  </si>
  <si>
    <t>138653061.0</t>
  </si>
  <si>
    <t>66093601.0</t>
  </si>
  <si>
    <t>1935385.0</t>
  </si>
  <si>
    <t>1718911.0</t>
  </si>
  <si>
    <t>92.92</t>
  </si>
  <si>
    <t>816163.0</t>
  </si>
  <si>
    <t>201126108.0</t>
  </si>
  <si>
    <t>139039441.0</t>
  </si>
  <si>
    <t>66758831.0</t>
  </si>
  <si>
    <t>1048333.0</t>
  </si>
  <si>
    <t>1678584.0</t>
  </si>
  <si>
    <t>93.41</t>
  </si>
  <si>
    <t>7796.0</t>
  </si>
  <si>
    <t>775814.0</t>
  </si>
  <si>
    <t>34161.0</t>
  </si>
  <si>
    <t>201522079.0</t>
  </si>
  <si>
    <t>139210778.0</t>
  </si>
  <si>
    <t>66984704.0</t>
  </si>
  <si>
    <t>395971.0</t>
  </si>
  <si>
    <t>1650112.0</t>
  </si>
  <si>
    <t>93.59</t>
  </si>
  <si>
    <t>64.65</t>
  </si>
  <si>
    <t>31.11</t>
  </si>
  <si>
    <t>751921.0</t>
  </si>
  <si>
    <t>34536.0</t>
  </si>
  <si>
    <t>203024669.0</t>
  </si>
  <si>
    <t>139985523.0</t>
  </si>
  <si>
    <t>67702291.0</t>
  </si>
  <si>
    <t>1502590.0</t>
  </si>
  <si>
    <t>1644110.0</t>
  </si>
  <si>
    <t>94.29</t>
  </si>
  <si>
    <t>744054.0</t>
  </si>
  <si>
    <t>34912.0</t>
  </si>
  <si>
    <t>203577189.0</t>
  </si>
  <si>
    <t>140218809.0</t>
  </si>
  <si>
    <t>68020838.0</t>
  </si>
  <si>
    <t>552520.0</t>
  </si>
  <si>
    <t>1342973.0</t>
  </si>
  <si>
    <t>94.55</t>
  </si>
  <si>
    <t>65.12</t>
  </si>
  <si>
    <t>6237.0</t>
  </si>
  <si>
    <t>584538.0</t>
  </si>
  <si>
    <t>57198050.0</t>
  </si>
  <si>
    <t>266.874</t>
  </si>
  <si>
    <t>35287.0</t>
  </si>
  <si>
    <t>205296045.0</t>
  </si>
  <si>
    <t>140820674.0</t>
  </si>
  <si>
    <t>69133319.0</t>
  </si>
  <si>
    <t>1718856.0</t>
  </si>
  <si>
    <t>1304225.0</t>
  </si>
  <si>
    <t>95.35</t>
  </si>
  <si>
    <t>536184.0</t>
  </si>
  <si>
    <t>36747.0</t>
  </si>
  <si>
    <t>207509808.0</t>
  </si>
  <si>
    <t>141565747.0</t>
  </si>
  <si>
    <t>70594540.0</t>
  </si>
  <si>
    <t>37195.0</t>
  </si>
  <si>
    <t>2213763.0</t>
  </si>
  <si>
    <t>1338203.0</t>
  </si>
  <si>
    <t>524006.0</t>
  </si>
  <si>
    <t>22735.0</t>
  </si>
  <si>
    <t>209917761.0</t>
  </si>
  <si>
    <t>142382292.0</t>
  </si>
  <si>
    <t>72173074.0</t>
  </si>
  <si>
    <t>52191.0</t>
  </si>
  <si>
    <t>2407953.0</t>
  </si>
  <si>
    <t>1405712.0</t>
  </si>
  <si>
    <t>97.49</t>
  </si>
  <si>
    <t>532747.0</t>
  </si>
  <si>
    <t>57282520.0</t>
  </si>
  <si>
    <t>267.268</t>
  </si>
  <si>
    <t>23819.0</t>
  </si>
  <si>
    <t>211223433.0</t>
  </si>
  <si>
    <t>142798088.0</t>
  </si>
  <si>
    <t>73050585.0</t>
  </si>
  <si>
    <t>67596.0</t>
  </si>
  <si>
    <t>1305672.0</t>
  </si>
  <si>
    <t>1442475.0</t>
  </si>
  <si>
    <t>98.1</t>
  </si>
  <si>
    <t>33.93</t>
  </si>
  <si>
    <t>536950.0</t>
  </si>
  <si>
    <t>211710814.0</t>
  </si>
  <si>
    <t>142983971.0</t>
  </si>
  <si>
    <t>73355123.0</t>
  </si>
  <si>
    <t>68590.0</t>
  </si>
  <si>
    <t>487381.0</t>
  </si>
  <si>
    <t>1455534.0</t>
  </si>
  <si>
    <t>98.33</t>
  </si>
  <si>
    <t>66.41</t>
  </si>
  <si>
    <t>539028.0</t>
  </si>
  <si>
    <t>213203733.0</t>
  </si>
  <si>
    <t>143433748.0</t>
  </si>
  <si>
    <t>74381040.0</t>
  </si>
  <si>
    <t>88874.0</t>
  </si>
  <si>
    <t>1492919.0</t>
  </si>
  <si>
    <t>1454152.0</t>
  </si>
  <si>
    <t>34.55</t>
  </si>
  <si>
    <t>492604.0</t>
  </si>
  <si>
    <t>215338063.0</t>
  </si>
  <si>
    <t>144100429.0</t>
  </si>
  <si>
    <t>75814267.0</t>
  </si>
  <si>
    <t>128791.0</t>
  </si>
  <si>
    <t>2134330.0</t>
  </si>
  <si>
    <t>1680125.0</t>
  </si>
  <si>
    <t>100.01</t>
  </si>
  <si>
    <t>554517.0</t>
  </si>
  <si>
    <t>13252.0</t>
  </si>
  <si>
    <t>217240047.0</t>
  </si>
  <si>
    <t>144761529.0</t>
  </si>
  <si>
    <t>76990802.0</t>
  </si>
  <si>
    <t>197261.0</t>
  </si>
  <si>
    <t>1901984.0</t>
  </si>
  <si>
    <t>1706286.0</t>
  </si>
  <si>
    <t>100.89</t>
  </si>
  <si>
    <t>562979.0</t>
  </si>
  <si>
    <t>9526.0</t>
  </si>
  <si>
    <t>218735998.0</t>
  </si>
  <si>
    <t>145238112.0</t>
  </si>
  <si>
    <t>77988754.0</t>
  </si>
  <si>
    <t>223085.0</t>
  </si>
  <si>
    <t>1495951.0</t>
  </si>
  <si>
    <t>1603741.0</t>
  </si>
  <si>
    <t>101.59</t>
  </si>
  <si>
    <t>7448.0</t>
  </si>
  <si>
    <t>524624.0</t>
  </si>
  <si>
    <t>221071595.0</t>
  </si>
  <si>
    <t>146000277.0</t>
  </si>
  <si>
    <t>79542916.0</t>
  </si>
  <si>
    <t>249365.0</t>
  </si>
  <si>
    <t>2335597.0</t>
  </si>
  <si>
    <t>1593405.0</t>
  </si>
  <si>
    <t>102.67</t>
  </si>
  <si>
    <t>516855.0</t>
  </si>
  <si>
    <t>222156927.0</t>
  </si>
  <si>
    <t>146371189.0</t>
  </si>
  <si>
    <t>80250454.0</t>
  </si>
  <si>
    <t>259046.0</t>
  </si>
  <si>
    <t>1085332.0</t>
  </si>
  <si>
    <t>1561928.0</t>
  </si>
  <si>
    <t>103.18</t>
  </si>
  <si>
    <t>37.27</t>
  </si>
  <si>
    <t>510443.0</t>
  </si>
  <si>
    <t>222581680.0</t>
  </si>
  <si>
    <t>146553215.0</t>
  </si>
  <si>
    <t>80492254.0</t>
  </si>
  <si>
    <t>260661.0</t>
  </si>
  <si>
    <t>424753.0</t>
  </si>
  <si>
    <t>1552981.0</t>
  </si>
  <si>
    <t>103.38</t>
  </si>
  <si>
    <t>509892.0</t>
  </si>
  <si>
    <t>223781527.0</t>
  </si>
  <si>
    <t>146923305.0</t>
  </si>
  <si>
    <t>81250428.0</t>
  </si>
  <si>
    <t>334020.0</t>
  </si>
  <si>
    <t>1199847.0</t>
  </si>
  <si>
    <t>1511113.0</t>
  </si>
  <si>
    <t>103.93</t>
  </si>
  <si>
    <t>498508.0</t>
  </si>
  <si>
    <t>57303260.0</t>
  </si>
  <si>
    <t>267.365</t>
  </si>
  <si>
    <t>225592884.0</t>
  </si>
  <si>
    <t>147473077.0</t>
  </si>
  <si>
    <t>82467468.0</t>
  </si>
  <si>
    <t>381549.0</t>
  </si>
  <si>
    <t>1811357.0</t>
  </si>
  <si>
    <t>1464974.0</t>
  </si>
  <si>
    <t>6804.0</t>
  </si>
  <si>
    <t>481807.0</t>
  </si>
  <si>
    <t>227304555.0</t>
  </si>
  <si>
    <t>147966925.0</t>
  </si>
  <si>
    <t>83644344.0</t>
  </si>
  <si>
    <t>427712.0</t>
  </si>
  <si>
    <t>1711671.0</t>
  </si>
  <si>
    <t>1437787.0</t>
  </si>
  <si>
    <t>105.57</t>
  </si>
  <si>
    <t>6678.0</t>
  </si>
  <si>
    <t>457914.0</t>
  </si>
  <si>
    <t>57303974.0</t>
  </si>
  <si>
    <t>267.368</t>
  </si>
  <si>
    <t>229100357.0</t>
  </si>
  <si>
    <t>148510818.0</t>
  </si>
  <si>
    <t>84869772.0</t>
  </si>
  <si>
    <t>458735.0</t>
  </si>
  <si>
    <t>1795802.0</t>
  </si>
  <si>
    <t>1480623.0</t>
  </si>
  <si>
    <t>106.4</t>
  </si>
  <si>
    <t>68.97</t>
  </si>
  <si>
    <t>467529.0</t>
  </si>
  <si>
    <t>230893002.0</t>
  </si>
  <si>
    <t>148994474.0</t>
  </si>
  <si>
    <t>86119839.0</t>
  </si>
  <si>
    <t>520839.0</t>
  </si>
  <si>
    <t>1792645.0</t>
  </si>
  <si>
    <t>1403058.0</t>
  </si>
  <si>
    <t>107.24</t>
  </si>
  <si>
    <t>427742.0</t>
  </si>
  <si>
    <t>11417.0</t>
  </si>
  <si>
    <t>231983152.0</t>
  </si>
  <si>
    <t>149386359.0</t>
  </si>
  <si>
    <t>86796636.0</t>
  </si>
  <si>
    <t>543561.0</t>
  </si>
  <si>
    <t>1090150.0</t>
  </si>
  <si>
    <t>1403746.0</t>
  </si>
  <si>
    <t>40.31</t>
  </si>
  <si>
    <t>430739.0</t>
  </si>
  <si>
    <t>16333.0</t>
  </si>
  <si>
    <t>232495892.0</t>
  </si>
  <si>
    <t>149565073.0</t>
  </si>
  <si>
    <t>87122476.0</t>
  </si>
  <si>
    <t>552379.0</t>
  </si>
  <si>
    <t>512740.0</t>
  </si>
  <si>
    <t>1416316.0</t>
  </si>
  <si>
    <t>107.98</t>
  </si>
  <si>
    <t>6578.0</t>
  </si>
  <si>
    <t>430265.0</t>
  </si>
  <si>
    <t>233772505.0</t>
  </si>
  <si>
    <t>149871708.0</t>
  </si>
  <si>
    <t>87828174.0</t>
  </si>
  <si>
    <t>818917.0</t>
  </si>
  <si>
    <t>1276613.0</t>
  </si>
  <si>
    <t>1427283.0</t>
  </si>
  <si>
    <t>108.57</t>
  </si>
  <si>
    <t>69.61</t>
  </si>
  <si>
    <t>421200.0</t>
  </si>
  <si>
    <t>26166.0</t>
  </si>
  <si>
    <t>235617220.0</t>
  </si>
  <si>
    <t>150382518.0</t>
  </si>
  <si>
    <t>89101310.0</t>
  </si>
  <si>
    <t>882537.0</t>
  </si>
  <si>
    <t>1844715.0</t>
  </si>
  <si>
    <t>1432048.0</t>
  </si>
  <si>
    <t>415634.0</t>
  </si>
  <si>
    <t>57522913.0</t>
  </si>
  <si>
    <t>268.39</t>
  </si>
  <si>
    <t>31328.0</t>
  </si>
  <si>
    <t>237320144.0</t>
  </si>
  <si>
    <t>150881737.0</t>
  </si>
  <si>
    <t>90253376.0</t>
  </si>
  <si>
    <t>937694.0</t>
  </si>
  <si>
    <t>1702924.0</t>
  </si>
  <si>
    <t>1430798.0</t>
  </si>
  <si>
    <t>110.22</t>
  </si>
  <si>
    <t>70.08</t>
  </si>
  <si>
    <t>416402.0</t>
  </si>
  <si>
    <t>108071.0</t>
  </si>
  <si>
    <t>239190412.0</t>
  </si>
  <si>
    <t>151420924.0</t>
  </si>
  <si>
    <t>91430204.0</t>
  </si>
  <si>
    <t>1095300.0</t>
  </si>
  <si>
    <t>1870268.0</t>
  </si>
  <si>
    <t>1441436.0</t>
  </si>
  <si>
    <t>415729.0</t>
  </si>
  <si>
    <t>625718.3</t>
  </si>
  <si>
    <t>2906.08014999375</t>
  </si>
  <si>
    <t>179652.0</t>
  </si>
  <si>
    <t>241200485.0</t>
  </si>
  <si>
    <t>151901209.0</t>
  </si>
  <si>
    <t>92759486.0</t>
  </si>
  <si>
    <t>1302298.0</t>
  </si>
  <si>
    <t>2010073.0</t>
  </si>
  <si>
    <t>1472498.0</t>
  </si>
  <si>
    <t>415248.0</t>
  </si>
  <si>
    <t>251233.0</t>
  </si>
  <si>
    <t>242252204.0</t>
  </si>
  <si>
    <t>152166987.0</t>
  </si>
  <si>
    <t>93442685.0</t>
  </si>
  <si>
    <t>1407110.0</t>
  </si>
  <si>
    <t>1051719.0</t>
  </si>
  <si>
    <t>1467007.0</t>
  </si>
  <si>
    <t>6813.0</t>
  </si>
  <si>
    <t>397233.0</t>
  </si>
  <si>
    <t>322814.0</t>
  </si>
  <si>
    <t>242632087.0</t>
  </si>
  <si>
    <t>152277364.0</t>
  </si>
  <si>
    <t>93674362.0</t>
  </si>
  <si>
    <t>1445470.0</t>
  </si>
  <si>
    <t>379883.0</t>
  </si>
  <si>
    <t>1448028.0</t>
  </si>
  <si>
    <t>387470.0</t>
  </si>
  <si>
    <t>394395.0</t>
  </si>
  <si>
    <t>243733571.0</t>
  </si>
  <si>
    <t>152519888.0</t>
  </si>
  <si>
    <t>94337578.0</t>
  </si>
  <si>
    <t>1643658.0</t>
  </si>
  <si>
    <t>1101484.0</t>
  </si>
  <si>
    <t>1423009.0</t>
  </si>
  <si>
    <t>378311.0</t>
  </si>
  <si>
    <t>465976.0</t>
  </si>
  <si>
    <t>245292452.0</t>
  </si>
  <si>
    <t>152926450.0</t>
  </si>
  <si>
    <t>95257454.0</t>
  </si>
  <si>
    <t>1877233.0</t>
  </si>
  <si>
    <t>1558881.0</t>
  </si>
  <si>
    <t>1382176.0</t>
  </si>
  <si>
    <t>113.92</t>
  </si>
  <si>
    <t>6419.0</t>
  </si>
  <si>
    <t>363419.0</t>
  </si>
  <si>
    <t>537557.0</t>
  </si>
  <si>
    <t>247057054.0</t>
  </si>
  <si>
    <t>153310124.0</t>
  </si>
  <si>
    <t>96345260.0</t>
  </si>
  <si>
    <t>2171857.0</t>
  </si>
  <si>
    <t>1764602.0</t>
  </si>
  <si>
    <t>1390987.0</t>
  </si>
  <si>
    <t>114.74</t>
  </si>
  <si>
    <t>6460.0</t>
  </si>
  <si>
    <t>346912.0</t>
  </si>
  <si>
    <t>248820533.0</t>
  </si>
  <si>
    <t>153699490.0</t>
  </si>
  <si>
    <t>97382944.0</t>
  </si>
  <si>
    <t>2509515.0</t>
  </si>
  <si>
    <t>1763479.0</t>
  </si>
  <si>
    <t>1375732.0</t>
  </si>
  <si>
    <t>115.56</t>
  </si>
  <si>
    <t>325509.0</t>
  </si>
  <si>
    <t>250516351.0</t>
  </si>
  <si>
    <t>154010913.0</t>
  </si>
  <si>
    <t>98464451.0</t>
  </si>
  <si>
    <t>2814838.0</t>
  </si>
  <si>
    <t>1695818.0</t>
  </si>
  <si>
    <t>1330838.0</t>
  </si>
  <si>
    <t>6181.0</t>
  </si>
  <si>
    <t>301386.0</t>
  </si>
  <si>
    <t>251524115.0</t>
  </si>
  <si>
    <t>154181567.0</t>
  </si>
  <si>
    <t>99070817.0</t>
  </si>
  <si>
    <t>3047975.0</t>
  </si>
  <si>
    <t>1007764.0</t>
  </si>
  <si>
    <t>1324559.0</t>
  </si>
  <si>
    <t>116.82</t>
  </si>
  <si>
    <t>287797.0</t>
  </si>
  <si>
    <t>252149684.0</t>
  </si>
  <si>
    <t>154292724.0</t>
  </si>
  <si>
    <t>99520881.0</t>
  </si>
  <si>
    <t>3116010.0</t>
  </si>
  <si>
    <t>625569.0</t>
  </si>
  <si>
    <t>1359657.0</t>
  </si>
  <si>
    <t>117.11</t>
  </si>
  <si>
    <t>6315.0</t>
  </si>
  <si>
    <t>287909.0</t>
  </si>
  <si>
    <t>253164892.0</t>
  </si>
  <si>
    <t>154580496.0</t>
  </si>
  <si>
    <t>100085018.0</t>
  </si>
  <si>
    <t>3281210.0</t>
  </si>
  <si>
    <t>1015208.0</t>
  </si>
  <si>
    <t>1347332.0</t>
  </si>
  <si>
    <t>117.58</t>
  </si>
  <si>
    <t>6258.0</t>
  </si>
  <si>
    <t>294373.0</t>
  </si>
  <si>
    <t>64511151.0</t>
  </si>
  <si>
    <t>300.995</t>
  </si>
  <si>
    <t>253561158.0</t>
  </si>
  <si>
    <t>154693150.0</t>
  </si>
  <si>
    <t>100324302.0</t>
  </si>
  <si>
    <t>3326730.0</t>
  </si>
  <si>
    <t>396266.0</t>
  </si>
  <si>
    <t>1181244.0</t>
  </si>
  <si>
    <t>117.76</t>
  </si>
  <si>
    <t>252386.0</t>
  </si>
  <si>
    <t>463694.0</t>
  </si>
  <si>
    <t>254426529.0</t>
  </si>
  <si>
    <t>154798792.0</t>
  </si>
  <si>
    <t>100864092.0</t>
  </si>
  <si>
    <t>3545399.0</t>
  </si>
  <si>
    <t>865371.0</t>
  </si>
  <si>
    <t>1052782.0</t>
  </si>
  <si>
    <t>118.17</t>
  </si>
  <si>
    <t>212667.0</t>
  </si>
  <si>
    <t>64552183.0</t>
  </si>
  <si>
    <t>301.187</t>
  </si>
  <si>
    <t>389831.0</t>
  </si>
  <si>
    <t>256762148.0</t>
  </si>
  <si>
    <t>155526988.0</t>
  </si>
  <si>
    <t>102264366.0</t>
  </si>
  <si>
    <t>3755046.0</t>
  </si>
  <si>
    <t>2335619.0</t>
  </si>
  <si>
    <t>1134516.0</t>
  </si>
  <si>
    <t>5269.0</t>
  </si>
  <si>
    <t>261071.0</t>
  </si>
  <si>
    <t>314929.0</t>
  </si>
  <si>
    <t>258849471.0</t>
  </si>
  <si>
    <t>156015804.0</t>
  </si>
  <si>
    <t>103527053.0</t>
  </si>
  <si>
    <t>4093579.0</t>
  </si>
  <si>
    <t>2087323.0</t>
  </si>
  <si>
    <t>1190446.0</t>
  </si>
  <si>
    <t>286413.0</t>
  </si>
  <si>
    <t>240027.0</t>
  </si>
  <si>
    <t>260157865.0</t>
  </si>
  <si>
    <t>156313972.0</t>
  </si>
  <si>
    <t>104314315.0</t>
  </si>
  <si>
    <t>4320556.0</t>
  </si>
  <si>
    <t>1308394.0</t>
  </si>
  <si>
    <t>1233393.0</t>
  </si>
  <si>
    <t>120.83</t>
  </si>
  <si>
    <t>72.6</t>
  </si>
  <si>
    <t>304629.0</t>
  </si>
  <si>
    <t>165126.0</t>
  </si>
  <si>
    <t>260683274.0</t>
  </si>
  <si>
    <t>156420266.0</t>
  </si>
  <si>
    <t>104630777.0</t>
  </si>
  <si>
    <t>4428544.0</t>
  </si>
  <si>
    <t>525409.0</t>
  </si>
  <si>
    <t>1219084.0</t>
  </si>
  <si>
    <t>121.07</t>
  </si>
  <si>
    <t>303935.0</t>
  </si>
  <si>
    <t>90224.0</t>
  </si>
  <si>
    <t>261824131.0</t>
  </si>
  <si>
    <t>156558619.0</t>
  </si>
  <si>
    <t>105223364.0</t>
  </si>
  <si>
    <t>4839664.0</t>
  </si>
  <si>
    <t>1140857.0</t>
  </si>
  <si>
    <t>1237034.0</t>
  </si>
  <si>
    <t>121.6</t>
  </si>
  <si>
    <t>282589.0</t>
  </si>
  <si>
    <t>263569544.0</t>
  </si>
  <si>
    <t>156892317.0</t>
  </si>
  <si>
    <t>106356335.0</t>
  </si>
  <si>
    <t>5137429.0</t>
  </si>
  <si>
    <t>1745413.0</t>
  </si>
  <si>
    <t>1429769.0</t>
  </si>
  <si>
    <t>314167.0</t>
  </si>
  <si>
    <t>265607325.0</t>
  </si>
  <si>
    <t>157322792.0</t>
  </si>
  <si>
    <t>107582227.0</t>
  </si>
  <si>
    <t>5525142.0</t>
  </si>
  <si>
    <t>2037781.0</t>
  </si>
  <si>
    <t>1597257.0</t>
  </si>
  <si>
    <t>123.36</t>
  </si>
  <si>
    <t>73.07</t>
  </si>
  <si>
    <t>360571.0</t>
  </si>
  <si>
    <t>13245.0</t>
  </si>
  <si>
    <t>266620080.0</t>
  </si>
  <si>
    <t>157475037.0</t>
  </si>
  <si>
    <t>108197260.0</t>
  </si>
  <si>
    <t>5771569.0</t>
  </si>
  <si>
    <t>1012755.0</t>
  </si>
  <si>
    <t>1408276.0</t>
  </si>
  <si>
    <t>123.83</t>
  </si>
  <si>
    <t>278293.0</t>
  </si>
  <si>
    <t>267964026.0</t>
  </si>
  <si>
    <t>157679997.0</t>
  </si>
  <si>
    <t>108994434.0</t>
  </si>
  <si>
    <t>6117946.0</t>
  </si>
  <si>
    <t>1343946.0</t>
  </si>
  <si>
    <t>1302079.0</t>
  </si>
  <si>
    <t>73.23</t>
  </si>
  <si>
    <t>237742.0</t>
  </si>
  <si>
    <t>268638494.0</t>
  </si>
  <si>
    <t>157810514.0</t>
  </si>
  <si>
    <t>109422127.0</t>
  </si>
  <si>
    <t>6234557.0</t>
  </si>
  <si>
    <t>674468.0</t>
  </si>
  <si>
    <t>1211518.0</t>
  </si>
  <si>
    <t>124.77</t>
  </si>
  <si>
    <t>213792.0</t>
  </si>
  <si>
    <t>269442502.0</t>
  </si>
  <si>
    <t>157986323.0</t>
  </si>
  <si>
    <t>109945760.0</t>
  </si>
  <si>
    <t>6340977.0</t>
  </si>
  <si>
    <t>804008.0</t>
  </si>
  <si>
    <t>1251318.0</t>
  </si>
  <si>
    <t>125.14</t>
  </si>
  <si>
    <t>223722.0</t>
  </si>
  <si>
    <t>271861944.0</t>
  </si>
  <si>
    <t>158281322.0</t>
  </si>
  <si>
    <t>111550520.0</t>
  </si>
  <si>
    <t>6864893.0</t>
  </si>
  <si>
    <t>2419442.0</t>
  </si>
  <si>
    <t>1433973.0</t>
  </si>
  <si>
    <t>126.26</t>
  </si>
  <si>
    <t>246100.0</t>
  </si>
  <si>
    <t>273720279.0</t>
  </si>
  <si>
    <t>158619663.0</t>
  </si>
  <si>
    <t>112584033.0</t>
  </si>
  <si>
    <t>7348675.0</t>
  </si>
  <si>
    <t>1858335.0</t>
  </si>
  <si>
    <t>1450105.0</t>
  </si>
  <si>
    <t>127.13</t>
  </si>
  <si>
    <t>246764.0</t>
  </si>
  <si>
    <t>275436454.0</t>
  </si>
  <si>
    <t>158890656.0</t>
  </si>
  <si>
    <t>113647161.0</t>
  </si>
  <si>
    <t>7732904.0</t>
  </si>
  <si>
    <t>1716175.0</t>
  </si>
  <si>
    <t>1404161.0</t>
  </si>
  <si>
    <t>127.92</t>
  </si>
  <si>
    <t>223981.0</t>
  </si>
  <si>
    <t>277057532.0</t>
  </si>
  <si>
    <t>159171324.0</t>
  </si>
  <si>
    <t>114610870.0</t>
  </si>
  <si>
    <t>8109625.0</t>
  </si>
  <si>
    <t>1621078.0</t>
  </si>
  <si>
    <t>1491065.0</t>
  </si>
  <si>
    <t>128.68</t>
  </si>
  <si>
    <t>6925.0</t>
  </si>
  <si>
    <t>242327.0</t>
  </si>
  <si>
    <t>64750853.0</t>
  </si>
  <si>
    <t>302.114</t>
  </si>
  <si>
    <t>278686713.0</t>
  </si>
  <si>
    <t>159412919.0</t>
  </si>
  <si>
    <t>115562494.0</t>
  </si>
  <si>
    <t>8548187.0</t>
  </si>
  <si>
    <t>1629181.0</t>
  </si>
  <si>
    <t>1531812.0</t>
  </si>
  <si>
    <t>7114.0</t>
  </si>
  <si>
    <t>247560.0</t>
  </si>
  <si>
    <t>11425.0</t>
  </si>
  <si>
    <t>279265141.0</t>
  </si>
  <si>
    <t>159518249.0</t>
  </si>
  <si>
    <t>115897379.0</t>
  </si>
  <si>
    <t>8687173.0</t>
  </si>
  <si>
    <t>578428.0</t>
  </si>
  <si>
    <t>1518092.0</t>
  </si>
  <si>
    <t>243962.0</t>
  </si>
  <si>
    <t>279666131.0</t>
  </si>
  <si>
    <t>159589151.0</t>
  </si>
  <si>
    <t>116117550.0</t>
  </si>
  <si>
    <t>8798263.0</t>
  </si>
  <si>
    <t>400990.0</t>
  </si>
  <si>
    <t>1460518.0</t>
  </si>
  <si>
    <t>129.89</t>
  </si>
  <si>
    <t>228975.0</t>
  </si>
  <si>
    <t>636740.0</t>
  </si>
  <si>
    <t>9.65</t>
  </si>
  <si>
    <t>2957.26922915155</t>
  </si>
  <si>
    <t>279959241.0</t>
  </si>
  <si>
    <t>159631476.0</t>
  </si>
  <si>
    <t>116288959.0</t>
  </si>
  <si>
    <t>8877862.0</t>
  </si>
  <si>
    <t>293110.0</t>
  </si>
  <si>
    <t>1156757.0</t>
  </si>
  <si>
    <t>130.02</t>
  </si>
  <si>
    <t>54.01</t>
  </si>
  <si>
    <t>192879.0</t>
  </si>
  <si>
    <t>280181200.0</t>
  </si>
  <si>
    <t>159667965.0</t>
  </si>
  <si>
    <t>116399784.0</t>
  </si>
  <si>
    <t>8952577.0</t>
  </si>
  <si>
    <t>221959.0</t>
  </si>
  <si>
    <t>922989.0</t>
  </si>
  <si>
    <t>130.13</t>
  </si>
  <si>
    <t>149757.0</t>
  </si>
  <si>
    <t>281228625.0</t>
  </si>
  <si>
    <t>159792323.0</t>
  </si>
  <si>
    <t>117020085.0</t>
  </si>
  <si>
    <t>9256939.0</t>
  </si>
  <si>
    <t>1047425.0</t>
  </si>
  <si>
    <t>827453.0</t>
  </si>
  <si>
    <t>128810.0</t>
  </si>
  <si>
    <t>282661800.0</t>
  </si>
  <si>
    <t>160056071.0</t>
  </si>
  <si>
    <t>117929773.0</t>
  </si>
  <si>
    <t>9518430.0</t>
  </si>
  <si>
    <t>1433175.0</t>
  </si>
  <si>
    <t>800610.0</t>
  </si>
  <si>
    <t>131.28</t>
  </si>
  <si>
    <t>126392.0</t>
  </si>
  <si>
    <t>284683953.0</t>
  </si>
  <si>
    <t>160333906.0</t>
  </si>
  <si>
    <t>119243098.0</t>
  </si>
  <si>
    <t>9942921.0</t>
  </si>
  <si>
    <t>2022153.0</t>
  </si>
  <si>
    <t>856749.0</t>
  </si>
  <si>
    <t>131570.0</t>
  </si>
  <si>
    <t>285378181.0</t>
  </si>
  <si>
    <t>160423951.0</t>
  </si>
  <si>
    <t>119655284.0</t>
  </si>
  <si>
    <t>10135262.0</t>
  </si>
  <si>
    <t>694228.0</t>
  </si>
  <si>
    <t>873291.0</t>
  </si>
  <si>
    <t>129386.0</t>
  </si>
  <si>
    <t>285943124.0</t>
  </si>
  <si>
    <t>160707880.0</t>
  </si>
  <si>
    <t>119901571.0</t>
  </si>
  <si>
    <t>10172914.0</t>
  </si>
  <si>
    <t>564943.0</t>
  </si>
  <si>
    <t>896713.0</t>
  </si>
  <si>
    <t>132.8</t>
  </si>
  <si>
    <t>159818.0</t>
  </si>
  <si>
    <t>64755932.0</t>
  </si>
  <si>
    <t>302.137</t>
  </si>
  <si>
    <t>287531811.0</t>
  </si>
  <si>
    <t>160971992.0</t>
  </si>
  <si>
    <t>120880423.0</t>
  </si>
  <si>
    <t>10547189.0</t>
  </si>
  <si>
    <t>1588687.0</t>
  </si>
  <si>
    <t>1081796.0</t>
  </si>
  <si>
    <t>191502.0</t>
  </si>
  <si>
    <t>288956195.0</t>
  </si>
  <si>
    <t>161179478.0</t>
  </si>
  <si>
    <t>121738604.0</t>
  </si>
  <si>
    <t>10886116.0</t>
  </si>
  <si>
    <t>1424384.0</t>
  </si>
  <si>
    <t>1253571.0</t>
  </si>
  <si>
    <t>134.2</t>
  </si>
  <si>
    <t>74.86</t>
  </si>
  <si>
    <t>56.54</t>
  </si>
  <si>
    <t>5822.0</t>
  </si>
  <si>
    <t>215930.0</t>
  </si>
  <si>
    <t>290429521.0</t>
  </si>
  <si>
    <t>161412780.0</t>
  </si>
  <si>
    <t>122635903.0</t>
  </si>
  <si>
    <t>11230958.0</t>
  </si>
  <si>
    <t>1473326.0</t>
  </si>
  <si>
    <t>1314414.0</t>
  </si>
  <si>
    <t>134.89</t>
  </si>
  <si>
    <t>231494.0</t>
  </si>
  <si>
    <t>292021210.0</t>
  </si>
  <si>
    <t>161690791.0</t>
  </si>
  <si>
    <t>123598784.0</t>
  </si>
  <si>
    <t>11584564.0</t>
  </si>
  <si>
    <t>1591689.0</t>
  </si>
  <si>
    <t>1337059.0</t>
  </si>
  <si>
    <t>135.63</t>
  </si>
  <si>
    <t>233531.0</t>
  </si>
  <si>
    <t>17626.0</t>
  </si>
  <si>
    <t>293253508.0</t>
  </si>
  <si>
    <t>161743151.0</t>
  </si>
  <si>
    <t>124416550.0</t>
  </si>
  <si>
    <t>11947900.0</t>
  </si>
  <si>
    <t>1232298.0</t>
  </si>
  <si>
    <t>1224222.0</t>
  </si>
  <si>
    <t>136.2</t>
  </si>
  <si>
    <t>201321.0</t>
  </si>
  <si>
    <t>21906.0</t>
  </si>
  <si>
    <t>293936446.0</t>
  </si>
  <si>
    <t>161814220.0</t>
  </si>
  <si>
    <t>124872035.0</t>
  </si>
  <si>
    <t>12105575.0</t>
  </si>
  <si>
    <t>682938.0</t>
  </si>
  <si>
    <t>1222609.0</t>
  </si>
  <si>
    <t>136.52</t>
  </si>
  <si>
    <t>198610.0</t>
  </si>
  <si>
    <t>26186.0</t>
  </si>
  <si>
    <t>294339583.0</t>
  </si>
  <si>
    <t>161908494.0</t>
  </si>
  <si>
    <t>125123667.0</t>
  </si>
  <si>
    <t>12162832.0</t>
  </si>
  <si>
    <t>403137.0</t>
  </si>
  <si>
    <t>1199494.0</t>
  </si>
  <si>
    <t>171516.0</t>
  </si>
  <si>
    <t>30465.0</t>
  </si>
  <si>
    <t>294928227.0</t>
  </si>
  <si>
    <t>161973124.0</t>
  </si>
  <si>
    <t>125467475.0</t>
  </si>
  <si>
    <t>12343281.0</t>
  </si>
  <si>
    <t>588644.0</t>
  </si>
  <si>
    <t>1056631.0</t>
  </si>
  <si>
    <t>136.98</t>
  </si>
  <si>
    <t>143019.0</t>
  </si>
  <si>
    <t>295624622.0</t>
  </si>
  <si>
    <t>162028086.0</t>
  </si>
  <si>
    <t>125915845.0</t>
  </si>
  <si>
    <t>12537109.0</t>
  </si>
  <si>
    <t>696395.0</t>
  </si>
  <si>
    <t>952632.0</t>
  </si>
  <si>
    <t>137.3</t>
  </si>
  <si>
    <t>121230.0</t>
  </si>
  <si>
    <t>297253230.0</t>
  </si>
  <si>
    <t>162257537.0</t>
  </si>
  <si>
    <t>126961439.0</t>
  </si>
  <si>
    <t>12891623.0</t>
  </si>
  <si>
    <t>1628608.0</t>
  </si>
  <si>
    <t>974816.0</t>
  </si>
  <si>
    <t>138.06</t>
  </si>
  <si>
    <t>120680.0</t>
  </si>
  <si>
    <t>298447729.0</t>
  </si>
  <si>
    <t>162397679.0</t>
  </si>
  <si>
    <t>127639599.0</t>
  </si>
  <si>
    <t>13268488.0</t>
  </si>
  <si>
    <t>1194499.0</t>
  </si>
  <si>
    <t>918074.0</t>
  </si>
  <si>
    <t>138.61</t>
  </si>
  <si>
    <t>100984.0</t>
  </si>
  <si>
    <t>299734733.0</t>
  </si>
  <si>
    <t>162554502.0</t>
  </si>
  <si>
    <t>128377050.0</t>
  </si>
  <si>
    <t>13665714.0</t>
  </si>
  <si>
    <t>1287004.0</t>
  </si>
  <si>
    <t>925889.0</t>
  </si>
  <si>
    <t>139.21</t>
  </si>
  <si>
    <t>115907.0</t>
  </si>
  <si>
    <t>300573489.0</t>
  </si>
  <si>
    <t>162688776.0</t>
  </si>
  <si>
    <t>128851409.0</t>
  </si>
  <si>
    <t>13896415.0</t>
  </si>
  <si>
    <t>838756.0</t>
  </si>
  <si>
    <t>948149.0</t>
  </si>
  <si>
    <t>124937.0</t>
  </si>
  <si>
    <t>301182753.0</t>
  </si>
  <si>
    <t>162812584.0</t>
  </si>
  <si>
    <t>129200205.0</t>
  </si>
  <si>
    <t>14033709.0</t>
  </si>
  <si>
    <t>609264.0</t>
  </si>
  <si>
    <t>977596.0</t>
  </si>
  <si>
    <t>139.88</t>
  </si>
  <si>
    <t>129156.0</t>
  </si>
  <si>
    <t>65182444.0</t>
  </si>
  <si>
    <t>304.127</t>
  </si>
  <si>
    <t>302331069.0</t>
  </si>
  <si>
    <t>162957786.0</t>
  </si>
  <si>
    <t>129832016.0</t>
  </si>
  <si>
    <t>14406374.0</t>
  </si>
  <si>
    <t>1148316.0</t>
  </si>
  <si>
    <t>1057549.0</t>
  </si>
  <si>
    <t>140666.0</t>
  </si>
  <si>
    <t>26756.0</t>
  </si>
  <si>
    <t>303515430.0</t>
  </si>
  <si>
    <t>163108526.0</t>
  </si>
  <si>
    <t>130530871.0</t>
  </si>
  <si>
    <t>14741803.0</t>
  </si>
  <si>
    <t>1184361.0</t>
  </si>
  <si>
    <t>1127258.0</t>
  </si>
  <si>
    <t>154349.0</t>
  </si>
  <si>
    <t>65191446.0</t>
  </si>
  <si>
    <t>304.169</t>
  </si>
  <si>
    <t>23047.0</t>
  </si>
  <si>
    <t>304659197.0</t>
  </si>
  <si>
    <t>163216460.0</t>
  </si>
  <si>
    <t>131215922.0</t>
  </si>
  <si>
    <t>15093083.0</t>
  </si>
  <si>
    <t>1143767.0</t>
  </si>
  <si>
    <t>1057995.0</t>
  </si>
  <si>
    <t>141.5</t>
  </si>
  <si>
    <t>136989.0</t>
  </si>
  <si>
    <t>22544.0</t>
  </si>
  <si>
    <t>305503188.0</t>
  </si>
  <si>
    <t>163342820.0</t>
  </si>
  <si>
    <t>131709249.0</t>
  </si>
  <si>
    <t>15316348.0</t>
  </si>
  <si>
    <t>843991.0</t>
  </si>
  <si>
    <t>1007923.0</t>
  </si>
  <si>
    <t>141.89</t>
  </si>
  <si>
    <t>135020.0</t>
  </si>
  <si>
    <t>22042.0</t>
  </si>
  <si>
    <t>306741882.0</t>
  </si>
  <si>
    <t>163546806.0</t>
  </si>
  <si>
    <t>132395866.0</t>
  </si>
  <si>
    <t>15662595.0</t>
  </si>
  <si>
    <t>1238694.0</t>
  </si>
  <si>
    <t>1001021.0</t>
  </si>
  <si>
    <t>142.46</t>
  </si>
  <si>
    <t>75.96</t>
  </si>
  <si>
    <t>141758.0</t>
  </si>
  <si>
    <t>21540.0</t>
  </si>
  <si>
    <t>307205318.0</t>
  </si>
  <si>
    <t>163607249.0</t>
  </si>
  <si>
    <t>132667094.0</t>
  </si>
  <si>
    <t>15794900.0</t>
  </si>
  <si>
    <t>947404.0</t>
  </si>
  <si>
    <t>142.68</t>
  </si>
  <si>
    <t>131210.0</t>
  </si>
  <si>
    <t>21038.0</t>
  </si>
  <si>
    <t>307583387.0</t>
  </si>
  <si>
    <t>163684746.0</t>
  </si>
  <si>
    <t>132895365.0</t>
  </si>
  <si>
    <t>15889956.0</t>
  </si>
  <si>
    <t>378069.0</t>
  </si>
  <si>
    <t>914376.0</t>
  </si>
  <si>
    <t>142.85</t>
  </si>
  <si>
    <t>124595.0</t>
  </si>
  <si>
    <t>20535.0</t>
  </si>
  <si>
    <t>307817825.0</t>
  </si>
  <si>
    <t>163706613.0</t>
  </si>
  <si>
    <t>133029594.0</t>
  </si>
  <si>
    <t>15967140.0</t>
  </si>
  <si>
    <t>234438.0</t>
  </si>
  <si>
    <t>783822.0</t>
  </si>
  <si>
    <t>142.96</t>
  </si>
  <si>
    <t>106975.0</t>
  </si>
  <si>
    <t>23742.0</t>
  </si>
  <si>
    <t>309486607.0</t>
  </si>
  <si>
    <t>163926497.0</t>
  </si>
  <si>
    <t>133911230.0</t>
  </si>
  <si>
    <t>16537956.0</t>
  </si>
  <si>
    <t>1668782.0</t>
  </si>
  <si>
    <t>853025.0</t>
  </si>
  <si>
    <t>143.74</t>
  </si>
  <si>
    <t>116853.0</t>
  </si>
  <si>
    <t>648359.9</t>
  </si>
  <si>
    <t>3011.2365827273</t>
  </si>
  <si>
    <t>65380088.0</t>
  </si>
  <si>
    <t>305.049</t>
  </si>
  <si>
    <t>310770495.0</t>
  </si>
  <si>
    <t>164159539.0</t>
  </si>
  <si>
    <t>134636857.0</t>
  </si>
  <si>
    <t>16866381.0</t>
  </si>
  <si>
    <t>1283888.0</t>
  </si>
  <si>
    <t>873043.0</t>
  </si>
  <si>
    <t>144.33</t>
  </si>
  <si>
    <t>4055.0</t>
  </si>
  <si>
    <t>134726.0</t>
  </si>
  <si>
    <t>24032.0</t>
  </si>
  <si>
    <t>311950389.0</t>
  </si>
  <si>
    <t>164290464.0</t>
  </si>
  <si>
    <t>135324508.0</t>
  </si>
  <si>
    <t>17229559.0</t>
  </si>
  <si>
    <t>1179894.0</t>
  </si>
  <si>
    <t>921029.0</t>
  </si>
  <si>
    <t>144.88</t>
  </si>
  <si>
    <t>135378.0</t>
  </si>
  <si>
    <t>313665030.0</t>
  </si>
  <si>
    <t>164457496.0</t>
  </si>
  <si>
    <t>136438552.0</t>
  </si>
  <si>
    <t>17665501.0</t>
  </si>
  <si>
    <t>1714641.0</t>
  </si>
  <si>
    <t>989021.0</t>
  </si>
  <si>
    <t>130099.0</t>
  </si>
  <si>
    <t>18198.0</t>
  </si>
  <si>
    <t>314450780.0</t>
  </si>
  <si>
    <t>164543599.0</t>
  </si>
  <si>
    <t>136830588.0</t>
  </si>
  <si>
    <t>17974402.0</t>
  </si>
  <si>
    <t>785750.0</t>
  </si>
  <si>
    <t>1035066.0</t>
  </si>
  <si>
    <t>133764.0</t>
  </si>
  <si>
    <t>15281.0</t>
  </si>
  <si>
    <t>314612221.0</t>
  </si>
  <si>
    <t>164589731.0</t>
  </si>
  <si>
    <t>136905306.0</t>
  </si>
  <si>
    <t>18014777.0</t>
  </si>
  <si>
    <t>161441.0</t>
  </si>
  <si>
    <t>1004119.0</t>
  </si>
  <si>
    <t>146.12</t>
  </si>
  <si>
    <t>129284.0</t>
  </si>
  <si>
    <t>12364.0</t>
  </si>
  <si>
    <t>315518302.0</t>
  </si>
  <si>
    <t>164604790.0</t>
  </si>
  <si>
    <t>137355248.0</t>
  </si>
  <si>
    <t>18457123.0</t>
  </si>
  <si>
    <t>906081.0</t>
  </si>
  <si>
    <t>1100068.0</t>
  </si>
  <si>
    <t>146.54</t>
  </si>
  <si>
    <t>128311.0</t>
  </si>
  <si>
    <t>316677030.0</t>
  </si>
  <si>
    <t>164711745.0</t>
  </si>
  <si>
    <t>137905915.0</t>
  </si>
  <si>
    <t>18958874.0</t>
  </si>
  <si>
    <t>1158728.0</t>
  </si>
  <si>
    <t>1027203.0</t>
  </si>
  <si>
    <t>147.08</t>
  </si>
  <si>
    <t>112178.0</t>
  </si>
  <si>
    <t>317474217.0</t>
  </si>
  <si>
    <t>164800426.0</t>
  </si>
  <si>
    <t>138249795.0</t>
  </si>
  <si>
    <t>19322836.0</t>
  </si>
  <si>
    <t>797187.0</t>
  </si>
  <si>
    <t>957675.0</t>
  </si>
  <si>
    <t>147.45</t>
  </si>
  <si>
    <t>318799260.0</t>
  </si>
  <si>
    <t>164914808.0</t>
  </si>
  <si>
    <t>138924356.0</t>
  </si>
  <si>
    <t>19859727.0</t>
  </si>
  <si>
    <t>1325043.0</t>
  </si>
  <si>
    <t>978410.0</t>
  </si>
  <si>
    <t>148.06</t>
  </si>
  <si>
    <t>64.52</t>
  </si>
  <si>
    <t>89192.0</t>
  </si>
  <si>
    <t>319739095.0</t>
  </si>
  <si>
    <t>139320682.0</t>
  </si>
  <si>
    <t>20304256.0</t>
  </si>
  <si>
    <t>939835.0</t>
  </si>
  <si>
    <t>867724.0</t>
  </si>
  <si>
    <t>148.5</t>
  </si>
  <si>
    <t>65877.0</t>
  </si>
  <si>
    <t>319980117.0</t>
  </si>
  <si>
    <t>139389518.0</t>
  </si>
  <si>
    <t>20456996.0</t>
  </si>
  <si>
    <t>241022.0</t>
  </si>
  <si>
    <t>789905.0</t>
  </si>
  <si>
    <t>148.61</t>
  </si>
  <si>
    <t>54123.0</t>
  </si>
  <si>
    <t>320112450.0</t>
  </si>
  <si>
    <t>139421689.0</t>
  </si>
  <si>
    <t>20544800.0</t>
  </si>
  <si>
    <t>132333.0</t>
  </si>
  <si>
    <t>785747.0</t>
  </si>
  <si>
    <t>148.67</t>
  </si>
  <si>
    <t>64.75</t>
  </si>
  <si>
    <t>48079.0</t>
  </si>
  <si>
    <t>320737938.0</t>
  </si>
  <si>
    <t>139783903.0</t>
  </si>
  <si>
    <t>20966748.0</t>
  </si>
  <si>
    <t>625488.0</t>
  </si>
  <si>
    <t>745662.0</t>
  </si>
  <si>
    <t>148.96</t>
  </si>
  <si>
    <t>46475.0</t>
  </si>
  <si>
    <t>321601407.0</t>
  </si>
  <si>
    <t>164933940.0</t>
  </si>
  <si>
    <t>140151965.0</t>
  </si>
  <si>
    <t>21417495.0</t>
  </si>
  <si>
    <t>863469.0</t>
  </si>
  <si>
    <t>703482.0</t>
  </si>
  <si>
    <t>149.36</t>
  </si>
  <si>
    <t>31742.0</t>
  </si>
  <si>
    <t>322902290.0</t>
  </si>
  <si>
    <t>165135181.0</t>
  </si>
  <si>
    <t>140902990.0</t>
  </si>
  <si>
    <t>21767091.0</t>
  </si>
  <si>
    <t>1300883.0</t>
  </si>
  <si>
    <t>775439.0</t>
  </si>
  <si>
    <t>149.97</t>
  </si>
  <si>
    <t>47822.0</t>
  </si>
  <si>
    <t>323831095.0</t>
  </si>
  <si>
    <t>165279022.0</t>
  </si>
  <si>
    <t>141175069.0</t>
  </si>
  <si>
    <t>22280659.0</t>
  </si>
  <si>
    <t>928805.0</t>
  </si>
  <si>
    <t>718834.0</t>
  </si>
  <si>
    <t>150.4</t>
  </si>
  <si>
    <t>52031.0</t>
  </si>
  <si>
    <t>324589549.0</t>
  </si>
  <si>
    <t>165393977.0</t>
  </si>
  <si>
    <t>141411665.0</t>
  </si>
  <si>
    <t>22689115.0</t>
  </si>
  <si>
    <t>758454.0</t>
  </si>
  <si>
    <t>692922.0</t>
  </si>
  <si>
    <t>150.75</t>
  </si>
  <si>
    <t>65.68</t>
  </si>
  <si>
    <t>67906.0</t>
  </si>
  <si>
    <t>324798686.0</t>
  </si>
  <si>
    <t>165409165.0</t>
  </si>
  <si>
    <t>141474540.0</t>
  </si>
  <si>
    <t>22820476.0</t>
  </si>
  <si>
    <t>209137.0</t>
  </si>
  <si>
    <t>688367.0</t>
  </si>
  <si>
    <t>150.85</t>
  </si>
  <si>
    <t>69529.0</t>
  </si>
  <si>
    <t>65497639.0</t>
  </si>
  <si>
    <t>305.598</t>
  </si>
  <si>
    <t>324846680.0</t>
  </si>
  <si>
    <t>165417886.0</t>
  </si>
  <si>
    <t>141488098.0</t>
  </si>
  <si>
    <t>22846232.0</t>
  </si>
  <si>
    <t>47994.0</t>
  </si>
  <si>
    <t>676319.0</t>
  </si>
  <si>
    <t>150.87</t>
  </si>
  <si>
    <t>70228.0</t>
  </si>
  <si>
    <t>325593485.0</t>
  </si>
  <si>
    <t>165471288.0</t>
  </si>
  <si>
    <t>141702263.0</t>
  </si>
  <si>
    <t>23326643.0</t>
  </si>
  <si>
    <t>746805.0</t>
  </si>
  <si>
    <t>693650.0</t>
  </si>
  <si>
    <t>151.22</t>
  </si>
  <si>
    <t>77311.0</t>
  </si>
  <si>
    <t>19021.0</t>
  </si>
  <si>
    <t>326335565.0</t>
  </si>
  <si>
    <t>165554570.0</t>
  </si>
  <si>
    <t>141915573.0</t>
  </si>
  <si>
    <t>23775890.0</t>
  </si>
  <si>
    <t>742080.0</t>
  </si>
  <si>
    <t>676308.0</t>
  </si>
  <si>
    <t>151.56</t>
  </si>
  <si>
    <t>65.91</t>
  </si>
  <si>
    <t>88661.0</t>
  </si>
  <si>
    <t>25267.0</t>
  </si>
  <si>
    <t>327562756.0</t>
  </si>
  <si>
    <t>165836442.0</t>
  </si>
  <si>
    <t>142378728.0</t>
  </si>
  <si>
    <t>24268862.0</t>
  </si>
  <si>
    <t>1227191.0</t>
  </si>
  <si>
    <t>665781.0</t>
  </si>
  <si>
    <t>152.13</t>
  </si>
  <si>
    <t>100180.0</t>
  </si>
  <si>
    <t>31512.0</t>
  </si>
  <si>
    <t>328473878.0</t>
  </si>
  <si>
    <t>165894312.0</t>
  </si>
  <si>
    <t>24687765.0</t>
  </si>
  <si>
    <t>911122.0</t>
  </si>
  <si>
    <t>663255.0</t>
  </si>
  <si>
    <t>152.56</t>
  </si>
  <si>
    <t>87899.0</t>
  </si>
  <si>
    <t>37757.0</t>
  </si>
  <si>
    <t>574100.0</t>
  </si>
  <si>
    <t>73538.0</t>
  </si>
  <si>
    <t>44003.0</t>
  </si>
  <si>
    <t>563419.0</t>
  </si>
  <si>
    <t>73430.0</t>
  </si>
  <si>
    <t>50248.0</t>
  </si>
  <si>
    <t>575759.0</t>
  </si>
  <si>
    <t>74246.0</t>
  </si>
  <si>
    <t>329011365.0</t>
  </si>
  <si>
    <t>165952037.0</t>
  </si>
  <si>
    <t>142764283.0</t>
  </si>
  <si>
    <t>25218893.0</t>
  </si>
  <si>
    <t>488269.0</t>
  </si>
  <si>
    <t>152.81</t>
  </si>
  <si>
    <t>329861730.0</t>
  </si>
  <si>
    <t>166062249.0</t>
  </si>
  <si>
    <t>142965728.0</t>
  </si>
  <si>
    <t>25758909.0</t>
  </si>
  <si>
    <t>850365.0</t>
  </si>
  <si>
    <t>503738.0</t>
  </si>
  <si>
    <t>153.2</t>
  </si>
  <si>
    <t>11.96</t>
  </si>
  <si>
    <t>72526.0</t>
  </si>
  <si>
    <t>330718457.0</t>
  </si>
  <si>
    <t>166143380.0</t>
  </si>
  <si>
    <t>143282084.0</t>
  </si>
  <si>
    <t>26219623.0</t>
  </si>
  <si>
    <t>856727.0</t>
  </si>
  <si>
    <t>450814.0</t>
  </si>
  <si>
    <t>153.6</t>
  </si>
  <si>
    <t>77.16</t>
  </si>
  <si>
    <t>43848.0</t>
  </si>
  <si>
    <t>331164041.0</t>
  </si>
  <si>
    <t>166185628.0</t>
  </si>
  <si>
    <t>143398692.0</t>
  </si>
  <si>
    <t>26507937.0</t>
  </si>
  <si>
    <t>445584.0</t>
  </si>
  <si>
    <t>384309.0</t>
  </si>
  <si>
    <t>153.81</t>
  </si>
  <si>
    <t>41617.0</t>
  </si>
  <si>
    <t>66100617.0</t>
  </si>
  <si>
    <t>308.411</t>
  </si>
  <si>
    <t>331273910.0</t>
  </si>
  <si>
    <t>166195505.0</t>
  </si>
  <si>
    <t>143436012.0</t>
  </si>
  <si>
    <t>26571077.0</t>
  </si>
  <si>
    <t>109869.0</t>
  </si>
  <si>
    <t>380809.0</t>
  </si>
  <si>
    <t>40966.0</t>
  </si>
  <si>
    <t>666455.6</t>
  </si>
  <si>
    <t>3095.28008052853</t>
  </si>
  <si>
    <t>43249.0</t>
  </si>
  <si>
    <t>331292259.0</t>
  </si>
  <si>
    <t>166199307.0</t>
  </si>
  <si>
    <t>143441284.0</t>
  </si>
  <si>
    <t>26580353.0</t>
  </si>
  <si>
    <t>18349.0</t>
  </si>
  <si>
    <t>364234.0</t>
  </si>
  <si>
    <t>39448.0</t>
  </si>
  <si>
    <t>36249.0</t>
  </si>
  <si>
    <t>331335826.0</t>
  </si>
  <si>
    <t>166206716.0</t>
  </si>
  <si>
    <t>143462401.0</t>
  </si>
  <si>
    <t>26595450.0</t>
  </si>
  <si>
    <t>43567.0</t>
  </si>
  <si>
    <t>351262.0</t>
  </si>
  <si>
    <t>153.89</t>
  </si>
  <si>
    <t>66.63</t>
  </si>
  <si>
    <t>38444.0</t>
  </si>
  <si>
    <t>29250.0</t>
  </si>
  <si>
    <t>332076818.0</t>
  </si>
  <si>
    <t>166320650.0</t>
  </si>
  <si>
    <t>143723393.0</t>
  </si>
  <si>
    <t>27021302.0</t>
  </si>
  <si>
    <t>740992.0</t>
  </si>
  <si>
    <t>437922.0</t>
  </si>
  <si>
    <t>154.23</t>
  </si>
  <si>
    <t>52659.0</t>
  </si>
  <si>
    <t>332903332.0</t>
  </si>
  <si>
    <t>166426973.0</t>
  </si>
  <si>
    <t>143762375.0</t>
  </si>
  <si>
    <t>27644424.0</t>
  </si>
  <si>
    <t>826514.0</t>
  </si>
  <si>
    <t>434515.0</t>
  </si>
  <si>
    <t>154.61</t>
  </si>
  <si>
    <t>15251.0</t>
  </si>
  <si>
    <t>333627875.0</t>
  </si>
  <si>
    <t>166475764.0</t>
  </si>
  <si>
    <t>143877220.0</t>
  </si>
  <si>
    <t>28208100.0</t>
  </si>
  <si>
    <t>724543.0</t>
  </si>
  <si>
    <t>415631.0</t>
  </si>
  <si>
    <t>154.95</t>
  </si>
  <si>
    <t>47483.0</t>
  </si>
  <si>
    <t>427514.0</t>
  </si>
  <si>
    <t>46546.0</t>
  </si>
  <si>
    <t>487356.0</t>
  </si>
  <si>
    <t>50234.0</t>
  </si>
  <si>
    <t>560272.0</t>
  </si>
  <si>
    <t>54789.0</t>
  </si>
  <si>
    <t>335742922.0</t>
  </si>
  <si>
    <t>166618516.0</t>
  </si>
  <si>
    <t>144380523.0</t>
  </si>
  <si>
    <t>29681866.0</t>
  </si>
  <si>
    <t>629585.0</t>
  </si>
  <si>
    <t>58829.0</t>
  </si>
  <si>
    <t>336825920.0</t>
  </si>
  <si>
    <t>166713275.0</t>
  </si>
  <si>
    <t>144723824.0</t>
  </si>
  <si>
    <t>30328376.0</t>
  </si>
  <si>
    <t>1082998.0</t>
  </si>
  <si>
    <t>678443.0</t>
  </si>
  <si>
    <t>156.44</t>
  </si>
  <si>
    <t>56089.0</t>
  </si>
  <si>
    <t>337655171.0</t>
  </si>
  <si>
    <t>166769657.0</t>
  </si>
  <si>
    <t>144866950.0</t>
  </si>
  <si>
    <t>30964122.0</t>
  </si>
  <si>
    <t>829251.0</t>
  </si>
  <si>
    <t>678834.0</t>
  </si>
  <si>
    <t>156.82</t>
  </si>
  <si>
    <t>48955.0</t>
  </si>
  <si>
    <t>338386118.0</t>
  </si>
  <si>
    <t>166772188.0</t>
  </si>
  <si>
    <t>145005051.0</t>
  </si>
  <si>
    <t>31555580.0</t>
  </si>
  <si>
    <t>730947.0</t>
  </si>
  <si>
    <t>679749.0</t>
  </si>
  <si>
    <t>42346.0</t>
  </si>
  <si>
    <t>339257036.0</t>
  </si>
  <si>
    <t>166833338.0</t>
  </si>
  <si>
    <t>145252463.0</t>
  </si>
  <si>
    <t>32119256.0</t>
  </si>
  <si>
    <t>870918.0</t>
  </si>
  <si>
    <t>728628.0</t>
  </si>
  <si>
    <t>157.56</t>
  </si>
  <si>
    <t>45984.0</t>
  </si>
  <si>
    <t>339988963.0</t>
  </si>
  <si>
    <t>166870347.0</t>
  </si>
  <si>
    <t>145379254.0</t>
  </si>
  <si>
    <t>32689339.0</t>
  </si>
  <si>
    <t>731927.0</t>
  </si>
  <si>
    <t>757652.0</t>
  </si>
  <si>
    <t>157.9</t>
  </si>
  <si>
    <t>46172.0</t>
  </si>
  <si>
    <t>66119400.0</t>
  </si>
  <si>
    <t>308.499</t>
  </si>
  <si>
    <t>340281915.0</t>
  </si>
  <si>
    <t>166909237.0</t>
  </si>
  <si>
    <t>145459361.0</t>
  </si>
  <si>
    <t>32865633.0</t>
  </si>
  <si>
    <t>292952.0</t>
  </si>
  <si>
    <t>723965.0</t>
  </si>
  <si>
    <t>158.04</t>
  </si>
  <si>
    <t>46630.0</t>
  </si>
  <si>
    <t>343352666.0</t>
  </si>
  <si>
    <t>167093156.0</t>
  </si>
  <si>
    <t>146291728.0</t>
  </si>
  <si>
    <t>34925304.0</t>
  </si>
  <si>
    <t>3070751.0</t>
  </si>
  <si>
    <t>1087106.0</t>
  </si>
  <si>
    <t>159.47</t>
  </si>
  <si>
    <t>67806.0</t>
  </si>
  <si>
    <t>347329271.0</t>
  </si>
  <si>
    <t>167330250.0</t>
  </si>
  <si>
    <t>147223765.0</t>
  </si>
  <si>
    <t>37734662.0</t>
  </si>
  <si>
    <t>3976605.0</t>
  </si>
  <si>
    <t>1500479.0</t>
  </si>
  <si>
    <t>88139.0</t>
  </si>
  <si>
    <t>66120342.0</t>
  </si>
  <si>
    <t>308.503</t>
  </si>
  <si>
    <t>348164653.0</t>
  </si>
  <si>
    <t>167385859.0</t>
  </si>
  <si>
    <t>147536850.0</t>
  </si>
  <si>
    <t>38204173.0</t>
  </si>
  <si>
    <t>835382.0</t>
  </si>
  <si>
    <t>1501355.0</t>
  </si>
  <si>
    <t>161.7</t>
  </si>
  <si>
    <t>88029.0</t>
  </si>
  <si>
    <t>12239.0</t>
  </si>
  <si>
    <t>349495232.0</t>
  </si>
  <si>
    <t>167547304.0</t>
  </si>
  <si>
    <t>147737978.0</t>
  </si>
  <si>
    <t>39175254.0</t>
  </si>
  <si>
    <t>1330579.0</t>
  </si>
  <si>
    <t>1587016.0</t>
  </si>
  <si>
    <t>68.62</t>
  </si>
  <si>
    <t>110731.0</t>
  </si>
  <si>
    <t>23629.0</t>
  </si>
  <si>
    <t>350629268.0</t>
  </si>
  <si>
    <t>167751970.0</t>
  </si>
  <si>
    <t>148043971.0</t>
  </si>
  <si>
    <t>39815665.0</t>
  </si>
  <si>
    <t>1134036.0</t>
  </si>
  <si>
    <t>1624605.0</t>
  </si>
  <si>
    <t>7545.0</t>
  </si>
  <si>
    <t>131233.0</t>
  </si>
  <si>
    <t>35018.0</t>
  </si>
  <si>
    <t>351485976.0</t>
  </si>
  <si>
    <t>167875050.0</t>
  </si>
  <si>
    <t>148225622.0</t>
  </si>
  <si>
    <t>40368648.0</t>
  </si>
  <si>
    <t>856708.0</t>
  </si>
  <si>
    <t>1642430.0</t>
  </si>
  <si>
    <t>352744905.0</t>
  </si>
  <si>
    <t>168014778.0</t>
  </si>
  <si>
    <t>148534163.0</t>
  </si>
  <si>
    <t>41179575.0</t>
  </si>
  <si>
    <t>1258929.0</t>
  </si>
  <si>
    <t>1780427.0</t>
  </si>
  <si>
    <t>163.83</t>
  </si>
  <si>
    <t>157934.0</t>
  </si>
  <si>
    <t>57930.0</t>
  </si>
  <si>
    <t>352952210.0</t>
  </si>
  <si>
    <t>168090877.0</t>
  </si>
  <si>
    <t>148571660.0</t>
  </si>
  <si>
    <t>41273385.0</t>
  </si>
  <si>
    <t>207305.0</t>
  </si>
  <si>
    <t>1371363.0</t>
  </si>
  <si>
    <t>163.92</t>
  </si>
  <si>
    <t>6369.0</t>
  </si>
  <si>
    <t>142532.0</t>
  </si>
  <si>
    <t>66606202.0</t>
  </si>
  <si>
    <t>310.77</t>
  </si>
  <si>
    <t>354878131.0</t>
  </si>
  <si>
    <t>168341120.0</t>
  </si>
  <si>
    <t>148929430.0</t>
  </si>
  <si>
    <t>42592544.0</t>
  </si>
  <si>
    <t>1925921.0</t>
  </si>
  <si>
    <t>1078409.0</t>
  </si>
  <si>
    <t>144410.0</t>
  </si>
  <si>
    <t>80090.0</t>
  </si>
  <si>
    <t>355987219.0</t>
  </si>
  <si>
    <t>168546490.0</t>
  </si>
  <si>
    <t>149165531.0</t>
  </si>
  <si>
    <t>43260640.0</t>
  </si>
  <si>
    <t>1109088.0</t>
  </si>
  <si>
    <t>1117509.0</t>
  </si>
  <si>
    <t>165804.0</t>
  </si>
  <si>
    <t>79203.0</t>
  </si>
  <si>
    <t>357132990.0</t>
  </si>
  <si>
    <t>168921071.0</t>
  </si>
  <si>
    <t>149273731.0</t>
  </si>
  <si>
    <t>43930017.0</t>
  </si>
  <si>
    <t>1145771.0</t>
  </si>
  <si>
    <t>1091108.0</t>
  </si>
  <si>
    <t>196252.0</t>
  </si>
  <si>
    <t>78317.0</t>
  </si>
  <si>
    <t>358789930.0</t>
  </si>
  <si>
    <t>169261105.0</t>
  </si>
  <si>
    <t>149542396.0</t>
  </si>
  <si>
    <t>44986684.0</t>
  </si>
  <si>
    <t>1656940.0</t>
  </si>
  <si>
    <t>1165809.0</t>
  </si>
  <si>
    <t>215591.0</t>
  </si>
  <si>
    <t>77430.0</t>
  </si>
  <si>
    <t>360492730.0</t>
  </si>
  <si>
    <t>169619416.0</t>
  </si>
  <si>
    <t>149714068.0</t>
  </si>
  <si>
    <t>46174206.0</t>
  </si>
  <si>
    <t>1702800.0</t>
  </si>
  <si>
    <t>1286679.0</t>
  </si>
  <si>
    <t>167.43</t>
  </si>
  <si>
    <t>69.53</t>
  </si>
  <si>
    <t>249195.0</t>
  </si>
  <si>
    <t>76544.0</t>
  </si>
  <si>
    <t>361165196.0</t>
  </si>
  <si>
    <t>169825847.0</t>
  </si>
  <si>
    <t>149779557.0</t>
  </si>
  <si>
    <t>46576117.0</t>
  </si>
  <si>
    <t>672466.0</t>
  </si>
  <si>
    <t>1202899.0</t>
  </si>
  <si>
    <t>258724.0</t>
  </si>
  <si>
    <t>75657.0</t>
  </si>
  <si>
    <t>361309679.0</t>
  </si>
  <si>
    <t>169865538.0</t>
  </si>
  <si>
    <t>149793528.0</t>
  </si>
  <si>
    <t>46667050.0</t>
  </si>
  <si>
    <t>144483.0</t>
  </si>
  <si>
    <t>1193924.0</t>
  </si>
  <si>
    <t>167.81</t>
  </si>
  <si>
    <t>253523.0</t>
  </si>
  <si>
    <t>74770.0</t>
  </si>
  <si>
    <t>362503209.0</t>
  </si>
  <si>
    <t>170322125.0</t>
  </si>
  <si>
    <t>149930855.0</t>
  </si>
  <si>
    <t>47268419.0</t>
  </si>
  <si>
    <t>1193530.0</t>
  </si>
  <si>
    <t>1089297.0</t>
  </si>
  <si>
    <t>168.36</t>
  </si>
  <si>
    <t>283001.0</t>
  </si>
  <si>
    <t>719557.9</t>
  </si>
  <si>
    <t>25.15</t>
  </si>
  <si>
    <t>3341.90790002656</t>
  </si>
  <si>
    <t>67204366.0</t>
  </si>
  <si>
    <t>313.561</t>
  </si>
  <si>
    <t>363827251.0</t>
  </si>
  <si>
    <t>170599221.0</t>
  </si>
  <si>
    <t>150040841.0</t>
  </si>
  <si>
    <t>48206588.0</t>
  </si>
  <si>
    <t>1324042.0</t>
  </si>
  <si>
    <t>1120005.0</t>
  </si>
  <si>
    <t>168.98</t>
  </si>
  <si>
    <t>293247.0</t>
  </si>
  <si>
    <t>73999.0</t>
  </si>
  <si>
    <t>365113872.0</t>
  </si>
  <si>
    <t>170911850.0</t>
  </si>
  <si>
    <t>150259405.0</t>
  </si>
  <si>
    <t>48964197.0</t>
  </si>
  <si>
    <t>1286621.0</t>
  </si>
  <si>
    <t>1140126.0</t>
  </si>
  <si>
    <t>284397.0</t>
  </si>
  <si>
    <t>73228.0</t>
  </si>
  <si>
    <t>366488450.0</t>
  </si>
  <si>
    <t>171219037.0</t>
  </si>
  <si>
    <t>150497414.0</t>
  </si>
  <si>
    <t>49796615.0</t>
  </si>
  <si>
    <t>1374578.0</t>
  </si>
  <si>
    <t>1099789.0</t>
  </si>
  <si>
    <t>170.21</t>
  </si>
  <si>
    <t>279705.0</t>
  </si>
  <si>
    <t>72457.0</t>
  </si>
  <si>
    <t>367778211.0</t>
  </si>
  <si>
    <t>171783306.0</t>
  </si>
  <si>
    <t>150682483.0</t>
  </si>
  <si>
    <t>50350832.0</t>
  </si>
  <si>
    <t>1289761.0</t>
  </si>
  <si>
    <t>1040783.0</t>
  </si>
  <si>
    <t>170.81</t>
  </si>
  <si>
    <t>79.78</t>
  </si>
  <si>
    <t>309127.0</t>
  </si>
  <si>
    <t>71686.0</t>
  </si>
  <si>
    <t>368572365.0</t>
  </si>
  <si>
    <t>172107474.0</t>
  </si>
  <si>
    <t>150764876.0</t>
  </si>
  <si>
    <t>50739982.0</t>
  </si>
  <si>
    <t>794154.0</t>
  </si>
  <si>
    <t>1058167.0</t>
  </si>
  <si>
    <t>171.18</t>
  </si>
  <si>
    <t>4915.0</t>
  </si>
  <si>
    <t>325947.0</t>
  </si>
  <si>
    <t>70914.0</t>
  </si>
  <si>
    <t>369521071.0</t>
  </si>
  <si>
    <t>172186641.0</t>
  </si>
  <si>
    <t>150868539.0</t>
  </si>
  <si>
    <t>51506685.0</t>
  </si>
  <si>
    <t>948706.0</t>
  </si>
  <si>
    <t>1173056.0</t>
  </si>
  <si>
    <t>171.62</t>
  </si>
  <si>
    <t>79.97</t>
  </si>
  <si>
    <t>331586.0</t>
  </si>
  <si>
    <t>70143.0</t>
  </si>
  <si>
    <t>370659862.0</t>
  </si>
  <si>
    <t>172652514.0</t>
  </si>
  <si>
    <t>150995915.0</t>
  </si>
  <si>
    <t>52053080.0</t>
  </si>
  <si>
    <t>1138791.0</t>
  </si>
  <si>
    <t>1165236.0</t>
  </si>
  <si>
    <t>172.15</t>
  </si>
  <si>
    <t>80.19</t>
  </si>
  <si>
    <t>5412.0</t>
  </si>
  <si>
    <t>332913.0</t>
  </si>
  <si>
    <t>67689970.0</t>
  </si>
  <si>
    <t>315.827</t>
  </si>
  <si>
    <t>69372.0</t>
  </si>
  <si>
    <t>371840433.0</t>
  </si>
  <si>
    <t>172885945.0</t>
  </si>
  <si>
    <t>151169160.0</t>
  </si>
  <si>
    <t>52827090.0</t>
  </si>
  <si>
    <t>1180571.0</t>
  </si>
  <si>
    <t>1144740.0</t>
  </si>
  <si>
    <t>172.7</t>
  </si>
  <si>
    <t>80.29</t>
  </si>
  <si>
    <t>326675.0</t>
  </si>
  <si>
    <t>373331749.0</t>
  </si>
  <si>
    <t>172995877.0</t>
  </si>
  <si>
    <t>151496825.0</t>
  </si>
  <si>
    <t>53864593.0</t>
  </si>
  <si>
    <t>1491316.0</t>
  </si>
  <si>
    <t>1173982.0</t>
  </si>
  <si>
    <t>173.39</t>
  </si>
  <si>
    <t>70.36</t>
  </si>
  <si>
    <t>297718.0</t>
  </si>
  <si>
    <t>129185.0</t>
  </si>
  <si>
    <t>375028165.0</t>
  </si>
  <si>
    <t>173402815.0</t>
  </si>
  <si>
    <t>151866862.0</t>
  </si>
  <si>
    <t>54786812.0</t>
  </si>
  <si>
    <t>1696416.0</t>
  </si>
  <si>
    <t>1219959.0</t>
  </si>
  <si>
    <t>174.18</t>
  </si>
  <si>
    <t>311968.0</t>
  </si>
  <si>
    <t>159092.0</t>
  </si>
  <si>
    <t>376813738.0</t>
  </si>
  <si>
    <t>173901090.0</t>
  </si>
  <si>
    <t>152092266.0</t>
  </si>
  <si>
    <t>55852904.0</t>
  </si>
  <si>
    <t>1785573.0</t>
  </si>
  <si>
    <t>1290790.0</t>
  </si>
  <si>
    <t>175.01</t>
  </si>
  <si>
    <t>302541.0</t>
  </si>
  <si>
    <t>188999.0</t>
  </si>
  <si>
    <t>377626315.0</t>
  </si>
  <si>
    <t>174117725.0</t>
  </si>
  <si>
    <t>152194707.0</t>
  </si>
  <si>
    <t>56346995.0</t>
  </si>
  <si>
    <t>812577.0</t>
  </si>
  <si>
    <t>1293421.0</t>
  </si>
  <si>
    <t>175.38</t>
  </si>
  <si>
    <t>287179.0</t>
  </si>
  <si>
    <t>218905.0</t>
  </si>
  <si>
    <t>378011196.0</t>
  </si>
  <si>
    <t>174214439.0</t>
  </si>
  <si>
    <t>152338804.0</t>
  </si>
  <si>
    <t>56491813.0</t>
  </si>
  <si>
    <t>384881.0</t>
  </si>
  <si>
    <t>1212875.0</t>
  </si>
  <si>
    <t>175.56</t>
  </si>
  <si>
    <t>5633.0</t>
  </si>
  <si>
    <t>289685.0</t>
  </si>
  <si>
    <t>248812.0</t>
  </si>
  <si>
    <t>378917750.0</t>
  </si>
  <si>
    <t>174420792.0</t>
  </si>
  <si>
    <t>152482989.0</t>
  </si>
  <si>
    <t>57031422.0</t>
  </si>
  <si>
    <t>906554.0</t>
  </si>
  <si>
    <t>1179698.0</t>
  </si>
  <si>
    <t>175.98</t>
  </si>
  <si>
    <t>252611.0</t>
  </si>
  <si>
    <t>69640999.0</t>
  </si>
  <si>
    <t>324.93</t>
  </si>
  <si>
    <t>278718.0</t>
  </si>
  <si>
    <t>379776348.0</t>
  </si>
  <si>
    <t>174665423.0</t>
  </si>
  <si>
    <t>152576040.0</t>
  </si>
  <si>
    <t>57563050.0</t>
  </si>
  <si>
    <t>858598.0</t>
  </si>
  <si>
    <t>1133702.0</t>
  </si>
  <si>
    <t>176.38</t>
  </si>
  <si>
    <t>81.12</t>
  </si>
  <si>
    <t>5265.0</t>
  </si>
  <si>
    <t>254211.0</t>
  </si>
  <si>
    <t>241677.0</t>
  </si>
  <si>
    <t>380878261.0</t>
  </si>
  <si>
    <t>174949012.0</t>
  </si>
  <si>
    <t>152751771.0</t>
  </si>
  <si>
    <t>58207145.0</t>
  </si>
  <si>
    <t>1101913.0</t>
  </si>
  <si>
    <t>1078073.0</t>
  </si>
  <si>
    <t>176.89</t>
  </si>
  <si>
    <t>5007.0</t>
  </si>
  <si>
    <t>279019.0</t>
  </si>
  <si>
    <t>204636.0</t>
  </si>
  <si>
    <t>382196732.0</t>
  </si>
  <si>
    <t>175209007.0</t>
  </si>
  <si>
    <t>152934928.0</t>
  </si>
  <si>
    <t>59085282.0</t>
  </si>
  <si>
    <t>1318471.0</t>
  </si>
  <si>
    <t>1024081.0</t>
  </si>
  <si>
    <t>177.51</t>
  </si>
  <si>
    <t>258027.0</t>
  </si>
  <si>
    <t>167595.0</t>
  </si>
  <si>
    <t>384112607.0</t>
  </si>
  <si>
    <t>175933938.0</t>
  </si>
  <si>
    <t>153259174.0</t>
  </si>
  <si>
    <t>59954912.0</t>
  </si>
  <si>
    <t>1915875.0</t>
  </si>
  <si>
    <t>1042696.0</t>
  </si>
  <si>
    <t>178.4</t>
  </si>
  <si>
    <t>290407.0</t>
  </si>
  <si>
    <t>130553.0</t>
  </si>
  <si>
    <t>385030790.0</t>
  </si>
  <si>
    <t>176141497.0</t>
  </si>
  <si>
    <t>153450986.0</t>
  </si>
  <si>
    <t>60474794.0</t>
  </si>
  <si>
    <t>918183.0</t>
  </si>
  <si>
    <t>1057782.0</t>
  </si>
  <si>
    <t>178.82</t>
  </si>
  <si>
    <t>289110.0</t>
  </si>
  <si>
    <t>93512.0</t>
  </si>
  <si>
    <t>385406305.0</t>
  </si>
  <si>
    <t>176222268.0</t>
  </si>
  <si>
    <t>153503892.0</t>
  </si>
  <si>
    <t>60718386.0</t>
  </si>
  <si>
    <t>375515.0</t>
  </si>
  <si>
    <t>1056444.0</t>
  </si>
  <si>
    <t>286833.0</t>
  </si>
  <si>
    <t>56471.0</t>
  </si>
  <si>
    <t>386298288.0</t>
  </si>
  <si>
    <t>176406587.0</t>
  </si>
  <si>
    <t>153654205.0</t>
  </si>
  <si>
    <t>61279432.0</t>
  </si>
  <si>
    <t>891983.0</t>
  </si>
  <si>
    <t>1054363.0</t>
  </si>
  <si>
    <t>179.41</t>
  </si>
  <si>
    <t>283685.0</t>
  </si>
  <si>
    <t>387226162.0</t>
  </si>
  <si>
    <t>176625569.0</t>
  </si>
  <si>
    <t>153776069.0</t>
  </si>
  <si>
    <t>61867668.0</t>
  </si>
  <si>
    <t>927874.0</t>
  </si>
  <si>
    <t>1064259.0</t>
  </si>
  <si>
    <t>179.84</t>
  </si>
  <si>
    <t>280021.0</t>
  </si>
  <si>
    <t>388306875.0</t>
  </si>
  <si>
    <t>176920320.0</t>
  </si>
  <si>
    <t>154064354.0</t>
  </si>
  <si>
    <t>62367146.0</t>
  </si>
  <si>
    <t>1080713.0</t>
  </si>
  <si>
    <t>1061231.0</t>
  </si>
  <si>
    <t>180.34</t>
  </si>
  <si>
    <t>281615.0</t>
  </si>
  <si>
    <t>389748374.0</t>
  </si>
  <si>
    <t>177174489.0</t>
  </si>
  <si>
    <t>154310603.0</t>
  </si>
  <si>
    <t>63304898.0</t>
  </si>
  <si>
    <t>1441499.0</t>
  </si>
  <si>
    <t>1078806.0</t>
  </si>
  <si>
    <t>181.01</t>
  </si>
  <si>
    <t>280783.0</t>
  </si>
  <si>
    <t>391253145.0</t>
  </si>
  <si>
    <t>177448925.0</t>
  </si>
  <si>
    <t>154573852.0</t>
  </si>
  <si>
    <t>64282472.0</t>
  </si>
  <si>
    <t>1504771.0</t>
  </si>
  <si>
    <t>1020077.0</t>
  </si>
  <si>
    <t>181.71</t>
  </si>
  <si>
    <t>216427.0</t>
  </si>
  <si>
    <t>391785022.0</t>
  </si>
  <si>
    <t>177544796.0</t>
  </si>
  <si>
    <t>154668487.0</t>
  </si>
  <si>
    <t>64624776.0</t>
  </si>
  <si>
    <t>531877.0</t>
  </si>
  <si>
    <t>964890.0</t>
  </si>
  <si>
    <t>181.96</t>
  </si>
  <si>
    <t>200471.0</t>
  </si>
  <si>
    <t>391970436.0</t>
  </si>
  <si>
    <t>177579708.0</t>
  </si>
  <si>
    <t>154719004.0</t>
  </si>
  <si>
    <t>64725099.0</t>
  </si>
  <si>
    <t>185414.0</t>
  </si>
  <si>
    <t>937733.0</t>
  </si>
  <si>
    <t>193920.0</t>
  </si>
  <si>
    <t>392763634.0</t>
  </si>
  <si>
    <t>177742258.0</t>
  </si>
  <si>
    <t>155044552.0</t>
  </si>
  <si>
    <t>65031675.0</t>
  </si>
  <si>
    <t>793198.0</t>
  </si>
  <si>
    <t>923621.0</t>
  </si>
  <si>
    <t>182.41</t>
  </si>
  <si>
    <t>190810.0</t>
  </si>
  <si>
    <t>750845.4</t>
  </si>
  <si>
    <t>3487.21926888524</t>
  </si>
  <si>
    <t>392925626.0</t>
  </si>
  <si>
    <t>177836868.0</t>
  </si>
  <si>
    <t>155071690.0</t>
  </si>
  <si>
    <t>65073212.0</t>
  </si>
  <si>
    <t>814209.0</t>
  </si>
  <si>
    <t>182.49</t>
  </si>
  <si>
    <t>30.22</t>
  </si>
  <si>
    <t>173043.0</t>
  </si>
  <si>
    <t>744548.0</t>
  </si>
  <si>
    <t>141712.0</t>
  </si>
  <si>
    <t>69951873.0</t>
  </si>
  <si>
    <t>326.38</t>
  </si>
  <si>
    <t>394111796.0</t>
  </si>
  <si>
    <t>177987744.0</t>
  </si>
  <si>
    <t>155380086.0</t>
  </si>
  <si>
    <t>65802661.0</t>
  </si>
  <si>
    <t>623346.0</t>
  </si>
  <si>
    <t>183.04</t>
  </si>
  <si>
    <t>116179.0</t>
  </si>
  <si>
    <t>33999.0</t>
  </si>
  <si>
    <t>394812859.0</t>
  </si>
  <si>
    <t>178113009.0</t>
  </si>
  <si>
    <t>155569412.0</t>
  </si>
  <si>
    <t>66190014.0</t>
  </si>
  <si>
    <t>701063.0</t>
  </si>
  <si>
    <t>508531.0</t>
  </si>
  <si>
    <t>183.37</t>
  </si>
  <si>
    <t>72.25</t>
  </si>
  <si>
    <t>94869.0</t>
  </si>
  <si>
    <t>48569.0</t>
  </si>
  <si>
    <t>395464826.0</t>
  </si>
  <si>
    <t>178203894.0</t>
  </si>
  <si>
    <t>155711613.0</t>
  </si>
  <si>
    <t>66609966.0</t>
  </si>
  <si>
    <t>651967.0</t>
  </si>
  <si>
    <t>525686.0</t>
  </si>
  <si>
    <t>94157.0</t>
  </si>
  <si>
    <t>63139.0</t>
  </si>
  <si>
    <t>395658972.0</t>
  </si>
  <si>
    <t>178245534.0</t>
  </si>
  <si>
    <t>155740455.0</t>
  </si>
  <si>
    <t>66734054.0</t>
  </si>
  <si>
    <t>194146.0</t>
  </si>
  <si>
    <t>526934.0</t>
  </si>
  <si>
    <t>183.76</t>
  </si>
  <si>
    <t>95118.0</t>
  </si>
  <si>
    <t>77709.0</t>
  </si>
  <si>
    <t>396537303.0</t>
  </si>
  <si>
    <t>178366451.0</t>
  </si>
  <si>
    <t>155930535.0</t>
  </si>
  <si>
    <t>67303447.0</t>
  </si>
  <si>
    <t>878331.0</t>
  </si>
  <si>
    <t>539096.0</t>
  </si>
  <si>
    <t>184.17</t>
  </si>
  <si>
    <t>89170.0</t>
  </si>
  <si>
    <t>92278.0</t>
  </si>
  <si>
    <t>397386286.0</t>
  </si>
  <si>
    <t>178486274.0</t>
  </si>
  <si>
    <t>156114741.0</t>
  </si>
  <si>
    <t>67849960.0</t>
  </si>
  <si>
    <t>848983.0</t>
  </si>
  <si>
    <t>637237.0</t>
  </si>
  <si>
    <t>92772.0</t>
  </si>
  <si>
    <t>106848.0</t>
  </si>
  <si>
    <t>398449118.0</t>
  </si>
  <si>
    <t>178657742.0</t>
  </si>
  <si>
    <t>156339809.0</t>
  </si>
  <si>
    <t>68529303.0</t>
  </si>
  <si>
    <t>1062832.0</t>
  </si>
  <si>
    <t>704344.0</t>
  </si>
  <si>
    <t>106491.0</t>
  </si>
  <si>
    <t>121418.0</t>
  </si>
  <si>
    <t>400536072.0</t>
  </si>
  <si>
    <t>179288492.0</t>
  </si>
  <si>
    <t>157250835.0</t>
  </si>
  <si>
    <t>69072506.0</t>
  </si>
  <si>
    <t>2086954.0</t>
  </si>
  <si>
    <t>917754.0</t>
  </si>
  <si>
    <t>186.02</t>
  </si>
  <si>
    <t>185821.0</t>
  </si>
  <si>
    <t>70923215.0</t>
  </si>
  <si>
    <t>330.912</t>
  </si>
  <si>
    <t>401272006.0</t>
  </si>
  <si>
    <t>179411783.0</t>
  </si>
  <si>
    <t>157418571.0</t>
  </si>
  <si>
    <t>69520035.0</t>
  </si>
  <si>
    <t>735934.0</t>
  </si>
  <si>
    <t>922735.0</t>
  </si>
  <si>
    <t>186.37</t>
  </si>
  <si>
    <t>185539.0</t>
  </si>
  <si>
    <t>402357624.0</t>
  </si>
  <si>
    <t>179715577.0</t>
  </si>
  <si>
    <t>157623243.0</t>
  </si>
  <si>
    <t>70098817.0</t>
  </si>
  <si>
    <t>1085618.0</t>
  </si>
  <si>
    <t>984685.0</t>
  </si>
  <si>
    <t>186.87</t>
  </si>
  <si>
    <t>32.56</t>
  </si>
  <si>
    <t>215955.0</t>
  </si>
  <si>
    <t>402573315.0</t>
  </si>
  <si>
    <t>179754579.0</t>
  </si>
  <si>
    <t>157662860.0</t>
  </si>
  <si>
    <t>70236716.0</t>
  </si>
  <si>
    <t>215691.0</t>
  </si>
  <si>
    <t>987763.0</t>
  </si>
  <si>
    <t>186.97</t>
  </si>
  <si>
    <t>83.49</t>
  </si>
  <si>
    <t>32.62</t>
  </si>
  <si>
    <t>215578.0</t>
  </si>
  <si>
    <t>403286505.0</t>
  </si>
  <si>
    <t>179853602.0</t>
  </si>
  <si>
    <t>157830125.0</t>
  </si>
  <si>
    <t>70685742.0</t>
  </si>
  <si>
    <t>713190.0</t>
  </si>
  <si>
    <t>964172.0</t>
  </si>
  <si>
    <t>212450.0</t>
  </si>
  <si>
    <t>403856898.0</t>
  </si>
  <si>
    <t>179913614.0</t>
  </si>
  <si>
    <t>157992526.0</t>
  </si>
  <si>
    <t>71035349.0</t>
  </si>
  <si>
    <t>570393.0</t>
  </si>
  <si>
    <t>924373.0</t>
  </si>
  <si>
    <t>187.57</t>
  </si>
  <si>
    <t>203906.0</t>
  </si>
  <si>
    <t>404885141.0</t>
  </si>
  <si>
    <t>180005705.0</t>
  </si>
  <si>
    <t>158245106.0</t>
  </si>
  <si>
    <t>71727611.0</t>
  </si>
  <si>
    <t>1028243.0</t>
  </si>
  <si>
    <t>919432.0</t>
  </si>
  <si>
    <t>188.04</t>
  </si>
  <si>
    <t>192566.0</t>
  </si>
  <si>
    <t>405634648.0</t>
  </si>
  <si>
    <t>180093699.0</t>
  </si>
  <si>
    <t>158439105.0</t>
  </si>
  <si>
    <t>72198007.0</t>
  </si>
  <si>
    <t>749507.0</t>
  </si>
  <si>
    <t>728368.0</t>
  </si>
  <si>
    <t>188.39</t>
  </si>
  <si>
    <t>115030.0</t>
  </si>
  <si>
    <t>406685448.0</t>
  </si>
  <si>
    <t>180265232.0</t>
  </si>
  <si>
    <t>158682962.0</t>
  </si>
  <si>
    <t>72838901.0</t>
  </si>
  <si>
    <t>1050800.0</t>
  </si>
  <si>
    <t>773349.0</t>
  </si>
  <si>
    <t>121921.0</t>
  </si>
  <si>
    <t>407274462.0</t>
  </si>
  <si>
    <t>180341198.0</t>
  </si>
  <si>
    <t>158832351.0</t>
  </si>
  <si>
    <t>73204533.0</t>
  </si>
  <si>
    <t>589014.0</t>
  </si>
  <si>
    <t>702405.0</t>
  </si>
  <si>
    <t>189.15</t>
  </si>
  <si>
    <t>89374.0</t>
  </si>
  <si>
    <t>407435784.0</t>
  </si>
  <si>
    <t>180360121.0</t>
  </si>
  <si>
    <t>158863543.0</t>
  </si>
  <si>
    <t>73315989.0</t>
  </si>
  <si>
    <t>161322.0</t>
  </si>
  <si>
    <t>694638.0</t>
  </si>
  <si>
    <t>189.23</t>
  </si>
  <si>
    <t>86506.0</t>
  </si>
  <si>
    <t>408348030.0</t>
  </si>
  <si>
    <t>180469257.0</t>
  </si>
  <si>
    <t>159101357.0</t>
  </si>
  <si>
    <t>73883571.0</t>
  </si>
  <si>
    <t>912246.0</t>
  </si>
  <si>
    <t>723075.0</t>
  </si>
  <si>
    <t>189.65</t>
  </si>
  <si>
    <t>87951.0</t>
  </si>
  <si>
    <t>408961974.0</t>
  </si>
  <si>
    <t>180523619.0</t>
  </si>
  <si>
    <t>159240417.0</t>
  </si>
  <si>
    <t>74304721.0</t>
  </si>
  <si>
    <t>729297.0</t>
  </si>
  <si>
    <t>189.94</t>
  </si>
  <si>
    <t>87144.0</t>
  </si>
  <si>
    <t>409606978.0</t>
  </si>
  <si>
    <t>180592464.0</t>
  </si>
  <si>
    <t>159388079.0</t>
  </si>
  <si>
    <t>74734058.0</t>
  </si>
  <si>
    <t>645004.0</t>
  </si>
  <si>
    <t>674548.0</t>
  </si>
  <si>
    <t>190.24</t>
  </si>
  <si>
    <t>34.71</t>
  </si>
  <si>
    <t>83823.0</t>
  </si>
  <si>
    <t>410175836.0</t>
  </si>
  <si>
    <t>180653782.0</t>
  </si>
  <si>
    <t>159513421.0</t>
  </si>
  <si>
    <t>75117268.0</t>
  </si>
  <si>
    <t>568858.0</t>
  </si>
  <si>
    <t>648741.0</t>
  </si>
  <si>
    <t>190.5</t>
  </si>
  <si>
    <t>34.89</t>
  </si>
  <si>
    <t>80012.0</t>
  </si>
  <si>
    <t>410860641.0</t>
  </si>
  <si>
    <t>180726798.0</t>
  </si>
  <si>
    <t>159673499.0</t>
  </si>
  <si>
    <t>75570590.0</t>
  </si>
  <si>
    <t>684805.0</t>
  </si>
  <si>
    <t>596456.0</t>
  </si>
  <si>
    <t>190.82</t>
  </si>
  <si>
    <t>65938.0</t>
  </si>
  <si>
    <t>411116197.0</t>
  </si>
  <si>
    <t>180757995.0</t>
  </si>
  <si>
    <t>159756178.0</t>
  </si>
  <si>
    <t>75715420.0</t>
  </si>
  <si>
    <t>255556.0</t>
  </si>
  <si>
    <t>548819.0</t>
  </si>
  <si>
    <t>190.94</t>
  </si>
  <si>
    <t>59542.0</t>
  </si>
  <si>
    <t>411548202.0</t>
  </si>
  <si>
    <t>180800024.0</t>
  </si>
  <si>
    <t>159842858.0</t>
  </si>
  <si>
    <t>76020080.0</t>
  </si>
  <si>
    <t>432005.0</t>
  </si>
  <si>
    <t>587488.0</t>
  </si>
  <si>
    <t>191.14</t>
  </si>
  <si>
    <t>62843.0</t>
  </si>
  <si>
    <t>412177025.0</t>
  </si>
  <si>
    <t>180881628.0</t>
  </si>
  <si>
    <t>160008924.0</t>
  </si>
  <si>
    <t>76412684.0</t>
  </si>
  <si>
    <t>628823.0</t>
  </si>
  <si>
    <t>546999.0</t>
  </si>
  <si>
    <t>191.43</t>
  </si>
  <si>
    <t>74.31</t>
  </si>
  <si>
    <t>35.49</t>
  </si>
  <si>
    <t>413559595.0</t>
  </si>
  <si>
    <t>181078067.0</t>
  </si>
  <si>
    <t>160272858.0</t>
  </si>
  <si>
    <t>77336806.0</t>
  </si>
  <si>
    <t>1382570.0</t>
  </si>
  <si>
    <t>656803.0</t>
  </si>
  <si>
    <t>192.07</t>
  </si>
  <si>
    <t>79207.0</t>
  </si>
  <si>
    <t>414606124.0</t>
  </si>
  <si>
    <t>181174361.0</t>
  </si>
  <si>
    <t>160525435.0</t>
  </si>
  <si>
    <t>78038061.0</t>
  </si>
  <si>
    <t>1046529.0</t>
  </si>
  <si>
    <t>714164.0</t>
  </si>
  <si>
    <t>192.56</t>
  </si>
  <si>
    <t>83128.0</t>
  </si>
  <si>
    <t>415350921.0</t>
  </si>
  <si>
    <t>181233281.0</t>
  </si>
  <si>
    <t>160706753.0</t>
  </si>
  <si>
    <t>78545054.0</t>
  </si>
  <si>
    <t>744797.0</t>
  </si>
  <si>
    <t>739298.0</t>
  </si>
  <si>
    <t>192.91</t>
  </si>
  <si>
    <t>82786.0</t>
  </si>
  <si>
    <t>758193.9</t>
  </si>
  <si>
    <t>3521.34857273049</t>
  </si>
  <si>
    <t>702163.0</t>
  </si>
  <si>
    <t>77578.0</t>
  </si>
  <si>
    <t>416625503.0</t>
  </si>
  <si>
    <t>181342972.0</t>
  </si>
  <si>
    <t>161015556.0</t>
  </si>
  <si>
    <t>79407896.0</t>
  </si>
  <si>
    <t>725329.0</t>
  </si>
  <si>
    <t>36.88</t>
  </si>
  <si>
    <t>77564.0</t>
  </si>
  <si>
    <t>417150367.0</t>
  </si>
  <si>
    <t>181374540.0</t>
  </si>
  <si>
    <t>161109802.0</t>
  </si>
  <si>
    <t>79808443.0</t>
  </si>
  <si>
    <t>524864.0</t>
  </si>
  <si>
    <t>710477.0</t>
  </si>
  <si>
    <t>193.74</t>
  </si>
  <si>
    <t>70416.0</t>
  </si>
  <si>
    <t>418081276.0</t>
  </si>
  <si>
    <t>181451944.0</t>
  </si>
  <si>
    <t>161296449.0</t>
  </si>
  <si>
    <t>80480994.0</t>
  </si>
  <si>
    <t>930909.0</t>
  </si>
  <si>
    <t>645954.0</t>
  </si>
  <si>
    <t>194.17</t>
  </si>
  <si>
    <t>53411.0</t>
  </si>
  <si>
    <t>418988804.0</t>
  </si>
  <si>
    <t>181544315.0</t>
  </si>
  <si>
    <t>161485597.0</t>
  </si>
  <si>
    <t>81135417.0</t>
  </si>
  <si>
    <t>907528.0</t>
  </si>
  <si>
    <t>626097.0</t>
  </si>
  <si>
    <t>194.59</t>
  </si>
  <si>
    <t>37.68</t>
  </si>
  <si>
    <t>52851.0</t>
  </si>
  <si>
    <t>419669076.0</t>
  </si>
  <si>
    <t>181596648.0</t>
  </si>
  <si>
    <t>161634006.0</t>
  </si>
  <si>
    <t>81617827.0</t>
  </si>
  <si>
    <t>680272.0</t>
  </si>
  <si>
    <t>616879.0</t>
  </si>
  <si>
    <t>51910.0</t>
  </si>
  <si>
    <t>420411074.0</t>
  </si>
  <si>
    <t>181652995.0</t>
  </si>
  <si>
    <t>161802142.0</t>
  </si>
  <si>
    <t>82140278.0</t>
  </si>
  <si>
    <t>741998.0</t>
  </si>
  <si>
    <t>662185.0</t>
  </si>
  <si>
    <t>195.26</t>
  </si>
  <si>
    <t>38.15</t>
  </si>
  <si>
    <t>54736.0</t>
  </si>
  <si>
    <t>420841281.0</t>
  </si>
  <si>
    <t>181687021.0</t>
  </si>
  <si>
    <t>161882738.0</t>
  </si>
  <si>
    <t>82460566.0</t>
  </si>
  <si>
    <t>430207.0</t>
  </si>
  <si>
    <t>662948.0</t>
  </si>
  <si>
    <t>195.46</t>
  </si>
  <si>
    <t>54373.0</t>
  </si>
  <si>
    <t>421028480.0</t>
  </si>
  <si>
    <t>181702093.0</t>
  </si>
  <si>
    <t>161924220.0</t>
  </si>
  <si>
    <t>82594423.0</t>
  </si>
  <si>
    <t>187199.0</t>
  </si>
  <si>
    <t>628997.0</t>
  </si>
  <si>
    <t>421634418.0</t>
  </si>
  <si>
    <t>181755180.0</t>
  </si>
  <si>
    <t>162079967.0</t>
  </si>
  <si>
    <t>82993482.0</t>
  </si>
  <si>
    <t>605938.0</t>
  </si>
  <si>
    <t>640579.0</t>
  </si>
  <si>
    <t>195.82</t>
  </si>
  <si>
    <t>54377.0</t>
  </si>
  <si>
    <t>422368139.0</t>
  </si>
  <si>
    <t>181810164.0</t>
  </si>
  <si>
    <t>162237061.0</t>
  </si>
  <si>
    <t>83518646.0</t>
  </si>
  <si>
    <t>733721.0</t>
  </si>
  <si>
    <t>612409.0</t>
  </si>
  <si>
    <t>196.16</t>
  </si>
  <si>
    <t>51174.0</t>
  </si>
  <si>
    <t>422804515.0</t>
  </si>
  <si>
    <t>181841381.0</t>
  </si>
  <si>
    <t>162328262.0</t>
  </si>
  <si>
    <t>83836874.0</t>
  </si>
  <si>
    <t>436376.0</t>
  </si>
  <si>
    <t>545102.0</t>
  </si>
  <si>
    <t>196.37</t>
  </si>
  <si>
    <t>38.94</t>
  </si>
  <si>
    <t>42438.0</t>
  </si>
  <si>
    <t>423594585.0</t>
  </si>
  <si>
    <t>181894974.0</t>
  </si>
  <si>
    <t>162490311.0</t>
  </si>
  <si>
    <t>84414525.0</t>
  </si>
  <si>
    <t>790070.0</t>
  </si>
  <si>
    <t>560787.0</t>
  </si>
  <si>
    <t>196.73</t>
  </si>
  <si>
    <t>42618.0</t>
  </si>
  <si>
    <t>476878.0</t>
  </si>
  <si>
    <t>38405.0</t>
  </si>
  <si>
    <t>437511.0</t>
  </si>
  <si>
    <t>37380.0</t>
  </si>
  <si>
    <t>424058492.0</t>
  </si>
  <si>
    <t>181975535.0</t>
  </si>
  <si>
    <t>162589368.0</t>
  </si>
  <si>
    <t>84700482.0</t>
  </si>
  <si>
    <t>432859.0</t>
  </si>
  <si>
    <t>39.34</t>
  </si>
  <si>
    <t>39063.0</t>
  </si>
  <si>
    <t>424403120.0</t>
  </si>
  <si>
    <t>182010643.0</t>
  </si>
  <si>
    <t>162689883.0</t>
  </si>
  <si>
    <t>84910442.0</t>
  </si>
  <si>
    <t>344628.0</t>
  </si>
  <si>
    <t>395529.0</t>
  </si>
  <si>
    <t>197.11</t>
  </si>
  <si>
    <t>36495.0</t>
  </si>
  <si>
    <t>425301193.0</t>
  </si>
  <si>
    <t>182287352.0</t>
  </si>
  <si>
    <t>162888301.0</t>
  </si>
  <si>
    <t>85336548.0</t>
  </si>
  <si>
    <t>898073.0</t>
  </si>
  <si>
    <t>419008.0</t>
  </si>
  <si>
    <t>197.53</t>
  </si>
  <si>
    <t>68170.0</t>
  </si>
  <si>
    <t>426002158.0</t>
  </si>
  <si>
    <t>182324186.0</t>
  </si>
  <si>
    <t>163106069.0</t>
  </si>
  <si>
    <t>85785089.0</t>
  </si>
  <si>
    <t>700965.0</t>
  </si>
  <si>
    <t>456806.0</t>
  </si>
  <si>
    <t>197.85</t>
  </si>
  <si>
    <t>39.84</t>
  </si>
  <si>
    <t>68972.0</t>
  </si>
  <si>
    <t>426445178.0</t>
  </si>
  <si>
    <t>182365678.0</t>
  </si>
  <si>
    <t>163228941.0</t>
  </si>
  <si>
    <t>86064638.0</t>
  </si>
  <si>
    <t>443020.0</t>
  </si>
  <si>
    <t>407228.0</t>
  </si>
  <si>
    <t>198.06</t>
  </si>
  <si>
    <t>67243.0</t>
  </si>
  <si>
    <t>402195.0</t>
  </si>
  <si>
    <t>426683997.0</t>
  </si>
  <si>
    <t>182395741.0</t>
  </si>
  <si>
    <t>163322265.0</t>
  </si>
  <si>
    <t>86180459.0</t>
  </si>
  <si>
    <t>397163.0</t>
  </si>
  <si>
    <t>198.17</t>
  </si>
  <si>
    <t>63866.0</t>
  </si>
  <si>
    <t>426686042.0</t>
  </si>
  <si>
    <t>182395817.0</t>
  </si>
  <si>
    <t>163322557.0</t>
  </si>
  <si>
    <t>86182146.0</t>
  </si>
  <si>
    <t>375364.0</t>
  </si>
  <si>
    <t>60040.0</t>
  </si>
  <si>
    <t>426987455.0</t>
  </si>
  <si>
    <t>182426996.0</t>
  </si>
  <si>
    <t>163400967.0</t>
  </si>
  <si>
    <t>86375300.0</t>
  </si>
  <si>
    <t>301413.0</t>
  </si>
  <si>
    <t>369191.0</t>
  </si>
  <si>
    <t>198.31</t>
  </si>
  <si>
    <t>84.73</t>
  </si>
  <si>
    <t>59479.0</t>
  </si>
  <si>
    <t>427262945.0</t>
  </si>
  <si>
    <t>182455170.0</t>
  </si>
  <si>
    <t>163481925.0</t>
  </si>
  <si>
    <t>86543564.0</t>
  </si>
  <si>
    <t>275490.0</t>
  </si>
  <si>
    <t>280250.0</t>
  </si>
  <si>
    <t>198.44</t>
  </si>
  <si>
    <t>23974.0</t>
  </si>
  <si>
    <t>428179278.0</t>
  </si>
  <si>
    <t>182519774.0</t>
  </si>
  <si>
    <t>163675729.0</t>
  </si>
  <si>
    <t>87204205.0</t>
  </si>
  <si>
    <t>916333.0</t>
  </si>
  <si>
    <t>311017.0</t>
  </si>
  <si>
    <t>198.86</t>
  </si>
  <si>
    <t>27941.0</t>
  </si>
  <si>
    <t>428748714.0</t>
  </si>
  <si>
    <t>182563727.0</t>
  </si>
  <si>
    <t>163815874.0</t>
  </si>
  <si>
    <t>87591331.0</t>
  </si>
  <si>
    <t>569436.0</t>
  </si>
  <si>
    <t>329077.0</t>
  </si>
  <si>
    <t>199.13</t>
  </si>
  <si>
    <t>84.79</t>
  </si>
  <si>
    <t>28293.0</t>
  </si>
  <si>
    <t>429202399.0</t>
  </si>
  <si>
    <t>182599066.0</t>
  </si>
  <si>
    <t>163923507.0</t>
  </si>
  <si>
    <t>87903408.0</t>
  </si>
  <si>
    <t>453685.0</t>
  </si>
  <si>
    <t>376830.0</t>
  </si>
  <si>
    <t>199.34</t>
  </si>
  <si>
    <t>31194.0</t>
  </si>
  <si>
    <t>389121.0</t>
  </si>
  <si>
    <t>30778.0</t>
  </si>
  <si>
    <t>760318.4</t>
  </si>
  <si>
    <t>23.79</t>
  </si>
  <si>
    <t>3531.21558042175</t>
  </si>
  <si>
    <t>429613287.0</t>
  </si>
  <si>
    <t>182623313.0</t>
  </si>
  <si>
    <t>163989684.0</t>
  </si>
  <si>
    <t>88224899.0</t>
  </si>
  <si>
    <t>418178.0</t>
  </si>
  <si>
    <t>199.53</t>
  </si>
  <si>
    <t>32499.0</t>
  </si>
  <si>
    <t>430000411.0</t>
  </si>
  <si>
    <t>182665767.0</t>
  </si>
  <si>
    <t>164101615.0</t>
  </si>
  <si>
    <t>88458624.0</t>
  </si>
  <si>
    <t>387124.0</t>
  </si>
  <si>
    <t>430422.0</t>
  </si>
  <si>
    <t>199.71</t>
  </si>
  <si>
    <t>84.84</t>
  </si>
  <si>
    <t>41.08</t>
  </si>
  <si>
    <t>34110.0</t>
  </si>
  <si>
    <t>430435333.0</t>
  </si>
  <si>
    <t>182707626.0</t>
  </si>
  <si>
    <t>164217813.0</t>
  </si>
  <si>
    <t>88736521.0</t>
  </si>
  <si>
    <t>434922.0</t>
  </si>
  <si>
    <t>453198.0</t>
  </si>
  <si>
    <t>199.91</t>
  </si>
  <si>
    <t>36065.0</t>
  </si>
  <si>
    <t>430951275.0</t>
  </si>
  <si>
    <t>182778371.0</t>
  </si>
  <si>
    <t>164385393.0</t>
  </si>
  <si>
    <t>89015754.0</t>
  </si>
  <si>
    <t>515942.0</t>
  </si>
  <si>
    <t>396000.0</t>
  </si>
  <si>
    <t>200.15</t>
  </si>
  <si>
    <t>36942.0</t>
  </si>
  <si>
    <t>431278922.0</t>
  </si>
  <si>
    <t>182800351.0</t>
  </si>
  <si>
    <t>164464910.0</t>
  </si>
  <si>
    <t>89242341.0</t>
  </si>
  <si>
    <t>327647.0</t>
  </si>
  <si>
    <t>361458.0</t>
  </si>
  <si>
    <t>41.45</t>
  </si>
  <si>
    <t>33803.0</t>
  </si>
  <si>
    <t>431859321.0</t>
  </si>
  <si>
    <t>182850462.0</t>
  </si>
  <si>
    <t>164564155.0</t>
  </si>
  <si>
    <t>89674756.0</t>
  </si>
  <si>
    <t>580399.0</t>
  </si>
  <si>
    <t>379560.0</t>
  </si>
  <si>
    <t>200.57</t>
  </si>
  <si>
    <t>35914.0</t>
  </si>
  <si>
    <t>432025086.0</t>
  </si>
  <si>
    <t>182860122.0</t>
  </si>
  <si>
    <t>164594075.0</t>
  </si>
  <si>
    <t>89801425.0</t>
  </si>
  <si>
    <t>165765.0</t>
  </si>
  <si>
    <t>373892.0</t>
  </si>
  <si>
    <t>200.65</t>
  </si>
  <si>
    <t>35562.0</t>
  </si>
  <si>
    <t>432134475.0</t>
  </si>
  <si>
    <t>182871051.0</t>
  </si>
  <si>
    <t>164611407.0</t>
  </si>
  <si>
    <t>89882749.0</t>
  </si>
  <si>
    <t>109389.0</t>
  </si>
  <si>
    <t>360170.0</t>
  </si>
  <si>
    <t>200.7</t>
  </si>
  <si>
    <t>41.75</t>
  </si>
  <si>
    <t>432354816.0</t>
  </si>
  <si>
    <t>182895357.0</t>
  </si>
  <si>
    <t>164655881.0</t>
  </si>
  <si>
    <t>90034922.0</t>
  </si>
  <si>
    <t>220341.0</t>
  </si>
  <si>
    <t>336344.0</t>
  </si>
  <si>
    <t>200.8</t>
  </si>
  <si>
    <t>32799.0</t>
  </si>
  <si>
    <t>432639345.0</t>
  </si>
  <si>
    <t>182912971.0</t>
  </si>
  <si>
    <t>164719113.0</t>
  </si>
  <si>
    <t>90239407.0</t>
  </si>
  <si>
    <t>284529.0</t>
  </si>
  <si>
    <t>314859.0</t>
  </si>
  <si>
    <t>200.93</t>
  </si>
  <si>
    <t>84.95</t>
  </si>
  <si>
    <t>29335.0</t>
  </si>
  <si>
    <t>434019486.0</t>
  </si>
  <si>
    <t>183059675.0</t>
  </si>
  <si>
    <t>165033358.0</t>
  </si>
  <si>
    <t>91160592.0</t>
  </si>
  <si>
    <t>1380141.0</t>
  </si>
  <si>
    <t>438316.0</t>
  </si>
  <si>
    <t>201.58</t>
  </si>
  <si>
    <t>85.02</t>
  </si>
  <si>
    <t>42.34</t>
  </si>
  <si>
    <t>40186.0</t>
  </si>
  <si>
    <t>435017274.0</t>
  </si>
  <si>
    <t>183119662.0</t>
  </si>
  <si>
    <t>165122240.0</t>
  </si>
  <si>
    <t>92022577.0</t>
  </si>
  <si>
    <t>997788.0</t>
  </si>
  <si>
    <t>534050.0</t>
  </si>
  <si>
    <t>202.04</t>
  </si>
  <si>
    <t>85.05</t>
  </si>
  <si>
    <t>45616.0</t>
  </si>
  <si>
    <t>435185477.0</t>
  </si>
  <si>
    <t>183131850.0</t>
  </si>
  <si>
    <t>165160304.0</t>
  </si>
  <si>
    <t>92140991.0</t>
  </si>
  <si>
    <t>168203.0</t>
  </si>
  <si>
    <t>475165.0</t>
  </si>
  <si>
    <t>40198.0</t>
  </si>
  <si>
    <t>435226309.0</t>
  </si>
  <si>
    <t>183134052.0</t>
  </si>
  <si>
    <t>165170618.0</t>
  </si>
  <si>
    <t>92169363.0</t>
  </si>
  <si>
    <t>40832.0</t>
  </si>
  <si>
    <t>457318.0</t>
  </si>
  <si>
    <t>202.14</t>
  </si>
  <si>
    <t>42.81</t>
  </si>
  <si>
    <t>39133.0</t>
  </si>
  <si>
    <t>435243423.0</t>
  </si>
  <si>
    <t>183135100.0</t>
  </si>
  <si>
    <t>165173312.0</t>
  </si>
  <si>
    <t>92182749.0</t>
  </si>
  <si>
    <t>17114.0</t>
  </si>
  <si>
    <t>444135.0</t>
  </si>
  <si>
    <t>85.06</t>
  </si>
  <si>
    <t>37721.0</t>
  </si>
  <si>
    <t>435312095.0</t>
  </si>
  <si>
    <t>183142928.0</t>
  </si>
  <si>
    <t>165182832.0</t>
  </si>
  <si>
    <t>92236350.0</t>
  </si>
  <si>
    <t>68672.0</t>
  </si>
  <si>
    <t>422468.0</t>
  </si>
  <si>
    <t>202.18</t>
  </si>
  <si>
    <t>35367.0</t>
  </si>
  <si>
    <t>450735.0</t>
  </si>
  <si>
    <t>37322.0</t>
  </si>
  <si>
    <t>436276886.0</t>
  </si>
  <si>
    <t>183205522.0</t>
  </si>
  <si>
    <t>165396479.0</t>
  </si>
  <si>
    <t>92931571.0</t>
  </si>
  <si>
    <t>322486.0</t>
  </si>
  <si>
    <t>202.62</t>
  </si>
  <si>
    <t>85.09</t>
  </si>
  <si>
    <t>436936651.0</t>
  </si>
  <si>
    <t>183241820.0</t>
  </si>
  <si>
    <t>165448319.0</t>
  </si>
  <si>
    <t>93504050.0</t>
  </si>
  <si>
    <t>659765.0</t>
  </si>
  <si>
    <t>274197.0</t>
  </si>
  <si>
    <t>202.93</t>
  </si>
  <si>
    <t>85.1</t>
  </si>
  <si>
    <t>17451.0</t>
  </si>
  <si>
    <t>437099610.0</t>
  </si>
  <si>
    <t>183251237.0</t>
  </si>
  <si>
    <t>165506166.0</t>
  </si>
  <si>
    <t>93600217.0</t>
  </si>
  <si>
    <t>162959.0</t>
  </si>
  <si>
    <t>273448.0</t>
  </si>
  <si>
    <t>203.01</t>
  </si>
  <si>
    <t>85.11</t>
  </si>
  <si>
    <t>437142038.0</t>
  </si>
  <si>
    <t>183256110.0</t>
  </si>
  <si>
    <t>165518807.0</t>
  </si>
  <si>
    <t>93625233.0</t>
  </si>
  <si>
    <t>42428.0</t>
  </si>
  <si>
    <t>273676.0</t>
  </si>
  <si>
    <t>203.03</t>
  </si>
  <si>
    <t>17437.0</t>
  </si>
  <si>
    <t>319737.0</t>
  </si>
  <si>
    <t>29956.0</t>
  </si>
  <si>
    <t>358433.0</t>
  </si>
  <si>
    <t>41507.0</t>
  </si>
  <si>
    <t>338026.0</t>
  </si>
  <si>
    <t>49705.0</t>
  </si>
  <si>
    <t>317619.0</t>
  </si>
  <si>
    <t>57903.0</t>
  </si>
  <si>
    <t>438839760.0</t>
  </si>
  <si>
    <t>183699529.0</t>
  </si>
  <si>
    <t>165816612.0</t>
  </si>
  <si>
    <t>94587179.0</t>
  </si>
  <si>
    <t>271873.0</t>
  </si>
  <si>
    <t>203.81</t>
  </si>
  <si>
    <t>85.32</t>
  </si>
  <si>
    <t>43.93</t>
  </si>
  <si>
    <t>65387.0</t>
  </si>
  <si>
    <t>440230116.0</t>
  </si>
  <si>
    <t>183815081.0</t>
  </si>
  <si>
    <t>165961524.0</t>
  </si>
  <si>
    <t>95726593.0</t>
  </si>
  <si>
    <t>1390356.0</t>
  </si>
  <si>
    <t>447215.0</t>
  </si>
  <si>
    <t>85.37</t>
  </si>
  <si>
    <t>80549.0</t>
  </si>
  <si>
    <t>440558613.0</t>
  </si>
  <si>
    <t>183853208.0</t>
  </si>
  <si>
    <t>166003440.0</t>
  </si>
  <si>
    <t>95975713.0</t>
  </si>
  <si>
    <t>328497.0</t>
  </si>
  <si>
    <t>488082.0</t>
  </si>
  <si>
    <t>85.39</t>
  </si>
  <si>
    <t>85300.0</t>
  </si>
  <si>
    <t>440647763.0</t>
  </si>
  <si>
    <t>183859105.0</t>
  </si>
  <si>
    <t>166018561.0</t>
  </si>
  <si>
    <t>96043999.0</t>
  </si>
  <si>
    <t>89150.0</t>
  </si>
  <si>
    <t>452312.0</t>
  </si>
  <si>
    <t>204.65</t>
  </si>
  <si>
    <t>73473.0</t>
  </si>
  <si>
    <t>440887471.0</t>
  </si>
  <si>
    <t>183885189.0</t>
  </si>
  <si>
    <t>166071932.0</t>
  </si>
  <si>
    <t>96205270.0</t>
  </si>
  <si>
    <t>239708.0</t>
  </si>
  <si>
    <t>438049.0</t>
  </si>
  <si>
    <t>204.77</t>
  </si>
  <si>
    <t>85.4</t>
  </si>
  <si>
    <t>64530.0</t>
  </si>
  <si>
    <t>441054017.0</t>
  </si>
  <si>
    <t>183894671.0</t>
  </si>
  <si>
    <t>166104268.0</t>
  </si>
  <si>
    <t>96330487.0</t>
  </si>
  <si>
    <t>166546.0</t>
  </si>
  <si>
    <t>413335.0</t>
  </si>
  <si>
    <t>85.41</t>
  </si>
  <si>
    <t>53216.0</t>
  </si>
  <si>
    <t>770497.9</t>
  </si>
  <si>
    <t>23.21</t>
  </si>
  <si>
    <t>3578.49315387111</t>
  </si>
  <si>
    <t>441279964.0</t>
  </si>
  <si>
    <t>183925335.0</t>
  </si>
  <si>
    <t>166164004.0</t>
  </si>
  <si>
    <t>96467250.0</t>
  </si>
  <si>
    <t>225947.0</t>
  </si>
  <si>
    <t>397107.0</t>
  </si>
  <si>
    <t>204.95</t>
  </si>
  <si>
    <t>44927.0</t>
  </si>
  <si>
    <t>440841.0</t>
  </si>
  <si>
    <t>38943.0</t>
  </si>
  <si>
    <t>442571325.0</t>
  </si>
  <si>
    <t>184018923.0</t>
  </si>
  <si>
    <t>166365243.0</t>
  </si>
  <si>
    <t>97467265.0</t>
  </si>
  <si>
    <t>334458.0</t>
  </si>
  <si>
    <t>205.55</t>
  </si>
  <si>
    <t>85.47</t>
  </si>
  <si>
    <t>29120.0</t>
  </si>
  <si>
    <t>443278533.0</t>
  </si>
  <si>
    <t>184062381.0</t>
  </si>
  <si>
    <t>166424506.0</t>
  </si>
  <si>
    <t>98075029.0</t>
  </si>
  <si>
    <t>707208.0</t>
  </si>
  <si>
    <t>388560.0</t>
  </si>
  <si>
    <t>77.29</t>
  </si>
  <si>
    <t>443475532.0</t>
  </si>
  <si>
    <t>184077691.0</t>
  </si>
  <si>
    <t>166459996.0</t>
  </si>
  <si>
    <t>98221657.0</t>
  </si>
  <si>
    <t>196999.0</t>
  </si>
  <si>
    <t>403967.0</t>
  </si>
  <si>
    <t>205.97</t>
  </si>
  <si>
    <t>45.62</t>
  </si>
  <si>
    <t>31227.0</t>
  </si>
  <si>
    <t>443829496.0</t>
  </si>
  <si>
    <t>184091855.0</t>
  </si>
  <si>
    <t>166493992.0</t>
  </si>
  <si>
    <t>98528751.0</t>
  </si>
  <si>
    <t>353964.0</t>
  </si>
  <si>
    <t>420289.0</t>
  </si>
  <si>
    <t>85.5</t>
  </si>
  <si>
    <t>29524.0</t>
  </si>
  <si>
    <t>444537453.0</t>
  </si>
  <si>
    <t>184130468.0</t>
  </si>
  <si>
    <t>166572602.0</t>
  </si>
  <si>
    <t>99120969.0</t>
  </si>
  <si>
    <t>707957.0</t>
  </si>
  <si>
    <t>497634.0</t>
  </si>
  <si>
    <t>206.46</t>
  </si>
  <si>
    <t>85.52</t>
  </si>
  <si>
    <t>445097070.0</t>
  </si>
  <si>
    <t>184150383.0</t>
  </si>
  <si>
    <t>166737175.0</t>
  </si>
  <si>
    <t>99499887.0</t>
  </si>
  <si>
    <t>559617.0</t>
  </si>
  <si>
    <t>545301.0</t>
  </si>
  <si>
    <t>85.53</t>
  </si>
  <si>
    <t>32150.0</t>
  </si>
  <si>
    <t>446745262.0</t>
  </si>
  <si>
    <t>184254911.0</t>
  </si>
  <si>
    <t>167910796.0</t>
  </si>
  <si>
    <t>99871092.0</t>
  </si>
  <si>
    <t>1648192.0</t>
  </si>
  <si>
    <t>688517.0</t>
  </si>
  <si>
    <t>40397.0</t>
  </si>
  <si>
    <t>644232.0</t>
  </si>
  <si>
    <t>35634.0</t>
  </si>
  <si>
    <t>447416630.0</t>
  </si>
  <si>
    <t>184281808.0</t>
  </si>
  <si>
    <t>168008971.0</t>
  </si>
  <si>
    <t>100420090.0</t>
  </si>
  <si>
    <t>591157.0</t>
  </si>
  <si>
    <t>207.8</t>
  </si>
  <si>
    <t>85.59</t>
  </si>
  <si>
    <t>31347.0</t>
  </si>
  <si>
    <t>447455088.0</t>
  </si>
  <si>
    <t>184286899.0</t>
  </si>
  <si>
    <t>168027302.0</t>
  </si>
  <si>
    <t>100435388.0</t>
  </si>
  <si>
    <t>38458.0</t>
  </si>
  <si>
    <t>568508.0</t>
  </si>
  <si>
    <t>207.82</t>
  </si>
  <si>
    <t>447773835.0</t>
  </si>
  <si>
    <t>184298439.0</t>
  </si>
  <si>
    <t>168055659.0</t>
  </si>
  <si>
    <t>100715379.0</t>
  </si>
  <si>
    <t>318747.0</t>
  </si>
  <si>
    <t>563477.0</t>
  </si>
  <si>
    <t>207.96</t>
  </si>
  <si>
    <t>29512.0</t>
  </si>
  <si>
    <t>448234610.0</t>
  </si>
  <si>
    <t>184321008.0</t>
  </si>
  <si>
    <t>168113218.0</t>
  </si>
  <si>
    <t>101097404.0</t>
  </si>
  <si>
    <t>460775.0</t>
  </si>
  <si>
    <t>528165.0</t>
  </si>
  <si>
    <t>208.18</t>
  </si>
  <si>
    <t>85.61</t>
  </si>
  <si>
    <t>46.95</t>
  </si>
  <si>
    <t>448567375.0</t>
  </si>
  <si>
    <t>184337124.0</t>
  </si>
  <si>
    <t>168140833.0</t>
  </si>
  <si>
    <t>101388985.0</t>
  </si>
  <si>
    <t>332765.0</t>
  </si>
  <si>
    <t>495758.0</t>
  </si>
  <si>
    <t>208.33</t>
  </si>
  <si>
    <t>26677.0</t>
  </si>
  <si>
    <t>449034484.0</t>
  </si>
  <si>
    <t>184418250.0</t>
  </si>
  <si>
    <t>168228893.0</t>
  </si>
  <si>
    <t>101690638.0</t>
  </si>
  <si>
    <t>467109.0</t>
  </si>
  <si>
    <t>327032.0</t>
  </si>
  <si>
    <t>208.55</t>
  </si>
  <si>
    <t>85.65</t>
  </si>
  <si>
    <t>23334.0</t>
  </si>
  <si>
    <t>449187010.0</t>
  </si>
  <si>
    <t>184424410.0</t>
  </si>
  <si>
    <t>168245953.0</t>
  </si>
  <si>
    <t>101820162.0</t>
  </si>
  <si>
    <t>152526.0</t>
  </si>
  <si>
    <t>300866.0</t>
  </si>
  <si>
    <t>208.62</t>
  </si>
  <si>
    <t>22293.0</t>
  </si>
  <si>
    <t>449291596.0</t>
  </si>
  <si>
    <t>184431840.0</t>
  </si>
  <si>
    <t>168262637.0</t>
  </si>
  <si>
    <t>101900962.0</t>
  </si>
  <si>
    <t>104586.0</t>
  </si>
  <si>
    <t>267852.0</t>
  </si>
  <si>
    <t>85.66</t>
  </si>
  <si>
    <t>21433.0</t>
  </si>
  <si>
    <t>449339384.0</t>
  </si>
  <si>
    <t>184433745.0</t>
  </si>
  <si>
    <t>168272147.0</t>
  </si>
  <si>
    <t>101937408.0</t>
  </si>
  <si>
    <t>269185.0</t>
  </si>
  <si>
    <t>208.69</t>
  </si>
  <si>
    <t>20978.0</t>
  </si>
  <si>
    <t>449796728.0</t>
  </si>
  <si>
    <t>184456417.0</t>
  </si>
  <si>
    <t>168365246.0</t>
  </si>
  <si>
    <t>102279577.0</t>
  </si>
  <si>
    <t>457344.0</t>
  </si>
  <si>
    <t>288985.0</t>
  </si>
  <si>
    <t>22568.0</t>
  </si>
  <si>
    <t>450342490.0</t>
  </si>
  <si>
    <t>184483215.0</t>
  </si>
  <si>
    <t>168401552.0</t>
  </si>
  <si>
    <t>102763202.0</t>
  </si>
  <si>
    <t>545762.0</t>
  </si>
  <si>
    <t>301126.0</t>
  </si>
  <si>
    <t>209.16</t>
  </si>
  <si>
    <t>450847767.0</t>
  </si>
  <si>
    <t>184509247.0</t>
  </si>
  <si>
    <t>168480030.0</t>
  </si>
  <si>
    <t>103164594.0</t>
  </si>
  <si>
    <t>325770.0</t>
  </si>
  <si>
    <t>209.39</t>
  </si>
  <si>
    <t>47.91</t>
  </si>
  <si>
    <t>24589.0</t>
  </si>
  <si>
    <t>451276207.0</t>
  </si>
  <si>
    <t>184537975.0</t>
  </si>
  <si>
    <t>168547546.0</t>
  </si>
  <si>
    <t>103497533.0</t>
  </si>
  <si>
    <t>428440.0</t>
  </si>
  <si>
    <t>320246.0</t>
  </si>
  <si>
    <t>209.59</t>
  </si>
  <si>
    <t>85.71</t>
  </si>
  <si>
    <t>48.07</t>
  </si>
  <si>
    <t>17104.0</t>
  </si>
  <si>
    <t>451641403.0</t>
  </si>
  <si>
    <t>184552936.0</t>
  </si>
  <si>
    <t>168569319.0</t>
  </si>
  <si>
    <t>103827247.0</t>
  </si>
  <si>
    <t>365196.0</t>
  </si>
  <si>
    <t>350628.0</t>
  </si>
  <si>
    <t>209.76</t>
  </si>
  <si>
    <t>48.22</t>
  </si>
  <si>
    <t>18361.0</t>
  </si>
  <si>
    <t>451645589.0</t>
  </si>
  <si>
    <t>184554559.0</t>
  </si>
  <si>
    <t>168570301.0</t>
  </si>
  <si>
    <t>103828829.0</t>
  </si>
  <si>
    <t>336285.0</t>
  </si>
  <si>
    <t>451787907.0</t>
  </si>
  <si>
    <t>184557755.0</t>
  </si>
  <si>
    <t>168577895.0</t>
  </si>
  <si>
    <t>103960516.0</t>
  </si>
  <si>
    <t>142318.0</t>
  </si>
  <si>
    <t>349789.0</t>
  </si>
  <si>
    <t>209.83</t>
  </si>
  <si>
    <t>17716.0</t>
  </si>
  <si>
    <t>452218476.0</t>
  </si>
  <si>
    <t>184574635.0</t>
  </si>
  <si>
    <t>168604658.0</t>
  </si>
  <si>
    <t>104348850.0</t>
  </si>
  <si>
    <t>430569.0</t>
  </si>
  <si>
    <t>345964.0</t>
  </si>
  <si>
    <t>210.03</t>
  </si>
  <si>
    <t>450304.0</t>
  </si>
  <si>
    <t>454770759.0</t>
  </si>
  <si>
    <t>184662547.0</t>
  </si>
  <si>
    <t>168901560.0</t>
  </si>
  <si>
    <t>106526094.0</t>
  </si>
  <si>
    <t>560427.0</t>
  </si>
  <si>
    <t>85.76</t>
  </si>
  <si>
    <t>21900.0</t>
  </si>
  <si>
    <t>454854179.0</t>
  </si>
  <si>
    <t>184682893.0</t>
  </si>
  <si>
    <t>168924041.0</t>
  </si>
  <si>
    <t>106567152.0</t>
  </si>
  <si>
    <t>83420.0</t>
  </si>
  <si>
    <t>511139.0</t>
  </si>
  <si>
    <t>211.25</t>
  </si>
  <si>
    <t>20703.0</t>
  </si>
  <si>
    <t>787973.4</t>
  </si>
  <si>
    <t>14.24</t>
  </si>
  <si>
    <t>3659.65620066264</t>
  </si>
  <si>
    <t>455499598.0</t>
  </si>
  <si>
    <t>184737131.0</t>
  </si>
  <si>
    <t>169070566.0</t>
  </si>
  <si>
    <t>107015873.0</t>
  </si>
  <si>
    <t>645419.0</t>
  </si>
  <si>
    <t>551171.0</t>
  </si>
  <si>
    <t>211.55</t>
  </si>
  <si>
    <t>26314.0</t>
  </si>
  <si>
    <t>455720321.0</t>
  </si>
  <si>
    <t>184748472.0</t>
  </si>
  <si>
    <t>169103088.0</t>
  </si>
  <si>
    <t>107193108.0</t>
  </si>
  <si>
    <t>220723.0</t>
  </si>
  <si>
    <t>582105.0</t>
  </si>
  <si>
    <t>211.65</t>
  </si>
  <si>
    <t>456101065.0</t>
  </si>
  <si>
    <t>184764593.0</t>
  </si>
  <si>
    <t>169144171.0</t>
  </si>
  <si>
    <t>107517391.0</t>
  </si>
  <si>
    <t>380744.0</t>
  </si>
  <si>
    <t>616165.0</t>
  </si>
  <si>
    <t>211.83</t>
  </si>
  <si>
    <t>85.81</t>
  </si>
  <si>
    <t>29548.0</t>
  </si>
  <si>
    <t>456903089.0</t>
  </si>
  <si>
    <t>184786423.0</t>
  </si>
  <si>
    <t>169188579.0</t>
  </si>
  <si>
    <t>108264143.0</t>
  </si>
  <si>
    <t>802024.0</t>
  </si>
  <si>
    <t>669230.0</t>
  </si>
  <si>
    <t>457240603.0</t>
  </si>
  <si>
    <t>184808029.0</t>
  </si>
  <si>
    <t>169230631.0</t>
  </si>
  <si>
    <t>108538492.0</t>
  </si>
  <si>
    <t>337514.0</t>
  </si>
  <si>
    <t>535141.0</t>
  </si>
  <si>
    <t>212.36</t>
  </si>
  <si>
    <t>85.83</t>
  </si>
  <si>
    <t>50.41</t>
  </si>
  <si>
    <t>27063.0</t>
  </si>
  <si>
    <t>410217.0</t>
  </si>
  <si>
    <t>24782.0</t>
  </si>
  <si>
    <t>458043955.0</t>
  </si>
  <si>
    <t>184864012.0</t>
  </si>
  <si>
    <t>169334423.0</t>
  </si>
  <si>
    <t>109183399.0</t>
  </si>
  <si>
    <t>455682.0</t>
  </si>
  <si>
    <t>212.73</t>
  </si>
  <si>
    <t>25874.0</t>
  </si>
  <si>
    <t>391743.0</t>
  </si>
  <si>
    <t>458439642.0</t>
  </si>
  <si>
    <t>184886392.0</t>
  </si>
  <si>
    <t>169396807.0</t>
  </si>
  <si>
    <t>109495260.0</t>
  </si>
  <si>
    <t>388474.0</t>
  </si>
  <si>
    <t>19703.0</t>
  </si>
  <si>
    <t>458522879.0</t>
  </si>
  <si>
    <t>184888876.0</t>
  </si>
  <si>
    <t>169407663.0</t>
  </si>
  <si>
    <t>109565250.0</t>
  </si>
  <si>
    <t>83237.0</t>
  </si>
  <si>
    <t>345973.0</t>
  </si>
  <si>
    <t>212.96</t>
  </si>
  <si>
    <t>17755.0</t>
  </si>
  <si>
    <t>459647933.0</t>
  </si>
  <si>
    <t>184902655.0</t>
  </si>
  <si>
    <t>169450183.0</t>
  </si>
  <si>
    <t>110634426.0</t>
  </si>
  <si>
    <t>1125054.0</t>
  </si>
  <si>
    <t>392121.0</t>
  </si>
  <si>
    <t>213.48</t>
  </si>
  <si>
    <t>85.88</t>
  </si>
  <si>
    <t>372720.0</t>
  </si>
  <si>
    <t>14948.0</t>
  </si>
  <si>
    <t>460051351.0</t>
  </si>
  <si>
    <t>184922668.0</t>
  </si>
  <si>
    <t>169518495.0</t>
  </si>
  <si>
    <t>110950272.0</t>
  </si>
  <si>
    <t>344153.0</t>
  </si>
  <si>
    <t>12378.0</t>
  </si>
  <si>
    <t>461148848.0</t>
  </si>
  <si>
    <t>184951661.0</t>
  </si>
  <si>
    <t>169602261.0</t>
  </si>
  <si>
    <t>111935605.0</t>
  </si>
  <si>
    <t>1097497.0</t>
  </si>
  <si>
    <t>443556.0</t>
  </si>
  <si>
    <t>214.18</t>
  </si>
  <si>
    <t>439904.0</t>
  </si>
  <si>
    <t>12517.0</t>
  </si>
  <si>
    <t>461493406.0</t>
  </si>
  <si>
    <t>184973979.0</t>
  </si>
  <si>
    <t>169671773.0</t>
  </si>
  <si>
    <t>112188936.0</t>
  </si>
  <si>
    <t>436252.0</t>
  </si>
  <si>
    <t>85.91</t>
  </si>
  <si>
    <t>12512.0</t>
  </si>
  <si>
    <t>461568115.0</t>
  </si>
  <si>
    <t>184976830.0</t>
  </si>
  <si>
    <t>169680492.0</t>
  </si>
  <si>
    <t>112252184.0</t>
  </si>
  <si>
    <t>74709.0</t>
  </si>
  <si>
    <t>435034.0</t>
  </si>
  <si>
    <t>214.37</t>
  </si>
  <si>
    <t>350861.0</t>
  </si>
  <si>
    <t>15320.0</t>
  </si>
  <si>
    <t>398594.0</t>
  </si>
  <si>
    <t>446327.0</t>
  </si>
  <si>
    <t>21908.0</t>
  </si>
  <si>
    <t>366091.0</t>
  </si>
  <si>
    <t>22490.0</t>
  </si>
  <si>
    <t>418028.0</t>
  </si>
  <si>
    <t>469966.0</t>
  </si>
  <si>
    <t>465319009.0</t>
  </si>
  <si>
    <t>185208286.0</t>
  </si>
  <si>
    <t>170168354.0</t>
  </si>
  <si>
    <t>535842.0</t>
  </si>
  <si>
    <t>216.11</t>
  </si>
  <si>
    <t>86.02</t>
  </si>
  <si>
    <t>33065.0</t>
  </si>
  <si>
    <t>462161.0</t>
  </si>
  <si>
    <t>34306.0</t>
  </si>
  <si>
    <t>388480.0</t>
  </si>
  <si>
    <t>35546.0</t>
  </si>
  <si>
    <t>314799.0</t>
  </si>
  <si>
    <t>241118.0</t>
  </si>
  <si>
    <t>38028.0</t>
  </si>
  <si>
    <t>167437.0</t>
  </si>
  <si>
    <t>39268.0</t>
  </si>
  <si>
    <t>93756.0</t>
  </si>
  <si>
    <t>20075.0</t>
  </si>
  <si>
    <t>41749.0</t>
  </si>
  <si>
    <t>797684.3</t>
  </si>
  <si>
    <t>22.35</t>
  </si>
  <si>
    <t>3704.75741270738</t>
  </si>
  <si>
    <t>465620128.0</t>
  </si>
  <si>
    <t>185834527.0</t>
  </si>
  <si>
    <t>170839777.0</t>
  </si>
  <si>
    <t>114326122.0</t>
  </si>
  <si>
    <t>216.25</t>
  </si>
  <si>
    <t>86.31</t>
  </si>
  <si>
    <t>465843376.0</t>
  </si>
  <si>
    <t>185856818.0</t>
  </si>
  <si>
    <t>170942943.0</t>
  </si>
  <si>
    <t>114425818.0</t>
  </si>
  <si>
    <t>223248.0</t>
  </si>
  <si>
    <t>49099.0</t>
  </si>
  <si>
    <t>216.36</t>
  </si>
  <si>
    <t>86.32</t>
  </si>
  <si>
    <t>38970.0</t>
  </si>
  <si>
    <t>466047379.0</t>
  </si>
  <si>
    <t>185892530.0</t>
  </si>
  <si>
    <t>170983152.0</t>
  </si>
  <si>
    <t>114560347.0</t>
  </si>
  <si>
    <t>204003.0</t>
  </si>
  <si>
    <t>75375.0</t>
  </si>
  <si>
    <t>216.45</t>
  </si>
  <si>
    <t>86.34</t>
  </si>
  <si>
    <t>38107.0</t>
  </si>
  <si>
    <t>466464500.0</t>
  </si>
  <si>
    <t>185920530.0</t>
  </si>
  <si>
    <t>170998964.0</t>
  </si>
  <si>
    <t>114934576.0</t>
  </si>
  <si>
    <t>417121.0</t>
  </si>
  <si>
    <t>132096.0</t>
  </si>
  <si>
    <t>216.64</t>
  </si>
  <si>
    <t>86.35</t>
  </si>
  <si>
    <t>36143.0</t>
  </si>
  <si>
    <t>466850155.0</t>
  </si>
  <si>
    <t>185975699.0</t>
  </si>
  <si>
    <t>171084385.0</t>
  </si>
  <si>
    <t>115180990.0</t>
  </si>
  <si>
    <t>385655.0</t>
  </si>
  <si>
    <t>184322.0</t>
  </si>
  <si>
    <t>216.82</t>
  </si>
  <si>
    <t>38060.0</t>
  </si>
  <si>
    <t>192369.0</t>
  </si>
  <si>
    <t>33367.0</t>
  </si>
  <si>
    <t>467002964.0</t>
  </si>
  <si>
    <t>185993496.0</t>
  </si>
  <si>
    <t>171111631.0</t>
  </si>
  <si>
    <t>115289012.0</t>
  </si>
  <si>
    <t>200416.0</t>
  </si>
  <si>
    <t>216.89</t>
  </si>
  <si>
    <t>467119772.0</t>
  </si>
  <si>
    <t>186014159.0</t>
  </si>
  <si>
    <t>171145175.0</t>
  </si>
  <si>
    <t>115352317.0</t>
  </si>
  <si>
    <t>116808.0</t>
  </si>
  <si>
    <t>214235.0</t>
  </si>
  <si>
    <t>216.95</t>
  </si>
  <si>
    <t>86.39</t>
  </si>
  <si>
    <t>79.49</t>
  </si>
  <si>
    <t>233615.0</t>
  </si>
  <si>
    <t>26586.0</t>
  </si>
  <si>
    <t>255744.0</t>
  </si>
  <si>
    <t>468196498.0</t>
  </si>
  <si>
    <t>186100433.0</t>
  </si>
  <si>
    <t>171285767.0</t>
  </si>
  <si>
    <t>116222886.0</t>
  </si>
  <si>
    <t>247428.0</t>
  </si>
  <si>
    <t>217.45</t>
  </si>
  <si>
    <t>25700.0</t>
  </si>
  <si>
    <t>468240252.0</t>
  </si>
  <si>
    <t>186112320.0</t>
  </si>
  <si>
    <t>171298784.0</t>
  </si>
  <si>
    <t>116241830.0</t>
  </si>
  <si>
    <t>43754.0</t>
  </si>
  <si>
    <t>198585.0</t>
  </si>
  <si>
    <t>217.47</t>
  </si>
  <si>
    <t>468323757.0</t>
  </si>
  <si>
    <t>186147547.0</t>
  </si>
  <si>
    <t>171315994.0</t>
  </si>
  <si>
    <t>116272952.0</t>
  </si>
  <si>
    <t>83505.0</t>
  </si>
  <si>
    <t>199600.0</t>
  </si>
  <si>
    <t>86.45</t>
  </si>
  <si>
    <t>79.57</t>
  </si>
  <si>
    <t>23278.0</t>
  </si>
  <si>
    <t>468339633.0</t>
  </si>
  <si>
    <t>186159303.0</t>
  </si>
  <si>
    <t>171319284.0</t>
  </si>
  <si>
    <t>116274155.0</t>
  </si>
  <si>
    <t>15876.0</t>
  </si>
  <si>
    <t>190953.0</t>
  </si>
  <si>
    <t>217.52</t>
  </si>
  <si>
    <t>86.46</t>
  </si>
  <si>
    <t>23687.0</t>
  </si>
  <si>
    <t>468400138.0</t>
  </si>
  <si>
    <t>186176638.0</t>
  </si>
  <si>
    <t>171336583.0</t>
  </si>
  <si>
    <t>116300081.0</t>
  </si>
  <si>
    <t>60505.0</t>
  </si>
  <si>
    <t>182909.0</t>
  </si>
  <si>
    <t>86.47</t>
  </si>
  <si>
    <t>23211.0</t>
  </si>
  <si>
    <t>468580889.0</t>
  </si>
  <si>
    <t>186302961.0</t>
  </si>
  <si>
    <t>171369543.0</t>
  </si>
  <si>
    <t>116322566.0</t>
  </si>
  <si>
    <t>180751.0</t>
  </si>
  <si>
    <t>157458.0</t>
  </si>
  <si>
    <t>37149.0</t>
  </si>
  <si>
    <t>468684685.0</t>
  </si>
  <si>
    <t>186358100.0</t>
  </si>
  <si>
    <t>171401015.0</t>
  </si>
  <si>
    <t>116346199.0</t>
  </si>
  <si>
    <t>103796.0</t>
  </si>
  <si>
    <t>121014.0</t>
  </si>
  <si>
    <t>40918.0</t>
  </si>
  <si>
    <t>468741076.0</t>
  </si>
  <si>
    <t>186374962.0</t>
  </si>
  <si>
    <t>171421366.0</t>
  </si>
  <si>
    <t>116365561.0</t>
  </si>
  <si>
    <t>56391.0</t>
  </si>
  <si>
    <t>77797.0</t>
  </si>
  <si>
    <t>86.56</t>
  </si>
  <si>
    <t>39218.0</t>
  </si>
  <si>
    <t>468802225.0</t>
  </si>
  <si>
    <t>186397361.0</t>
  </si>
  <si>
    <t>171439071.0</t>
  </si>
  <si>
    <t>116386932.0</t>
  </si>
  <si>
    <t>61149.0</t>
  </si>
  <si>
    <t>80282.0</t>
  </si>
  <si>
    <t>217.73</t>
  </si>
  <si>
    <t>79.62</t>
  </si>
  <si>
    <t>40720.0</t>
  </si>
  <si>
    <t>468830167.0</t>
  </si>
  <si>
    <t>186406003.0</t>
  </si>
  <si>
    <t>171451693.0</t>
  </si>
  <si>
    <t>116393648.0</t>
  </si>
  <si>
    <t>27942.0</t>
  </si>
  <si>
    <t>72344.0</t>
  </si>
  <si>
    <t>36922.0</t>
  </si>
  <si>
    <t>468834023.0</t>
  </si>
  <si>
    <t>186406388.0</t>
  </si>
  <si>
    <t>171451863.0</t>
  </si>
  <si>
    <t>116396949.0</t>
  </si>
  <si>
    <t>70627.0</t>
  </si>
  <si>
    <t>35298.0</t>
  </si>
  <si>
    <t>470058345.0</t>
  </si>
  <si>
    <t>186476296.0</t>
  </si>
  <si>
    <t>171607294.0</t>
  </si>
  <si>
    <t>117398187.0</t>
  </si>
  <si>
    <t>1224322.0</t>
  </si>
  <si>
    <t>236887.0</t>
  </si>
  <si>
    <t>42808.0</t>
  </si>
  <si>
    <t>470115910.0</t>
  </si>
  <si>
    <t>186491119.0</t>
  </si>
  <si>
    <t>171625383.0</t>
  </si>
  <si>
    <t>117422896.0</t>
  </si>
  <si>
    <t>57565.0</t>
  </si>
  <si>
    <t>219289.0</t>
  </si>
  <si>
    <t>470327404.0</t>
  </si>
  <si>
    <t>186519881.0</t>
  </si>
  <si>
    <t>171665721.0</t>
  </si>
  <si>
    <t>117565662.0</t>
  </si>
  <si>
    <t>211494.0</t>
  </si>
  <si>
    <t>234674.0</t>
  </si>
  <si>
    <t>218.44</t>
  </si>
  <si>
    <t>23112.0</t>
  </si>
  <si>
    <t>812031.7</t>
  </si>
  <si>
    <t>3771.39234146689</t>
  </si>
  <si>
    <t>470483060.0</t>
  </si>
  <si>
    <t>186542426.0</t>
  </si>
  <si>
    <t>171709120.0</t>
  </si>
  <si>
    <t>117655924.0</t>
  </si>
  <si>
    <t>155656.0</t>
  </si>
  <si>
    <t>248855.0</t>
  </si>
  <si>
    <t>218.51</t>
  </si>
  <si>
    <t>86.64</t>
  </si>
  <si>
    <t>79.75</t>
  </si>
  <si>
    <t>23923.0</t>
  </si>
  <si>
    <t>470528623.0</t>
  </si>
  <si>
    <t>186558432.0</t>
  </si>
  <si>
    <t>171721033.0</t>
  </si>
  <si>
    <t>117674330.0</t>
  </si>
  <si>
    <t>45563.0</t>
  </si>
  <si>
    <t>246628.0</t>
  </si>
  <si>
    <t>218.53</t>
  </si>
  <si>
    <t>86.65</t>
  </si>
  <si>
    <t>23010.0</t>
  </si>
  <si>
    <t>470708499.0</t>
  </si>
  <si>
    <t>186578811.0</t>
  </si>
  <si>
    <t>171762519.0</t>
  </si>
  <si>
    <t>117792808.0</t>
  </si>
  <si>
    <t>179876.0</t>
  </si>
  <si>
    <t>268333.0</t>
  </si>
  <si>
    <t>218.62</t>
  </si>
  <si>
    <t>24687.0</t>
  </si>
  <si>
    <t>470745558.0</t>
  </si>
  <si>
    <t>186583216.0</t>
  </si>
  <si>
    <t>171768695.0</t>
  </si>
  <si>
    <t>117819334.0</t>
  </si>
  <si>
    <t>37059.0</t>
  </si>
  <si>
    <t>273076.0</t>
  </si>
  <si>
    <t>86.66</t>
  </si>
  <si>
    <t>470784030.0</t>
  </si>
  <si>
    <t>186590349.0</t>
  </si>
  <si>
    <t>171778301.0</t>
  </si>
  <si>
    <t>117841133.0</t>
  </si>
  <si>
    <t>38472.0</t>
  </si>
  <si>
    <t>218.65</t>
  </si>
  <si>
    <t>470898070.0</t>
  </si>
  <si>
    <t>186618522.0</t>
  </si>
  <si>
    <t>171809197.0</t>
  </si>
  <si>
    <t>117896301.0</t>
  </si>
  <si>
    <t>114040.0</t>
  </si>
  <si>
    <t>218.7</t>
  </si>
  <si>
    <t>86.67</t>
  </si>
  <si>
    <t>18200.0</t>
  </si>
  <si>
    <t>470910315.0</t>
  </si>
  <si>
    <t>186624508.0</t>
  </si>
  <si>
    <t>171811546.0</t>
  </si>
  <si>
    <t>117900233.0</t>
  </si>
  <si>
    <t>83273.0</t>
  </si>
  <si>
    <t>218.71</t>
  </si>
  <si>
    <t>14947.0</t>
  </si>
  <si>
    <t>470943250.0</t>
  </si>
  <si>
    <t>186632925.0</t>
  </si>
  <si>
    <t>171821267.0</t>
  </si>
  <si>
    <t>117915066.0</t>
  </si>
  <si>
    <t>32935.0</t>
  </si>
  <si>
    <t>65741.0</t>
  </si>
  <si>
    <t>218.72</t>
  </si>
  <si>
    <t>12928.0</t>
  </si>
  <si>
    <t>471130593.0</t>
  </si>
  <si>
    <t>186656503.0</t>
  </si>
  <si>
    <t>171858625.0</t>
  </si>
  <si>
    <t>118041839.0</t>
  </si>
  <si>
    <t>187343.0</t>
  </si>
  <si>
    <t>85996.0</t>
  </si>
  <si>
    <t>218.81</t>
  </si>
  <si>
    <t>86.69</t>
  </si>
  <si>
    <t>14010.0</t>
  </si>
  <si>
    <t>471187373.0</t>
  </si>
  <si>
    <t>186663841.0</t>
  </si>
  <si>
    <t>171871796.0</t>
  </si>
  <si>
    <t>118078226.0</t>
  </si>
  <si>
    <t>56780.0</t>
  </si>
  <si>
    <t>68411.0</t>
  </si>
  <si>
    <t>218.84</t>
  </si>
  <si>
    <t>12147.0</t>
  </si>
  <si>
    <t>471204985.0</t>
  </si>
  <si>
    <t>186665783.0</t>
  </si>
  <si>
    <t>171875292.0</t>
  </si>
  <si>
    <t>118090435.0</t>
  </si>
  <si>
    <t>17612.0</t>
  </si>
  <si>
    <t>65632.0</t>
  </si>
  <si>
    <t>218.85</t>
  </si>
  <si>
    <t>471266090.0</t>
  </si>
  <si>
    <t>186674424.0</t>
  </si>
  <si>
    <t>171889220.0</t>
  </si>
  <si>
    <t>118129076.0</t>
  </si>
  <si>
    <t>61105.0</t>
  </si>
  <si>
    <t>218.87</t>
  </si>
  <si>
    <t>12011.0</t>
  </si>
  <si>
    <t>471378826.0</t>
  </si>
  <si>
    <t>186715084.0</t>
  </si>
  <si>
    <t>171949598.0</t>
  </si>
  <si>
    <t>118140842.0</t>
  </si>
  <si>
    <t>112736.0</t>
  </si>
  <si>
    <t>68679.0</t>
  </si>
  <si>
    <t>218.93</t>
  </si>
  <si>
    <t>86.72</t>
  </si>
  <si>
    <t>13795.0</t>
  </si>
  <si>
    <t>471541070.0</t>
  </si>
  <si>
    <t>186735750.0</t>
  </si>
  <si>
    <t>171986751.0</t>
  </si>
  <si>
    <t>118245579.0</t>
  </si>
  <si>
    <t>162244.0</t>
  </si>
  <si>
    <t>90108.0</t>
  </si>
  <si>
    <t>86.73</t>
  </si>
  <si>
    <t>471637254.0</t>
  </si>
  <si>
    <t>186749395.0</t>
  </si>
  <si>
    <t>172011897.0</t>
  </si>
  <si>
    <t>118303181.0</t>
  </si>
  <si>
    <t>99143.0</t>
  </si>
  <si>
    <t>219.05</t>
  </si>
  <si>
    <t>471683198.0</t>
  </si>
  <si>
    <t>186763817.0</t>
  </si>
  <si>
    <t>172032889.0</t>
  </si>
  <si>
    <t>118313785.0</t>
  </si>
  <si>
    <t>78944.0</t>
  </si>
  <si>
    <t>219.07</t>
  </si>
  <si>
    <t>86.74</t>
  </si>
  <si>
    <t>79.9</t>
  </si>
  <si>
    <t>471818420.0</t>
  </si>
  <si>
    <t>186779155.0</t>
  </si>
  <si>
    <t>172062452.0</t>
  </si>
  <si>
    <t>118404473.0</t>
  </si>
  <si>
    <t>135222.0</t>
  </si>
  <si>
    <t>90150.0</t>
  </si>
  <si>
    <t>219.13</t>
  </si>
  <si>
    <t>16473.0</t>
  </si>
  <si>
    <t>471848842.0</t>
  </si>
  <si>
    <t>186784356.0</t>
  </si>
  <si>
    <t>172070129.0</t>
  </si>
  <si>
    <t>118422064.0</t>
  </si>
  <si>
    <t>30422.0</t>
  </si>
  <si>
    <t>91980.0</t>
  </si>
  <si>
    <t>79.92</t>
  </si>
  <si>
    <t>471886071.0</t>
  </si>
  <si>
    <t>186794251.0</t>
  </si>
  <si>
    <t>172085291.0</t>
  </si>
  <si>
    <t>118434275.0</t>
  </si>
  <si>
    <t>219.16</t>
  </si>
  <si>
    <t>55.01</t>
  </si>
  <si>
    <t>17118.0</t>
  </si>
  <si>
    <t>471922157.0</t>
  </si>
  <si>
    <t>186802634.0</t>
  </si>
  <si>
    <t>172101534.0</t>
  </si>
  <si>
    <t>118445795.0</t>
  </si>
  <si>
    <t>77619.0</t>
  </si>
  <si>
    <t>219.18</t>
  </si>
  <si>
    <t>86.76</t>
  </si>
  <si>
    <t>472074264.0</t>
  </si>
  <si>
    <t>186822935.0</t>
  </si>
  <si>
    <t>172143680.0</t>
  </si>
  <si>
    <t>118536943.0</t>
  </si>
  <si>
    <t>152107.0</t>
  </si>
  <si>
    <t>76171.0</t>
  </si>
  <si>
    <t>219.25</t>
  </si>
  <si>
    <t>86.77</t>
  </si>
  <si>
    <t>79.95</t>
  </si>
  <si>
    <t>76485.0</t>
  </si>
  <si>
    <t>12978.0</t>
  </si>
  <si>
    <t>472271029.0</t>
  </si>
  <si>
    <t>186857554.0</t>
  </si>
  <si>
    <t>172196847.0</t>
  </si>
  <si>
    <t>118650592.0</t>
  </si>
  <si>
    <t>219.34</t>
  </si>
  <si>
    <t>13391.0</t>
  </si>
  <si>
    <t>472338682.0</t>
  </si>
  <si>
    <t>186866076.0</t>
  </si>
  <si>
    <t>172212074.0</t>
  </si>
  <si>
    <t>118694643.0</t>
  </si>
  <si>
    <t>67653.0</t>
  </si>
  <si>
    <t>74323.0</t>
  </si>
  <si>
    <t>219.37</t>
  </si>
  <si>
    <t>86.79</t>
  </si>
  <si>
    <t>12417.0</t>
  </si>
  <si>
    <t>472364620.0</t>
  </si>
  <si>
    <t>186868669.0</t>
  </si>
  <si>
    <t>172217754.0</t>
  </si>
  <si>
    <t>118712344.0</t>
  </si>
  <si>
    <t>25938.0</t>
  </si>
  <si>
    <t>73683.0</t>
  </si>
  <si>
    <t>12045.0</t>
  </si>
  <si>
    <t>472820035.0</t>
  </si>
  <si>
    <t>187303916.0</t>
  </si>
  <si>
    <t>172225884.0</t>
  </si>
  <si>
    <t>118724423.0</t>
  </si>
  <si>
    <t>455415.0</t>
  </si>
  <si>
    <t>133423.0</t>
  </si>
  <si>
    <t>86.99</t>
  </si>
  <si>
    <t>72809.0</t>
  </si>
  <si>
    <t>472853663.0</t>
  </si>
  <si>
    <t>187313182.0</t>
  </si>
  <si>
    <t>172239966.0</t>
  </si>
  <si>
    <t>118734796.0</t>
  </si>
  <si>
    <t>33628.0</t>
  </si>
  <si>
    <t>133072.0</t>
  </si>
  <si>
    <t>72935.0</t>
  </si>
  <si>
    <t>472972308.0</t>
  </si>
  <si>
    <t>187327659.0</t>
  </si>
  <si>
    <t>172264693.0</t>
  </si>
  <si>
    <t>118645.0</t>
  </si>
  <si>
    <t>128292.0</t>
  </si>
  <si>
    <t>219.67</t>
  </si>
  <si>
    <t>72103.0</t>
  </si>
  <si>
    <t>115651.0</t>
  </si>
  <si>
    <t>70405.0</t>
  </si>
  <si>
    <t>103009.0</t>
  </si>
  <si>
    <t>820963.7</t>
  </si>
  <si>
    <t>3812.87603772404</t>
  </si>
  <si>
    <t>94758.0</t>
  </si>
  <si>
    <t>68263.0</t>
  </si>
  <si>
    <t>92466.0</t>
  </si>
  <si>
    <t>28820.0</t>
  </si>
  <si>
    <t>25429.0</t>
  </si>
  <si>
    <t>473061343.0</t>
  </si>
  <si>
    <t>187376439.0</t>
  </si>
  <si>
    <t>172307814.0</t>
  </si>
  <si>
    <t>118811893.0</t>
  </si>
  <si>
    <t>219.71</t>
  </si>
  <si>
    <t>87.02</t>
  </si>
  <si>
    <t>473061574.0</t>
  </si>
  <si>
    <t>172308045.0</t>
  </si>
  <si>
    <t>473061603.0</t>
  </si>
  <si>
    <t>172308074.0</t>
  </si>
  <si>
    <t>473062582.0</t>
  </si>
  <si>
    <t>187377009.0</t>
  </si>
  <si>
    <t>172308483.0</t>
  </si>
  <si>
    <t>473062796.0</t>
  </si>
  <si>
    <t>172308697.0</t>
  </si>
  <si>
    <t>4447.0</t>
  </si>
  <si>
    <t>473081170.0</t>
  </si>
  <si>
    <t>187385383.0</t>
  </si>
  <si>
    <t>172318697.0</t>
  </si>
  <si>
    <t>473081511.0</t>
  </si>
  <si>
    <t>172319038.0</t>
  </si>
  <si>
    <t>473081752.0</t>
  </si>
  <si>
    <t>172319279.0</t>
  </si>
  <si>
    <t>473081842.0</t>
  </si>
  <si>
    <t>172319369.0</t>
  </si>
  <si>
    <t>473082944.0</t>
  </si>
  <si>
    <t>172320471.0</t>
  </si>
  <si>
    <t>473101078.0</t>
  </si>
  <si>
    <t>187385670.0</t>
  </si>
  <si>
    <t>172338318.0</t>
  </si>
  <si>
    <t>219.73</t>
  </si>
  <si>
    <t>473101313.0</t>
  </si>
  <si>
    <t>172338553.0</t>
  </si>
  <si>
    <t>473101635.0</t>
  </si>
  <si>
    <t>172338875.0</t>
  </si>
  <si>
    <t>473101789.0</t>
  </si>
  <si>
    <t>172339029.0</t>
  </si>
  <si>
    <t>473101982.0</t>
  </si>
  <si>
    <t>172339222.0</t>
  </si>
  <si>
    <t>473101996.0</t>
  </si>
  <si>
    <t>172339236.0</t>
  </si>
  <si>
    <t>473102012.0</t>
  </si>
  <si>
    <t>172339252.0</t>
  </si>
  <si>
    <t>473102204.0</t>
  </si>
  <si>
    <t>172339444.0</t>
  </si>
  <si>
    <t>473102401.0</t>
  </si>
  <si>
    <t>172339641.0</t>
  </si>
  <si>
    <t>473102633.0</t>
  </si>
  <si>
    <t>172339873.0</t>
  </si>
  <si>
    <t>473102959.0</t>
  </si>
  <si>
    <t>172340199.0</t>
  </si>
  <si>
    <t>473103001.0</t>
  </si>
  <si>
    <t>172340241.0</t>
  </si>
  <si>
    <t>824000.3</t>
  </si>
  <si>
    <t>3826.97919402213</t>
  </si>
  <si>
    <t>473103290.0</t>
  </si>
  <si>
    <t>172340530.0</t>
  </si>
  <si>
    <t>473103553.0</t>
  </si>
  <si>
    <t>172340793.0</t>
  </si>
  <si>
    <t>473115692.0</t>
  </si>
  <si>
    <t>187397453.0</t>
  </si>
  <si>
    <t>172341149.0</t>
  </si>
  <si>
    <t>473119948.0</t>
  </si>
  <si>
    <t>187399523.0</t>
  </si>
  <si>
    <t>172343335.0</t>
  </si>
  <si>
    <t>219.74</t>
  </si>
  <si>
    <t>473127683.0</t>
  </si>
  <si>
    <t>172351070.0</t>
  </si>
  <si>
    <t>473133683.0</t>
  </si>
  <si>
    <t>172357070.0</t>
  </si>
  <si>
    <t>19997.0</t>
  </si>
  <si>
    <t>473450995.0</t>
  </si>
  <si>
    <t>187678650.0</t>
  </si>
  <si>
    <t>172674382.0</t>
  </si>
  <si>
    <t>47292.0</t>
  </si>
  <si>
    <t>39875.0</t>
  </si>
  <si>
    <t>46912.0</t>
  </si>
  <si>
    <t>473453404.0</t>
  </si>
  <si>
    <t>172676791.0</t>
  </si>
  <si>
    <t>46532.0</t>
  </si>
  <si>
    <t>473453735.0</t>
  </si>
  <si>
    <t>172677122.0</t>
  </si>
  <si>
    <t>46293.0</t>
  </si>
  <si>
    <t>473453818.0</t>
  </si>
  <si>
    <t>172677205.0</t>
  </si>
  <si>
    <t>46019.0</t>
  </si>
  <si>
    <t>473458939.0</t>
  </si>
  <si>
    <t>172682326.0</t>
  </si>
  <si>
    <t>46465.0</t>
  </si>
  <si>
    <t>473459277.0</t>
  </si>
  <si>
    <t>172682664.0</t>
  </si>
  <si>
    <t>23848.0</t>
  </si>
  <si>
    <t>19938.0</t>
  </si>
  <si>
    <t>473459811.0</t>
  </si>
  <si>
    <t>172683198.0</t>
  </si>
  <si>
    <t>473460865.0</t>
  </si>
  <si>
    <t>172684252.0</t>
  </si>
  <si>
    <t>473461002.0</t>
  </si>
  <si>
    <t>172684389.0</t>
  </si>
  <si>
    <t>473461305.0</t>
  </si>
  <si>
    <t>172684692.0</t>
  </si>
  <si>
    <t>473461456.0</t>
  </si>
  <si>
    <t>172684843.0</t>
  </si>
  <si>
    <t>83071.0</t>
  </si>
  <si>
    <t>22853.0</t>
  </si>
  <si>
    <t>474619417.0</t>
  </si>
  <si>
    <t>187998595.0</t>
  </si>
  <si>
    <t>173191813.0</t>
  </si>
  <si>
    <t>119148165.0</t>
  </si>
  <si>
    <t>165734.0</t>
  </si>
  <si>
    <t>220.43</t>
  </si>
  <si>
    <t>45706.0</t>
  </si>
  <si>
    <t>476264691.0</t>
  </si>
  <si>
    <t>188048984.0</t>
  </si>
  <si>
    <t>174139720.0</t>
  </si>
  <si>
    <t>119795266.0</t>
  </si>
  <si>
    <t>1645274.0</t>
  </si>
  <si>
    <t>400697.0</t>
  </si>
  <si>
    <t>52905.0</t>
  </si>
  <si>
    <t>476316566.0</t>
  </si>
  <si>
    <t>188065384.0</t>
  </si>
  <si>
    <t>174150762.0</t>
  </si>
  <si>
    <t>119819824.0</t>
  </si>
  <si>
    <t>51875.0</t>
  </si>
  <si>
    <t>407957.0</t>
  </si>
  <si>
    <t>55.65</t>
  </si>
  <si>
    <t>55248.0</t>
  </si>
  <si>
    <t>410489.0</t>
  </si>
  <si>
    <t>55937.0</t>
  </si>
  <si>
    <t>476352286.0</t>
  </si>
  <si>
    <t>188075040.0</t>
  </si>
  <si>
    <t>174161480.0</t>
  </si>
  <si>
    <t>119835261.0</t>
  </si>
  <si>
    <t>412997.0</t>
  </si>
  <si>
    <t>56627.0</t>
  </si>
  <si>
    <t>476359177.0</t>
  </si>
  <si>
    <t>188077016.0</t>
  </si>
  <si>
    <t>174163073.0</t>
  </si>
  <si>
    <t>119838587.0</t>
  </si>
  <si>
    <t>413960.0</t>
  </si>
  <si>
    <t>56909.0</t>
  </si>
  <si>
    <t>476384113.0</t>
  </si>
  <si>
    <t>188083919.0</t>
  </si>
  <si>
    <t>174169937.0</t>
  </si>
  <si>
    <t>119849894.0</t>
  </si>
  <si>
    <t>24936.0</t>
  </si>
  <si>
    <t>334811.0</t>
  </si>
  <si>
    <t>221.25</t>
  </si>
  <si>
    <t>35042.0</t>
  </si>
  <si>
    <t>256934.0</t>
  </si>
  <si>
    <t>13692.0</t>
  </si>
  <si>
    <t>476451791.0</t>
  </si>
  <si>
    <t>188104952.0</t>
  </si>
  <si>
    <t>174189194.0</t>
  </si>
  <si>
    <t>119877431.0</t>
  </si>
  <si>
    <t>26729.0</t>
  </si>
  <si>
    <t>21128.0</t>
  </si>
  <si>
    <t>476477130.0</t>
  </si>
  <si>
    <t>188112150.0</t>
  </si>
  <si>
    <t>174195474.0</t>
  </si>
  <si>
    <t>119889347.0</t>
  </si>
  <si>
    <t>20386.0</t>
  </si>
  <si>
    <t>221.29</t>
  </si>
  <si>
    <t>476491315.0</t>
  </si>
  <si>
    <t>188116781.0</t>
  </si>
  <si>
    <t>174199933.0</t>
  </si>
  <si>
    <t>119894453.0</t>
  </si>
  <si>
    <t>19861.0</t>
  </si>
  <si>
    <t>221.3</t>
  </si>
  <si>
    <t>5963.0</t>
  </si>
  <si>
    <t>476495347.0</t>
  </si>
  <si>
    <t>188118034.0</t>
  </si>
  <si>
    <t>174201163.0</t>
  </si>
  <si>
    <t>119896005.0</t>
  </si>
  <si>
    <t>19453.0</t>
  </si>
  <si>
    <t>476523713.0</t>
  </si>
  <si>
    <t>188125449.0</t>
  </si>
  <si>
    <t>174209162.0</t>
  </si>
  <si>
    <t>119909103.0</t>
  </si>
  <si>
    <t>28366.0</t>
  </si>
  <si>
    <t>476548450.0</t>
  </si>
  <si>
    <t>188132532.0</t>
  </si>
  <si>
    <t>174215643.0</t>
  </si>
  <si>
    <t>119920369.0</t>
  </si>
  <si>
    <t>24737.0</t>
  </si>
  <si>
    <t>18643.0</t>
  </si>
  <si>
    <t>221.33</t>
  </si>
  <si>
    <t>476553058.0</t>
  </si>
  <si>
    <t>188133937.0</t>
  </si>
  <si>
    <t>174217198.0</t>
  </si>
  <si>
    <t>119922031.0</t>
  </si>
  <si>
    <t>12657.0</t>
  </si>
  <si>
    <t>478100116.0</t>
  </si>
  <si>
    <t>188305261.0</t>
  </si>
  <si>
    <t>174499766.0</t>
  </si>
  <si>
    <t>121019139.0</t>
  </si>
  <si>
    <t>1547058.0</t>
  </si>
  <si>
    <t>231855.0</t>
  </si>
  <si>
    <t>222.05</t>
  </si>
  <si>
    <t>87.46</t>
  </si>
  <si>
    <t>27587.0</t>
  </si>
  <si>
    <t>478131210.0</t>
  </si>
  <si>
    <t>188309744.0</t>
  </si>
  <si>
    <t>174505214.0</t>
  </si>
  <si>
    <t>121040358.0</t>
  </si>
  <si>
    <t>31094.0</t>
  </si>
  <si>
    <t>234271.0</t>
  </si>
  <si>
    <t>222.06</t>
  </si>
  <si>
    <t>27566.0</t>
  </si>
  <si>
    <t>480155675.0</t>
  </si>
  <si>
    <t>188522819.0</t>
  </si>
  <si>
    <t>174847762.0</t>
  </si>
  <si>
    <t>122517026.0</t>
  </si>
  <si>
    <t>2024465.0</t>
  </si>
  <si>
    <t>522904.0</t>
  </si>
  <si>
    <t>57826.0</t>
  </si>
  <si>
    <t>480187165.0</t>
  </si>
  <si>
    <t>188527208.0</t>
  </si>
  <si>
    <t>174854224.0</t>
  </si>
  <si>
    <t>122537709.0</t>
  </si>
  <si>
    <t>519816.0</t>
  </si>
  <si>
    <t>223.02</t>
  </si>
  <si>
    <t>56382.0</t>
  </si>
  <si>
    <t>521499.0</t>
  </si>
  <si>
    <t>56580.0</t>
  </si>
  <si>
    <t>480215327.0</t>
  </si>
  <si>
    <t>188531378.0</t>
  </si>
  <si>
    <t>174859213.0</t>
  </si>
  <si>
    <t>122556750.0</t>
  </si>
  <si>
    <t>523181.0</t>
  </si>
  <si>
    <t>223.03</t>
  </si>
  <si>
    <t>56777.0</t>
  </si>
  <si>
    <t>480216368.0</t>
  </si>
  <si>
    <t>188531674.0</t>
  </si>
  <si>
    <t>174859958.0</t>
  </si>
  <si>
    <t>302322.0</t>
  </si>
  <si>
    <t>32345.0</t>
  </si>
  <si>
    <t>480272969.0</t>
  </si>
  <si>
    <t>188540709.0</t>
  </si>
  <si>
    <t>174869845.0</t>
  </si>
  <si>
    <t>122594536.0</t>
  </si>
  <si>
    <t>56601.0</t>
  </si>
  <si>
    <t>305966.0</t>
  </si>
  <si>
    <t>223.06</t>
  </si>
  <si>
    <t>87.57</t>
  </si>
  <si>
    <t>32995.0</t>
  </si>
  <si>
    <t>480288516.0</t>
  </si>
  <si>
    <t>188543080.0</t>
  </si>
  <si>
    <t>174872899.0</t>
  </si>
  <si>
    <t>122604684.0</t>
  </si>
  <si>
    <t>18977.0</t>
  </si>
  <si>
    <t>480291721.0</t>
  </si>
  <si>
    <t>188543313.0</t>
  </si>
  <si>
    <t>174873775.0</t>
  </si>
  <si>
    <t>122606791.0</t>
  </si>
  <si>
    <t>223.07</t>
  </si>
  <si>
    <t>480310839.0</t>
  </si>
  <si>
    <t>188549744.0</t>
  </si>
  <si>
    <t>174881292.0</t>
  </si>
  <si>
    <t>122616211.0</t>
  </si>
  <si>
    <t>17668.0</t>
  </si>
  <si>
    <t>223.08</t>
  </si>
  <si>
    <t>17151.0</t>
  </si>
  <si>
    <t>480331769.0</t>
  </si>
  <si>
    <t>188552661.0</t>
  </si>
  <si>
    <t>174886102.0</t>
  </si>
  <si>
    <t>122629436.0</t>
  </si>
  <si>
    <t>16635.0</t>
  </si>
  <si>
    <t>480332769.0</t>
  </si>
  <si>
    <t>188553047.0</t>
  </si>
  <si>
    <t>174886846.0</t>
  </si>
  <si>
    <t>223.09</t>
  </si>
  <si>
    <t>480333910.0</t>
  </si>
  <si>
    <t>188553932.0</t>
  </si>
  <si>
    <t>174887915.0</t>
  </si>
  <si>
    <t>8706.0</t>
  </si>
  <si>
    <t>480333982.0</t>
  </si>
  <si>
    <t>188553963.0</t>
  </si>
  <si>
    <t>174887956.0</t>
  </si>
  <si>
    <t>480415107.0</t>
  </si>
  <si>
    <t>188564151.0</t>
  </si>
  <si>
    <t>174905276.0</t>
  </si>
  <si>
    <t>122683198.0</t>
  </si>
  <si>
    <t>14895.0</t>
  </si>
  <si>
    <t>223.12</t>
  </si>
  <si>
    <t>87.58</t>
  </si>
  <si>
    <t>81.23</t>
  </si>
  <si>
    <t>480430556.0</t>
  </si>
  <si>
    <t>188566405.0</t>
  </si>
  <si>
    <t>174908749.0</t>
  </si>
  <si>
    <t>122692958.0</t>
  </si>
  <si>
    <t>223.13</t>
  </si>
  <si>
    <t>VGB</t>
  </si>
  <si>
    <t>British Virgin Islands</t>
  </si>
  <si>
    <t>11255.0</t>
  </si>
  <si>
    <t>11553.0</t>
  </si>
  <si>
    <t>19534.0</t>
  </si>
  <si>
    <t>62.35</t>
  </si>
  <si>
    <t>20278.0</t>
  </si>
  <si>
    <t>21403.0</t>
  </si>
  <si>
    <t>8841.0</t>
  </si>
  <si>
    <t>22247.0</t>
  </si>
  <si>
    <t>12993.0</t>
  </si>
  <si>
    <t>22837.0</t>
  </si>
  <si>
    <t>13439.0</t>
  </si>
  <si>
    <t>24112.0</t>
  </si>
  <si>
    <t>13999.0</t>
  </si>
  <si>
    <t>6543.0</t>
  </si>
  <si>
    <t>7979.0</t>
  </si>
  <si>
    <t>26501.0</t>
  </si>
  <si>
    <t>10881.0</t>
  </si>
  <si>
    <t>8266.0</t>
  </si>
  <si>
    <t>6958.0</t>
  </si>
  <si>
    <t>27883.0</t>
  </si>
  <si>
    <t>16445.0</t>
  </si>
  <si>
    <t>88.99</t>
  </si>
  <si>
    <t>36.51</t>
  </si>
  <si>
    <t>6288.0</t>
  </si>
  <si>
    <t>28777.0</t>
  </si>
  <si>
    <t>16590.0</t>
  </si>
  <si>
    <t>91.85</t>
  </si>
  <si>
    <t>52.95</t>
  </si>
  <si>
    <t>16739.0</t>
  </si>
  <si>
    <t>93.11</t>
  </si>
  <si>
    <t>29431.0</t>
  </si>
  <si>
    <t>16826.0</t>
  </si>
  <si>
    <t>29828.0</t>
  </si>
  <si>
    <t>17095.0</t>
  </si>
  <si>
    <t>32229.0</t>
  </si>
  <si>
    <t>13824.0</t>
  </si>
  <si>
    <t>10947.0</t>
  </si>
  <si>
    <t>9415.0</t>
  </si>
  <si>
    <t>32398.0</t>
  </si>
  <si>
    <t>17439.0</t>
  </si>
  <si>
    <t>103.4</t>
  </si>
  <si>
    <t>32930.0</t>
  </si>
  <si>
    <t>17570.0</t>
  </si>
  <si>
    <t>15360.0</t>
  </si>
  <si>
    <t>105.1</t>
  </si>
  <si>
    <t>33075.0</t>
  </si>
  <si>
    <t>17607.0</t>
  </si>
  <si>
    <t>15468.0</t>
  </si>
  <si>
    <t>105.56</t>
  </si>
  <si>
    <t>33527.0</t>
  </si>
  <si>
    <t>17765.0</t>
  </si>
  <si>
    <t>15762.0</t>
  </si>
  <si>
    <t>107.01</t>
  </si>
  <si>
    <t>33872.0</t>
  </si>
  <si>
    <t>17902.0</t>
  </si>
  <si>
    <t>34377.0</t>
  </si>
  <si>
    <t>16336.0</t>
  </si>
  <si>
    <t>34608.0</t>
  </si>
  <si>
    <t>110.46</t>
  </si>
  <si>
    <t>34909.0</t>
  </si>
  <si>
    <t>18259.0</t>
  </si>
  <si>
    <t>16650.0</t>
  </si>
  <si>
    <t>111.42</t>
  </si>
  <si>
    <t>34992.0</t>
  </si>
  <si>
    <t>18288.0</t>
  </si>
  <si>
    <t>16704.0</t>
  </si>
  <si>
    <t>111.68</t>
  </si>
  <si>
    <t>35232.0</t>
  </si>
  <si>
    <t>18357.0</t>
  </si>
  <si>
    <t>16875.0</t>
  </si>
  <si>
    <t>35799.0</t>
  </si>
  <si>
    <t>18432.0</t>
  </si>
  <si>
    <t>58.83</t>
  </si>
  <si>
    <t>35970.0</t>
  </si>
  <si>
    <t>18653.0</t>
  </si>
  <si>
    <t>17119.0</t>
  </si>
  <si>
    <t>115.33</t>
  </si>
  <si>
    <t>36290.0</t>
  </si>
  <si>
    <t>18728.0</t>
  </si>
  <si>
    <t>17200.0</t>
  </si>
  <si>
    <t>115.82</t>
  </si>
  <si>
    <t>18753.0</t>
  </si>
  <si>
    <t>115.95</t>
  </si>
  <si>
    <t>36384.0</t>
  </si>
  <si>
    <t>18786.0</t>
  </si>
  <si>
    <t>17236.0</t>
  </si>
  <si>
    <t>116.12</t>
  </si>
  <si>
    <t>18899.0</t>
  </si>
  <si>
    <t>116.71</t>
  </si>
  <si>
    <t>36610.0</t>
  </si>
  <si>
    <t>18923.0</t>
  </si>
  <si>
    <t>60.4</t>
  </si>
  <si>
    <t>36829.0</t>
  </si>
  <si>
    <t>19008.0</t>
  </si>
  <si>
    <t>17459.0</t>
  </si>
  <si>
    <t>117.54</t>
  </si>
  <si>
    <t>55.72</t>
  </si>
  <si>
    <t>6192.0</t>
  </si>
  <si>
    <t>40537.0</t>
  </si>
  <si>
    <t>129.38</t>
  </si>
  <si>
    <t>56.32</t>
  </si>
  <si>
    <t>40697.0</t>
  </si>
  <si>
    <t>19214.0</t>
  </si>
  <si>
    <t>17757.0</t>
  </si>
  <si>
    <t>61.32</t>
  </si>
  <si>
    <t>19260.0</t>
  </si>
  <si>
    <t>17817.0</t>
  </si>
  <si>
    <t>56.87</t>
  </si>
  <si>
    <t>40833.0</t>
  </si>
  <si>
    <t>19268.0</t>
  </si>
  <si>
    <t>17839.0</t>
  </si>
  <si>
    <t>40872.0</t>
  </si>
  <si>
    <t>19284.0</t>
  </si>
  <si>
    <t>17862.0</t>
  </si>
  <si>
    <t>130.45</t>
  </si>
  <si>
    <t>19299.0</t>
  </si>
  <si>
    <t>17886.0</t>
  </si>
  <si>
    <t>40969.0</t>
  </si>
  <si>
    <t>19323.0</t>
  </si>
  <si>
    <t>17920.0</t>
  </si>
  <si>
    <t>130.76</t>
  </si>
  <si>
    <t>96630.0</t>
  </si>
  <si>
    <t>3104.878</t>
  </si>
  <si>
    <t>people tested</t>
  </si>
  <si>
    <t>41104.0</t>
  </si>
  <si>
    <t>18030.0</t>
  </si>
  <si>
    <t>131.19</t>
  </si>
  <si>
    <t>41144.0</t>
  </si>
  <si>
    <t>19365.0</t>
  </si>
  <si>
    <t>18053.0</t>
  </si>
  <si>
    <t>19389.0</t>
  </si>
  <si>
    <t>131.49</t>
  </si>
  <si>
    <t>41300.0</t>
  </si>
  <si>
    <t>131.81</t>
  </si>
  <si>
    <t>41346.0</t>
  </si>
  <si>
    <t>131.96</t>
  </si>
  <si>
    <t>132.07</t>
  </si>
  <si>
    <t>41453.0</t>
  </si>
  <si>
    <t>BRN</t>
  </si>
  <si>
    <t>Brunei</t>
  </si>
  <si>
    <t>97.9951091531886</t>
  </si>
  <si>
    <t>76.6143580652202</t>
  </si>
  <si>
    <t>-7.61</t>
  </si>
  <si>
    <t>51.6701484625904</t>
  </si>
  <si>
    <t>42.86</t>
  </si>
  <si>
    <t>173.273170275411</t>
  </si>
  <si>
    <t>-5.91</t>
  </si>
  <si>
    <t>153.674148444773</t>
  </si>
  <si>
    <t>-5.97</t>
  </si>
  <si>
    <t>132.738829671137</t>
  </si>
  <si>
    <t>-21.09</t>
  </si>
  <si>
    <t>60.1333624349112</t>
  </si>
  <si>
    <t>-0.199999999999999</t>
  </si>
  <si>
    <t>-16.98</t>
  </si>
  <si>
    <t>-0.445432314332674</t>
  </si>
  <si>
    <t>-0.35</t>
  </si>
  <si>
    <t>-4.05</t>
  </si>
  <si>
    <t>-12.4721048013149</t>
  </si>
  <si>
    <t>-16.8</t>
  </si>
  <si>
    <t>-37.4163144039447</t>
  </si>
  <si>
    <t>92611.0</t>
  </si>
  <si>
    <t>207.94</t>
  </si>
  <si>
    <t>92895.0</t>
  </si>
  <si>
    <t>208.578</t>
  </si>
  <si>
    <t>93192.0</t>
  </si>
  <si>
    <t>209.245</t>
  </si>
  <si>
    <t>6090.0</t>
  </si>
  <si>
    <t>6638.0</t>
  </si>
  <si>
    <t>6701.0</t>
  </si>
  <si>
    <t>7503.0</t>
  </si>
  <si>
    <t>11506.0</t>
  </si>
  <si>
    <t>12324.0</t>
  </si>
  <si>
    <t>12947.0</t>
  </si>
  <si>
    <t>14126.0</t>
  </si>
  <si>
    <t>14526.0</t>
  </si>
  <si>
    <t>15905.0</t>
  </si>
  <si>
    <t>15043.0</t>
  </si>
  <si>
    <t>15989.0</t>
  </si>
  <si>
    <t>16764.0</t>
  </si>
  <si>
    <t>20990.0</t>
  </si>
  <si>
    <t>23188.0</t>
  </si>
  <si>
    <t>19108.0</t>
  </si>
  <si>
    <t>25065.0</t>
  </si>
  <si>
    <t>20218.0</t>
  </si>
  <si>
    <t>28051.0</t>
  </si>
  <si>
    <t>22252.0</t>
  </si>
  <si>
    <t>4.96</t>
  </si>
  <si>
    <t>33305.0</t>
  </si>
  <si>
    <t>25032.0</t>
  </si>
  <si>
    <t>8273.0</t>
  </si>
  <si>
    <t>38964.0</t>
  </si>
  <si>
    <t>29633.0</t>
  </si>
  <si>
    <t>42146.0</t>
  </si>
  <si>
    <t>32247.0</t>
  </si>
  <si>
    <t>9899.0</t>
  </si>
  <si>
    <t>7.18</t>
  </si>
  <si>
    <t>45802.0</t>
  </si>
  <si>
    <t>35308.0</t>
  </si>
  <si>
    <t>10494.0</t>
  </si>
  <si>
    <t>49371.0</t>
  </si>
  <si>
    <t>38422.0</t>
  </si>
  <si>
    <t>10949.0</t>
  </si>
  <si>
    <t>52775.0</t>
  </si>
  <si>
    <t>41655.0</t>
  </si>
  <si>
    <t>55085.0</t>
  </si>
  <si>
    <t>43779.0</t>
  </si>
  <si>
    <t>11306.0</t>
  </si>
  <si>
    <t>58450.0</t>
  </si>
  <si>
    <t>47040.0</t>
  </si>
  <si>
    <t>11410.0</t>
  </si>
  <si>
    <t>60156.0</t>
  </si>
  <si>
    <t>48719.0</t>
  </si>
  <si>
    <t>61225.0</t>
  </si>
  <si>
    <t>49763.0</t>
  </si>
  <si>
    <t>11462.0</t>
  </si>
  <si>
    <t>61289.0</t>
  </si>
  <si>
    <t>11464.0</t>
  </si>
  <si>
    <t>13.65</t>
  </si>
  <si>
    <t>62343.0</t>
  </si>
  <si>
    <t>50846.0</t>
  </si>
  <si>
    <t>11497.0</t>
  </si>
  <si>
    <t>63486.0</t>
  </si>
  <si>
    <t>51908.0</t>
  </si>
  <si>
    <t>11578.0</t>
  </si>
  <si>
    <t>65972.0</t>
  </si>
  <si>
    <t>54164.0</t>
  </si>
  <si>
    <t>66038.0</t>
  </si>
  <si>
    <t>12.08</t>
  </si>
  <si>
    <t>66972.0</t>
  </si>
  <si>
    <t>55005.0</t>
  </si>
  <si>
    <t>69877.0</t>
  </si>
  <si>
    <t>57353.0</t>
  </si>
  <si>
    <t>76471.0</t>
  </si>
  <si>
    <t>63432.0</t>
  </si>
  <si>
    <t>79554.0</t>
  </si>
  <si>
    <t>66091.0</t>
  </si>
  <si>
    <t>13463.0</t>
  </si>
  <si>
    <t>67828.0</t>
  </si>
  <si>
    <t>14365.0</t>
  </si>
  <si>
    <t>84458.0</t>
  </si>
  <si>
    <t>69737.0</t>
  </si>
  <si>
    <t>14721.0</t>
  </si>
  <si>
    <t>18.81</t>
  </si>
  <si>
    <t>87409.0</t>
  </si>
  <si>
    <t>72300.0</t>
  </si>
  <si>
    <t>87792.0</t>
  </si>
  <si>
    <t>72680.0</t>
  </si>
  <si>
    <t>91146.0</t>
  </si>
  <si>
    <t>92295.0</t>
  </si>
  <si>
    <t>76733.0</t>
  </si>
  <si>
    <t>4543.0</t>
  </si>
  <si>
    <t>80057.0</t>
  </si>
  <si>
    <t>15960.0</t>
  </si>
  <si>
    <t>99795.0</t>
  </si>
  <si>
    <t>22.23</t>
  </si>
  <si>
    <t>18.61</t>
  </si>
  <si>
    <t>5601.0</t>
  </si>
  <si>
    <t>103633.0</t>
  </si>
  <si>
    <t>87033.0</t>
  </si>
  <si>
    <t>6100.0</t>
  </si>
  <si>
    <t>107767.0</t>
  </si>
  <si>
    <t>90500.0</t>
  </si>
  <si>
    <t>17267.0</t>
  </si>
  <si>
    <t>108457.0</t>
  </si>
  <si>
    <t>91140.0</t>
  </si>
  <si>
    <t>121241.0</t>
  </si>
  <si>
    <t>102586.0</t>
  </si>
  <si>
    <t>18655.0</t>
  </si>
  <si>
    <t>125751.0</t>
  </si>
  <si>
    <t>106556.0</t>
  </si>
  <si>
    <t>134505.0</t>
  </si>
  <si>
    <t>113703.0</t>
  </si>
  <si>
    <t>137910.0</t>
  </si>
  <si>
    <t>116753.0</t>
  </si>
  <si>
    <t>21157.0</t>
  </si>
  <si>
    <t>142014.0</t>
  </si>
  <si>
    <t>119721.0</t>
  </si>
  <si>
    <t>145503.0</t>
  </si>
  <si>
    <t>122229.0</t>
  </si>
  <si>
    <t>146727.0</t>
  </si>
  <si>
    <t>123390.0</t>
  </si>
  <si>
    <t>150102.0</t>
  </si>
  <si>
    <t>126050.0</t>
  </si>
  <si>
    <t>24052.0</t>
  </si>
  <si>
    <t>28.07</t>
  </si>
  <si>
    <t>156576.0</t>
  </si>
  <si>
    <t>130469.0</t>
  </si>
  <si>
    <t>159954.0</t>
  </si>
  <si>
    <t>132446.0</t>
  </si>
  <si>
    <t>27508.0</t>
  </si>
  <si>
    <t>160497.0</t>
  </si>
  <si>
    <t>132793.0</t>
  </si>
  <si>
    <t>27704.0</t>
  </si>
  <si>
    <t>163999.0</t>
  </si>
  <si>
    <t>134829.0</t>
  </si>
  <si>
    <t>29170.0</t>
  </si>
  <si>
    <t>169025.0</t>
  </si>
  <si>
    <t>137345.0</t>
  </si>
  <si>
    <t>31680.0</t>
  </si>
  <si>
    <t>30.59</t>
  </si>
  <si>
    <t>173245.0</t>
  </si>
  <si>
    <t>139555.0</t>
  </si>
  <si>
    <t>33690.0</t>
  </si>
  <si>
    <t>177628.0</t>
  </si>
  <si>
    <t>141754.0</t>
  </si>
  <si>
    <t>188277.0</t>
  </si>
  <si>
    <t>147685.0</t>
  </si>
  <si>
    <t>40592.0</t>
  </si>
  <si>
    <t>189927.0</t>
  </si>
  <si>
    <t>148510.0</t>
  </si>
  <si>
    <t>41417.0</t>
  </si>
  <si>
    <t>7450.0</t>
  </si>
  <si>
    <t>7688.0</t>
  </si>
  <si>
    <t>196457.0</t>
  </si>
  <si>
    <t>152474.0</t>
  </si>
  <si>
    <t>43983.0</t>
  </si>
  <si>
    <t>7385.0</t>
  </si>
  <si>
    <t>201441.0</t>
  </si>
  <si>
    <t>155001.0</t>
  </si>
  <si>
    <t>214385.0</t>
  </si>
  <si>
    <t>52186.0</t>
  </si>
  <si>
    <t>9472.0</t>
  </si>
  <si>
    <t>230324.0</t>
  </si>
  <si>
    <t>171283.0</t>
  </si>
  <si>
    <t>59041.0</t>
  </si>
  <si>
    <t>10775.0</t>
  </si>
  <si>
    <t>246716.0</t>
  </si>
  <si>
    <t>180812.0</t>
  </si>
  <si>
    <t>65904.0</t>
  </si>
  <si>
    <t>11659.0</t>
  </si>
  <si>
    <t>5804.0</t>
  </si>
  <si>
    <t>267132.0</t>
  </si>
  <si>
    <t>193511.0</t>
  </si>
  <si>
    <t>285414.0</t>
  </si>
  <si>
    <t>205051.0</t>
  </si>
  <si>
    <t>80363.0</t>
  </si>
  <si>
    <t>15788.0</t>
  </si>
  <si>
    <t>15670.0</t>
  </si>
  <si>
    <t>295590.0</t>
  </si>
  <si>
    <t>211108.0</t>
  </si>
  <si>
    <t>84482.0</t>
  </si>
  <si>
    <t>15550.0</t>
  </si>
  <si>
    <t>308219.0</t>
  </si>
  <si>
    <t>219145.0</t>
  </si>
  <si>
    <t>89074.0</t>
  </si>
  <si>
    <t>6842.0</t>
  </si>
  <si>
    <t>19.84</t>
  </si>
  <si>
    <t>15238.0</t>
  </si>
  <si>
    <t>16191.0</t>
  </si>
  <si>
    <t>4553.0</t>
  </si>
  <si>
    <t>327825.0</t>
  </si>
  <si>
    <t>231613.0</t>
  </si>
  <si>
    <t>16403.0</t>
  </si>
  <si>
    <t>15176.0</t>
  </si>
  <si>
    <t>338399.0</t>
  </si>
  <si>
    <t>233380.0</t>
  </si>
  <si>
    <t>105019.0</t>
  </si>
  <si>
    <t>345595.0</t>
  </si>
  <si>
    <t>234255.0</t>
  </si>
  <si>
    <t>111340.0</t>
  </si>
  <si>
    <t>13138.0</t>
  </si>
  <si>
    <t>353428.0</t>
  </si>
  <si>
    <t>234945.0</t>
  </si>
  <si>
    <t>118483.0</t>
  </si>
  <si>
    <t>52.33</t>
  </si>
  <si>
    <t>11265.0</t>
  </si>
  <si>
    <t>365203.0</t>
  </si>
  <si>
    <t>235633.0</t>
  </si>
  <si>
    <t>129570.0</t>
  </si>
  <si>
    <t>371501.0</t>
  </si>
  <si>
    <t>236009.0</t>
  </si>
  <si>
    <t>135492.0</t>
  </si>
  <si>
    <t>9387.0</t>
  </si>
  <si>
    <t>378598.0</t>
  </si>
  <si>
    <t>236408.0</t>
  </si>
  <si>
    <t>142190.0</t>
  </si>
  <si>
    <t>385602.0</t>
  </si>
  <si>
    <t>237015.0</t>
  </si>
  <si>
    <t>148587.0</t>
  </si>
  <si>
    <t>405352.0</t>
  </si>
  <si>
    <t>247487.0</t>
  </si>
  <si>
    <t>157865.0</t>
  </si>
  <si>
    <t>415538.0</t>
  </si>
  <si>
    <t>253855.0</t>
  </si>
  <si>
    <t>161683.0</t>
  </si>
  <si>
    <t>10639.0</t>
  </si>
  <si>
    <t>12283.0</t>
  </si>
  <si>
    <t>3058.0</t>
  </si>
  <si>
    <t>432882.0</t>
  </si>
  <si>
    <t>262982.0</t>
  </si>
  <si>
    <t>169900.0</t>
  </si>
  <si>
    <t>96.41</t>
  </si>
  <si>
    <t>13472.0</t>
  </si>
  <si>
    <t>13619.0</t>
  </si>
  <si>
    <t>443676.0</t>
  </si>
  <si>
    <t>269847.0</t>
  </si>
  <si>
    <t>173829.0</t>
  </si>
  <si>
    <t>98.81</t>
  </si>
  <si>
    <t>13764.0</t>
  </si>
  <si>
    <t>14051.0</t>
  </si>
  <si>
    <t>455355.0</t>
  </si>
  <si>
    <t>276935.0</t>
  </si>
  <si>
    <t>178420.0</t>
  </si>
  <si>
    <t>101.41</t>
  </si>
  <si>
    <t>39.74</t>
  </si>
  <si>
    <t>14289.0</t>
  </si>
  <si>
    <t>474407.0</t>
  </si>
  <si>
    <t>285987.0</t>
  </si>
  <si>
    <t>188420.0</t>
  </si>
  <si>
    <t>63.69</t>
  </si>
  <si>
    <t>15971.0</t>
  </si>
  <si>
    <t>16263.0</t>
  </si>
  <si>
    <t>4070.0</t>
  </si>
  <si>
    <t>493587.0</t>
  </si>
  <si>
    <t>296963.0</t>
  </si>
  <si>
    <t>196624.0</t>
  </si>
  <si>
    <t>17597.0</t>
  </si>
  <si>
    <t>17191.0</t>
  </si>
  <si>
    <t>501834.0</t>
  </si>
  <si>
    <t>302258.0</t>
  </si>
  <si>
    <t>199576.0</t>
  </si>
  <si>
    <t>111.77</t>
  </si>
  <si>
    <t>512357.0</t>
  </si>
  <si>
    <t>310416.0</t>
  </si>
  <si>
    <t>201941.0</t>
  </si>
  <si>
    <t>114.11</t>
  </si>
  <si>
    <t>15105.0</t>
  </si>
  <si>
    <t>526193.0</t>
  </si>
  <si>
    <t>319711.0</t>
  </si>
  <si>
    <t>206482.0</t>
  </si>
  <si>
    <t>117.19</t>
  </si>
  <si>
    <t>45.99</t>
  </si>
  <si>
    <t>13425.0</t>
  </si>
  <si>
    <t>533305.0</t>
  </si>
  <si>
    <t>208741.0</t>
  </si>
  <si>
    <t>5118.0</t>
  </si>
  <si>
    <t>11399.0</t>
  </si>
  <si>
    <t>542019.0</t>
  </si>
  <si>
    <t>330410.0</t>
  </si>
  <si>
    <t>211609.0</t>
  </si>
  <si>
    <t>552265.0</t>
  </si>
  <si>
    <t>216615.0</t>
  </si>
  <si>
    <t>10497.0</t>
  </si>
  <si>
    <t>563695.0</t>
  </si>
  <si>
    <t>339667.0</t>
  </si>
  <si>
    <t>224028.0</t>
  </si>
  <si>
    <t>125.54</t>
  </si>
  <si>
    <t>579263.0</t>
  </si>
  <si>
    <t>344342.0</t>
  </si>
  <si>
    <t>234921.0</t>
  </si>
  <si>
    <t>10220.0</t>
  </si>
  <si>
    <t>584245.0</t>
  </si>
  <si>
    <t>345754.0</t>
  </si>
  <si>
    <t>238491.0</t>
  </si>
  <si>
    <t>130.12</t>
  </si>
  <si>
    <t>8356.0</t>
  </si>
  <si>
    <t>588206.0</t>
  </si>
  <si>
    <t>347147.0</t>
  </si>
  <si>
    <t>241059.0</t>
  </si>
  <si>
    <t>53.69</t>
  </si>
  <si>
    <t>592613.0</t>
  </si>
  <si>
    <t>348782.0</t>
  </si>
  <si>
    <t>243831.0</t>
  </si>
  <si>
    <t>131.98</t>
  </si>
  <si>
    <t>598758.0</t>
  </si>
  <si>
    <t>350200.0</t>
  </si>
  <si>
    <t>248558.0</t>
  </si>
  <si>
    <t>601042.0</t>
  </si>
  <si>
    <t>350801.0</t>
  </si>
  <si>
    <t>250241.0</t>
  </si>
  <si>
    <t>133.86</t>
  </si>
  <si>
    <t>603923.0</t>
  </si>
  <si>
    <t>351496.0</t>
  </si>
  <si>
    <t>252427.0</t>
  </si>
  <si>
    <t>604662.0</t>
  </si>
  <si>
    <t>351715.0</t>
  </si>
  <si>
    <t>252947.0</t>
  </si>
  <si>
    <t>134.67</t>
  </si>
  <si>
    <t>607436.0</t>
  </si>
  <si>
    <t>352709.0</t>
  </si>
  <si>
    <t>254727.0</t>
  </si>
  <si>
    <t>135.29</t>
  </si>
  <si>
    <t>613737.0</t>
  </si>
  <si>
    <t>353399.0</t>
  </si>
  <si>
    <t>260338.0</t>
  </si>
  <si>
    <t>136.69</t>
  </si>
  <si>
    <t>5744.0</t>
  </si>
  <si>
    <t>626279.0</t>
  </si>
  <si>
    <t>353961.0</t>
  </si>
  <si>
    <t>272318.0</t>
  </si>
  <si>
    <t>139.48</t>
  </si>
  <si>
    <t>632896.0</t>
  </si>
  <si>
    <t>354428.0</t>
  </si>
  <si>
    <t>278468.0</t>
  </si>
  <si>
    <t>8982.0</t>
  </si>
  <si>
    <t>633464.0</t>
  </si>
  <si>
    <t>354729.0</t>
  </si>
  <si>
    <t>278735.0</t>
  </si>
  <si>
    <t>141.08</t>
  </si>
  <si>
    <t>640721.0</t>
  </si>
  <si>
    <t>355420.0</t>
  </si>
  <si>
    <t>285301.0</t>
  </si>
  <si>
    <t>142.7</t>
  </si>
  <si>
    <t>643231.0</t>
  </si>
  <si>
    <t>355752.0</t>
  </si>
  <si>
    <t>287479.0</t>
  </si>
  <si>
    <t>143.26</t>
  </si>
  <si>
    <t>64.03</t>
  </si>
  <si>
    <t>649166.0</t>
  </si>
  <si>
    <t>361215.0</t>
  </si>
  <si>
    <t>287951.0</t>
  </si>
  <si>
    <t>144.58</t>
  </si>
  <si>
    <t>9276.0</t>
  </si>
  <si>
    <t>654487.0</t>
  </si>
  <si>
    <t>366008.0</t>
  </si>
  <si>
    <t>288479.0</t>
  </si>
  <si>
    <t>145.76</t>
  </si>
  <si>
    <t>81.52</t>
  </si>
  <si>
    <t>661216.0</t>
  </si>
  <si>
    <t>371184.0</t>
  </si>
  <si>
    <t>290032.0</t>
  </si>
  <si>
    <t>147.26</t>
  </si>
  <si>
    <t>10062.0</t>
  </si>
  <si>
    <t>668251.0</t>
  </si>
  <si>
    <t>376127.0</t>
  </si>
  <si>
    <t>292124.0</t>
  </si>
  <si>
    <t>11249.0</t>
  </si>
  <si>
    <t>673578.0</t>
  </si>
  <si>
    <t>378120.0</t>
  </si>
  <si>
    <t>295458.0</t>
  </si>
  <si>
    <t>5731.0</t>
  </si>
  <si>
    <t>150.02</t>
  </si>
  <si>
    <t>680757.0</t>
  </si>
  <si>
    <t>381106.0</t>
  </si>
  <si>
    <t>299651.0</t>
  </si>
  <si>
    <t>151.62</t>
  </si>
  <si>
    <t>684698.0</t>
  </si>
  <si>
    <t>383195.0</t>
  </si>
  <si>
    <t>85.34</t>
  </si>
  <si>
    <t>692315.0</t>
  </si>
  <si>
    <t>387002.0</t>
  </si>
  <si>
    <t>305313.0</t>
  </si>
  <si>
    <t>86.19</t>
  </si>
  <si>
    <t>13728.0</t>
  </si>
  <si>
    <t>699622.0</t>
  </si>
  <si>
    <t>390657.0</t>
  </si>
  <si>
    <t>308965.0</t>
  </si>
  <si>
    <t>155.82</t>
  </si>
  <si>
    <t>14361.0</t>
  </si>
  <si>
    <t>394039.0</t>
  </si>
  <si>
    <t>313239.0</t>
  </si>
  <si>
    <t>157.52</t>
  </si>
  <si>
    <t>715979.0</t>
  </si>
  <si>
    <t>397298.0</t>
  </si>
  <si>
    <t>318681.0</t>
  </si>
  <si>
    <t>8701.0</t>
  </si>
  <si>
    <t>6818.0</t>
  </si>
  <si>
    <t>159.46</t>
  </si>
  <si>
    <t>88.48</t>
  </si>
  <si>
    <t>15185.0</t>
  </si>
  <si>
    <t>719100.0</t>
  </si>
  <si>
    <t>398277.0</t>
  </si>
  <si>
    <t>320823.0</t>
  </si>
  <si>
    <t>6503.0</t>
  </si>
  <si>
    <t>14483.0</t>
  </si>
  <si>
    <t>726907.0</t>
  </si>
  <si>
    <t>399834.0</t>
  </si>
  <si>
    <t>327073.0</t>
  </si>
  <si>
    <t>7807.0</t>
  </si>
  <si>
    <t>161.89</t>
  </si>
  <si>
    <t>89.05</t>
  </si>
  <si>
    <t>728626.0</t>
  </si>
  <si>
    <t>400238.0</t>
  </si>
  <si>
    <t>328388.0</t>
  </si>
  <si>
    <t>89.14</t>
  </si>
  <si>
    <t>734235.0</t>
  </si>
  <si>
    <t>401091.0</t>
  </si>
  <si>
    <t>333144.0</t>
  </si>
  <si>
    <t>5609.0</t>
  </si>
  <si>
    <t>13338.0</t>
  </si>
  <si>
    <t>738282.0</t>
  </si>
  <si>
    <t>401611.0</t>
  </si>
  <si>
    <t>336671.0</t>
  </si>
  <si>
    <t>4047.0</t>
  </si>
  <si>
    <t>89.45</t>
  </si>
  <si>
    <t>744337.0</t>
  </si>
  <si>
    <t>402428.0</t>
  </si>
  <si>
    <t>341909.0</t>
  </si>
  <si>
    <t>165.78</t>
  </si>
  <si>
    <t>89.63</t>
  </si>
  <si>
    <t>744790.0</t>
  </si>
  <si>
    <t>402574.0</t>
  </si>
  <si>
    <t>342216.0</t>
  </si>
  <si>
    <t>165.88</t>
  </si>
  <si>
    <t>747384.0</t>
  </si>
  <si>
    <t>402966.0</t>
  </si>
  <si>
    <t>344418.0</t>
  </si>
  <si>
    <t>166.45</t>
  </si>
  <si>
    <t>89.75</t>
  </si>
  <si>
    <t>748008.0</t>
  </si>
  <si>
    <t>403094.0</t>
  </si>
  <si>
    <t>344914.0</t>
  </si>
  <si>
    <t>166.59</t>
  </si>
  <si>
    <t>89.78</t>
  </si>
  <si>
    <t>751178.0</t>
  </si>
  <si>
    <t>403405.0</t>
  </si>
  <si>
    <t>347773.0</t>
  </si>
  <si>
    <t>167.3</t>
  </si>
  <si>
    <t>89.84</t>
  </si>
  <si>
    <t>752450.0</t>
  </si>
  <si>
    <t>403675.0</t>
  </si>
  <si>
    <t>167.58</t>
  </si>
  <si>
    <t>89.9</t>
  </si>
  <si>
    <t>753291.0</t>
  </si>
  <si>
    <t>403874.0</t>
  </si>
  <si>
    <t>349417.0</t>
  </si>
  <si>
    <t>167.77</t>
  </si>
  <si>
    <t>89.95</t>
  </si>
  <si>
    <t>754293.0</t>
  </si>
  <si>
    <t>404070.0</t>
  </si>
  <si>
    <t>350223.0</t>
  </si>
  <si>
    <t>754589.0</t>
  </si>
  <si>
    <t>404138.0</t>
  </si>
  <si>
    <t>350451.0</t>
  </si>
  <si>
    <t>168.06</t>
  </si>
  <si>
    <t>756080.0</t>
  </si>
  <si>
    <t>404371.0</t>
  </si>
  <si>
    <t>351709.0</t>
  </si>
  <si>
    <t>168.39</t>
  </si>
  <si>
    <t>756637.0</t>
  </si>
  <si>
    <t>404451.0</t>
  </si>
  <si>
    <t>352186.0</t>
  </si>
  <si>
    <t>168.52</t>
  </si>
  <si>
    <t>762161.0</t>
  </si>
  <si>
    <t>404557.0</t>
  </si>
  <si>
    <t>357604.0</t>
  </si>
  <si>
    <t>5524.0</t>
  </si>
  <si>
    <t>169.75</t>
  </si>
  <si>
    <t>766929.0</t>
  </si>
  <si>
    <t>404623.0</t>
  </si>
  <si>
    <t>362306.0</t>
  </si>
  <si>
    <t>80.69</t>
  </si>
  <si>
    <t>771983.0</t>
  </si>
  <si>
    <t>404707.0</t>
  </si>
  <si>
    <t>367276.0</t>
  </si>
  <si>
    <t>171.93</t>
  </si>
  <si>
    <t>5947.0</t>
  </si>
  <si>
    <t>776846.0</t>
  </si>
  <si>
    <t>404806.0</t>
  </si>
  <si>
    <t>372040.0</t>
  </si>
  <si>
    <t>173.02</t>
  </si>
  <si>
    <t>778921.0</t>
  </si>
  <si>
    <t>404834.0</t>
  </si>
  <si>
    <t>374087.0</t>
  </si>
  <si>
    <t>173.48</t>
  </si>
  <si>
    <t>783549.0</t>
  </si>
  <si>
    <t>404940.0</t>
  </si>
  <si>
    <t>378609.0</t>
  </si>
  <si>
    <t>174.51</t>
  </si>
  <si>
    <t>786679.0</t>
  </si>
  <si>
    <t>404959.0</t>
  </si>
  <si>
    <t>381720.0</t>
  </si>
  <si>
    <t>175.21</t>
  </si>
  <si>
    <t>9559.0</t>
  </si>
  <si>
    <t>790506.0</t>
  </si>
  <si>
    <t>405092.0</t>
  </si>
  <si>
    <t>385414.0</t>
  </si>
  <si>
    <t>176.06</t>
  </si>
  <si>
    <t>85.84</t>
  </si>
  <si>
    <t>4460.0</t>
  </si>
  <si>
    <t>9933.0</t>
  </si>
  <si>
    <t>14136.0</t>
  </si>
  <si>
    <t>898401.0</t>
  </si>
  <si>
    <t>405888.0</t>
  </si>
  <si>
    <t>400691.0</t>
  </si>
  <si>
    <t>89.24</t>
  </si>
  <si>
    <t>10521.0</t>
  </si>
  <si>
    <t>922950.0</t>
  </si>
  <si>
    <t>406153.0</t>
  </si>
  <si>
    <t>401757.0</t>
  </si>
  <si>
    <t>205.56</t>
  </si>
  <si>
    <t>89.48</t>
  </si>
  <si>
    <t>7811.0</t>
  </si>
  <si>
    <t>118331.0</t>
  </si>
  <si>
    <t>7508.0</t>
  </si>
  <si>
    <t>946170.0</t>
  </si>
  <si>
    <t>406475.0</t>
  </si>
  <si>
    <t>402390.0</t>
  </si>
  <si>
    <t>210.73</t>
  </si>
  <si>
    <t>89.62</t>
  </si>
  <si>
    <t>7387.0</t>
  </si>
  <si>
    <t>6612.0</t>
  </si>
  <si>
    <t>6227.0</t>
  </si>
  <si>
    <t>965131.0</t>
  </si>
  <si>
    <t>406768.0</t>
  </si>
  <si>
    <t>403033.0</t>
  </si>
  <si>
    <t>6033.0</t>
  </si>
  <si>
    <t>979285.0</t>
  </si>
  <si>
    <t>407042.0</t>
  </si>
  <si>
    <t>403385.0</t>
  </si>
  <si>
    <t>218.1</t>
  </si>
  <si>
    <t>1005173.0</t>
  </si>
  <si>
    <t>407394.0</t>
  </si>
  <si>
    <t>404051.0</t>
  </si>
  <si>
    <t>223.87</t>
  </si>
  <si>
    <t>6499.0</t>
  </si>
  <si>
    <t>1026843.0</t>
  </si>
  <si>
    <t>407565.0</t>
  </si>
  <si>
    <t>404301.0</t>
  </si>
  <si>
    <t>228.69</t>
  </si>
  <si>
    <t>6267.0</t>
  </si>
  <si>
    <t>5011.0</t>
  </si>
  <si>
    <t>1041610.0</t>
  </si>
  <si>
    <t>407674.0</t>
  </si>
  <si>
    <t>404502.0</t>
  </si>
  <si>
    <t>231.98</t>
  </si>
  <si>
    <t>1061845.0</t>
  </si>
  <si>
    <t>407876.0</t>
  </si>
  <si>
    <t>404788.0</t>
  </si>
  <si>
    <t>236.49</t>
  </si>
  <si>
    <t>1068468.0</t>
  </si>
  <si>
    <t>407945.0</t>
  </si>
  <si>
    <t>404935.0</t>
  </si>
  <si>
    <t>255588.0</t>
  </si>
  <si>
    <t>237.97</t>
  </si>
  <si>
    <t>1073496.0</t>
  </si>
  <si>
    <t>408026.0</t>
  </si>
  <si>
    <t>405095.0</t>
  </si>
  <si>
    <t>260375.0</t>
  </si>
  <si>
    <t>239.08</t>
  </si>
  <si>
    <t>1078490.0</t>
  </si>
  <si>
    <t>408162.0</t>
  </si>
  <si>
    <t>405286.0</t>
  </si>
  <si>
    <t>265042.0</t>
  </si>
  <si>
    <t>240.2</t>
  </si>
  <si>
    <t>1084543.0</t>
  </si>
  <si>
    <t>412058.0</t>
  </si>
  <si>
    <t>405414.0</t>
  </si>
  <si>
    <t>267071.0</t>
  </si>
  <si>
    <t>91.77</t>
  </si>
  <si>
    <t>1124061.0</t>
  </si>
  <si>
    <t>432057.0</t>
  </si>
  <si>
    <t>409091.0</t>
  </si>
  <si>
    <t>282887.0</t>
  </si>
  <si>
    <t>250.35</t>
  </si>
  <si>
    <t>7434.0</t>
  </si>
  <si>
    <t>1149676.0</t>
  </si>
  <si>
    <t>440900.0</t>
  </si>
  <si>
    <t>415977.0</t>
  </si>
  <si>
    <t>292713.0</t>
  </si>
  <si>
    <t>256.05</t>
  </si>
  <si>
    <t>92.64</t>
  </si>
  <si>
    <t>65.19</t>
  </si>
  <si>
    <t>8149.0</t>
  </si>
  <si>
    <t>7002.0</t>
  </si>
  <si>
    <t>1162665.0</t>
  </si>
  <si>
    <t>443113.0</t>
  </si>
  <si>
    <t>421698.0</t>
  </si>
  <si>
    <t>297699.0</t>
  </si>
  <si>
    <t>258.94</t>
  </si>
  <si>
    <t>1173118.0</t>
  </si>
  <si>
    <t>444293.0</t>
  </si>
  <si>
    <t>426764.0</t>
  </si>
  <si>
    <t>301719.0</t>
  </si>
  <si>
    <t>261.27</t>
  </si>
  <si>
    <t>98.95</t>
  </si>
  <si>
    <t>95.05</t>
  </si>
  <si>
    <t>1190890.0</t>
  </si>
  <si>
    <t>445849.0</t>
  </si>
  <si>
    <t>436027.0</t>
  </si>
  <si>
    <t>265.23</t>
  </si>
  <si>
    <t>97.11</t>
  </si>
  <si>
    <t>68.53</t>
  </si>
  <si>
    <t>1259753.0</t>
  </si>
  <si>
    <t>449031.0</t>
  </si>
  <si>
    <t>443811.0</t>
  </si>
  <si>
    <t>328836.0</t>
  </si>
  <si>
    <t>280.57</t>
  </si>
  <si>
    <t>98.84</t>
  </si>
  <si>
    <t>1263938.0</t>
  </si>
  <si>
    <t>449149.0</t>
  </si>
  <si>
    <t>444079.0</t>
  </si>
  <si>
    <t>330826.0</t>
  </si>
  <si>
    <t>281.5</t>
  </si>
  <si>
    <t>100.03</t>
  </si>
  <si>
    <t>1268899.0</t>
  </si>
  <si>
    <t>449429.0</t>
  </si>
  <si>
    <t>444412.0</t>
  </si>
  <si>
    <t>333420.0</t>
  </si>
  <si>
    <t>282.6</t>
  </si>
  <si>
    <t>100.1</t>
  </si>
  <si>
    <t>98.98</t>
  </si>
  <si>
    <t>74.26</t>
  </si>
  <si>
    <t>1273212.0</t>
  </si>
  <si>
    <t>449769.0</t>
  </si>
  <si>
    <t>444757.0</t>
  </si>
  <si>
    <t>335738.0</t>
  </si>
  <si>
    <t>283.56</t>
  </si>
  <si>
    <t>100.17</t>
  </si>
  <si>
    <t>99.05</t>
  </si>
  <si>
    <t>1278500.0</t>
  </si>
  <si>
    <t>450060.0</t>
  </si>
  <si>
    <t>445424.0</t>
  </si>
  <si>
    <t>337552.0</t>
  </si>
  <si>
    <t>284.74</t>
  </si>
  <si>
    <t>100.24</t>
  </si>
  <si>
    <t>1280291.0</t>
  </si>
  <si>
    <t>450174.0</t>
  </si>
  <si>
    <t>445661.0</t>
  </si>
  <si>
    <t>338055.0</t>
  </si>
  <si>
    <t>285.14</t>
  </si>
  <si>
    <t>100.26</t>
  </si>
  <si>
    <t>99.26</t>
  </si>
  <si>
    <t>1282008.0</t>
  </si>
  <si>
    <t>450287.0</t>
  </si>
  <si>
    <t>445786.0</t>
  </si>
  <si>
    <t>338532.0</t>
  </si>
  <si>
    <t>285.52</t>
  </si>
  <si>
    <t>99.28</t>
  </si>
  <si>
    <t>1283392.0</t>
  </si>
  <si>
    <t>450404.0</t>
  </si>
  <si>
    <t>445929.0</t>
  </si>
  <si>
    <t>338987.0</t>
  </si>
  <si>
    <t>285.83</t>
  </si>
  <si>
    <t>100.31</t>
  </si>
  <si>
    <t>BGR</t>
  </si>
  <si>
    <t>Bulgaria</t>
  </si>
  <si>
    <t>-1675.6</t>
  </si>
  <si>
    <t>-7.01</t>
  </si>
  <si>
    <t>-10.53</t>
  </si>
  <si>
    <t>-247.067401656307</t>
  </si>
  <si>
    <t>-1859.7</t>
  </si>
  <si>
    <t>-8.43</t>
  </si>
  <si>
    <t>-274.212966615084</t>
  </si>
  <si>
    <t>-2031.8</t>
  </si>
  <si>
    <t>-7.2</t>
  </si>
  <si>
    <t>-8.03</t>
  </si>
  <si>
    <t>-299.589130272908</t>
  </si>
  <si>
    <t>-2156.7</t>
  </si>
  <si>
    <t>-7.11</t>
  </si>
  <si>
    <t>-5.88</t>
  </si>
  <si>
    <t>-318.005648813653</t>
  </si>
  <si>
    <t>-2317.2</t>
  </si>
  <si>
    <t>-7.6</t>
  </si>
  <si>
    <t>-341.67139121389</t>
  </si>
  <si>
    <t>18502.0</t>
  </si>
  <si>
    <t>-2451.9</t>
  </si>
  <si>
    <t>-6.56</t>
  </si>
  <si>
    <t>-361.53292081708</t>
  </si>
  <si>
    <t>26417.0</t>
  </si>
  <si>
    <t>3.836</t>
  </si>
  <si>
    <t>-2474.2</t>
  </si>
  <si>
    <t>-6.77</t>
  </si>
  <si>
    <t>-1.09</t>
  </si>
  <si>
    <t>-364.821058234683</t>
  </si>
  <si>
    <t>27000.0</t>
  </si>
  <si>
    <t>5.456</t>
  </si>
  <si>
    <t>38.632</t>
  </si>
  <si>
    <t>-2526.3</t>
  </si>
  <si>
    <t>-6.55</t>
  </si>
  <si>
    <t>-372.503208882984</t>
  </si>
  <si>
    <t>0.0324</t>
  </si>
  <si>
    <t>45208.0</t>
  </si>
  <si>
    <t>46510.0</t>
  </si>
  <si>
    <t>6.754</t>
  </si>
  <si>
    <t>47636.0</t>
  </si>
  <si>
    <t>5.603</t>
  </si>
  <si>
    <t>48618.0</t>
  </si>
  <si>
    <t>7.061</t>
  </si>
  <si>
    <t>-2628.4</t>
  </si>
  <si>
    <t>-6.48</t>
  </si>
  <si>
    <t>-5.12</t>
  </si>
  <si>
    <t>-387.55786495192</t>
  </si>
  <si>
    <t>49145.0</t>
  </si>
  <si>
    <t>50303.0</t>
  </si>
  <si>
    <t>7.518</t>
  </si>
  <si>
    <t>0.0505</t>
  </si>
  <si>
    <t>52931.0</t>
  </si>
  <si>
    <t>7.687</t>
  </si>
  <si>
    <t>54328.0</t>
  </si>
  <si>
    <t>56105.0</t>
  </si>
  <si>
    <t>57231.0</t>
  </si>
  <si>
    <t>8.311</t>
  </si>
  <si>
    <t>-2724.9</t>
  </si>
  <si>
    <t>-6.4</t>
  </si>
  <si>
    <t>-4.8</t>
  </si>
  <si>
    <t>-401.786800413745</t>
  </si>
  <si>
    <t>57634.0</t>
  </si>
  <si>
    <t>58713.0</t>
  </si>
  <si>
    <t>8.527</t>
  </si>
  <si>
    <t>60100.0</t>
  </si>
  <si>
    <t>8.728</t>
  </si>
  <si>
    <t>61711.0</t>
  </si>
  <si>
    <t>8.962</t>
  </si>
  <si>
    <t>63319.0</t>
  </si>
  <si>
    <t>64480.0</t>
  </si>
  <si>
    <t>9.364</t>
  </si>
  <si>
    <t>65574.0</t>
  </si>
  <si>
    <t>-2588.6</t>
  </si>
  <si>
    <t>-5.81</t>
  </si>
  <si>
    <t>-381.689350637095</t>
  </si>
  <si>
    <t>9.576</t>
  </si>
  <si>
    <t>68243.0</t>
  </si>
  <si>
    <t>9.911</t>
  </si>
  <si>
    <t>71605.0</t>
  </si>
  <si>
    <t>10.399</t>
  </si>
  <si>
    <t>73210.0</t>
  </si>
  <si>
    <t>74096.0</t>
  </si>
  <si>
    <t>10.761</t>
  </si>
  <si>
    <t>-2643.9</t>
  </si>
  <si>
    <t>-2.83</t>
  </si>
  <si>
    <t>-389.843341632317</t>
  </si>
  <si>
    <t>74539.0</t>
  </si>
  <si>
    <t>10.825</t>
  </si>
  <si>
    <t>74834.0</t>
  </si>
  <si>
    <t>10.868</t>
  </si>
  <si>
    <t>76391.0</t>
  </si>
  <si>
    <t>11.094</t>
  </si>
  <si>
    <t>77664.0</t>
  </si>
  <si>
    <t>11.279</t>
  </si>
  <si>
    <t>79389.0</t>
  </si>
  <si>
    <t>11.529</t>
  </si>
  <si>
    <t>80742.0</t>
  </si>
  <si>
    <t>81348.0</t>
  </si>
  <si>
    <t>11.814</t>
  </si>
  <si>
    <t>-2778.8</t>
  </si>
  <si>
    <t>-5.74</t>
  </si>
  <si>
    <t>-409.734361257189</t>
  </si>
  <si>
    <t>81694.0</t>
  </si>
  <si>
    <t>11.864</t>
  </si>
  <si>
    <t>82914.0</t>
  </si>
  <si>
    <t>12.041</t>
  </si>
  <si>
    <t>85830.0</t>
  </si>
  <si>
    <t>12.465</t>
  </si>
  <si>
    <t>87890.0</t>
  </si>
  <si>
    <t>12.764</t>
  </si>
  <si>
    <t>89086.0</t>
  </si>
  <si>
    <t>89902.0</t>
  </si>
  <si>
    <t>13.056</t>
  </si>
  <si>
    <t>-2756.3</t>
  </si>
  <si>
    <t>-5.48</t>
  </si>
  <si>
    <t>-406.416733817904</t>
  </si>
  <si>
    <t>90329.0</t>
  </si>
  <si>
    <t>13.118</t>
  </si>
  <si>
    <t>91735.0</t>
  </si>
  <si>
    <t>13.322</t>
  </si>
  <si>
    <t>95820.0</t>
  </si>
  <si>
    <t>13.915</t>
  </si>
  <si>
    <t>98460.0</t>
  </si>
  <si>
    <t>14.299</t>
  </si>
  <si>
    <t>101102.0</t>
  </si>
  <si>
    <t>14.683</t>
  </si>
  <si>
    <t>103077.0</t>
  </si>
  <si>
    <t>14.969</t>
  </si>
  <si>
    <t>-2721.0</t>
  </si>
  <si>
    <t>-5.21</t>
  </si>
  <si>
    <t>-401.211744990936</t>
  </si>
  <si>
    <t>104486.0</t>
  </si>
  <si>
    <t>15.174</t>
  </si>
  <si>
    <t>108325.0</t>
  </si>
  <si>
    <t>15.731</t>
  </si>
  <si>
    <t>112483.0</t>
  </si>
  <si>
    <t>16.335</t>
  </si>
  <si>
    <t>116214.0</t>
  </si>
  <si>
    <t>16.877</t>
  </si>
  <si>
    <t>-2733.1</t>
  </si>
  <si>
    <t>-5.04</t>
  </si>
  <si>
    <t>-0.62</t>
  </si>
  <si>
    <t>-402.995891302729</t>
  </si>
  <si>
    <t>116780.0</t>
  </si>
  <si>
    <t>16.959</t>
  </si>
  <si>
    <t>119556.0</t>
  </si>
  <si>
    <t>17.363</t>
  </si>
  <si>
    <t>122502.0</t>
  </si>
  <si>
    <t>18.228</t>
  </si>
  <si>
    <t>128293.0</t>
  </si>
  <si>
    <t>18.631</t>
  </si>
  <si>
    <t>131043.0</t>
  </si>
  <si>
    <t>19.031</t>
  </si>
  <si>
    <t>132571.0</t>
  </si>
  <si>
    <t>19.253</t>
  </si>
  <si>
    <t>-2767.0</t>
  </si>
  <si>
    <t>-407.994449977919</t>
  </si>
  <si>
    <t>133605.0</t>
  </si>
  <si>
    <t>19.403</t>
  </si>
  <si>
    <t>138130.0</t>
  </si>
  <si>
    <t>141473.0</t>
  </si>
  <si>
    <t>20.545</t>
  </si>
  <si>
    <t>144369.0</t>
  </si>
  <si>
    <t>20.966</t>
  </si>
  <si>
    <t>147524.0</t>
  </si>
  <si>
    <t>0.0512</t>
  </si>
  <si>
    <t>150062.0</t>
  </si>
  <si>
    <t>21.793</t>
  </si>
  <si>
    <t>4.718</t>
  </si>
  <si>
    <t>22.303</t>
  </si>
  <si>
    <t>-2507.9</t>
  </si>
  <si>
    <t>-369.790126888191</t>
  </si>
  <si>
    <t>156351.0</t>
  </si>
  <si>
    <t>22.706</t>
  </si>
  <si>
    <t>164104.0</t>
  </si>
  <si>
    <t>23.832</t>
  </si>
  <si>
    <t>167790.0</t>
  </si>
  <si>
    <t>24.367</t>
  </si>
  <si>
    <t>172330.0</t>
  </si>
  <si>
    <t>25.027</t>
  </si>
  <si>
    <t>175136.0</t>
  </si>
  <si>
    <t>25.434</t>
  </si>
  <si>
    <t>-2385.8</t>
  </si>
  <si>
    <t>-3.98</t>
  </si>
  <si>
    <t>-351.786468651001</t>
  </si>
  <si>
    <t>176334.0</t>
  </si>
  <si>
    <t>25.608</t>
  </si>
  <si>
    <t>179675.0</t>
  </si>
  <si>
    <t>26.093</t>
  </si>
  <si>
    <t>184560.0</t>
  </si>
  <si>
    <t>4885.0</t>
  </si>
  <si>
    <t>26.803</t>
  </si>
  <si>
    <t>189953.0</t>
  </si>
  <si>
    <t>27.586</t>
  </si>
  <si>
    <t>196479.0</t>
  </si>
  <si>
    <t>28.534</t>
  </si>
  <si>
    <t>201363.0</t>
  </si>
  <si>
    <t>29.243</t>
  </si>
  <si>
    <t>3.981</t>
  </si>
  <si>
    <t>203366.0</t>
  </si>
  <si>
    <t>29.534</t>
  </si>
  <si>
    <t>-2391.9</t>
  </si>
  <si>
    <t>-3.87</t>
  </si>
  <si>
    <t>-352.685914312319</t>
  </si>
  <si>
    <t>206521.0</t>
  </si>
  <si>
    <t>29.992</t>
  </si>
  <si>
    <t>215572.0</t>
  </si>
  <si>
    <t>31.306</t>
  </si>
  <si>
    <t>221755.0</t>
  </si>
  <si>
    <t>32.204</t>
  </si>
  <si>
    <t>227668.0</t>
  </si>
  <si>
    <t>33.063</t>
  </si>
  <si>
    <t>235792.0</t>
  </si>
  <si>
    <t>34.243</t>
  </si>
  <si>
    <t>4.571</t>
  </si>
  <si>
    <t>-2357.8</t>
  </si>
  <si>
    <t>-3.7</t>
  </si>
  <si>
    <t>-347.657865615446</t>
  </si>
  <si>
    <t>243126.0</t>
  </si>
  <si>
    <t>35.308</t>
  </si>
  <si>
    <t>248429.0</t>
  </si>
  <si>
    <t>36.078</t>
  </si>
  <si>
    <t>254824.0</t>
  </si>
  <si>
    <t>37.007</t>
  </si>
  <si>
    <t>261463.0</t>
  </si>
  <si>
    <t>6639.0</t>
  </si>
  <si>
    <t>37.971</t>
  </si>
  <si>
    <t>267045.0</t>
  </si>
  <si>
    <t>5582.0</t>
  </si>
  <si>
    <t>38.782</t>
  </si>
  <si>
    <t>5625.0</t>
  </si>
  <si>
    <t>271000.0</t>
  </si>
  <si>
    <t>39.356</t>
  </si>
  <si>
    <t>5.898</t>
  </si>
  <si>
    <t>272491.0</t>
  </si>
  <si>
    <t>39.572</t>
  </si>
  <si>
    <t>-2138.5</t>
  </si>
  <si>
    <t>-3.26</t>
  </si>
  <si>
    <t>-315.322056840542</t>
  </si>
  <si>
    <t>276628.0</t>
  </si>
  <si>
    <t>40.173</t>
  </si>
  <si>
    <t>281953.0</t>
  </si>
  <si>
    <t>40.947</t>
  </si>
  <si>
    <t>287654.0</t>
  </si>
  <si>
    <t>41.775</t>
  </si>
  <si>
    <t>294087.0</t>
  </si>
  <si>
    <t>42.709</t>
  </si>
  <si>
    <t>299924.0</t>
  </si>
  <si>
    <t>43.556</t>
  </si>
  <si>
    <t>303536.0</t>
  </si>
  <si>
    <t>44.081</t>
  </si>
  <si>
    <t>-1993.2</t>
  </si>
  <si>
    <t>-2.95</t>
  </si>
  <si>
    <t>-293.897556088178</t>
  </si>
  <si>
    <t>304811.0</t>
  </si>
  <si>
    <t>44.266</t>
  </si>
  <si>
    <t>308478.0</t>
  </si>
  <si>
    <t>313866.0</t>
  </si>
  <si>
    <t>5388.0</t>
  </si>
  <si>
    <t>45.581</t>
  </si>
  <si>
    <t>318974.0</t>
  </si>
  <si>
    <t>46.323</t>
  </si>
  <si>
    <t>324851.0</t>
  </si>
  <si>
    <t>47.176</t>
  </si>
  <si>
    <t>330785.0</t>
  </si>
  <si>
    <t>48.038</t>
  </si>
  <si>
    <t>333530.0</t>
  </si>
  <si>
    <t>48.437</t>
  </si>
  <si>
    <t>-1858.5</t>
  </si>
  <si>
    <t>-2.68</t>
  </si>
  <si>
    <t>-274.036026484988</t>
  </si>
  <si>
    <t>334311.0</t>
  </si>
  <si>
    <t>4214.0</t>
  </si>
  <si>
    <t>339563.0</t>
  </si>
  <si>
    <t>49.313</t>
  </si>
  <si>
    <t>343230.0</t>
  </si>
  <si>
    <t>49.846</t>
  </si>
  <si>
    <t>351879.0</t>
  </si>
  <si>
    <t>358723.0</t>
  </si>
  <si>
    <t>52.096</t>
  </si>
  <si>
    <t>365096.0</t>
  </si>
  <si>
    <t>53.021</t>
  </si>
  <si>
    <t>8.994</t>
  </si>
  <si>
    <t>368498.0</t>
  </si>
  <si>
    <t>53.515</t>
  </si>
  <si>
    <t>-1760.6</t>
  </si>
  <si>
    <t>-259.600660871386</t>
  </si>
  <si>
    <t>370786.0</t>
  </si>
  <si>
    <t>53.847</t>
  </si>
  <si>
    <t>374374.0</t>
  </si>
  <si>
    <t>54.368</t>
  </si>
  <si>
    <t>4973.0</t>
  </si>
  <si>
    <t>384450.0</t>
  </si>
  <si>
    <t>55.832</t>
  </si>
  <si>
    <t>392089.0</t>
  </si>
  <si>
    <t>56.941</t>
  </si>
  <si>
    <t>398426.0</t>
  </si>
  <si>
    <t>57.861</t>
  </si>
  <si>
    <t>404683.0</t>
  </si>
  <si>
    <t>58.77</t>
  </si>
  <si>
    <t>-1623.7</t>
  </si>
  <si>
    <t>-239.414741029688</t>
  </si>
  <si>
    <t>409013.0</t>
  </si>
  <si>
    <t>4948.0</t>
  </si>
  <si>
    <t>415797.0</t>
  </si>
  <si>
    <t>60.384</t>
  </si>
  <si>
    <t>36.2</t>
  </si>
  <si>
    <t>421240.0</t>
  </si>
  <si>
    <t>61.175</t>
  </si>
  <si>
    <t>428266.0</t>
  </si>
  <si>
    <t>7026.0</t>
  </si>
  <si>
    <t>436395.0</t>
  </si>
  <si>
    <t>8129.0</t>
  </si>
  <si>
    <t>63.375</t>
  </si>
  <si>
    <t>9.142</t>
  </si>
  <si>
    <t>441160.0</t>
  </si>
  <si>
    <t>64.067</t>
  </si>
  <si>
    <t>-1471.8</t>
  </si>
  <si>
    <t>-1.97</t>
  </si>
  <si>
    <t>-217.0170695618</t>
  </si>
  <si>
    <t>446303.0</t>
  </si>
  <si>
    <t>64.814</t>
  </si>
  <si>
    <t>451448.0</t>
  </si>
  <si>
    <t>65.562</t>
  </si>
  <si>
    <t>461403.0</t>
  </si>
  <si>
    <t>67.007</t>
  </si>
  <si>
    <t>463733.0</t>
  </si>
  <si>
    <t>67.346</t>
  </si>
  <si>
    <t>-1358.1</t>
  </si>
  <si>
    <t>-1.77</t>
  </si>
  <si>
    <t>-200.251992235277</t>
  </si>
  <si>
    <t>464657.0</t>
  </si>
  <si>
    <t>472132.0</t>
  </si>
  <si>
    <t>7475.0</t>
  </si>
  <si>
    <t>68.565</t>
  </si>
  <si>
    <t>476967.0</t>
  </si>
  <si>
    <t>69.268</t>
  </si>
  <si>
    <t>482823.0</t>
  </si>
  <si>
    <t>70.118</t>
  </si>
  <si>
    <t>491780.0</t>
  </si>
  <si>
    <t>71.419</t>
  </si>
  <si>
    <t>-1301.6</t>
  </si>
  <si>
    <t>-191.92106110996</t>
  </si>
  <si>
    <t>493029.0</t>
  </si>
  <si>
    <t>4053.0</t>
  </si>
  <si>
    <t>496017.0</t>
  </si>
  <si>
    <t>72.034</t>
  </si>
  <si>
    <t>499066.0</t>
  </si>
  <si>
    <t>72.477</t>
  </si>
  <si>
    <t>507451.0</t>
  </si>
  <si>
    <t>73.695</t>
  </si>
  <si>
    <t>512498.0</t>
  </si>
  <si>
    <t>74.428</t>
  </si>
  <si>
    <t>515208.0</t>
  </si>
  <si>
    <t>74.821</t>
  </si>
  <si>
    <t>-1242.1</t>
  </si>
  <si>
    <t>-183.147779659405</t>
  </si>
  <si>
    <t>516311.0</t>
  </si>
  <si>
    <t>74.981</t>
  </si>
  <si>
    <t>519613.0</t>
  </si>
  <si>
    <t>75.461</t>
  </si>
  <si>
    <t>524349.0</t>
  </si>
  <si>
    <t>76.149</t>
  </si>
  <si>
    <t>529292.0</t>
  </si>
  <si>
    <t>76.866</t>
  </si>
  <si>
    <t>534135.0</t>
  </si>
  <si>
    <t>538955.0</t>
  </si>
  <si>
    <t>541798.0</t>
  </si>
  <si>
    <t>78.683</t>
  </si>
  <si>
    <t>-1184.2</t>
  </si>
  <si>
    <t>-1.44</t>
  </si>
  <si>
    <t>-174.61041838231</t>
  </si>
  <si>
    <t>543076.0</t>
  </si>
  <si>
    <t>78.868</t>
  </si>
  <si>
    <t>546789.0</t>
  </si>
  <si>
    <t>79.407</t>
  </si>
  <si>
    <t>552220.0</t>
  </si>
  <si>
    <t>80.196</t>
  </si>
  <si>
    <t>556761.0</t>
  </si>
  <si>
    <t>80.856</t>
  </si>
  <si>
    <t>561970.0</t>
  </si>
  <si>
    <t>81.612</t>
  </si>
  <si>
    <t>568018.0</t>
  </si>
  <si>
    <t>571813.0</t>
  </si>
  <si>
    <t>83.042</t>
  </si>
  <si>
    <t>-1066.9</t>
  </si>
  <si>
    <t>-157.314520665501</t>
  </si>
  <si>
    <t>573004.0</t>
  </si>
  <si>
    <t>83.214</t>
  </si>
  <si>
    <t>0.1042</t>
  </si>
  <si>
    <t>577324.0</t>
  </si>
  <si>
    <t>4320.0</t>
  </si>
  <si>
    <t>83.842</t>
  </si>
  <si>
    <t>583143.0</t>
  </si>
  <si>
    <t>84.687</t>
  </si>
  <si>
    <t>589041.0</t>
  </si>
  <si>
    <t>85.543</t>
  </si>
  <si>
    <t>595365.0</t>
  </si>
  <si>
    <t>86.462</t>
  </si>
  <si>
    <t>602807.0</t>
  </si>
  <si>
    <t>87.543</t>
  </si>
  <si>
    <t>607409.0</t>
  </si>
  <si>
    <t>88.211</t>
  </si>
  <si>
    <t>-947.8</t>
  </si>
  <si>
    <t>-139.75321275355</t>
  </si>
  <si>
    <t>608990.0</t>
  </si>
  <si>
    <t>88.441</t>
  </si>
  <si>
    <t>613396.0</t>
  </si>
  <si>
    <t>89.08</t>
  </si>
  <si>
    <t>5153.0</t>
  </si>
  <si>
    <t>624901.0</t>
  </si>
  <si>
    <t>90.751</t>
  </si>
  <si>
    <t>633639.0</t>
  </si>
  <si>
    <t>8738.0</t>
  </si>
  <si>
    <t>92.02</t>
  </si>
  <si>
    <t>642677.0</t>
  </si>
  <si>
    <t>9038.0</t>
  </si>
  <si>
    <t>93.333</t>
  </si>
  <si>
    <t>652508.0</t>
  </si>
  <si>
    <t>94.76</t>
  </si>
  <si>
    <t>659602.0</t>
  </si>
  <si>
    <t>95.791</t>
  </si>
  <si>
    <t>-608.1</t>
  </si>
  <si>
    <t>-0.69</t>
  </si>
  <si>
    <t>-89.6644109257581</t>
  </si>
  <si>
    <t>661859.0</t>
  </si>
  <si>
    <t>96.118</t>
  </si>
  <si>
    <t>7553.0</t>
  </si>
  <si>
    <t>0.1817</t>
  </si>
  <si>
    <t>669518.0</t>
  </si>
  <si>
    <t>7659.0</t>
  </si>
  <si>
    <t>97.231</t>
  </si>
  <si>
    <t>680744.0</t>
  </si>
  <si>
    <t>11226.0</t>
  </si>
  <si>
    <t>98.861</t>
  </si>
  <si>
    <t>690690.0</t>
  </si>
  <si>
    <t>100.305</t>
  </si>
  <si>
    <t>8150.0</t>
  </si>
  <si>
    <t>0.2317</t>
  </si>
  <si>
    <t>702066.0</t>
  </si>
  <si>
    <t>101.958</t>
  </si>
  <si>
    <t>0.2445</t>
  </si>
  <si>
    <t>714700.0</t>
  </si>
  <si>
    <t>103.792</t>
  </si>
  <si>
    <t>8885.0</t>
  </si>
  <si>
    <t>721959.0</t>
  </si>
  <si>
    <t>104.846</t>
  </si>
  <si>
    <t>0.2595</t>
  </si>
  <si>
    <t>56.8000000000003</t>
  </si>
  <si>
    <t>8.37516615784096</t>
  </si>
  <si>
    <t>727416.0</t>
  </si>
  <si>
    <t>105.639</t>
  </si>
  <si>
    <t>735326.0</t>
  </si>
  <si>
    <t>106.788</t>
  </si>
  <si>
    <t>9401.0</t>
  </si>
  <si>
    <t>746392.0</t>
  </si>
  <si>
    <t>11066.0</t>
  </si>
  <si>
    <t>108.395</t>
  </si>
  <si>
    <t>9378.0</t>
  </si>
  <si>
    <t>759595.0</t>
  </si>
  <si>
    <t>13203.0</t>
  </si>
  <si>
    <t>110.312</t>
  </si>
  <si>
    <t>0.2931</t>
  </si>
  <si>
    <t>770726.0</t>
  </si>
  <si>
    <t>11131.0</t>
  </si>
  <si>
    <t>111.929</t>
  </si>
  <si>
    <t>0.3079</t>
  </si>
  <si>
    <t>784575.0</t>
  </si>
  <si>
    <t>0.3097</t>
  </si>
  <si>
    <t>30.965</t>
  </si>
  <si>
    <t>793277.0</t>
  </si>
  <si>
    <t>115.204</t>
  </si>
  <si>
    <t>0.2957</t>
  </si>
  <si>
    <t>1208.5</t>
  </si>
  <si>
    <t>178.193456016739</t>
  </si>
  <si>
    <t>795428.0</t>
  </si>
  <si>
    <t>115.516</t>
  </si>
  <si>
    <t>9716.0</t>
  </si>
  <si>
    <t>0.3305</t>
  </si>
  <si>
    <t>804254.0</t>
  </si>
  <si>
    <t>116.798</t>
  </si>
  <si>
    <t>9847.0</t>
  </si>
  <si>
    <t>0.3312</t>
  </si>
  <si>
    <t>815322.0</t>
  </si>
  <si>
    <t>118.405</t>
  </si>
  <si>
    <t>826152.0</t>
  </si>
  <si>
    <t>10830.0</t>
  </si>
  <si>
    <t>119.978</t>
  </si>
  <si>
    <t>0.3363</t>
  </si>
  <si>
    <t>835037.0</t>
  </si>
  <si>
    <t>121.268</t>
  </si>
  <si>
    <t>0.3538</t>
  </si>
  <si>
    <t>847450.0</t>
  </si>
  <si>
    <t>12413.0</t>
  </si>
  <si>
    <t>123.071</t>
  </si>
  <si>
    <t>41.286</t>
  </si>
  <si>
    <t>853900.0</t>
  </si>
  <si>
    <t>124.008</t>
  </si>
  <si>
    <t>8660.0</t>
  </si>
  <si>
    <t>0.3809</t>
  </si>
  <si>
    <t>3051.6</t>
  </si>
  <si>
    <t>449.958750832172</t>
  </si>
  <si>
    <t>856616.0</t>
  </si>
  <si>
    <t>124.402</t>
  </si>
  <si>
    <t>0.3725</t>
  </si>
  <si>
    <t>864550.0</t>
  </si>
  <si>
    <t>125.554</t>
  </si>
  <si>
    <t>0.3853</t>
  </si>
  <si>
    <t>876161.0</t>
  </si>
  <si>
    <t>127.24</t>
  </si>
  <si>
    <t>886110.0</t>
  </si>
  <si>
    <t>128.685</t>
  </si>
  <si>
    <t>0.3955</t>
  </si>
  <si>
    <t>896421.0</t>
  </si>
  <si>
    <t>10311.0</t>
  </si>
  <si>
    <t>130.183</t>
  </si>
  <si>
    <t>0.3825</t>
  </si>
  <si>
    <t>906207.0</t>
  </si>
  <si>
    <t>131.604</t>
  </si>
  <si>
    <t>8394.0</t>
  </si>
  <si>
    <t>0.3959</t>
  </si>
  <si>
    <t>911936.0</t>
  </si>
  <si>
    <t>132.436</t>
  </si>
  <si>
    <t>0.4061</t>
  </si>
  <si>
    <t>5395.9</t>
  </si>
  <si>
    <t>795.626039984046</t>
  </si>
  <si>
    <t>914723.0</t>
  </si>
  <si>
    <t>132.841</t>
  </si>
  <si>
    <t>921967.0</t>
  </si>
  <si>
    <t>7244.0</t>
  </si>
  <si>
    <t>133.893</t>
  </si>
  <si>
    <t>932441.0</t>
  </si>
  <si>
    <t>10474.0</t>
  </si>
  <si>
    <t>135.414</t>
  </si>
  <si>
    <t>0.4002</t>
  </si>
  <si>
    <t>941261.0</t>
  </si>
  <si>
    <t>8820.0</t>
  </si>
  <si>
    <t>136.695</t>
  </si>
  <si>
    <t>0.4024</t>
  </si>
  <si>
    <t>950354.0</t>
  </si>
  <si>
    <t>138.015</t>
  </si>
  <si>
    <t>7705.0</t>
  </si>
  <si>
    <t>0.3993</t>
  </si>
  <si>
    <t>959533.0</t>
  </si>
  <si>
    <t>139.348</t>
  </si>
  <si>
    <t>0.3947</t>
  </si>
  <si>
    <t>964461.0</t>
  </si>
  <si>
    <t>140.064</t>
  </si>
  <si>
    <t>0.3934</t>
  </si>
  <si>
    <t>8052.8</t>
  </si>
  <si>
    <t>1187.38623302573</t>
  </si>
  <si>
    <t>966426.0</t>
  </si>
  <si>
    <t>140.349</t>
  </si>
  <si>
    <t>0.3933</t>
  </si>
  <si>
    <t>973251.0</t>
  </si>
  <si>
    <t>982307.0</t>
  </si>
  <si>
    <t>9056.0</t>
  </si>
  <si>
    <t>142.656</t>
  </si>
  <si>
    <t>990785.0</t>
  </si>
  <si>
    <t>8478.0</t>
  </si>
  <si>
    <t>143.887</t>
  </si>
  <si>
    <t>7075.0</t>
  </si>
  <si>
    <t>0.3749</t>
  </si>
  <si>
    <t>999867.0</t>
  </si>
  <si>
    <t>145.206</t>
  </si>
  <si>
    <t>0.3808</t>
  </si>
  <si>
    <t>1009397.0</t>
  </si>
  <si>
    <t>1015383.0</t>
  </si>
  <si>
    <t>147.459</t>
  </si>
  <si>
    <t>10669.9</t>
  </si>
  <si>
    <t>122.53</t>
  </si>
  <si>
    <t>1573.27791175258</t>
  </si>
  <si>
    <t>1016807.0</t>
  </si>
  <si>
    <t>147.666</t>
  </si>
  <si>
    <t>7197.0</t>
  </si>
  <si>
    <t>1023067.0</t>
  </si>
  <si>
    <t>148.575</t>
  </si>
  <si>
    <t>0.3892</t>
  </si>
  <si>
    <t>1032782.0</t>
  </si>
  <si>
    <t>149.986</t>
  </si>
  <si>
    <t>0.3879</t>
  </si>
  <si>
    <t>1041360.0</t>
  </si>
  <si>
    <t>8578.0</t>
  </si>
  <si>
    <t>151.231</t>
  </si>
  <si>
    <t>0.3831</t>
  </si>
  <si>
    <t>1049830.0</t>
  </si>
  <si>
    <t>152.462</t>
  </si>
  <si>
    <t>0.3774</t>
  </si>
  <si>
    <t>1058417.0</t>
  </si>
  <si>
    <t>153.709</t>
  </si>
  <si>
    <t>0.3694</t>
  </si>
  <si>
    <t>1062824.0</t>
  </si>
  <si>
    <t>154.349</t>
  </si>
  <si>
    <t>12865.0</t>
  </si>
  <si>
    <t>100.93</t>
  </si>
  <si>
    <t>1896.94564472929</t>
  </si>
  <si>
    <t>1064458.0</t>
  </si>
  <si>
    <t>154.586</t>
  </si>
  <si>
    <t>0.3643</t>
  </si>
  <si>
    <t>0.3365</t>
  </si>
  <si>
    <t>1077493.0</t>
  </si>
  <si>
    <t>156.479</t>
  </si>
  <si>
    <t>1083606.0</t>
  </si>
  <si>
    <t>157.367</t>
  </si>
  <si>
    <t>0.3248</t>
  </si>
  <si>
    <t>1090431.0</t>
  </si>
  <si>
    <t>158.358</t>
  </si>
  <si>
    <t>0.3045</t>
  </si>
  <si>
    <t>1096621.0</t>
  </si>
  <si>
    <t>159.257</t>
  </si>
  <si>
    <t>5458.0</t>
  </si>
  <si>
    <t>0.3161</t>
  </si>
  <si>
    <t>1100834.0</t>
  </si>
  <si>
    <t>159.869</t>
  </si>
  <si>
    <t>14604.3</t>
  </si>
  <si>
    <t>2153.40561829148</t>
  </si>
  <si>
    <t>1101624.0</t>
  </si>
  <si>
    <t>159.983</t>
  </si>
  <si>
    <t>0.2941</t>
  </si>
  <si>
    <t>1105928.0</t>
  </si>
  <si>
    <t>160.608</t>
  </si>
  <si>
    <t>1112161.0</t>
  </si>
  <si>
    <t>161.514</t>
  </si>
  <si>
    <t>0.2472</t>
  </si>
  <si>
    <t>1122775.0</t>
  </si>
  <si>
    <t>163.055</t>
  </si>
  <si>
    <t>1124847.0</t>
  </si>
  <si>
    <t>163.356</t>
  </si>
  <si>
    <t>1127820.0</t>
  </si>
  <si>
    <t>163.788</t>
  </si>
  <si>
    <t>15509.6</t>
  </si>
  <si>
    <t>2286.89220143749</t>
  </si>
  <si>
    <t>1130629.0</t>
  </si>
  <si>
    <t>164.196</t>
  </si>
  <si>
    <t>4144.0</t>
  </si>
  <si>
    <t>1132996.0</t>
  </si>
  <si>
    <t>164.539</t>
  </si>
  <si>
    <t>1141072.0</t>
  </si>
  <si>
    <t>165.712</t>
  </si>
  <si>
    <t>1149545.0</t>
  </si>
  <si>
    <t>166.943</t>
  </si>
  <si>
    <t>4582.0</t>
  </si>
  <si>
    <t>1155283.0</t>
  </si>
  <si>
    <t>167.776</t>
  </si>
  <si>
    <t>1157730.0</t>
  </si>
  <si>
    <t>168.131</t>
  </si>
  <si>
    <t>1160292.0</t>
  </si>
  <si>
    <t>168.503</t>
  </si>
  <si>
    <t>16140.9</t>
  </si>
  <si>
    <t>2379.97745487842</t>
  </si>
  <si>
    <t>1162942.0</t>
  </si>
  <si>
    <t>168.888</t>
  </si>
  <si>
    <t>1173704.0</t>
  </si>
  <si>
    <t>10762.0</t>
  </si>
  <si>
    <t>170.451</t>
  </si>
  <si>
    <t>1185140.0</t>
  </si>
  <si>
    <t>172.112</t>
  </si>
  <si>
    <t>1195226.0</t>
  </si>
  <si>
    <t>173.577</t>
  </si>
  <si>
    <t>1205134.0</t>
  </si>
  <si>
    <t>9908.0</t>
  </si>
  <si>
    <t>175.016</t>
  </si>
  <si>
    <t>7122.0</t>
  </si>
  <si>
    <t>1215002.0</t>
  </si>
  <si>
    <t>176.449</t>
  </si>
  <si>
    <t>1220910.0</t>
  </si>
  <si>
    <t>177.307</t>
  </si>
  <si>
    <t>16210.8</t>
  </si>
  <si>
    <t>2390.28421745647</t>
  </si>
  <si>
    <t>1222539.0</t>
  </si>
  <si>
    <t>177.543</t>
  </si>
  <si>
    <t>8514.0</t>
  </si>
  <si>
    <t>14161.0</t>
  </si>
  <si>
    <t>1230338.0</t>
  </si>
  <si>
    <t>178.676</t>
  </si>
  <si>
    <t>1.133</t>
  </si>
  <si>
    <t>15780.0</t>
  </si>
  <si>
    <t>1239980.0</t>
  </si>
  <si>
    <t>9642.0</t>
  </si>
  <si>
    <t>180.076</t>
  </si>
  <si>
    <t>1247545.0</t>
  </si>
  <si>
    <t>181.175</t>
  </si>
  <si>
    <t>17686.0</t>
  </si>
  <si>
    <t>1254976.0</t>
  </si>
  <si>
    <t>182.254</t>
  </si>
  <si>
    <t>1263825.0</t>
  </si>
  <si>
    <t>183.539</t>
  </si>
  <si>
    <t>18332.0</t>
  </si>
  <si>
    <t>1268453.0</t>
  </si>
  <si>
    <t>184.211</t>
  </si>
  <si>
    <t>16151.9</t>
  </si>
  <si>
    <t>-2.31</t>
  </si>
  <si>
    <t>2381.59940607096</t>
  </si>
  <si>
    <t>1269647.0</t>
  </si>
  <si>
    <t>184.384</t>
  </si>
  <si>
    <t>19638.0</t>
  </si>
  <si>
    <t>1277606.0</t>
  </si>
  <si>
    <t>185.54</t>
  </si>
  <si>
    <t>22226.0</t>
  </si>
  <si>
    <t>19058.0</t>
  </si>
  <si>
    <t>1285526.0</t>
  </si>
  <si>
    <t>186.69</t>
  </si>
  <si>
    <t>24127.0</t>
  </si>
  <si>
    <t>1293578.0</t>
  </si>
  <si>
    <t>8052.0</t>
  </si>
  <si>
    <t>20719.0</t>
  </si>
  <si>
    <t>1301250.0</t>
  </si>
  <si>
    <t>188.974</t>
  </si>
  <si>
    <t>6611.0</t>
  </si>
  <si>
    <t>26101.0</t>
  </si>
  <si>
    <t>1311036.0</t>
  </si>
  <si>
    <t>190.395</t>
  </si>
  <si>
    <t>26119.0</t>
  </si>
  <si>
    <t>46.889</t>
  </si>
  <si>
    <t>1315515.0</t>
  </si>
  <si>
    <t>191.046</t>
  </si>
  <si>
    <t>21533.0</t>
  </si>
  <si>
    <t>16174.8</t>
  </si>
  <si>
    <t>2384.97601355361</t>
  </si>
  <si>
    <t>1316722.0</t>
  </si>
  <si>
    <t>191.221</t>
  </si>
  <si>
    <t>26798.0</t>
  </si>
  <si>
    <t>22129.0</t>
  </si>
  <si>
    <t>1330261.0</t>
  </si>
  <si>
    <t>193.187</t>
  </si>
  <si>
    <t>7522.0</t>
  </si>
  <si>
    <t>23667.0</t>
  </si>
  <si>
    <t>1345912.0</t>
  </si>
  <si>
    <t>32917.0</t>
  </si>
  <si>
    <t>25245.0</t>
  </si>
  <si>
    <t>1359188.0</t>
  </si>
  <si>
    <t>13276.0</t>
  </si>
  <si>
    <t>197.388</t>
  </si>
  <si>
    <t>37636.0</t>
  </si>
  <si>
    <t>26753.0</t>
  </si>
  <si>
    <t>1371485.0</t>
  </si>
  <si>
    <t>12297.0</t>
  </si>
  <si>
    <t>199.174</t>
  </si>
  <si>
    <t>10034.0</t>
  </si>
  <si>
    <t>40805.0</t>
  </si>
  <si>
    <t>12949.0</t>
  </si>
  <si>
    <t>1385067.0</t>
  </si>
  <si>
    <t>201.146</t>
  </si>
  <si>
    <t>41020.0</t>
  </si>
  <si>
    <t>27957.0</t>
  </si>
  <si>
    <t>41.433</t>
  </si>
  <si>
    <t>1389599.0</t>
  </si>
  <si>
    <t>201.804</t>
  </si>
  <si>
    <t>10583.0</t>
  </si>
  <si>
    <t>16157.1</t>
  </si>
  <si>
    <t>-0.71</t>
  </si>
  <si>
    <t>2382.36614663471</t>
  </si>
  <si>
    <t>1391560.0</t>
  </si>
  <si>
    <t>202.089</t>
  </si>
  <si>
    <t>10691.0</t>
  </si>
  <si>
    <t>42634.0</t>
  </si>
  <si>
    <t>28978.0</t>
  </si>
  <si>
    <t>13656.0</t>
  </si>
  <si>
    <t>1403129.0</t>
  </si>
  <si>
    <t>203.769</t>
  </si>
  <si>
    <t>10410.0</t>
  </si>
  <si>
    <t>45917.0</t>
  </si>
  <si>
    <t>15100.0</t>
  </si>
  <si>
    <t>1414581.0</t>
  </si>
  <si>
    <t>205.432</t>
  </si>
  <si>
    <t>9810.0</t>
  </si>
  <si>
    <t>50124.0</t>
  </si>
  <si>
    <t>33691.0</t>
  </si>
  <si>
    <t>1424456.0</t>
  </si>
  <si>
    <t>206.867</t>
  </si>
  <si>
    <t>54025.0</t>
  </si>
  <si>
    <t>17096.0</t>
  </si>
  <si>
    <t>1434996.0</t>
  </si>
  <si>
    <t>208.397</t>
  </si>
  <si>
    <t>9073.0</t>
  </si>
  <si>
    <t>56860.0</t>
  </si>
  <si>
    <t>39468.0</t>
  </si>
  <si>
    <t>57016.0</t>
  </si>
  <si>
    <t>39624.0</t>
  </si>
  <si>
    <t>57038.0</t>
  </si>
  <si>
    <t>16110.8</t>
  </si>
  <si>
    <t>-1.9</t>
  </si>
  <si>
    <t>2375.5392066152</t>
  </si>
  <si>
    <t>1455852.0</t>
  </si>
  <si>
    <t>211.426</t>
  </si>
  <si>
    <t>17481.0</t>
  </si>
  <si>
    <t>62428.0</t>
  </si>
  <si>
    <t>44482.0</t>
  </si>
  <si>
    <t>17946.0</t>
  </si>
  <si>
    <t>9232.0</t>
  </si>
  <si>
    <t>66163.0</t>
  </si>
  <si>
    <t>47551.0</t>
  </si>
  <si>
    <t>18612.0</t>
  </si>
  <si>
    <t>1490877.0</t>
  </si>
  <si>
    <t>216.513</t>
  </si>
  <si>
    <t>71123.0</t>
  </si>
  <si>
    <t>51435.0</t>
  </si>
  <si>
    <t>19688.0</t>
  </si>
  <si>
    <t>1502690.0</t>
  </si>
  <si>
    <t>218.228</t>
  </si>
  <si>
    <t>74694.0</t>
  </si>
  <si>
    <t>75320.0</t>
  </si>
  <si>
    <t>54646.0</t>
  </si>
  <si>
    <t>20674.0</t>
  </si>
  <si>
    <t>1520384.0</t>
  </si>
  <si>
    <t>220.798</t>
  </si>
  <si>
    <t>75388.0</t>
  </si>
  <si>
    <t>54690.0</t>
  </si>
  <si>
    <t>20698.0</t>
  </si>
  <si>
    <t>16194.5</t>
  </si>
  <si>
    <t>2387.88078068934</t>
  </si>
  <si>
    <t>1522236.0</t>
  </si>
  <si>
    <t>221.067</t>
  </si>
  <si>
    <t>77436.0</t>
  </si>
  <si>
    <t>56113.0</t>
  </si>
  <si>
    <t>1533321.0</t>
  </si>
  <si>
    <t>222.677</t>
  </si>
  <si>
    <t>81338.0</t>
  </si>
  <si>
    <t>58562.0</t>
  </si>
  <si>
    <t>22776.0</t>
  </si>
  <si>
    <t>1544924.0</t>
  </si>
  <si>
    <t>224.362</t>
  </si>
  <si>
    <t>85920.0</t>
  </si>
  <si>
    <t>61813.0</t>
  </si>
  <si>
    <t>24107.0</t>
  </si>
  <si>
    <t>1556468.0</t>
  </si>
  <si>
    <t>226.038</t>
  </si>
  <si>
    <t>9370.0</t>
  </si>
  <si>
    <t>90514.0</t>
  </si>
  <si>
    <t>65073.0</t>
  </si>
  <si>
    <t>1567390.0</t>
  </si>
  <si>
    <t>227.624</t>
  </si>
  <si>
    <t>104268.0</t>
  </si>
  <si>
    <t>13754.0</t>
  </si>
  <si>
    <t>1580691.0</t>
  </si>
  <si>
    <t>229.556</t>
  </si>
  <si>
    <t>9879.0</t>
  </si>
  <si>
    <t>108356.0</t>
  </si>
  <si>
    <t>81433.0</t>
  </si>
  <si>
    <t>26923.0</t>
  </si>
  <si>
    <t>1586386.0</t>
  </si>
  <si>
    <t>5695.0</t>
  </si>
  <si>
    <t>230.383</t>
  </si>
  <si>
    <t>119354.0</t>
  </si>
  <si>
    <t>92381.0</t>
  </si>
  <si>
    <t>26973.0</t>
  </si>
  <si>
    <t>16420.4</t>
  </si>
  <si>
    <t>2421.18976017977</t>
  </si>
  <si>
    <t>1589178.0</t>
  </si>
  <si>
    <t>230.788</t>
  </si>
  <si>
    <t>131063.0</t>
  </si>
  <si>
    <t>103111.0</t>
  </si>
  <si>
    <t>27952.0</t>
  </si>
  <si>
    <t>7661.0</t>
  </si>
  <si>
    <t>1602871.0</t>
  </si>
  <si>
    <t>232.777</t>
  </si>
  <si>
    <t>148226.0</t>
  </si>
  <si>
    <t>118549.0</t>
  </si>
  <si>
    <t>17163.0</t>
  </si>
  <si>
    <t>9555.0</t>
  </si>
  <si>
    <t>1615896.0</t>
  </si>
  <si>
    <t>234.668</t>
  </si>
  <si>
    <t>168462.0</t>
  </si>
  <si>
    <t>136454.0</t>
  </si>
  <si>
    <t>32008.0</t>
  </si>
  <si>
    <t>20236.0</t>
  </si>
  <si>
    <t>10663.0</t>
  </si>
  <si>
    <t>1627934.0</t>
  </si>
  <si>
    <t>12038.0</t>
  </si>
  <si>
    <t>236.417</t>
  </si>
  <si>
    <t>188512.0</t>
  </si>
  <si>
    <t>153793.0</t>
  </si>
  <si>
    <t>20050.0</t>
  </si>
  <si>
    <t>14000.0</t>
  </si>
  <si>
    <t>12674.0</t>
  </si>
  <si>
    <t>1640573.0</t>
  </si>
  <si>
    <t>12639.0</t>
  </si>
  <si>
    <t>238.252</t>
  </si>
  <si>
    <t>204439.0</t>
  </si>
  <si>
    <t>167258.0</t>
  </si>
  <si>
    <t>37181.0</t>
  </si>
  <si>
    <t>15927.0</t>
  </si>
  <si>
    <t>1654270.0</t>
  </si>
  <si>
    <t>240.241</t>
  </si>
  <si>
    <t>209760.0</t>
  </si>
  <si>
    <t>172393.0</t>
  </si>
  <si>
    <t>37367.0</t>
  </si>
  <si>
    <t>14486.0</t>
  </si>
  <si>
    <t>1662699.0</t>
  </si>
  <si>
    <t>8429.0</t>
  </si>
  <si>
    <t>241.465</t>
  </si>
  <si>
    <t>10902.0</t>
  </si>
  <si>
    <t>212445.0</t>
  </si>
  <si>
    <t>175066.0</t>
  </si>
  <si>
    <t>37379.0</t>
  </si>
  <si>
    <t>13299.0</t>
  </si>
  <si>
    <t>16747.3</t>
  </si>
  <si>
    <t>2469.39120061988</t>
  </si>
  <si>
    <t>1665229.0</t>
  </si>
  <si>
    <t>241.833</t>
  </si>
  <si>
    <t>10864.0</t>
  </si>
  <si>
    <t>223539.0</t>
  </si>
  <si>
    <t>184764.0</t>
  </si>
  <si>
    <t>11094.0</t>
  </si>
  <si>
    <t>13211.0</t>
  </si>
  <si>
    <t>11665.0</t>
  </si>
  <si>
    <t>1681417.0</t>
  </si>
  <si>
    <t>244.184</t>
  </si>
  <si>
    <t>11221.0</t>
  </si>
  <si>
    <t>243772.0</t>
  </si>
  <si>
    <t>202247.0</t>
  </si>
  <si>
    <t>41525.0</t>
  </si>
  <si>
    <t>20233.0</t>
  </si>
  <si>
    <t>11957.0</t>
  </si>
  <si>
    <t>1695947.0</t>
  </si>
  <si>
    <t>246.294</t>
  </si>
  <si>
    <t>248169.0</t>
  </si>
  <si>
    <t>206296.0</t>
  </si>
  <si>
    <t>1702111.0</t>
  </si>
  <si>
    <t>247.189</t>
  </si>
  <si>
    <t>268544.0</t>
  </si>
  <si>
    <t>221832.0</t>
  </si>
  <si>
    <t>20375.0</t>
  </si>
  <si>
    <t>1714278.0</t>
  </si>
  <si>
    <t>248.956</t>
  </si>
  <si>
    <t>10529.0</t>
  </si>
  <si>
    <t>284464.0</t>
  </si>
  <si>
    <t>234526.0</t>
  </si>
  <si>
    <t>49938.0</t>
  </si>
  <si>
    <t>15920.0</t>
  </si>
  <si>
    <t>1731143.0</t>
  </si>
  <si>
    <t>16865.0</t>
  </si>
  <si>
    <t>251.405</t>
  </si>
  <si>
    <t>10982.0</t>
  </si>
  <si>
    <t>0.1705</t>
  </si>
  <si>
    <t>287118.0</t>
  </si>
  <si>
    <t>237067.0</t>
  </si>
  <si>
    <t>11051.0</t>
  </si>
  <si>
    <t>9239.0</t>
  </si>
  <si>
    <t>1741614.0</t>
  </si>
  <si>
    <t>10471.0</t>
  </si>
  <si>
    <t>252.926</t>
  </si>
  <si>
    <t>288631.0</t>
  </si>
  <si>
    <t>238575.0</t>
  </si>
  <si>
    <t>50056.0</t>
  </si>
  <si>
    <t>17248.4</t>
  </si>
  <si>
    <t>2543.27844994548</t>
  </si>
  <si>
    <t>1744583.0</t>
  </si>
  <si>
    <t>253.357</t>
  </si>
  <si>
    <t>11336.0</t>
  </si>
  <si>
    <t>0.1724</t>
  </si>
  <si>
    <t>294132.0</t>
  </si>
  <si>
    <t>243479.0</t>
  </si>
  <si>
    <t>50653.0</t>
  </si>
  <si>
    <t>5501.0</t>
  </si>
  <si>
    <t>11352.0</t>
  </si>
  <si>
    <t>302151.0</t>
  </si>
  <si>
    <t>250507.0</t>
  </si>
  <si>
    <t>51644.0</t>
  </si>
  <si>
    <t>6894.0</t>
  </si>
  <si>
    <t>11604.0</t>
  </si>
  <si>
    <t>0.2019</t>
  </si>
  <si>
    <t>309145.0</t>
  </si>
  <si>
    <t>256410.0</t>
  </si>
  <si>
    <t>52735.0</t>
  </si>
  <si>
    <t>8711.0</t>
  </si>
  <si>
    <t>324446.0</t>
  </si>
  <si>
    <t>270587.0</t>
  </si>
  <si>
    <t>53859.0</t>
  </si>
  <si>
    <t>1809772.0</t>
  </si>
  <si>
    <t>262.824</t>
  </si>
  <si>
    <t>13642.0</t>
  </si>
  <si>
    <t>336660.0</t>
  </si>
  <si>
    <t>279324.0</t>
  </si>
  <si>
    <t>57336.0</t>
  </si>
  <si>
    <t>7457.0</t>
  </si>
  <si>
    <t>337904.0</t>
  </si>
  <si>
    <t>280137.0</t>
  </si>
  <si>
    <t>57767.0</t>
  </si>
  <si>
    <t>12736.0</t>
  </si>
  <si>
    <t>0.2047</t>
  </si>
  <si>
    <t>338879.0</t>
  </si>
  <si>
    <t>280462.0</t>
  </si>
  <si>
    <t>5984.0</t>
  </si>
  <si>
    <t>18027.3</t>
  </si>
  <si>
    <t>2658.12733938813</t>
  </si>
  <si>
    <t>1841263.0</t>
  </si>
  <si>
    <t>267.397</t>
  </si>
  <si>
    <t>13811.0</t>
  </si>
  <si>
    <t>341707.0</t>
  </si>
  <si>
    <t>281713.0</t>
  </si>
  <si>
    <t>59994.0</t>
  </si>
  <si>
    <t>345994.0</t>
  </si>
  <si>
    <t>284266.0</t>
  </si>
  <si>
    <t>6263.0</t>
  </si>
  <si>
    <t>350702.0</t>
  </si>
  <si>
    <t>286950.0</t>
  </si>
  <si>
    <t>63752.0</t>
  </si>
  <si>
    <t>2.147</t>
  </si>
  <si>
    <t>0.2229</t>
  </si>
  <si>
    <t>356052.0</t>
  </si>
  <si>
    <t>289311.0</t>
  </si>
  <si>
    <t>66741.0</t>
  </si>
  <si>
    <t>1915561.0</t>
  </si>
  <si>
    <t>278.187</t>
  </si>
  <si>
    <t>15113.0</t>
  </si>
  <si>
    <t>362721.0</t>
  </si>
  <si>
    <t>293176.0</t>
  </si>
  <si>
    <t>69545.0</t>
  </si>
  <si>
    <t>15271.0</t>
  </si>
  <si>
    <t>2.218</t>
  </si>
  <si>
    <t>366547.0</t>
  </si>
  <si>
    <t>295794.0</t>
  </si>
  <si>
    <t>70753.0</t>
  </si>
  <si>
    <t>90.239</t>
  </si>
  <si>
    <t>2.241</t>
  </si>
  <si>
    <t>368905.0</t>
  </si>
  <si>
    <t>297681.0</t>
  </si>
  <si>
    <t>19240.8</t>
  </si>
  <si>
    <t>2837.05804594693</t>
  </si>
  <si>
    <t>1950384.0</t>
  </si>
  <si>
    <t>283.244</t>
  </si>
  <si>
    <t>376370.0</t>
  </si>
  <si>
    <t>302517.0</t>
  </si>
  <si>
    <t>73853.0</t>
  </si>
  <si>
    <t>1969186.0</t>
  </si>
  <si>
    <t>18802.0</t>
  </si>
  <si>
    <t>285.975</t>
  </si>
  <si>
    <t>388805.0</t>
  </si>
  <si>
    <t>310415.0</t>
  </si>
  <si>
    <t>78390.0</t>
  </si>
  <si>
    <t>15609.0</t>
  </si>
  <si>
    <t>401309.0</t>
  </si>
  <si>
    <t>79977.0</t>
  </si>
  <si>
    <t>7230.0</t>
  </si>
  <si>
    <t>2006166.0</t>
  </si>
  <si>
    <t>291.345</t>
  </si>
  <si>
    <t>15597.0</t>
  </si>
  <si>
    <t>415601.0</t>
  </si>
  <si>
    <t>332467.0</t>
  </si>
  <si>
    <t>83134.0</t>
  </si>
  <si>
    <t>14292.0</t>
  </si>
  <si>
    <t>8507.0</t>
  </si>
  <si>
    <t>2023997.0</t>
  </si>
  <si>
    <t>17831.0</t>
  </si>
  <si>
    <t>293.935</t>
  </si>
  <si>
    <t>430228.0</t>
  </si>
  <si>
    <t>343120.0</t>
  </si>
  <si>
    <t>87108.0</t>
  </si>
  <si>
    <t>14627.0</t>
  </si>
  <si>
    <t>2042578.0</t>
  </si>
  <si>
    <t>296.633</t>
  </si>
  <si>
    <t>0.2191</t>
  </si>
  <si>
    <t>434158.0</t>
  </si>
  <si>
    <t>346392.0</t>
  </si>
  <si>
    <t>87766.0</t>
  </si>
  <si>
    <t>2054509.0</t>
  </si>
  <si>
    <t>11931.0</t>
  </si>
  <si>
    <t>298.366</t>
  </si>
  <si>
    <t>16533.0</t>
  </si>
  <si>
    <t>0.2189</t>
  </si>
  <si>
    <t>436541.0</t>
  </si>
  <si>
    <t>348327.0</t>
  </si>
  <si>
    <t>88214.0</t>
  </si>
  <si>
    <t>20791.3</t>
  </si>
  <si>
    <t>3065.67943904081</t>
  </si>
  <si>
    <t>2058602.0</t>
  </si>
  <si>
    <t>298.96</t>
  </si>
  <si>
    <t>15460.0</t>
  </si>
  <si>
    <t>0.2343</t>
  </si>
  <si>
    <t>445547.0</t>
  </si>
  <si>
    <t>355220.0</t>
  </si>
  <si>
    <t>90327.0</t>
  </si>
  <si>
    <t>2078028.0</t>
  </si>
  <si>
    <t>19426.0</t>
  </si>
  <si>
    <t>301.782</t>
  </si>
  <si>
    <t>2.821</t>
  </si>
  <si>
    <t>458731.0</t>
  </si>
  <si>
    <t>365650.0</t>
  </si>
  <si>
    <t>93081.0</t>
  </si>
  <si>
    <t>9989.0</t>
  </si>
  <si>
    <t>7891.0</t>
  </si>
  <si>
    <t>2098426.0</t>
  </si>
  <si>
    <t>20398.0</t>
  </si>
  <si>
    <t>304.744</t>
  </si>
  <si>
    <t>2.962</t>
  </si>
  <si>
    <t>472443.0</t>
  </si>
  <si>
    <t>377440.0</t>
  </si>
  <si>
    <t>95003.0</t>
  </si>
  <si>
    <t>10162.0</t>
  </si>
  <si>
    <t>2116322.0</t>
  </si>
  <si>
    <t>17896.0</t>
  </si>
  <si>
    <t>307.343</t>
  </si>
  <si>
    <t>15737.0</t>
  </si>
  <si>
    <t>486002.0</t>
  </si>
  <si>
    <t>388595.0</t>
  </si>
  <si>
    <t>97407.0</t>
  </si>
  <si>
    <t>13559.0</t>
  </si>
  <si>
    <t>2134815.0</t>
  </si>
  <si>
    <t>310.028</t>
  </si>
  <si>
    <t>0.2266</t>
  </si>
  <si>
    <t>498085.0</t>
  </si>
  <si>
    <t>398203.0</t>
  </si>
  <si>
    <t>99882.0</t>
  </si>
  <si>
    <t>12083.0</t>
  </si>
  <si>
    <t>2155426.0</t>
  </si>
  <si>
    <t>20611.0</t>
  </si>
  <si>
    <t>313.022</t>
  </si>
  <si>
    <t>2.993</t>
  </si>
  <si>
    <t>502078.0</t>
  </si>
  <si>
    <t>401514.0</t>
  </si>
  <si>
    <t>100564.0</t>
  </si>
  <si>
    <t>7875.0</t>
  </si>
  <si>
    <t>2166074.0</t>
  </si>
  <si>
    <t>10648.0</t>
  </si>
  <si>
    <t>314.568</t>
  </si>
  <si>
    <t>15938.0</t>
  </si>
  <si>
    <t>0.2173</t>
  </si>
  <si>
    <t>503570.0</t>
  </si>
  <si>
    <t>402693.0</t>
  </si>
  <si>
    <t>100877.0</t>
  </si>
  <si>
    <t>22718.0</t>
  </si>
  <si>
    <t>3349.77156291954</t>
  </si>
  <si>
    <t>2170167.0</t>
  </si>
  <si>
    <t>315.162</t>
  </si>
  <si>
    <t>510049.0</t>
  </si>
  <si>
    <t>407622.0</t>
  </si>
  <si>
    <t>102427.0</t>
  </si>
  <si>
    <t>9215.0</t>
  </si>
  <si>
    <t>7486.0</t>
  </si>
  <si>
    <t>2189411.0</t>
  </si>
  <si>
    <t>317.957</t>
  </si>
  <si>
    <t>15912.0</t>
  </si>
  <si>
    <t>0.1655</t>
  </si>
  <si>
    <t>519635.0</t>
  </si>
  <si>
    <t>414790.0</t>
  </si>
  <si>
    <t>104845.0</t>
  </si>
  <si>
    <t>2206820.0</t>
  </si>
  <si>
    <t>17409.0</t>
  </si>
  <si>
    <t>320.485</t>
  </si>
  <si>
    <t>15485.0</t>
  </si>
  <si>
    <t>533453.0</t>
  </si>
  <si>
    <t>425706.0</t>
  </si>
  <si>
    <t>107747.0</t>
  </si>
  <si>
    <t>2224530.0</t>
  </si>
  <si>
    <t>17710.0</t>
  </si>
  <si>
    <t>323.057</t>
  </si>
  <si>
    <t>552516.0</t>
  </si>
  <si>
    <t>442439.0</t>
  </si>
  <si>
    <t>110077.0</t>
  </si>
  <si>
    <t>7692.0</t>
  </si>
  <si>
    <t>2240606.0</t>
  </si>
  <si>
    <t>325.392</t>
  </si>
  <si>
    <t>454711.0</t>
  </si>
  <si>
    <t>112685.0</t>
  </si>
  <si>
    <t>2257555.0</t>
  </si>
  <si>
    <t>327.853</t>
  </si>
  <si>
    <t>14590.0</t>
  </si>
  <si>
    <t>2.119</t>
  </si>
  <si>
    <t>571062.0</t>
  </si>
  <si>
    <t>458084.0</t>
  </si>
  <si>
    <t>112978.0</t>
  </si>
  <si>
    <t>2266672.0</t>
  </si>
  <si>
    <t>9117.0</t>
  </si>
  <si>
    <t>329.177</t>
  </si>
  <si>
    <t>14371.0</t>
  </si>
  <si>
    <t>0.1888</t>
  </si>
  <si>
    <t>572662.0</t>
  </si>
  <si>
    <t>459409.0</t>
  </si>
  <si>
    <t>113253.0</t>
  </si>
  <si>
    <t>24400.1</t>
  </si>
  <si>
    <t>17.17</t>
  </si>
  <si>
    <t>3597.79739028053</t>
  </si>
  <si>
    <t>2270329.0</t>
  </si>
  <si>
    <t>329.708</t>
  </si>
  <si>
    <t>579992.0</t>
  </si>
  <si>
    <t>465348.0</t>
  </si>
  <si>
    <t>114644.0</t>
  </si>
  <si>
    <t>7330.0</t>
  </si>
  <si>
    <t>2287726.0</t>
  </si>
  <si>
    <t>17397.0</t>
  </si>
  <si>
    <t>332.235</t>
  </si>
  <si>
    <t>590495.0</t>
  </si>
  <si>
    <t>474072.0</t>
  </si>
  <si>
    <t>116423.0</t>
  </si>
  <si>
    <t>8469.0</t>
  </si>
  <si>
    <t>2303963.0</t>
  </si>
  <si>
    <t>16237.0</t>
  </si>
  <si>
    <t>334.593</t>
  </si>
  <si>
    <t>0.1663</t>
  </si>
  <si>
    <t>605377.0</t>
  </si>
  <si>
    <t>485498.0</t>
  </si>
  <si>
    <t>119879.0</t>
  </si>
  <si>
    <t>14882.0</t>
  </si>
  <si>
    <t>10275.0</t>
  </si>
  <si>
    <t>2319263.0</t>
  </si>
  <si>
    <t>336.815</t>
  </si>
  <si>
    <t>620375.0</t>
  </si>
  <si>
    <t>496994.0</t>
  </si>
  <si>
    <t>123381.0</t>
  </si>
  <si>
    <t>14998.0</t>
  </si>
  <si>
    <t>2333971.0</t>
  </si>
  <si>
    <t>338.951</t>
  </si>
  <si>
    <t>634129.0</t>
  </si>
  <si>
    <t>507245.0</t>
  </si>
  <si>
    <t>126884.0</t>
  </si>
  <si>
    <t>9533.0</t>
  </si>
  <si>
    <t>637216.0</t>
  </si>
  <si>
    <t>509196.0</t>
  </si>
  <si>
    <t>128020.0</t>
  </si>
  <si>
    <t>9799.0</t>
  </si>
  <si>
    <t>12290.0</t>
  </si>
  <si>
    <t>0.1672</t>
  </si>
  <si>
    <t>638443.0</t>
  </si>
  <si>
    <t>509905.0</t>
  </si>
  <si>
    <t>128538.0</t>
  </si>
  <si>
    <t>7214.0</t>
  </si>
  <si>
    <t>26090.0</t>
  </si>
  <si>
    <t>3846.97332848714</t>
  </si>
  <si>
    <t>2362070.0</t>
  </si>
  <si>
    <t>343.032</t>
  </si>
  <si>
    <t>645486.0</t>
  </si>
  <si>
    <t>514417.0</t>
  </si>
  <si>
    <t>131069.0</t>
  </si>
  <si>
    <t>9356.0</t>
  </si>
  <si>
    <t>2378019.0</t>
  </si>
  <si>
    <t>15949.0</t>
  </si>
  <si>
    <t>12899.0</t>
  </si>
  <si>
    <t>657333.0</t>
  </si>
  <si>
    <t>521956.0</t>
  </si>
  <si>
    <t>135377.0</t>
  </si>
  <si>
    <t>11847.0</t>
  </si>
  <si>
    <t>2391777.0</t>
  </si>
  <si>
    <t>347.346</t>
  </si>
  <si>
    <t>12545.0</t>
  </si>
  <si>
    <t>676501.0</t>
  </si>
  <si>
    <t>533316.0</t>
  </si>
  <si>
    <t>143185.0</t>
  </si>
  <si>
    <t>2405956.0</t>
  </si>
  <si>
    <t>349.405</t>
  </si>
  <si>
    <t>698517.0</t>
  </si>
  <si>
    <t>546700.0</t>
  </si>
  <si>
    <t>151817.0</t>
  </si>
  <si>
    <t>22016.0</t>
  </si>
  <si>
    <t>7101.0</t>
  </si>
  <si>
    <t>2419383.0</t>
  </si>
  <si>
    <t>13427.0</t>
  </si>
  <si>
    <t>351.355</t>
  </si>
  <si>
    <t>716940.0</t>
  </si>
  <si>
    <t>556719.0</t>
  </si>
  <si>
    <t>160221.0</t>
  </si>
  <si>
    <t>18423.0</t>
  </si>
  <si>
    <t>11830.0</t>
  </si>
  <si>
    <t>2434235.0</t>
  </si>
  <si>
    <t>353.512</t>
  </si>
  <si>
    <t>12985.0</t>
  </si>
  <si>
    <t>721170.0</t>
  </si>
  <si>
    <t>558405.0</t>
  </si>
  <si>
    <t>11993.0</t>
  </si>
  <si>
    <t>7030.0</t>
  </si>
  <si>
    <t>2441727.0</t>
  </si>
  <si>
    <t>354.6</t>
  </si>
  <si>
    <t>723240.0</t>
  </si>
  <si>
    <t>559274.0</t>
  </si>
  <si>
    <t>163966.0</t>
  </si>
  <si>
    <t>12114.0</t>
  </si>
  <si>
    <t>27487.3</t>
  </si>
  <si>
    <t>4053.0053649722</t>
  </si>
  <si>
    <t>2447180.0</t>
  </si>
  <si>
    <t>355.392</t>
  </si>
  <si>
    <t>734150.0</t>
  </si>
  <si>
    <t>564282.0</t>
  </si>
  <si>
    <t>169868.0</t>
  </si>
  <si>
    <t>12666.0</t>
  </si>
  <si>
    <t>2461198.0</t>
  </si>
  <si>
    <t>14018.0</t>
  </si>
  <si>
    <t>357.427</t>
  </si>
  <si>
    <t>750899.0</t>
  </si>
  <si>
    <t>572924.0</t>
  </si>
  <si>
    <t>177975.0</t>
  </si>
  <si>
    <t>18005.0</t>
  </si>
  <si>
    <t>360.042</t>
  </si>
  <si>
    <t>12489.0</t>
  </si>
  <si>
    <t>776254.0</t>
  </si>
  <si>
    <t>585719.0</t>
  </si>
  <si>
    <t>190535.0</t>
  </si>
  <si>
    <t>25355.0</t>
  </si>
  <si>
    <t>14250.0</t>
  </si>
  <si>
    <t>2493241.0</t>
  </si>
  <si>
    <t>14038.0</t>
  </si>
  <si>
    <t>362.081</t>
  </si>
  <si>
    <t>803176.0</t>
  </si>
  <si>
    <t>595509.0</t>
  </si>
  <si>
    <t>207667.0</t>
  </si>
  <si>
    <t>26922.0</t>
  </si>
  <si>
    <t>2509499.0</t>
  </si>
  <si>
    <t>364.442</t>
  </si>
  <si>
    <t>815463.0</t>
  </si>
  <si>
    <t>602109.0</t>
  </si>
  <si>
    <t>213354.0</t>
  </si>
  <si>
    <t>14075.0</t>
  </si>
  <si>
    <t>12.02</t>
  </si>
  <si>
    <t>2518362.0</t>
  </si>
  <si>
    <t>365.729</t>
  </si>
  <si>
    <t>12018.0</t>
  </si>
  <si>
    <t>821218.0</t>
  </si>
  <si>
    <t>606144.0</t>
  </si>
  <si>
    <t>215074.0</t>
  </si>
  <si>
    <t>14293.0</t>
  </si>
  <si>
    <t>2525448.0</t>
  </si>
  <si>
    <t>366.758</t>
  </si>
  <si>
    <t>824623.0</t>
  </si>
  <si>
    <t>608428.0</t>
  </si>
  <si>
    <t>216195.0</t>
  </si>
  <si>
    <t>28599.8</t>
  </si>
  <si>
    <t>4217.04361058132</t>
  </si>
  <si>
    <t>2528642.0</t>
  </si>
  <si>
    <t>367.222</t>
  </si>
  <si>
    <t>11637.0</t>
  </si>
  <si>
    <t>833510.0</t>
  </si>
  <si>
    <t>613677.0</t>
  </si>
  <si>
    <t>219833.0</t>
  </si>
  <si>
    <t>2535366.0</t>
  </si>
  <si>
    <t>6724.0</t>
  </si>
  <si>
    <t>368.198</t>
  </si>
  <si>
    <t>10595.0</t>
  </si>
  <si>
    <t>844643.0</t>
  </si>
  <si>
    <t>619256.0</t>
  </si>
  <si>
    <t>225387.0</t>
  </si>
  <si>
    <t>13392.0</t>
  </si>
  <si>
    <t>2541572.0</t>
  </si>
  <si>
    <t>369.1</t>
  </si>
  <si>
    <t>877124.0</t>
  </si>
  <si>
    <t>625922.0</t>
  </si>
  <si>
    <t>251202.0</t>
  </si>
  <si>
    <t>32481.0</t>
  </si>
  <si>
    <t>14410.0</t>
  </si>
  <si>
    <t>2556505.0</t>
  </si>
  <si>
    <t>371.268</t>
  </si>
  <si>
    <t>884254.0</t>
  </si>
  <si>
    <t>629749.0</t>
  </si>
  <si>
    <t>254505.0</t>
  </si>
  <si>
    <t>11583.0</t>
  </si>
  <si>
    <t>2562234.0</t>
  </si>
  <si>
    <t>372.1</t>
  </si>
  <si>
    <t>7534.0</t>
  </si>
  <si>
    <t>922371.0</t>
  </si>
  <si>
    <t>638468.0</t>
  </si>
  <si>
    <t>283903.0</t>
  </si>
  <si>
    <t>38117.0</t>
  </si>
  <si>
    <t>2577231.0</t>
  </si>
  <si>
    <t>14997.0</t>
  </si>
  <si>
    <t>374.278</t>
  </si>
  <si>
    <t>932419.0</t>
  </si>
  <si>
    <t>642807.0</t>
  </si>
  <si>
    <t>289612.0</t>
  </si>
  <si>
    <t>10048.0</t>
  </si>
  <si>
    <t>15886.0</t>
  </si>
  <si>
    <t>6670.0</t>
  </si>
  <si>
    <t>2584732.0</t>
  </si>
  <si>
    <t>375.368</t>
  </si>
  <si>
    <t>938064.0</t>
  </si>
  <si>
    <t>646068.0</t>
  </si>
  <si>
    <t>291996.0</t>
  </si>
  <si>
    <t>13.83</t>
  </si>
  <si>
    <t>9.53</t>
  </si>
  <si>
    <t>5377.0</t>
  </si>
  <si>
    <t>29414.3</t>
  </si>
  <si>
    <t>4337.14172388345</t>
  </si>
  <si>
    <t>2590585.0</t>
  </si>
  <si>
    <t>376.218</t>
  </si>
  <si>
    <t>963539.0</t>
  </si>
  <si>
    <t>651694.0</t>
  </si>
  <si>
    <t>311845.0</t>
  </si>
  <si>
    <t>25475.0</t>
  </si>
  <si>
    <t>18576.0</t>
  </si>
  <si>
    <t>2606975.0</t>
  </si>
  <si>
    <t>378.598</t>
  </si>
  <si>
    <t>999287.0</t>
  </si>
  <si>
    <t>661204.0</t>
  </si>
  <si>
    <t>338083.0</t>
  </si>
  <si>
    <t>35748.0</t>
  </si>
  <si>
    <t>2620183.0</t>
  </si>
  <si>
    <t>13208.0</t>
  </si>
  <si>
    <t>380.516</t>
  </si>
  <si>
    <t>11230.0</t>
  </si>
  <si>
    <t>1035763.0</t>
  </si>
  <si>
    <t>673441.0</t>
  </si>
  <si>
    <t>362322.0</t>
  </si>
  <si>
    <t>36476.0</t>
  </si>
  <si>
    <t>22663.0</t>
  </si>
  <si>
    <t>2631255.0</t>
  </si>
  <si>
    <t>11072.0</t>
  </si>
  <si>
    <t>382.124</t>
  </si>
  <si>
    <t>10679.0</t>
  </si>
  <si>
    <t>1073523.0</t>
  </si>
  <si>
    <t>685543.0</t>
  </si>
  <si>
    <t>387980.0</t>
  </si>
  <si>
    <t>37760.0</t>
  </si>
  <si>
    <t>2642503.0</t>
  </si>
  <si>
    <t>11248.0</t>
  </si>
  <si>
    <t>383.757</t>
  </si>
  <si>
    <t>11467.0</t>
  </si>
  <si>
    <t>1106760.0</t>
  </si>
  <si>
    <t>697366.0</t>
  </si>
  <si>
    <t>409394.0</t>
  </si>
  <si>
    <t>33237.0</t>
  </si>
  <si>
    <t>26341.0</t>
  </si>
  <si>
    <t>16.32</t>
  </si>
  <si>
    <t>2656622.0</t>
  </si>
  <si>
    <t>385.808</t>
  </si>
  <si>
    <t>11342.0</t>
  </si>
  <si>
    <t>1113351.0</t>
  </si>
  <si>
    <t>700203.0</t>
  </si>
  <si>
    <t>413148.0</t>
  </si>
  <si>
    <t>25847.0</t>
  </si>
  <si>
    <t>8199.0</t>
  </si>
  <si>
    <t>78.886</t>
  </si>
  <si>
    <t>2663903.0</t>
  </si>
  <si>
    <t>386.865</t>
  </si>
  <si>
    <t>1116741.0</t>
  </si>
  <si>
    <t>702012.0</t>
  </si>
  <si>
    <t>414729.0</t>
  </si>
  <si>
    <t>25525.0</t>
  </si>
  <si>
    <t>7992.0</t>
  </si>
  <si>
    <t>29963.4</t>
  </si>
  <si>
    <t>27.42</t>
  </si>
  <si>
    <t>4418.10657841286</t>
  </si>
  <si>
    <t>2668212.0</t>
  </si>
  <si>
    <t>387.491</t>
  </si>
  <si>
    <t>11090.0</t>
  </si>
  <si>
    <t>1134977.0</t>
  </si>
  <si>
    <t>709006.0</t>
  </si>
  <si>
    <t>425971.0</t>
  </si>
  <si>
    <t>18236.0</t>
  </si>
  <si>
    <t>2684714.0</t>
  </si>
  <si>
    <t>389.888</t>
  </si>
  <si>
    <t>2.397</t>
  </si>
  <si>
    <t>1161048.0</t>
  </si>
  <si>
    <t>720124.0</t>
  </si>
  <si>
    <t>440924.0</t>
  </si>
  <si>
    <t>26071.0</t>
  </si>
  <si>
    <t>23109.0</t>
  </si>
  <si>
    <t>2698506.0</t>
  </si>
  <si>
    <t>13792.0</t>
  </si>
  <si>
    <t>391.89</t>
  </si>
  <si>
    <t>1191397.0</t>
  </si>
  <si>
    <t>733149.0</t>
  </si>
  <si>
    <t>458248.0</t>
  </si>
  <si>
    <t>30349.0</t>
  </si>
  <si>
    <t>22233.0</t>
  </si>
  <si>
    <t>2709565.0</t>
  </si>
  <si>
    <t>393.497</t>
  </si>
  <si>
    <t>1225601.0</t>
  </si>
  <si>
    <t>746125.0</t>
  </si>
  <si>
    <t>479476.0</t>
  </si>
  <si>
    <t>21725.0</t>
  </si>
  <si>
    <t>2722728.0</t>
  </si>
  <si>
    <t>395.408</t>
  </si>
  <si>
    <t>1250667.0</t>
  </si>
  <si>
    <t>756201.0</t>
  </si>
  <si>
    <t>494466.0</t>
  </si>
  <si>
    <t>25066.0</t>
  </si>
  <si>
    <t>20558.0</t>
  </si>
  <si>
    <t>11.15</t>
  </si>
  <si>
    <t>2737194.0</t>
  </si>
  <si>
    <t>397.509</t>
  </si>
  <si>
    <t>1257015.0</t>
  </si>
  <si>
    <t>758350.0</t>
  </si>
  <si>
    <t>498665.0</t>
  </si>
  <si>
    <t>6348.0</t>
  </si>
  <si>
    <t>20523.0</t>
  </si>
  <si>
    <t>2743168.0</t>
  </si>
  <si>
    <t>398.377</t>
  </si>
  <si>
    <t>11324.0</t>
  </si>
  <si>
    <t>1260683.0</t>
  </si>
  <si>
    <t>759630.0</t>
  </si>
  <si>
    <t>501053.0</t>
  </si>
  <si>
    <t>20563.0</t>
  </si>
  <si>
    <t>8231.0</t>
  </si>
  <si>
    <t>30381.3</t>
  </si>
  <si>
    <t>4479.72597871853</t>
  </si>
  <si>
    <t>2749884.0</t>
  </si>
  <si>
    <t>6716.0</t>
  </si>
  <si>
    <t>399.352</t>
  </si>
  <si>
    <t>11667.0</t>
  </si>
  <si>
    <t>1265855.0</t>
  </si>
  <si>
    <t>760923.0</t>
  </si>
  <si>
    <t>504932.0</t>
  </si>
  <si>
    <t>18697.0</t>
  </si>
  <si>
    <t>2754463.0</t>
  </si>
  <si>
    <t>400.017</t>
  </si>
  <si>
    <t>1282717.0</t>
  </si>
  <si>
    <t>766754.0</t>
  </si>
  <si>
    <t>515963.0</t>
  </si>
  <si>
    <t>17381.0</t>
  </si>
  <si>
    <t>6661.0</t>
  </si>
  <si>
    <t>2768262.0</t>
  </si>
  <si>
    <t>13799.0</t>
  </si>
  <si>
    <t>402.021</t>
  </si>
  <si>
    <t>2.004</t>
  </si>
  <si>
    <t>777089.0</t>
  </si>
  <si>
    <t>526486.0</t>
  </si>
  <si>
    <t>20858.0</t>
  </si>
  <si>
    <t>2782132.0</t>
  </si>
  <si>
    <t>404.035</t>
  </si>
  <si>
    <t>10367.0</t>
  </si>
  <si>
    <t>1321786.0</t>
  </si>
  <si>
    <t>787995.0</t>
  </si>
  <si>
    <t>533791.0</t>
  </si>
  <si>
    <t>2795296.0</t>
  </si>
  <si>
    <t>405.947</t>
  </si>
  <si>
    <t>1341130.0</t>
  </si>
  <si>
    <t>796827.0</t>
  </si>
  <si>
    <t>544303.0</t>
  </si>
  <si>
    <t>19344.0</t>
  </si>
  <si>
    <t>2808798.0</t>
  </si>
  <si>
    <t>407.908</t>
  </si>
  <si>
    <t>10229.0</t>
  </si>
  <si>
    <t>1348204.0</t>
  </si>
  <si>
    <t>799293.0</t>
  </si>
  <si>
    <t>548911.0</t>
  </si>
  <si>
    <t>13027.0</t>
  </si>
  <si>
    <t>56.473</t>
  </si>
  <si>
    <t>2816677.0</t>
  </si>
  <si>
    <t>409.052</t>
  </si>
  <si>
    <t>10501.0</t>
  </si>
  <si>
    <t>1353249.0</t>
  </si>
  <si>
    <t>801064.0</t>
  </si>
  <si>
    <t>552185.0</t>
  </si>
  <si>
    <t>30618.6</t>
  </si>
  <si>
    <t>4514.71588944486</t>
  </si>
  <si>
    <t>2820959.0</t>
  </si>
  <si>
    <t>409.674</t>
  </si>
  <si>
    <t>10154.0</t>
  </si>
  <si>
    <t>1365923.0</t>
  </si>
  <si>
    <t>805538.0</t>
  </si>
  <si>
    <t>560385.0</t>
  </si>
  <si>
    <t>2837936.0</t>
  </si>
  <si>
    <t>16977.0</t>
  </si>
  <si>
    <t>412.139</t>
  </si>
  <si>
    <t>11925.0</t>
  </si>
  <si>
    <t>1383971.0</t>
  </si>
  <si>
    <t>812072.0</t>
  </si>
  <si>
    <t>571899.0</t>
  </si>
  <si>
    <t>14465.0</t>
  </si>
  <si>
    <t>20.41</t>
  </si>
  <si>
    <t>6474.0</t>
  </si>
  <si>
    <t>2851207.0</t>
  </si>
  <si>
    <t>13271.0</t>
  </si>
  <si>
    <t>414.066</t>
  </si>
  <si>
    <t>1405952.0</t>
  </si>
  <si>
    <t>819332.0</t>
  </si>
  <si>
    <t>586620.0</t>
  </si>
  <si>
    <t>21981.0</t>
  </si>
  <si>
    <t>14625.0</t>
  </si>
  <si>
    <t>2863217.0</t>
  </si>
  <si>
    <t>12010.0</t>
  </si>
  <si>
    <t>415.811</t>
  </si>
  <si>
    <t>11584.0</t>
  </si>
  <si>
    <t>1429105.0</t>
  </si>
  <si>
    <t>827703.0</t>
  </si>
  <si>
    <t>601402.0</t>
  </si>
  <si>
    <t>2878511.0</t>
  </si>
  <si>
    <t>418.032</t>
  </si>
  <si>
    <t>11888.0</t>
  </si>
  <si>
    <t>1450850.0</t>
  </si>
  <si>
    <t>834815.0</t>
  </si>
  <si>
    <t>616035.0</t>
  </si>
  <si>
    <t>21745.0</t>
  </si>
  <si>
    <t>15674.0</t>
  </si>
  <si>
    <t>2892784.0</t>
  </si>
  <si>
    <t>420.104</t>
  </si>
  <si>
    <t>1456841.0</t>
  </si>
  <si>
    <t>837157.0</t>
  </si>
  <si>
    <t>619684.0</t>
  </si>
  <si>
    <t>2899116.0</t>
  </si>
  <si>
    <t>421.024</t>
  </si>
  <si>
    <t>11777.0</t>
  </si>
  <si>
    <t>1464251.0</t>
  </si>
  <si>
    <t>840111.0</t>
  </si>
  <si>
    <t>624140.0</t>
  </si>
  <si>
    <t>15857.0</t>
  </si>
  <si>
    <t>30789.3</t>
  </si>
  <si>
    <t>19.48</t>
  </si>
  <si>
    <t>4539.8856229509</t>
  </si>
  <si>
    <t>2904717.0</t>
  </si>
  <si>
    <t>421.837</t>
  </si>
  <si>
    <t>11965.0</t>
  </si>
  <si>
    <t>1478774.0</t>
  </si>
  <si>
    <t>844483.0</t>
  </si>
  <si>
    <t>634291.0</t>
  </si>
  <si>
    <t>16122.0</t>
  </si>
  <si>
    <t>2918130.0</t>
  </si>
  <si>
    <t>13413.0</t>
  </si>
  <si>
    <t>1500534.0</t>
  </si>
  <si>
    <t>851993.0</t>
  </si>
  <si>
    <t>648541.0</t>
  </si>
  <si>
    <t>21760.0</t>
  </si>
  <si>
    <t>2933101.0</t>
  </si>
  <si>
    <t>425.96</t>
  </si>
  <si>
    <t>11699.0</t>
  </si>
  <si>
    <t>1524541.0</t>
  </si>
  <si>
    <t>860007.0</t>
  </si>
  <si>
    <t>664534.0</t>
  </si>
  <si>
    <t>24007.0</t>
  </si>
  <si>
    <t>16941.0</t>
  </si>
  <si>
    <t>2943018.0</t>
  </si>
  <si>
    <t>427.4</t>
  </si>
  <si>
    <t>1548304.0</t>
  </si>
  <si>
    <t>867873.0</t>
  </si>
  <si>
    <t>680431.0</t>
  </si>
  <si>
    <t>23763.0</t>
  </si>
  <si>
    <t>17028.0</t>
  </si>
  <si>
    <t>2957309.0</t>
  </si>
  <si>
    <t>14291.0</t>
  </si>
  <si>
    <t>429.475</t>
  </si>
  <si>
    <t>1568793.0</t>
  </si>
  <si>
    <t>874457.0</t>
  </si>
  <si>
    <t>694336.0</t>
  </si>
  <si>
    <t>20489.0</t>
  </si>
  <si>
    <t>2970624.0</t>
  </si>
  <si>
    <t>13315.0</t>
  </si>
  <si>
    <t>431.409</t>
  </si>
  <si>
    <t>1573761.0</t>
  </si>
  <si>
    <t>876614.0</t>
  </si>
  <si>
    <t>697147.0</t>
  </si>
  <si>
    <t>2978938.0</t>
  </si>
  <si>
    <t>8314.0</t>
  </si>
  <si>
    <t>432.616</t>
  </si>
  <si>
    <t>1577024.0</t>
  </si>
  <si>
    <t>878290.0</t>
  </si>
  <si>
    <t>698734.0</t>
  </si>
  <si>
    <t>30950.4</t>
  </si>
  <si>
    <t>4563.63983541619</t>
  </si>
  <si>
    <t>2982366.0</t>
  </si>
  <si>
    <t>433.114</t>
  </si>
  <si>
    <t>95.6</t>
  </si>
  <si>
    <t>1586678.0</t>
  </si>
  <si>
    <t>882269.0</t>
  </si>
  <si>
    <t>704409.0</t>
  </si>
  <si>
    <t>3000226.0</t>
  </si>
  <si>
    <t>435.708</t>
  </si>
  <si>
    <t>11728.0</t>
  </si>
  <si>
    <t>1602136.0</t>
  </si>
  <si>
    <t>888892.0</t>
  </si>
  <si>
    <t>713244.0</t>
  </si>
  <si>
    <t>3013425.0</t>
  </si>
  <si>
    <t>437.625</t>
  </si>
  <si>
    <t>1619744.0</t>
  </si>
  <si>
    <t>895526.0</t>
  </si>
  <si>
    <t>724218.0</t>
  </si>
  <si>
    <t>17608.0</t>
  </si>
  <si>
    <t>3025593.0</t>
  </si>
  <si>
    <t>12168.0</t>
  </si>
  <si>
    <t>439.392</t>
  </si>
  <si>
    <t>1637956.0</t>
  </si>
  <si>
    <t>902058.0</t>
  </si>
  <si>
    <t>735898.0</t>
  </si>
  <si>
    <t>18212.0</t>
  </si>
  <si>
    <t>12807.0</t>
  </si>
  <si>
    <t>24.15</t>
  </si>
  <si>
    <t>3039261.0</t>
  </si>
  <si>
    <t>441.377</t>
  </si>
  <si>
    <t>11707.0</t>
  </si>
  <si>
    <t>1653186.0</t>
  </si>
  <si>
    <t>907614.0</t>
  </si>
  <si>
    <t>745572.0</t>
  </si>
  <si>
    <t>12056.0</t>
  </si>
  <si>
    <t>3054028.0</t>
  </si>
  <si>
    <t>14767.0</t>
  </si>
  <si>
    <t>443.521</t>
  </si>
  <si>
    <t>2.145</t>
  </si>
  <si>
    <t>11915.0</t>
  </si>
  <si>
    <t>1657042.0</t>
  </si>
  <si>
    <t>909571.0</t>
  </si>
  <si>
    <t>747471.0</t>
  </si>
  <si>
    <t>11897.0</t>
  </si>
  <si>
    <t>3062465.0</t>
  </si>
  <si>
    <t>8437.0</t>
  </si>
  <si>
    <t>444.746</t>
  </si>
  <si>
    <t>1660175.0</t>
  </si>
  <si>
    <t>911349.0</t>
  </si>
  <si>
    <t>748826.0</t>
  </si>
  <si>
    <t>11879.0</t>
  </si>
  <si>
    <t>31071.3</t>
  </si>
  <si>
    <t>4581.46655352328</t>
  </si>
  <si>
    <t>3066606.0</t>
  </si>
  <si>
    <t>445.348</t>
  </si>
  <si>
    <t>1668677.0</t>
  </si>
  <si>
    <t>915302.0</t>
  </si>
  <si>
    <t>753375.0</t>
  </si>
  <si>
    <t>3082674.0</t>
  </si>
  <si>
    <t>16068.0</t>
  </si>
  <si>
    <t>447.681</t>
  </si>
  <si>
    <t>1681399.0</t>
  </si>
  <si>
    <t>921437.0</t>
  </si>
  <si>
    <t>759962.0</t>
  </si>
  <si>
    <t>11323.0</t>
  </si>
  <si>
    <t>3093825.0</t>
  </si>
  <si>
    <t>11151.0</t>
  </si>
  <si>
    <t>449.301</t>
  </si>
  <si>
    <t>136.3</t>
  </si>
  <si>
    <t>1695298.0</t>
  </si>
  <si>
    <t>927575.0</t>
  </si>
  <si>
    <t>767723.0</t>
  </si>
  <si>
    <t>10793.0</t>
  </si>
  <si>
    <t>3108203.0</t>
  </si>
  <si>
    <t>14378.0</t>
  </si>
  <si>
    <t>451.389</t>
  </si>
  <si>
    <t>152.4</t>
  </si>
  <si>
    <t>1709510.0</t>
  </si>
  <si>
    <t>933338.0</t>
  </si>
  <si>
    <t>776172.0</t>
  </si>
  <si>
    <t>14212.0</t>
  </si>
  <si>
    <t>3117849.0</t>
  </si>
  <si>
    <t>452.79</t>
  </si>
  <si>
    <t>11227.0</t>
  </si>
  <si>
    <t>1721790.0</t>
  </si>
  <si>
    <t>938397.0</t>
  </si>
  <si>
    <t>783393.0</t>
  </si>
  <si>
    <t>9801.0</t>
  </si>
  <si>
    <t>3132792.0</t>
  </si>
  <si>
    <t>14943.0</t>
  </si>
  <si>
    <t>454.96</t>
  </si>
  <si>
    <t>154.4</t>
  </si>
  <si>
    <t>1724896.0</t>
  </si>
  <si>
    <t>939901.0</t>
  </si>
  <si>
    <t>784995.0</t>
  </si>
  <si>
    <t>13.86</t>
  </si>
  <si>
    <t>3139291.0</t>
  </si>
  <si>
    <t>455.903</t>
  </si>
  <si>
    <t>1727616.0</t>
  </si>
  <si>
    <t>786336.0</t>
  </si>
  <si>
    <t>31426.8</t>
  </si>
  <si>
    <t>4633.885067064</t>
  </si>
  <si>
    <t>3142206.0</t>
  </si>
  <si>
    <t>456.327</t>
  </si>
  <si>
    <t>1735675.0</t>
  </si>
  <si>
    <t>944704.0</t>
  </si>
  <si>
    <t>790971.0</t>
  </si>
  <si>
    <t>9571.0</t>
  </si>
  <si>
    <t>3162240.0</t>
  </si>
  <si>
    <t>20034.0</t>
  </si>
  <si>
    <t>459.236</t>
  </si>
  <si>
    <t>11367.0</t>
  </si>
  <si>
    <t>157.6</t>
  </si>
  <si>
    <t>1748265.0</t>
  </si>
  <si>
    <t>950212.0</t>
  </si>
  <si>
    <t>798053.0</t>
  </si>
  <si>
    <t>12590.0</t>
  </si>
  <si>
    <t>4111.0</t>
  </si>
  <si>
    <t>3179320.0</t>
  </si>
  <si>
    <t>461.717</t>
  </si>
  <si>
    <t>1761277.0</t>
  </si>
  <si>
    <t>955804.0</t>
  </si>
  <si>
    <t>805473.0</t>
  </si>
  <si>
    <t>13012.0</t>
  </si>
  <si>
    <t>3192798.0</t>
  </si>
  <si>
    <t>13478.0</t>
  </si>
  <si>
    <t>463.674</t>
  </si>
  <si>
    <t>168.9</t>
  </si>
  <si>
    <t>1773581.0</t>
  </si>
  <si>
    <t>961406.0</t>
  </si>
  <si>
    <t>812175.0</t>
  </si>
  <si>
    <t>3206721.0</t>
  </si>
  <si>
    <t>13923.0</t>
  </si>
  <si>
    <t>465.696</t>
  </si>
  <si>
    <t>12696.0</t>
  </si>
  <si>
    <t>179.2</t>
  </si>
  <si>
    <t>1785306.0</t>
  </si>
  <si>
    <t>966942.0</t>
  </si>
  <si>
    <t>818364.0</t>
  </si>
  <si>
    <t>3222885.0</t>
  </si>
  <si>
    <t>16164.0</t>
  </si>
  <si>
    <t>468.043</t>
  </si>
  <si>
    <t>12870.0</t>
  </si>
  <si>
    <t>173.6</t>
  </si>
  <si>
    <t>1788904.0</t>
  </si>
  <si>
    <t>968924.0</t>
  </si>
  <si>
    <t>819980.0</t>
  </si>
  <si>
    <t>26.394</t>
  </si>
  <si>
    <t>3232751.0</t>
  </si>
  <si>
    <t>469.476</t>
  </si>
  <si>
    <t>13351.0</t>
  </si>
  <si>
    <t>185.8</t>
  </si>
  <si>
    <t>1791061.0</t>
  </si>
  <si>
    <t>970086.0</t>
  </si>
  <si>
    <t>820975.0</t>
  </si>
  <si>
    <t>31634.5</t>
  </si>
  <si>
    <t>4664.51045458131</t>
  </si>
  <si>
    <t>3236650.0</t>
  </si>
  <si>
    <t>470.042</t>
  </si>
  <si>
    <t>13492.0</t>
  </si>
  <si>
    <t>1798875.0</t>
  </si>
  <si>
    <t>974405.0</t>
  </si>
  <si>
    <t>824470.0</t>
  </si>
  <si>
    <t>3256320.0</t>
  </si>
  <si>
    <t>472.899</t>
  </si>
  <si>
    <t>2.857</t>
  </si>
  <si>
    <t>13440.0</t>
  </si>
  <si>
    <t>193.2</t>
  </si>
  <si>
    <t>1810576.0</t>
  </si>
  <si>
    <t>980315.0</t>
  </si>
  <si>
    <t>830261.0</t>
  </si>
  <si>
    <t>11701.0</t>
  </si>
  <si>
    <t>8902.0</t>
  </si>
  <si>
    <t>3270417.0</t>
  </si>
  <si>
    <t>474.946</t>
  </si>
  <si>
    <t>1823403.0</t>
  </si>
  <si>
    <t>987250.0</t>
  </si>
  <si>
    <t>836153.0</t>
  </si>
  <si>
    <t>3282674.0</t>
  </si>
  <si>
    <t>476.726</t>
  </si>
  <si>
    <t>199.3</t>
  </si>
  <si>
    <t>1835681.0</t>
  </si>
  <si>
    <t>993887.0</t>
  </si>
  <si>
    <t>841794.0</t>
  </si>
  <si>
    <t>3295239.0</t>
  </si>
  <si>
    <t>478.551</t>
  </si>
  <si>
    <t>1847225.0</t>
  </si>
  <si>
    <t>1000367.0</t>
  </si>
  <si>
    <t>846858.0</t>
  </si>
  <si>
    <t>27.24</t>
  </si>
  <si>
    <t>3310607.0</t>
  </si>
  <si>
    <t>212.9</t>
  </si>
  <si>
    <t>1850490.0</t>
  </si>
  <si>
    <t>1002491.0</t>
  </si>
  <si>
    <t>847999.0</t>
  </si>
  <si>
    <t>141.7</t>
  </si>
  <si>
    <t>3321719.0</t>
  </si>
  <si>
    <t>482.397</t>
  </si>
  <si>
    <t>207.9</t>
  </si>
  <si>
    <t>1852583.0</t>
  </si>
  <si>
    <t>1003791.0</t>
  </si>
  <si>
    <t>848792.0</t>
  </si>
  <si>
    <t>8789.0</t>
  </si>
  <si>
    <t>31861.2</t>
  </si>
  <si>
    <t>4697.93739415847</t>
  </si>
  <si>
    <t>3327708.0</t>
  </si>
  <si>
    <t>483.266</t>
  </si>
  <si>
    <t>13008.0</t>
  </si>
  <si>
    <t>231.1</t>
  </si>
  <si>
    <t>1860993.0</t>
  </si>
  <si>
    <t>1008573.0</t>
  </si>
  <si>
    <t>852420.0</t>
  </si>
  <si>
    <t>3342431.0</t>
  </si>
  <si>
    <t>14723.0</t>
  </si>
  <si>
    <t>485.404</t>
  </si>
  <si>
    <t>12302.0</t>
  </si>
  <si>
    <t>3360216.0</t>
  </si>
  <si>
    <t>487.987</t>
  </si>
  <si>
    <t>2.583</t>
  </si>
  <si>
    <t>221.7</t>
  </si>
  <si>
    <t>3374182.0</t>
  </si>
  <si>
    <t>490.015</t>
  </si>
  <si>
    <t>3388000.0</t>
  </si>
  <si>
    <t>492.022</t>
  </si>
  <si>
    <t>2.007</t>
  </si>
  <si>
    <t>202.1</t>
  </si>
  <si>
    <t>3404115.0</t>
  </si>
  <si>
    <t>16115.0</t>
  </si>
  <si>
    <t>494.363</t>
  </si>
  <si>
    <t>13358.0</t>
  </si>
  <si>
    <t>7587.0</t>
  </si>
  <si>
    <t>3414813.0</t>
  </si>
  <si>
    <t>495.916</t>
  </si>
  <si>
    <t>8505.0</t>
  </si>
  <si>
    <t>32037.9</t>
  </si>
  <si>
    <t>4723.99182831499</t>
  </si>
  <si>
    <t>3438932.0</t>
  </si>
  <si>
    <t>499.419</t>
  </si>
  <si>
    <t>13786.0</t>
  </si>
  <si>
    <t>13675.0</t>
  </si>
  <si>
    <t>148.9</t>
  </si>
  <si>
    <t>3485391.0</t>
  </si>
  <si>
    <t>506.166</t>
  </si>
  <si>
    <t>138.7</t>
  </si>
  <si>
    <t>136.8</t>
  </si>
  <si>
    <t>12.091</t>
  </si>
  <si>
    <t>137.7</t>
  </si>
  <si>
    <t>32128.4</t>
  </si>
  <si>
    <t>4737.33606312634</t>
  </si>
  <si>
    <t>126.8</t>
  </si>
  <si>
    <t>3542791.0</t>
  </si>
  <si>
    <t>514.502</t>
  </si>
  <si>
    <t>14837.0</t>
  </si>
  <si>
    <t>121.3</t>
  </si>
  <si>
    <t>1988805.0</t>
  </si>
  <si>
    <t>1011640.0</t>
  </si>
  <si>
    <t>977165.0</t>
  </si>
  <si>
    <t>2001777.0</t>
  </si>
  <si>
    <t>1017204.0</t>
  </si>
  <si>
    <t>984573.0</t>
  </si>
  <si>
    <t>2013988.0</t>
  </si>
  <si>
    <t>1022453.0</t>
  </si>
  <si>
    <t>991535.0</t>
  </si>
  <si>
    <t>12211.0</t>
  </si>
  <si>
    <t>3589189.0</t>
  </si>
  <si>
    <t>521.24</t>
  </si>
  <si>
    <t>14828.0</t>
  </si>
  <si>
    <t>2024943.0</t>
  </si>
  <si>
    <t>1026855.0</t>
  </si>
  <si>
    <t>998088.0</t>
  </si>
  <si>
    <t>10955.0</t>
  </si>
  <si>
    <t>10032.0</t>
  </si>
  <si>
    <t>2.197</t>
  </si>
  <si>
    <t>2028136.0</t>
  </si>
  <si>
    <t>999878.0</t>
  </si>
  <si>
    <t>14.74</t>
  </si>
  <si>
    <t>11.354</t>
  </si>
  <si>
    <t>2030301.0</t>
  </si>
  <si>
    <t>1029158.0</t>
  </si>
  <si>
    <t>1001143.0</t>
  </si>
  <si>
    <t>32286.1</t>
  </si>
  <si>
    <t>18.63</t>
  </si>
  <si>
    <t>4760.58894522302</t>
  </si>
  <si>
    <t>15729.0</t>
  </si>
  <si>
    <t>2038611.0</t>
  </si>
  <si>
    <t>1032438.0</t>
  </si>
  <si>
    <t>1006173.0</t>
  </si>
  <si>
    <t>15.22</t>
  </si>
  <si>
    <t>14.84</t>
  </si>
  <si>
    <t>3654995.0</t>
  </si>
  <si>
    <t>530.797</t>
  </si>
  <si>
    <t>2.328</t>
  </si>
  <si>
    <t>2050991.0</t>
  </si>
  <si>
    <t>1037737.0</t>
  </si>
  <si>
    <t>1013254.0</t>
  </si>
  <si>
    <t>3728.0</t>
  </si>
  <si>
    <t>2063643.0</t>
  </si>
  <si>
    <t>1043316.0</t>
  </si>
  <si>
    <t>1020327.0</t>
  </si>
  <si>
    <t>2076157.0</t>
  </si>
  <si>
    <t>1048780.0</t>
  </si>
  <si>
    <t>1027377.0</t>
  </si>
  <si>
    <t>3711151.0</t>
  </si>
  <si>
    <t>538.952</t>
  </si>
  <si>
    <t>17423.0</t>
  </si>
  <si>
    <t>2088021.0</t>
  </si>
  <si>
    <t>1053837.0</t>
  </si>
  <si>
    <t>1034184.0</t>
  </si>
  <si>
    <t>11864.0</t>
  </si>
  <si>
    <t>30.79</t>
  </si>
  <si>
    <t>2091299.0</t>
  </si>
  <si>
    <t>1055433.0</t>
  </si>
  <si>
    <t>1035866.0</t>
  </si>
  <si>
    <t>134.769</t>
  </si>
  <si>
    <t>17304.0</t>
  </si>
  <si>
    <t>2093630.0</t>
  </si>
  <si>
    <t>1056484.0</t>
  </si>
  <si>
    <t>1037146.0</t>
  </si>
  <si>
    <t>9047.0</t>
  </si>
  <si>
    <t>15.29</t>
  </si>
  <si>
    <t>32593.0</t>
  </si>
  <si>
    <t>4805.84138349488</t>
  </si>
  <si>
    <t>17245.0</t>
  </si>
  <si>
    <t>2102614.0</t>
  </si>
  <si>
    <t>1060139.0</t>
  </si>
  <si>
    <t>1042475.0</t>
  </si>
  <si>
    <t>9143.0</t>
  </si>
  <si>
    <t>3775295.0</t>
  </si>
  <si>
    <t>548.267</t>
  </si>
  <si>
    <t>2114510.0</t>
  </si>
  <si>
    <t>1065354.0</t>
  </si>
  <si>
    <t>1049156.0</t>
  </si>
  <si>
    <t>11896.0</t>
  </si>
  <si>
    <t>17152.0</t>
  </si>
  <si>
    <t>2126824.0</t>
  </si>
  <si>
    <t>1070631.0</t>
  </si>
  <si>
    <t>1056193.0</t>
  </si>
  <si>
    <t>9026.0</t>
  </si>
  <si>
    <t>2138659.0</t>
  </si>
  <si>
    <t>1075464.0</t>
  </si>
  <si>
    <t>1063195.0</t>
  </si>
  <si>
    <t>11835.0</t>
  </si>
  <si>
    <t>8929.0</t>
  </si>
  <si>
    <t>3830741.0</t>
  </si>
  <si>
    <t>556.319</t>
  </si>
  <si>
    <t>2149134.0</t>
  </si>
  <si>
    <t>1079476.0</t>
  </si>
  <si>
    <t>1069658.0</t>
  </si>
  <si>
    <t>17393.0</t>
  </si>
  <si>
    <t>2152638.0</t>
  </si>
  <si>
    <t>1080799.0</t>
  </si>
  <si>
    <t>1071839.0</t>
  </si>
  <si>
    <t>2154824.0</t>
  </si>
  <si>
    <t>1081636.0</t>
  </si>
  <si>
    <t>1073188.0</t>
  </si>
  <si>
    <t>32928.9</t>
  </si>
  <si>
    <t>4855.3698749107</t>
  </si>
  <si>
    <t>2163959.0</t>
  </si>
  <si>
    <t>1084693.0</t>
  </si>
  <si>
    <t>1079266.0</t>
  </si>
  <si>
    <t>3903521.0</t>
  </si>
  <si>
    <t>566.889</t>
  </si>
  <si>
    <t>18318.0</t>
  </si>
  <si>
    <t>2176168.0</t>
  </si>
  <si>
    <t>1089066.0</t>
  </si>
  <si>
    <t>1087102.0</t>
  </si>
  <si>
    <t>18674.0</t>
  </si>
  <si>
    <t>2188957.0</t>
  </si>
  <si>
    <t>1094904.0</t>
  </si>
  <si>
    <t>8876.0</t>
  </si>
  <si>
    <t>19030.0</t>
  </si>
  <si>
    <t>2201084.0</t>
  </si>
  <si>
    <t>1102320.0</t>
  </si>
  <si>
    <t>12127.0</t>
  </si>
  <si>
    <t>8918.0</t>
  </si>
  <si>
    <t>3966443.0</t>
  </si>
  <si>
    <t>576.027</t>
  </si>
  <si>
    <t>19386.0</t>
  </si>
  <si>
    <t>2212854.0</t>
  </si>
  <si>
    <t>1109399.0</t>
  </si>
  <si>
    <t>9103.0</t>
  </si>
  <si>
    <t>16.36</t>
  </si>
  <si>
    <t>20497.0</t>
  </si>
  <si>
    <t>2.977</t>
  </si>
  <si>
    <t>2216558.0</t>
  </si>
  <si>
    <t>1111648.0</t>
  </si>
  <si>
    <t>21608.0</t>
  </si>
  <si>
    <t>2218947.0</t>
  </si>
  <si>
    <t>1113213.0</t>
  </si>
  <si>
    <t>9160.0</t>
  </si>
  <si>
    <t>33180.2</t>
  </si>
  <si>
    <t>4892.42408715481</t>
  </si>
  <si>
    <t>4044359.0</t>
  </si>
  <si>
    <t>587.342</t>
  </si>
  <si>
    <t>22719.0</t>
  </si>
  <si>
    <t>2228826.0</t>
  </si>
  <si>
    <t>1119571.0</t>
  </si>
  <si>
    <t>23442.0</t>
  </si>
  <si>
    <t>3.404</t>
  </si>
  <si>
    <t>2242559.0</t>
  </si>
  <si>
    <t>1128101.0</t>
  </si>
  <si>
    <t>13733.0</t>
  </si>
  <si>
    <t>9484.0</t>
  </si>
  <si>
    <t>23768.0</t>
  </si>
  <si>
    <t>2256350.0</t>
  </si>
  <si>
    <t>1136584.0</t>
  </si>
  <si>
    <t>4114130.0</t>
  </si>
  <si>
    <t>597.474</t>
  </si>
  <si>
    <t>24094.0</t>
  </si>
  <si>
    <t>3.499</t>
  </si>
  <si>
    <t>2269759.0</t>
  </si>
  <si>
    <t>1144803.0</t>
  </si>
  <si>
    <t>24138.0</t>
  </si>
  <si>
    <t>3.505</t>
  </si>
  <si>
    <t>2282245.0</t>
  </si>
  <si>
    <t>1152656.0</t>
  </si>
  <si>
    <t>23468.0</t>
  </si>
  <si>
    <t>3.408</t>
  </si>
  <si>
    <t>2286175.0</t>
  </si>
  <si>
    <t>1155078.0</t>
  </si>
  <si>
    <t>36.568</t>
  </si>
  <si>
    <t>22798.0</t>
  </si>
  <si>
    <t>2288715.0</t>
  </si>
  <si>
    <t>1156729.0</t>
  </si>
  <si>
    <t>9967.0</t>
  </si>
  <si>
    <t>33721.7</t>
  </si>
  <si>
    <t>18.65</t>
  </si>
  <si>
    <t>4972.26832086028</t>
  </si>
  <si>
    <t>4199250.0</t>
  </si>
  <si>
    <t>609.836</t>
  </si>
  <si>
    <t>22127.0</t>
  </si>
  <si>
    <t>3.213</t>
  </si>
  <si>
    <t>2299118.0</t>
  </si>
  <si>
    <t>1163504.0</t>
  </si>
  <si>
    <t>10042.0</t>
  </si>
  <si>
    <t>2312605.0</t>
  </si>
  <si>
    <t>1172184.0</t>
  </si>
  <si>
    <t>13487.0</t>
  </si>
  <si>
    <t>2324643.0</t>
  </si>
  <si>
    <t>1180497.0</t>
  </si>
  <si>
    <t>4276501.0</t>
  </si>
  <si>
    <t>621.055</t>
  </si>
  <si>
    <t>23196.0</t>
  </si>
  <si>
    <t>3.369</t>
  </si>
  <si>
    <t>2336831.0</t>
  </si>
  <si>
    <t>1188377.0</t>
  </si>
  <si>
    <t>9582.0</t>
  </si>
  <si>
    <t>22997.0</t>
  </si>
  <si>
    <t>2349025.0</t>
  </si>
  <si>
    <t>1196017.0</t>
  </si>
  <si>
    <t>12194.0</t>
  </si>
  <si>
    <t>2352395.0</t>
  </si>
  <si>
    <t>1198196.0</t>
  </si>
  <si>
    <t>3.282</t>
  </si>
  <si>
    <t>2354543.0</t>
  </si>
  <si>
    <t>1199588.0</t>
  </si>
  <si>
    <t>34407.2</t>
  </si>
  <si>
    <t>38.22</t>
  </si>
  <si>
    <t>5073.34537017719</t>
  </si>
  <si>
    <t>22401.0</t>
  </si>
  <si>
    <t>2356197.0</t>
  </si>
  <si>
    <t>1200713.0</t>
  </si>
  <si>
    <t>34.74</t>
  </si>
  <si>
    <t>21564.0</t>
  </si>
  <si>
    <t>2367564.0</t>
  </si>
  <si>
    <t>1209100.0</t>
  </si>
  <si>
    <t>7851.0</t>
  </si>
  <si>
    <t>4395834.0</t>
  </si>
  <si>
    <t>638.385</t>
  </si>
  <si>
    <t>20726.0</t>
  </si>
  <si>
    <t>2380022.0</t>
  </si>
  <si>
    <t>1217377.0</t>
  </si>
  <si>
    <t>35.09</t>
  </si>
  <si>
    <t>2.878</t>
  </si>
  <si>
    <t>2391930.0</t>
  </si>
  <si>
    <t>1225164.0</t>
  </si>
  <si>
    <t>11908.0</t>
  </si>
  <si>
    <t>19743.0</t>
  </si>
  <si>
    <t>2402957.0</t>
  </si>
  <si>
    <t>1232840.0</t>
  </si>
  <si>
    <t>11027.0</t>
  </si>
  <si>
    <t>2406030.0</t>
  </si>
  <si>
    <t>1234979.0</t>
  </si>
  <si>
    <t>48.511</t>
  </si>
  <si>
    <t>19596.0</t>
  </si>
  <si>
    <t>2407986.0</t>
  </si>
  <si>
    <t>1236422.0</t>
  </si>
  <si>
    <t>35277.7</t>
  </si>
  <si>
    <t>5201.70068955043</t>
  </si>
  <si>
    <t>4492720.0</t>
  </si>
  <si>
    <t>652.455</t>
  </si>
  <si>
    <t>2.835</t>
  </si>
  <si>
    <t>2416030.0</t>
  </si>
  <si>
    <t>1242231.0</t>
  </si>
  <si>
    <t>8044.0</t>
  </si>
  <si>
    <t>2427013.0</t>
  </si>
  <si>
    <t>1249902.0</t>
  </si>
  <si>
    <t>8493.0</t>
  </si>
  <si>
    <t>20255.0</t>
  </si>
  <si>
    <t>2437295.0</t>
  </si>
  <si>
    <t>1257214.0</t>
  </si>
  <si>
    <t>4560069.0</t>
  </si>
  <si>
    <t>662.236</t>
  </si>
  <si>
    <t>20694.0</t>
  </si>
  <si>
    <t>2448482.0</t>
  </si>
  <si>
    <t>1265174.0</t>
  </si>
  <si>
    <t>20322.0</t>
  </si>
  <si>
    <t>2458928.0</t>
  </si>
  <si>
    <t>1272680.0</t>
  </si>
  <si>
    <t>7996.0</t>
  </si>
  <si>
    <t>18.77</t>
  </si>
  <si>
    <t>19950.0</t>
  </si>
  <si>
    <t>2461969.0</t>
  </si>
  <si>
    <t>1274875.0</t>
  </si>
  <si>
    <t>19578.0</t>
  </si>
  <si>
    <t>2.843</t>
  </si>
  <si>
    <t>2463666.0</t>
  </si>
  <si>
    <t>1276139.0</t>
  </si>
  <si>
    <t>36386.0</t>
  </si>
  <si>
    <t>61.86</t>
  </si>
  <si>
    <t>5365.11964470422</t>
  </si>
  <si>
    <t>4627161.0</t>
  </si>
  <si>
    <t>671.979</t>
  </si>
  <si>
    <t>19206.0</t>
  </si>
  <si>
    <t>2471212.0</t>
  </si>
  <si>
    <t>1281766.0</t>
  </si>
  <si>
    <t>18492.0</t>
  </si>
  <si>
    <t>2481276.0</t>
  </si>
  <si>
    <t>1289055.0</t>
  </si>
  <si>
    <t>17777.0</t>
  </si>
  <si>
    <t>2483134.0</t>
  </si>
  <si>
    <t>1290434.0</t>
  </si>
  <si>
    <t>19.03</t>
  </si>
  <si>
    <t>4679511.0</t>
  </si>
  <si>
    <t>679.582</t>
  </si>
  <si>
    <t>17063.0</t>
  </si>
  <si>
    <t>2494575.0</t>
  </si>
  <si>
    <t>1298936.0</t>
  </si>
  <si>
    <t>11441.0</t>
  </si>
  <si>
    <t>36.78</t>
  </si>
  <si>
    <t>16994.0</t>
  </si>
  <si>
    <t>2504582.0</t>
  </si>
  <si>
    <t>1306264.0</t>
  </si>
  <si>
    <t>16926.0</t>
  </si>
  <si>
    <t>2507048.0</t>
  </si>
  <si>
    <t>1307993.0</t>
  </si>
  <si>
    <t>6440.0</t>
  </si>
  <si>
    <t>59.717</t>
  </si>
  <si>
    <t>2508560.0</t>
  </si>
  <si>
    <t>1309135.0</t>
  </si>
  <si>
    <t>36.99</t>
  </si>
  <si>
    <t>37376.1</t>
  </si>
  <si>
    <t>5511.10999704363</t>
  </si>
  <si>
    <t>4744679.0</t>
  </si>
  <si>
    <t>689.046</t>
  </si>
  <si>
    <t>2.438</t>
  </si>
  <si>
    <t>2513769.0</t>
  </si>
  <si>
    <t>1312649.0</t>
  </si>
  <si>
    <t>17264.0</t>
  </si>
  <si>
    <t>2521738.0</t>
  </si>
  <si>
    <t>1318066.0</t>
  </si>
  <si>
    <t>19.43</t>
  </si>
  <si>
    <t>4786244.0</t>
  </si>
  <si>
    <t>695.082</t>
  </si>
  <si>
    <t>2530744.0</t>
  </si>
  <si>
    <t>1324137.0</t>
  </si>
  <si>
    <t>2.547</t>
  </si>
  <si>
    <t>2539650.0</t>
  </si>
  <si>
    <t>1330199.0</t>
  </si>
  <si>
    <t>8906.0</t>
  </si>
  <si>
    <t>17505.0</t>
  </si>
  <si>
    <t>0.1055</t>
  </si>
  <si>
    <t>2546712.0</t>
  </si>
  <si>
    <t>1335039.0</t>
  </si>
  <si>
    <t>7062.0</t>
  </si>
  <si>
    <t>2548995.0</t>
  </si>
  <si>
    <t>1336437.0</t>
  </si>
  <si>
    <t>2549465.0</t>
  </si>
  <si>
    <t>1407830.0</t>
  </si>
  <si>
    <t>38440.2</t>
  </si>
  <si>
    <t>5668.01165740557</t>
  </si>
  <si>
    <t>4866482.0</t>
  </si>
  <si>
    <t>706.735</t>
  </si>
  <si>
    <t>17400.0</t>
  </si>
  <si>
    <t>2555664.0</t>
  </si>
  <si>
    <t>1340793.0</t>
  </si>
  <si>
    <t>2563069.0</t>
  </si>
  <si>
    <t>1345602.0</t>
  </si>
  <si>
    <t>17399.0</t>
  </si>
  <si>
    <t>2570248.0</t>
  </si>
  <si>
    <t>1350132.0</t>
  </si>
  <si>
    <t>4928818.0</t>
  </si>
  <si>
    <t>715.787</t>
  </si>
  <si>
    <t>18075.0</t>
  </si>
  <si>
    <t>2577957.0</t>
  </si>
  <si>
    <t>1354896.0</t>
  </si>
  <si>
    <t>5472.0</t>
  </si>
  <si>
    <t>17976.0</t>
  </si>
  <si>
    <t>2585160.0</t>
  </si>
  <si>
    <t>1359501.0</t>
  </si>
  <si>
    <t>17876.0</t>
  </si>
  <si>
    <t>2587495.0</t>
  </si>
  <si>
    <t>1360933.0</t>
  </si>
  <si>
    <t>2588714.0</t>
  </si>
  <si>
    <t>1361629.0</t>
  </si>
  <si>
    <t>39591.7</t>
  </si>
  <si>
    <t>5837.80045724279</t>
  </si>
  <si>
    <t>4990220.0</t>
  </si>
  <si>
    <t>724.705</t>
  </si>
  <si>
    <t>2593879.0</t>
  </si>
  <si>
    <t>1365088.0</t>
  </si>
  <si>
    <t>17363.0</t>
  </si>
  <si>
    <t>2601548.0</t>
  </si>
  <si>
    <t>1369817.0</t>
  </si>
  <si>
    <t>5497.0</t>
  </si>
  <si>
    <t>17050.0</t>
  </si>
  <si>
    <t>0.1418</t>
  </si>
  <si>
    <t>2607096.0</t>
  </si>
  <si>
    <t>1372723.0</t>
  </si>
  <si>
    <t>38.44</t>
  </si>
  <si>
    <t>5045972.0</t>
  </si>
  <si>
    <t>732.801</t>
  </si>
  <si>
    <t>2615154.0</t>
  </si>
  <si>
    <t>1377516.0</t>
  </si>
  <si>
    <t>8058.0</t>
  </si>
  <si>
    <t>0.1576</t>
  </si>
  <si>
    <t>2623783.0</t>
  </si>
  <si>
    <t>1382469.0</t>
  </si>
  <si>
    <t>8629.0</t>
  </si>
  <si>
    <t>20.38</t>
  </si>
  <si>
    <t>17278.0</t>
  </si>
  <si>
    <t>2626708.0</t>
  </si>
  <si>
    <t>1383964.0</t>
  </si>
  <si>
    <t>5602.0</t>
  </si>
  <si>
    <t>38.73</t>
  </si>
  <si>
    <t>17549.0</t>
  </si>
  <si>
    <t>2628498.0</t>
  </si>
  <si>
    <t>1384919.0</t>
  </si>
  <si>
    <t>5683.0</t>
  </si>
  <si>
    <t>38.76</t>
  </si>
  <si>
    <t>41034.6</t>
  </si>
  <si>
    <t>6050.55621867146</t>
  </si>
  <si>
    <t>5114963.0</t>
  </si>
  <si>
    <t>742.82</t>
  </si>
  <si>
    <t>17820.0</t>
  </si>
  <si>
    <t>2634699.0</t>
  </si>
  <si>
    <t>1388405.0</t>
  </si>
  <si>
    <t>6201.0</t>
  </si>
  <si>
    <t>5162258.0</t>
  </si>
  <si>
    <t>47295.0</t>
  </si>
  <si>
    <t>749.689</t>
  </si>
  <si>
    <t>6.868</t>
  </si>
  <si>
    <t>2643788.0</t>
  </si>
  <si>
    <t>1393292.0</t>
  </si>
  <si>
    <t>9089.0</t>
  </si>
  <si>
    <t>6034.0</t>
  </si>
  <si>
    <t>22650.0</t>
  </si>
  <si>
    <t>3.289</t>
  </si>
  <si>
    <t>2657271.0</t>
  </si>
  <si>
    <t>1401299.0</t>
  </si>
  <si>
    <t>13483.0</t>
  </si>
  <si>
    <t>5209624.0</t>
  </si>
  <si>
    <t>756.568</t>
  </si>
  <si>
    <t>23379.0</t>
  </si>
  <si>
    <t>3.395</t>
  </si>
  <si>
    <t>2685512.0</t>
  </si>
  <si>
    <t>1417227.0</t>
  </si>
  <si>
    <t>28241.0</t>
  </si>
  <si>
    <t>10051.0</t>
  </si>
  <si>
    <t>25921.0</t>
  </si>
  <si>
    <t>3.764</t>
  </si>
  <si>
    <t>2709549.0</t>
  </si>
  <si>
    <t>1430115.0</t>
  </si>
  <si>
    <t>4.134</t>
  </si>
  <si>
    <t>1436426.0</t>
  </si>
  <si>
    <t>82.277</t>
  </si>
  <si>
    <t>2718716.0</t>
  </si>
  <si>
    <t>1532911.0</t>
  </si>
  <si>
    <t>42844.3</t>
  </si>
  <si>
    <t>89.09</t>
  </si>
  <si>
    <t>6317.39667986591</t>
  </si>
  <si>
    <t>4.872</t>
  </si>
  <si>
    <t>2743549.0</t>
  </si>
  <si>
    <t>1448683.0</t>
  </si>
  <si>
    <t>24833.0</t>
  </si>
  <si>
    <t>40.45</t>
  </si>
  <si>
    <t>21.36</t>
  </si>
  <si>
    <t>31799.0</t>
  </si>
  <si>
    <t>4.618</t>
  </si>
  <si>
    <t>2775555.0</t>
  </si>
  <si>
    <t>1466012.0</t>
  </si>
  <si>
    <t>32006.0</t>
  </si>
  <si>
    <t>5419897.0</t>
  </si>
  <si>
    <t>787.104</t>
  </si>
  <si>
    <t>4.854</t>
  </si>
  <si>
    <t>2800965.0</t>
  </si>
  <si>
    <t>1479038.0</t>
  </si>
  <si>
    <t>25410.0</t>
  </si>
  <si>
    <t>8579.0</t>
  </si>
  <si>
    <t>34386.0</t>
  </si>
  <si>
    <t>4.994</t>
  </si>
  <si>
    <t>2824345.0</t>
  </si>
  <si>
    <t>1491628.0</t>
  </si>
  <si>
    <t>23380.0</t>
  </si>
  <si>
    <t>19833.0</t>
  </si>
  <si>
    <t>2847489.0</t>
  </si>
  <si>
    <t>1503885.0</t>
  </si>
  <si>
    <t>23144.0</t>
  </si>
  <si>
    <t>19706.0</t>
  </si>
  <si>
    <t>22.17</t>
  </si>
  <si>
    <t>10328.0</t>
  </si>
  <si>
    <t>33066.0</t>
  </si>
  <si>
    <t>4.802</t>
  </si>
  <si>
    <t>0.1424</t>
  </si>
  <si>
    <t>2855224.0</t>
  </si>
  <si>
    <t>1508365.0</t>
  </si>
  <si>
    <t>32406.0</t>
  </si>
  <si>
    <t>4.706</t>
  </si>
  <si>
    <t>2860195.0</t>
  </si>
  <si>
    <t>1511130.0</t>
  </si>
  <si>
    <t>20211.0</t>
  </si>
  <si>
    <t>12077.0</t>
  </si>
  <si>
    <t>44867.6</t>
  </si>
  <si>
    <t>99.88</t>
  </si>
  <si>
    <t>6615.73248421731</t>
  </si>
  <si>
    <t>5572026.0</t>
  </si>
  <si>
    <t>809.197</t>
  </si>
  <si>
    <t>31746.0</t>
  </si>
  <si>
    <t>2874721.0</t>
  </si>
  <si>
    <t>1518989.0</t>
  </si>
  <si>
    <t>18739.0</t>
  </si>
  <si>
    <t>35021.0</t>
  </si>
  <si>
    <t>2893502.0</t>
  </si>
  <si>
    <t>1528975.0</t>
  </si>
  <si>
    <t>18781.0</t>
  </si>
  <si>
    <t>22.54</t>
  </si>
  <si>
    <t>38297.0</t>
  </si>
  <si>
    <t>2913044.0</t>
  </si>
  <si>
    <t>1538928.0</t>
  </si>
  <si>
    <t>19542.0</t>
  </si>
  <si>
    <t>42.95</t>
  </si>
  <si>
    <t>22.69</t>
  </si>
  <si>
    <t>5745950.0</t>
  </si>
  <si>
    <t>834.455</t>
  </si>
  <si>
    <t>6.133</t>
  </si>
  <si>
    <t>0.1049</t>
  </si>
  <si>
    <t>2933806.0</t>
  </si>
  <si>
    <t>1549160.0</t>
  </si>
  <si>
    <t>15637.0</t>
  </si>
  <si>
    <t>2306.0</t>
  </si>
  <si>
    <t>42207.0</t>
  </si>
  <si>
    <t>2954059.0</t>
  </si>
  <si>
    <t>1559169.0</t>
  </si>
  <si>
    <t>20253.0</t>
  </si>
  <si>
    <t>2960810.0</t>
  </si>
  <si>
    <t>1562833.0</t>
  </si>
  <si>
    <t>15084.0</t>
  </si>
  <si>
    <t>43.66</t>
  </si>
  <si>
    <t>42155.0</t>
  </si>
  <si>
    <t>2965571.0</t>
  </si>
  <si>
    <t>1565240.0</t>
  </si>
  <si>
    <t>46978.1</t>
  </si>
  <si>
    <t>102.43</t>
  </si>
  <si>
    <t>6926.9259380223</t>
  </si>
  <si>
    <t>6.118</t>
  </si>
  <si>
    <t>2978843.0</t>
  </si>
  <si>
    <t>1571841.0</t>
  </si>
  <si>
    <t>14875.0</t>
  </si>
  <si>
    <t>5897181.0</t>
  </si>
  <si>
    <t>856.418</t>
  </si>
  <si>
    <t>38169.0</t>
  </si>
  <si>
    <t>5.543</t>
  </si>
  <si>
    <t>0.1072</t>
  </si>
  <si>
    <t>2995814.0</t>
  </si>
  <si>
    <t>1579989.0</t>
  </si>
  <si>
    <t>14616.0</t>
  </si>
  <si>
    <t>35057.0</t>
  </si>
  <si>
    <t>5.091</t>
  </si>
  <si>
    <t>3013177.0</t>
  </si>
  <si>
    <t>1588991.0</t>
  </si>
  <si>
    <t>31945.0</t>
  </si>
  <si>
    <t>3035555.0</t>
  </si>
  <si>
    <t>1602186.0</t>
  </si>
  <si>
    <t>22378.0</t>
  </si>
  <si>
    <t>6005759.0</t>
  </si>
  <si>
    <t>872.186</t>
  </si>
  <si>
    <t>32795.0</t>
  </si>
  <si>
    <t>4.763</t>
  </si>
  <si>
    <t>3057437.0</t>
  </si>
  <si>
    <t>1615183.0</t>
  </si>
  <si>
    <t>21882.0</t>
  </si>
  <si>
    <t>32435.0</t>
  </si>
  <si>
    <t>3065144.0</t>
  </si>
  <si>
    <t>1620045.0</t>
  </si>
  <si>
    <t>7707.0</t>
  </si>
  <si>
    <t>14905.0</t>
  </si>
  <si>
    <t>8526.0</t>
  </si>
  <si>
    <t>32075.0</t>
  </si>
  <si>
    <t>4.658</t>
  </si>
  <si>
    <t>1786530.0</t>
  </si>
  <si>
    <t>15773.0</t>
  </si>
  <si>
    <t>48992.4</t>
  </si>
  <si>
    <t>96.95</t>
  </si>
  <si>
    <t>7223.93469139798</t>
  </si>
  <si>
    <t>31715.0</t>
  </si>
  <si>
    <t>3086814.0</t>
  </si>
  <si>
    <t>1633511.0</t>
  </si>
  <si>
    <t>15424.0</t>
  </si>
  <si>
    <t>11152.0</t>
  </si>
  <si>
    <t>6116666.0</t>
  </si>
  <si>
    <t>888.293</t>
  </si>
  <si>
    <t>31355.0</t>
  </si>
  <si>
    <t>3108947.0</t>
  </si>
  <si>
    <t>1647300.0</t>
  </si>
  <si>
    <t>22133.0</t>
  </si>
  <si>
    <t>16162.0</t>
  </si>
  <si>
    <t>4.523</t>
  </si>
  <si>
    <t>3130450.0</t>
  </si>
  <si>
    <t>1660819.0</t>
  </si>
  <si>
    <t>21503.0</t>
  </si>
  <si>
    <t>9301.0</t>
  </si>
  <si>
    <t>30941.0</t>
  </si>
  <si>
    <t>4.493</t>
  </si>
  <si>
    <t>3152490.0</t>
  </si>
  <si>
    <t>1673851.0</t>
  </si>
  <si>
    <t>6220894.0</t>
  </si>
  <si>
    <t>903.429</t>
  </si>
  <si>
    <t>30734.0</t>
  </si>
  <si>
    <t>4.463</t>
  </si>
  <si>
    <t>3174224.0</t>
  </si>
  <si>
    <t>1686838.0</t>
  </si>
  <si>
    <t>21734.0</t>
  </si>
  <si>
    <t>16684.0</t>
  </si>
  <si>
    <t>7451.0</t>
  </si>
  <si>
    <t>4.677</t>
  </si>
  <si>
    <t>3181487.0</t>
  </si>
  <si>
    <t>1690821.0</t>
  </si>
  <si>
    <t>16620.0</t>
  </si>
  <si>
    <t>33680.0</t>
  </si>
  <si>
    <t>4.891</t>
  </si>
  <si>
    <t>3186030.0</t>
  </si>
  <si>
    <t>1693392.0</t>
  </si>
  <si>
    <t>15722.0</t>
  </si>
  <si>
    <t>46.98</t>
  </si>
  <si>
    <t>50881.1</t>
  </si>
  <si>
    <t>24.95</t>
  </si>
  <si>
    <t>7502.42371115704</t>
  </si>
  <si>
    <t>35154.0</t>
  </si>
  <si>
    <t>3201874.0</t>
  </si>
  <si>
    <t>1703026.0</t>
  </si>
  <si>
    <t>15844.0</t>
  </si>
  <si>
    <t>6373056.0</t>
  </si>
  <si>
    <t>925.527</t>
  </si>
  <si>
    <t>36627.0</t>
  </si>
  <si>
    <t>3221605.0</t>
  </si>
  <si>
    <t>1714306.0</t>
  </si>
  <si>
    <t>16094.0</t>
  </si>
  <si>
    <t>5.223</t>
  </si>
  <si>
    <t>3241333.0</t>
  </si>
  <si>
    <t>1725730.0</t>
  </si>
  <si>
    <t>19728.0</t>
  </si>
  <si>
    <t>15840.0</t>
  </si>
  <si>
    <t>6433278.0</t>
  </si>
  <si>
    <t>934.273</t>
  </si>
  <si>
    <t>35304.0</t>
  </si>
  <si>
    <t>5.127</t>
  </si>
  <si>
    <t>3262433.0</t>
  </si>
  <si>
    <t>1737588.0</t>
  </si>
  <si>
    <t>21100.0</t>
  </si>
  <si>
    <t>3283897.0</t>
  </si>
  <si>
    <t>1749169.0</t>
  </si>
  <si>
    <t>21464.0</t>
  </si>
  <si>
    <t>15668.0</t>
  </si>
  <si>
    <t>32512.0</t>
  </si>
  <si>
    <t>3290556.0</t>
  </si>
  <si>
    <t>1752595.0</t>
  </si>
  <si>
    <t>15581.0</t>
  </si>
  <si>
    <t>6513142.0</t>
  </si>
  <si>
    <t>945.871</t>
  </si>
  <si>
    <t>4.485</t>
  </si>
  <si>
    <t>3295198.0</t>
  </si>
  <si>
    <t>1755156.0</t>
  </si>
  <si>
    <t>15595.0</t>
  </si>
  <si>
    <t>52482.0</t>
  </si>
  <si>
    <t>7738.47658971491</t>
  </si>
  <si>
    <t>4.353</t>
  </si>
  <si>
    <t>3311004.0</t>
  </si>
  <si>
    <t>1762938.0</t>
  </si>
  <si>
    <t>15806.0</t>
  </si>
  <si>
    <t>6576558.0</t>
  </si>
  <si>
    <t>955.08</t>
  </si>
  <si>
    <t>29072.0</t>
  </si>
  <si>
    <t>4.222</t>
  </si>
  <si>
    <t>3330515.0</t>
  </si>
  <si>
    <t>1772220.0</t>
  </si>
  <si>
    <t>19511.0</t>
  </si>
  <si>
    <t>3350019.0</t>
  </si>
  <si>
    <t>1780797.0</t>
  </si>
  <si>
    <t>19504.0</t>
  </si>
  <si>
    <t>15527.0</t>
  </si>
  <si>
    <t>6632158.0</t>
  </si>
  <si>
    <t>963.155</t>
  </si>
  <si>
    <t>3370825.0</t>
  </si>
  <si>
    <t>1789588.0</t>
  </si>
  <si>
    <t>20806.0</t>
  </si>
  <si>
    <t>3390634.0</t>
  </si>
  <si>
    <t>1798188.0</t>
  </si>
  <si>
    <t>19809.0</t>
  </si>
  <si>
    <t>27705.0</t>
  </si>
  <si>
    <t>4.023</t>
  </si>
  <si>
    <t>3396700.0</t>
  </si>
  <si>
    <t>1800792.0</t>
  </si>
  <si>
    <t>6066.0</t>
  </si>
  <si>
    <t>15163.0</t>
  </si>
  <si>
    <t>6704606.0</t>
  </si>
  <si>
    <t>973.676</t>
  </si>
  <si>
    <t>27352.0</t>
  </si>
  <si>
    <t>3404130.0</t>
  </si>
  <si>
    <t>1904143.0</t>
  </si>
  <si>
    <t>53897.5</t>
  </si>
  <si>
    <t>7947.19221817308</t>
  </si>
  <si>
    <t>3412632.0</t>
  </si>
  <si>
    <t>1808240.0</t>
  </si>
  <si>
    <t>14518.0</t>
  </si>
  <si>
    <t>6767295.0</t>
  </si>
  <si>
    <t>982.78</t>
  </si>
  <si>
    <t>27248.0</t>
  </si>
  <si>
    <t>3430419.0</t>
  </si>
  <si>
    <t>1815336.0</t>
  </si>
  <si>
    <t>17787.0</t>
  </si>
  <si>
    <t>14272.0</t>
  </si>
  <si>
    <t>27636.0</t>
  </si>
  <si>
    <t>4.013</t>
  </si>
  <si>
    <t>3447616.0</t>
  </si>
  <si>
    <t>1821897.0</t>
  </si>
  <si>
    <t>17197.0</t>
  </si>
  <si>
    <t>6828318.0</t>
  </si>
  <si>
    <t>991.642</t>
  </si>
  <si>
    <t>3466433.0</t>
  </si>
  <si>
    <t>1828842.0</t>
  </si>
  <si>
    <t>18817.0</t>
  </si>
  <si>
    <t>51.11</t>
  </si>
  <si>
    <t>4.106</t>
  </si>
  <si>
    <t>3484650.0</t>
  </si>
  <si>
    <t>1835785.0</t>
  </si>
  <si>
    <t>18217.0</t>
  </si>
  <si>
    <t>13431.0</t>
  </si>
  <si>
    <t>28526.0</t>
  </si>
  <si>
    <t>3490637.0</t>
  </si>
  <si>
    <t>1838105.0</t>
  </si>
  <si>
    <t>6906046.0</t>
  </si>
  <si>
    <t>1002.93</t>
  </si>
  <si>
    <t>3494341.0</t>
  </si>
  <si>
    <t>1839666.0</t>
  </si>
  <si>
    <t>55078.2</t>
  </si>
  <si>
    <t>55.45</t>
  </si>
  <si>
    <t>8121.28656117595</t>
  </si>
  <si>
    <t>4.109</t>
  </si>
  <si>
    <t>3506354.0</t>
  </si>
  <si>
    <t>1844599.0</t>
  </si>
  <si>
    <t>12013.0</t>
  </si>
  <si>
    <t>6962003.0</t>
  </si>
  <si>
    <t>1011.057</t>
  </si>
  <si>
    <t>27815.0</t>
  </si>
  <si>
    <t>3523523.0</t>
  </si>
  <si>
    <t>1850725.0</t>
  </si>
  <si>
    <t>184821.0</t>
  </si>
  <si>
    <t>4.123</t>
  </si>
  <si>
    <t>3541372.0</t>
  </si>
  <si>
    <t>1856555.0</t>
  </si>
  <si>
    <t>194303.0</t>
  </si>
  <si>
    <t>17849.0</t>
  </si>
  <si>
    <t>52.22</t>
  </si>
  <si>
    <t>7031088.0</t>
  </si>
  <si>
    <t>1021.09</t>
  </si>
  <si>
    <t>4.207</t>
  </si>
  <si>
    <t>3560057.0</t>
  </si>
  <si>
    <t>1862639.0</t>
  </si>
  <si>
    <t>204322.0</t>
  </si>
  <si>
    <t>18685.0</t>
  </si>
  <si>
    <t>29471.0</t>
  </si>
  <si>
    <t>3577712.0</t>
  </si>
  <si>
    <t>1868873.0</t>
  </si>
  <si>
    <t>213382.0</t>
  </si>
  <si>
    <t>17655.0</t>
  </si>
  <si>
    <t>52.75</t>
  </si>
  <si>
    <t>29974.0</t>
  </si>
  <si>
    <t>3583759.0</t>
  </si>
  <si>
    <t>1871061.0</t>
  </si>
  <si>
    <t>216305.0</t>
  </si>
  <si>
    <t>13303.0</t>
  </si>
  <si>
    <t>52.84</t>
  </si>
  <si>
    <t>7119393.0</t>
  </si>
  <si>
    <t>1033.914</t>
  </si>
  <si>
    <t>30478.0</t>
  </si>
  <si>
    <t>3587678.0</t>
  </si>
  <si>
    <t>1872504.0</t>
  </si>
  <si>
    <t>218270.0</t>
  </si>
  <si>
    <t>3919.0</t>
  </si>
  <si>
    <t>56041.9</t>
  </si>
  <si>
    <t>44.44</t>
  </si>
  <si>
    <t>8263.38423065326</t>
  </si>
  <si>
    <t>31660.0</t>
  </si>
  <si>
    <t>3602682.0</t>
  </si>
  <si>
    <t>1877872.0</t>
  </si>
  <si>
    <t>226043.0</t>
  </si>
  <si>
    <t>15004.0</t>
  </si>
  <si>
    <t>13761.0</t>
  </si>
  <si>
    <t>7191897.0</t>
  </si>
  <si>
    <t>1044.443</t>
  </si>
  <si>
    <t>32842.0</t>
  </si>
  <si>
    <t>3621802.0</t>
  </si>
  <si>
    <t>1884528.0</t>
  </si>
  <si>
    <t>236134.0</t>
  </si>
  <si>
    <t>19120.0</t>
  </si>
  <si>
    <t>4.681</t>
  </si>
  <si>
    <t>3638288.0</t>
  </si>
  <si>
    <t>1890723.0</t>
  </si>
  <si>
    <t>244321.0</t>
  </si>
  <si>
    <t>16486.0</t>
  </si>
  <si>
    <t>27.88</t>
  </si>
  <si>
    <t>7252489.0</t>
  </si>
  <si>
    <t>1053.243</t>
  </si>
  <si>
    <t>31629.0</t>
  </si>
  <si>
    <t>4.593</t>
  </si>
  <si>
    <t>3652226.0</t>
  </si>
  <si>
    <t>1896565.0</t>
  </si>
  <si>
    <t>250595.0</t>
  </si>
  <si>
    <t>13938.0</t>
  </si>
  <si>
    <t>29896.0</t>
  </si>
  <si>
    <t>4.342</t>
  </si>
  <si>
    <t>3653426.0</t>
  </si>
  <si>
    <t>1897154.0</t>
  </si>
  <si>
    <t>251047.0</t>
  </si>
  <si>
    <t>10816.0</t>
  </si>
  <si>
    <t>28162.0</t>
  </si>
  <si>
    <t>3653739.0</t>
  </si>
  <si>
    <t>1897330.0</t>
  </si>
  <si>
    <t>251144.0</t>
  </si>
  <si>
    <t>9997.0</t>
  </si>
  <si>
    <t>27.98</t>
  </si>
  <si>
    <t>7304397.0</t>
  </si>
  <si>
    <t>1060.781</t>
  </si>
  <si>
    <t>3.838</t>
  </si>
  <si>
    <t>3655362.0</t>
  </si>
  <si>
    <t>1897946.0</t>
  </si>
  <si>
    <t>251961.0</t>
  </si>
  <si>
    <t>1623.0</t>
  </si>
  <si>
    <t>56942.8</t>
  </si>
  <si>
    <t>8396.22203332225</t>
  </si>
  <si>
    <t>24480.0</t>
  </si>
  <si>
    <t>3658694.0</t>
  </si>
  <si>
    <t>1899249.0</t>
  </si>
  <si>
    <t>253545.0</t>
  </si>
  <si>
    <t>7349619.0</t>
  </si>
  <si>
    <t>1067.348</t>
  </si>
  <si>
    <t>22532.0</t>
  </si>
  <si>
    <t>3662560.0</t>
  </si>
  <si>
    <t>1900536.0</t>
  </si>
  <si>
    <t>255636.0</t>
  </si>
  <si>
    <t>3.367</t>
  </si>
  <si>
    <t>3682460.0</t>
  </si>
  <si>
    <t>1908733.0</t>
  </si>
  <si>
    <t>265194.0</t>
  </si>
  <si>
    <t>7419396.0</t>
  </si>
  <si>
    <t>1077.482</t>
  </si>
  <si>
    <t>3697068.0</t>
  </si>
  <si>
    <t>1913988.0</t>
  </si>
  <si>
    <t>272721.0</t>
  </si>
  <si>
    <t>14608.0</t>
  </si>
  <si>
    <t>6406.0</t>
  </si>
  <si>
    <t>23812.0</t>
  </si>
  <si>
    <t>3.458</t>
  </si>
  <si>
    <t>3700660.0</t>
  </si>
  <si>
    <t>1914910.0</t>
  </si>
  <si>
    <t>275053.0</t>
  </si>
  <si>
    <t>23780.0</t>
  </si>
  <si>
    <t>3701105.0</t>
  </si>
  <si>
    <t>1914966.0</t>
  </si>
  <si>
    <t>275398.0</t>
  </si>
  <si>
    <t>6767.0</t>
  </si>
  <si>
    <t>7470631.0</t>
  </si>
  <si>
    <t>1084.922</t>
  </si>
  <si>
    <t>23748.0</t>
  </si>
  <si>
    <t>3.449</t>
  </si>
  <si>
    <t>3704808.0</t>
  </si>
  <si>
    <t>1915436.0</t>
  </si>
  <si>
    <t>278239.0</t>
  </si>
  <si>
    <t>57690.7</t>
  </si>
  <si>
    <t>8506.4999694041</t>
  </si>
  <si>
    <t>26098.0</t>
  </si>
  <si>
    <t>3711638.0</t>
  </si>
  <si>
    <t>1916392.0</t>
  </si>
  <si>
    <t>283435.0</t>
  </si>
  <si>
    <t>6830.0</t>
  </si>
  <si>
    <t>28449.0</t>
  </si>
  <si>
    <t>3736566.0</t>
  </si>
  <si>
    <t>1921662.0</t>
  </si>
  <si>
    <t>300958.0</t>
  </si>
  <si>
    <t>29046.0</t>
  </si>
  <si>
    <t>4.218</t>
  </si>
  <si>
    <t>3768966.0</t>
  </si>
  <si>
    <t>1927428.0</t>
  </si>
  <si>
    <t>324454.0</t>
  </si>
  <si>
    <t>32400.0</t>
  </si>
  <si>
    <t>29643.0</t>
  </si>
  <si>
    <t>4.305</t>
  </si>
  <si>
    <t>3804111.0</t>
  </si>
  <si>
    <t>1933230.0</t>
  </si>
  <si>
    <t>350046.0</t>
  </si>
  <si>
    <t>35145.0</t>
  </si>
  <si>
    <t>7665961.0</t>
  </si>
  <si>
    <t>1113.289</t>
  </si>
  <si>
    <t>32784.0</t>
  </si>
  <si>
    <t>3838576.0</t>
  </si>
  <si>
    <t>1938466.0</t>
  </si>
  <si>
    <t>375523.0</t>
  </si>
  <si>
    <t>19702.0</t>
  </si>
  <si>
    <t>28.58</t>
  </si>
  <si>
    <t>4.826</t>
  </si>
  <si>
    <t>3849848.0</t>
  </si>
  <si>
    <t>1940402.0</t>
  </si>
  <si>
    <t>383693.0</t>
  </si>
  <si>
    <t>11272.0</t>
  </si>
  <si>
    <t>21249.0</t>
  </si>
  <si>
    <t>56.77</t>
  </si>
  <si>
    <t>7706359.0</t>
  </si>
  <si>
    <t>1119.156</t>
  </si>
  <si>
    <t>33675.0</t>
  </si>
  <si>
    <t>3856671.0</t>
  </si>
  <si>
    <t>1941571.0</t>
  </si>
  <si>
    <t>388644.0</t>
  </si>
  <si>
    <t>6823.0</t>
  </si>
  <si>
    <t>21695.0</t>
  </si>
  <si>
    <t>28.63</t>
  </si>
  <si>
    <t>58295.3</t>
  </si>
  <si>
    <t>8595.64830495042</t>
  </si>
  <si>
    <t>3879558.0</t>
  </si>
  <si>
    <t>1945548.0</t>
  </si>
  <si>
    <t>405133.0</t>
  </si>
  <si>
    <t>22887.0</t>
  </si>
  <si>
    <t>7786277.0</t>
  </si>
  <si>
    <t>1130.762</t>
  </si>
  <si>
    <t>3911536.0</t>
  </si>
  <si>
    <t>1950188.0</t>
  </si>
  <si>
    <t>429266.0</t>
  </si>
  <si>
    <t>31978.0</t>
  </si>
  <si>
    <t>28.76</t>
  </si>
  <si>
    <t>7816087.0</t>
  </si>
  <si>
    <t>1135.091</t>
  </si>
  <si>
    <t>4.329</t>
  </si>
  <si>
    <t>4.735</t>
  </si>
  <si>
    <t>3941901.0</t>
  </si>
  <si>
    <t>1954380.0</t>
  </si>
  <si>
    <t>452422.0</t>
  </si>
  <si>
    <t>24705.0</t>
  </si>
  <si>
    <t>28.82</t>
  </si>
  <si>
    <t>31416.0</t>
  </si>
  <si>
    <t>4.562</t>
  </si>
  <si>
    <t>3971557.0</t>
  </si>
  <si>
    <t>1958189.0</t>
  </si>
  <si>
    <t>475257.0</t>
  </si>
  <si>
    <t>29656.0</t>
  </si>
  <si>
    <t>23921.0</t>
  </si>
  <si>
    <t>28.87</t>
  </si>
  <si>
    <t>30223.0</t>
  </si>
  <si>
    <t>4.389</t>
  </si>
  <si>
    <t>3996310.0</t>
  </si>
  <si>
    <t>1960934.0</t>
  </si>
  <si>
    <t>494666.0</t>
  </si>
  <si>
    <t>24753.0</t>
  </si>
  <si>
    <t>22533.0</t>
  </si>
  <si>
    <t>31726.0</t>
  </si>
  <si>
    <t>4.607</t>
  </si>
  <si>
    <t>4003300.0</t>
  </si>
  <si>
    <t>1961791.0</t>
  </si>
  <si>
    <t>499932.0</t>
  </si>
  <si>
    <t>28.93</t>
  </si>
  <si>
    <t>7938957.0</t>
  </si>
  <si>
    <t>1152.935</t>
  </si>
  <si>
    <t>33228.0</t>
  </si>
  <si>
    <t>4007018.0</t>
  </si>
  <si>
    <t>1962387.0</t>
  </si>
  <si>
    <t>502666.0</t>
  </si>
  <si>
    <t>59.08</t>
  </si>
  <si>
    <t>58906.1</t>
  </si>
  <si>
    <t>8685.71083116889</t>
  </si>
  <si>
    <t>33647.0</t>
  </si>
  <si>
    <t>4.886</t>
  </si>
  <si>
    <t>4020717.0</t>
  </si>
  <si>
    <t>1964692.0</t>
  </si>
  <si>
    <t>512621.0</t>
  </si>
  <si>
    <t>4039684.0</t>
  </si>
  <si>
    <t>1967200.0</t>
  </si>
  <si>
    <t>527042.0</t>
  </si>
  <si>
    <t>18307.0</t>
  </si>
  <si>
    <t>35936.0</t>
  </si>
  <si>
    <t>0.2067</t>
  </si>
  <si>
    <t>4058974.0</t>
  </si>
  <si>
    <t>1970165.0</t>
  </si>
  <si>
    <t>541337.0</t>
  </si>
  <si>
    <t>19290.0</t>
  </si>
  <si>
    <t>8110530.0</t>
  </si>
  <si>
    <t>1177.852</t>
  </si>
  <si>
    <t>5.471</t>
  </si>
  <si>
    <t>4078145.0</t>
  </si>
  <si>
    <t>1973224.0</t>
  </si>
  <si>
    <t>555333.0</t>
  </si>
  <si>
    <t>8154398.0</t>
  </si>
  <si>
    <t>1184.222</t>
  </si>
  <si>
    <t>6.371</t>
  </si>
  <si>
    <t>39554.0</t>
  </si>
  <si>
    <t>5.744</t>
  </si>
  <si>
    <t>4091684.0</t>
  </si>
  <si>
    <t>1975203.0</t>
  </si>
  <si>
    <t>565282.0</t>
  </si>
  <si>
    <t>13625.0</t>
  </si>
  <si>
    <t>60.33</t>
  </si>
  <si>
    <t>37061.0</t>
  </si>
  <si>
    <t>5.382</t>
  </si>
  <si>
    <t>4095421.0</t>
  </si>
  <si>
    <t>1975836.0</t>
  </si>
  <si>
    <t>567878.0</t>
  </si>
  <si>
    <t>34568.0</t>
  </si>
  <si>
    <t>0.2464</t>
  </si>
  <si>
    <t>4097359.0</t>
  </si>
  <si>
    <t>1976308.0</t>
  </si>
  <si>
    <t>569133.0</t>
  </si>
  <si>
    <t>12906.0</t>
  </si>
  <si>
    <t>59671.7</t>
  </si>
  <si>
    <t>8798.59863416965</t>
  </si>
  <si>
    <t>8194201.0</t>
  </si>
  <si>
    <t>1190.003</t>
  </si>
  <si>
    <t>30336.0</t>
  </si>
  <si>
    <t>4.406</t>
  </si>
  <si>
    <t>4104239.0</t>
  </si>
  <si>
    <t>1977975.0</t>
  </si>
  <si>
    <t>573669.0</t>
  </si>
  <si>
    <t>30627.0</t>
  </si>
  <si>
    <t>4.448</t>
  </si>
  <si>
    <t>0.2887</t>
  </si>
  <si>
    <t>4114896.0</t>
  </si>
  <si>
    <t>1980511.0</t>
  </si>
  <si>
    <t>580808.0</t>
  </si>
  <si>
    <t>10745.0</t>
  </si>
  <si>
    <t>8284060.0</t>
  </si>
  <si>
    <t>1203.052</t>
  </si>
  <si>
    <t>30918.0</t>
  </si>
  <si>
    <t>4126744.0</t>
  </si>
  <si>
    <t>1983763.0</t>
  </si>
  <si>
    <t>588403.0</t>
  </si>
  <si>
    <t>11848.0</t>
  </si>
  <si>
    <t>9681.0</t>
  </si>
  <si>
    <t>8359584.0</t>
  </si>
  <si>
    <t>75524.0</t>
  </si>
  <si>
    <t>1214.02</t>
  </si>
  <si>
    <t>10.968</t>
  </si>
  <si>
    <t>35579.0</t>
  </si>
  <si>
    <t>5.167</t>
  </si>
  <si>
    <t>0.2513</t>
  </si>
  <si>
    <t>4139365.0</t>
  </si>
  <si>
    <t>1987545.0</t>
  </si>
  <si>
    <t>596235.0</t>
  </si>
  <si>
    <t>33143.0</t>
  </si>
  <si>
    <t>4152152.0</t>
  </si>
  <si>
    <t>1991648.0</t>
  </si>
  <si>
    <t>603840.0</t>
  </si>
  <si>
    <t>8638.0</t>
  </si>
  <si>
    <t>35079.0</t>
  </si>
  <si>
    <t>5.094</t>
  </si>
  <si>
    <t>4155619.0</t>
  </si>
  <si>
    <t>1992848.0</t>
  </si>
  <si>
    <t>605792.0</t>
  </si>
  <si>
    <t>8600.0</t>
  </si>
  <si>
    <t>5347.0</t>
  </si>
  <si>
    <t>8440034.0</t>
  </si>
  <si>
    <t>1225.704</t>
  </si>
  <si>
    <t>37014.0</t>
  </si>
  <si>
    <t>5.375</t>
  </si>
  <si>
    <t>4157520.0</t>
  </si>
  <si>
    <t>1993529.0</t>
  </si>
  <si>
    <t>606917.0</t>
  </si>
  <si>
    <t>60677.7</t>
  </si>
  <si>
    <t>8946.93344323282</t>
  </si>
  <si>
    <t>41055.0</t>
  </si>
  <si>
    <t>5.962</t>
  </si>
  <si>
    <t>4165478.0</t>
  </si>
  <si>
    <t>1996484.0</t>
  </si>
  <si>
    <t>611314.0</t>
  </si>
  <si>
    <t>29.44</t>
  </si>
  <si>
    <t>8523133.0</t>
  </si>
  <si>
    <t>1237.772</t>
  </si>
  <si>
    <t>40572.0</t>
  </si>
  <si>
    <t>5.892</t>
  </si>
  <si>
    <t>4173659.0</t>
  </si>
  <si>
    <t>1999666.0</t>
  </si>
  <si>
    <t>615816.0</t>
  </si>
  <si>
    <t>8395.0</t>
  </si>
  <si>
    <t>8558164.0</t>
  </si>
  <si>
    <t>35031.0</t>
  </si>
  <si>
    <t>1242.859</t>
  </si>
  <si>
    <t>39158.0</t>
  </si>
  <si>
    <t>4182208.0</t>
  </si>
  <si>
    <t>2003025.0</t>
  </si>
  <si>
    <t>620413.0</t>
  </si>
  <si>
    <t>8595169.0</t>
  </si>
  <si>
    <t>37005.0</t>
  </si>
  <si>
    <t>1248.233</t>
  </si>
  <si>
    <t>4192273.0</t>
  </si>
  <si>
    <t>2006975.0</t>
  </si>
  <si>
    <t>625769.0</t>
  </si>
  <si>
    <t>33387.0</t>
  </si>
  <si>
    <t>4201653.0</t>
  </si>
  <si>
    <t>2010523.0</t>
  </si>
  <si>
    <t>630869.0</t>
  </si>
  <si>
    <t>29.65</t>
  </si>
  <si>
    <t>33119.0</t>
  </si>
  <si>
    <t>4204264.0</t>
  </si>
  <si>
    <t>2011537.0</t>
  </si>
  <si>
    <t>632262.0</t>
  </si>
  <si>
    <t>6949.0</t>
  </si>
  <si>
    <t>8669990.0</t>
  </si>
  <si>
    <t>1259.099</t>
  </si>
  <si>
    <t>32851.0</t>
  </si>
  <si>
    <t>4.771</t>
  </si>
  <si>
    <t>4205893.0</t>
  </si>
  <si>
    <t>2012154.0</t>
  </si>
  <si>
    <t>633133.0</t>
  </si>
  <si>
    <t>61883.1</t>
  </si>
  <si>
    <t>9124.66980391348</t>
  </si>
  <si>
    <t>31509.0</t>
  </si>
  <si>
    <t>4.576</t>
  </si>
  <si>
    <t>4211561.0</t>
  </si>
  <si>
    <t>2014447.0</t>
  </si>
  <si>
    <t>636098.0</t>
  </si>
  <si>
    <t>30168.0</t>
  </si>
  <si>
    <t>4.381</t>
  </si>
  <si>
    <t>4219156.0</t>
  </si>
  <si>
    <t>2017293.0</t>
  </si>
  <si>
    <t>640275.0</t>
  </si>
  <si>
    <t>29.75</t>
  </si>
  <si>
    <t>4226703.0</t>
  </si>
  <si>
    <t>2020190.0</t>
  </si>
  <si>
    <t>644355.0</t>
  </si>
  <si>
    <t>7547.0</t>
  </si>
  <si>
    <t>29.79</t>
  </si>
  <si>
    <t>8798625.0</t>
  </si>
  <si>
    <t>1277.78</t>
  </si>
  <si>
    <t>29065.0</t>
  </si>
  <si>
    <t>4.221</t>
  </si>
  <si>
    <t>4235020.0</t>
  </si>
  <si>
    <t>2023316.0</t>
  </si>
  <si>
    <t>648967.0</t>
  </si>
  <si>
    <t>28483.0</t>
  </si>
  <si>
    <t>4242454.0</t>
  </si>
  <si>
    <t>2026063.0</t>
  </si>
  <si>
    <t>653060.0</t>
  </si>
  <si>
    <t>29.87</t>
  </si>
  <si>
    <t>4244454.0</t>
  </si>
  <si>
    <t>2026808.0</t>
  </si>
  <si>
    <t>654137.0</t>
  </si>
  <si>
    <t>62.58</t>
  </si>
  <si>
    <t>8861223.0</t>
  </si>
  <si>
    <t>1286.871</t>
  </si>
  <si>
    <t>4245453.0</t>
  </si>
  <si>
    <t>2027162.0</t>
  </si>
  <si>
    <t>654690.0</t>
  </si>
  <si>
    <t>63238.5</t>
  </si>
  <si>
    <t>9324.52368085604</t>
  </si>
  <si>
    <t>4249259.0</t>
  </si>
  <si>
    <t>2028663.0</t>
  </si>
  <si>
    <t>656760.0</t>
  </si>
  <si>
    <t>8925539.0</t>
  </si>
  <si>
    <t>1296.211</t>
  </si>
  <si>
    <t>4254776.0</t>
  </si>
  <si>
    <t>2030626.0</t>
  </si>
  <si>
    <t>659963.0</t>
  </si>
  <si>
    <t>26304.0</t>
  </si>
  <si>
    <t>4260171.0</t>
  </si>
  <si>
    <t>2032358.0</t>
  </si>
  <si>
    <t>663265.0</t>
  </si>
  <si>
    <t>8975653.0</t>
  </si>
  <si>
    <t>1303.489</t>
  </si>
  <si>
    <t>25290.0</t>
  </si>
  <si>
    <t>3.673</t>
  </si>
  <si>
    <t>4265854.0</t>
  </si>
  <si>
    <t>2034242.0</t>
  </si>
  <si>
    <t>666736.0</t>
  </si>
  <si>
    <t>62.9</t>
  </si>
  <si>
    <t>24945.0</t>
  </si>
  <si>
    <t>0.1841</t>
  </si>
  <si>
    <t>4271963.0</t>
  </si>
  <si>
    <t>2036346.0</t>
  </si>
  <si>
    <t>670361.0</t>
  </si>
  <si>
    <t>4216.0</t>
  </si>
  <si>
    <t>4273530.0</t>
  </si>
  <si>
    <t>2036897.0</t>
  </si>
  <si>
    <t>671261.0</t>
  </si>
  <si>
    <t>9031014.0</t>
  </si>
  <si>
    <t>1311.529</t>
  </si>
  <si>
    <t>24256.0</t>
  </si>
  <si>
    <t>3.523</t>
  </si>
  <si>
    <t>2073249.0</t>
  </si>
  <si>
    <t>64432.1</t>
  </si>
  <si>
    <t>9500.52013025743</t>
  </si>
  <si>
    <t>9061645.0</t>
  </si>
  <si>
    <t>1315.977</t>
  </si>
  <si>
    <t>24038.0</t>
  </si>
  <si>
    <t>3.491</t>
  </si>
  <si>
    <t>4278226.0</t>
  </si>
  <si>
    <t>2038507.0</t>
  </si>
  <si>
    <t>674115.0</t>
  </si>
  <si>
    <t>22685.0</t>
  </si>
  <si>
    <t>3.294</t>
  </si>
  <si>
    <t>4282639.0</t>
  </si>
  <si>
    <t>2039864.0</t>
  </si>
  <si>
    <t>676925.0</t>
  </si>
  <si>
    <t>9107028.0</t>
  </si>
  <si>
    <t>1322.568</t>
  </si>
  <si>
    <t>22347.0</t>
  </si>
  <si>
    <t>0.1662</t>
  </si>
  <si>
    <t>4287041.0</t>
  </si>
  <si>
    <t>2041189.0</t>
  </si>
  <si>
    <t>679787.0</t>
  </si>
  <si>
    <t>9125177.0</t>
  </si>
  <si>
    <t>18149.0</t>
  </si>
  <si>
    <t>1325.204</t>
  </si>
  <si>
    <t>21361.0</t>
  </si>
  <si>
    <t>4291673.0</t>
  </si>
  <si>
    <t>2042630.0</t>
  </si>
  <si>
    <t>682741.0</t>
  </si>
  <si>
    <t>9149393.0</t>
  </si>
  <si>
    <t>24216.0</t>
  </si>
  <si>
    <t>1328.72</t>
  </si>
  <si>
    <t>22184.0</t>
  </si>
  <si>
    <t>4295872.0</t>
  </si>
  <si>
    <t>2043943.0</t>
  </si>
  <si>
    <t>685484.0</t>
  </si>
  <si>
    <t>1330.169</t>
  </si>
  <si>
    <t>20973.0</t>
  </si>
  <si>
    <t>3.046</t>
  </si>
  <si>
    <t>4297051.0</t>
  </si>
  <si>
    <t>2044335.0</t>
  </si>
  <si>
    <t>686206.0</t>
  </si>
  <si>
    <t>9165927.0</t>
  </si>
  <si>
    <t>1331.122</t>
  </si>
  <si>
    <t>0.1547</t>
  </si>
  <si>
    <t>4297604.0</t>
  </si>
  <si>
    <t>2044531.0</t>
  </si>
  <si>
    <t>686554.0</t>
  </si>
  <si>
    <t>65212.7</t>
  </si>
  <si>
    <t>9615.61968488438</t>
  </si>
  <si>
    <t>9188343.0</t>
  </si>
  <si>
    <t>1334.377</t>
  </si>
  <si>
    <t>3.255</t>
  </si>
  <si>
    <t>18100.0</t>
  </si>
  <si>
    <t>2.629</t>
  </si>
  <si>
    <t>4300503.0</t>
  </si>
  <si>
    <t>2045478.0</t>
  </si>
  <si>
    <t>688428.0</t>
  </si>
  <si>
    <t>9206636.0</t>
  </si>
  <si>
    <t>18293.0</t>
  </si>
  <si>
    <t>1337.033</t>
  </si>
  <si>
    <t>4302819.0</t>
  </si>
  <si>
    <t>2046215.0</t>
  </si>
  <si>
    <t>689934.0</t>
  </si>
  <si>
    <t>9225405.0</t>
  </si>
  <si>
    <t>18769.0</t>
  </si>
  <si>
    <t>1339.759</t>
  </si>
  <si>
    <t>2.726</t>
  </si>
  <si>
    <t>16911.0</t>
  </si>
  <si>
    <t>2.456</t>
  </si>
  <si>
    <t>4305612.0</t>
  </si>
  <si>
    <t>2047186.0</t>
  </si>
  <si>
    <t>691720.0</t>
  </si>
  <si>
    <t>9234039.0</t>
  </si>
  <si>
    <t>1341.013</t>
  </si>
  <si>
    <t>15552.0</t>
  </si>
  <si>
    <t>0.1274</t>
  </si>
  <si>
    <t>4305855.0</t>
  </si>
  <si>
    <t>2047267.0</t>
  </si>
  <si>
    <t>691874.0</t>
  </si>
  <si>
    <t>9253599.0</t>
  </si>
  <si>
    <t>1343.854</t>
  </si>
  <si>
    <t>4309300.0</t>
  </si>
  <si>
    <t>693913.0</t>
  </si>
  <si>
    <t>9264285.0</t>
  </si>
  <si>
    <t>1345.406</t>
  </si>
  <si>
    <t>14988.0</t>
  </si>
  <si>
    <t>4310149.0</t>
  </si>
  <si>
    <t>694408.0</t>
  </si>
  <si>
    <t>9269476.0</t>
  </si>
  <si>
    <t>1346.159</t>
  </si>
  <si>
    <t>2078146.0</t>
  </si>
  <si>
    <t>30.64</t>
  </si>
  <si>
    <t>65666.5</t>
  </si>
  <si>
    <t>20.19</t>
  </si>
  <si>
    <t>9682.53254408206</t>
  </si>
  <si>
    <t>9291333.0</t>
  </si>
  <si>
    <t>21857.0</t>
  </si>
  <si>
    <t>1349.334</t>
  </si>
  <si>
    <t>4312603.0</t>
  </si>
  <si>
    <t>695856.0</t>
  </si>
  <si>
    <t>9307684.0</t>
  </si>
  <si>
    <t>1351.708</t>
  </si>
  <si>
    <t>14435.0</t>
  </si>
  <si>
    <t>4314508.0</t>
  </si>
  <si>
    <t>697038.0</t>
  </si>
  <si>
    <t>63.62</t>
  </si>
  <si>
    <t>4317192.0</t>
  </si>
  <si>
    <t>698796.0</t>
  </si>
  <si>
    <t>9339153.0</t>
  </si>
  <si>
    <t>1356.278</t>
  </si>
  <si>
    <t>4319928.0</t>
  </si>
  <si>
    <t>700599.0</t>
  </si>
  <si>
    <t>4322396.0</t>
  </si>
  <si>
    <t>702116.0</t>
  </si>
  <si>
    <t>63.73</t>
  </si>
  <si>
    <t>9362880.0</t>
  </si>
  <si>
    <t>1359.724</t>
  </si>
  <si>
    <t>4323100.0</t>
  </si>
  <si>
    <t>702584.0</t>
  </si>
  <si>
    <t>9367761.0</t>
  </si>
  <si>
    <t>1360.433</t>
  </si>
  <si>
    <t>4323390.0</t>
  </si>
  <si>
    <t>702776.0</t>
  </si>
  <si>
    <t>66088.1</t>
  </si>
  <si>
    <t>18.87</t>
  </si>
  <si>
    <t>9744.69750978885</t>
  </si>
  <si>
    <t>4325241.0</t>
  </si>
  <si>
    <t>703983.0</t>
  </si>
  <si>
    <t>63.78</t>
  </si>
  <si>
    <t>4327565.0</t>
  </si>
  <si>
    <t>705600.0</t>
  </si>
  <si>
    <t>4329904.0</t>
  </si>
  <si>
    <t>707213.0</t>
  </si>
  <si>
    <t>4332347.0</t>
  </si>
  <si>
    <t>708919.0</t>
  </si>
  <si>
    <t>12515.0</t>
  </si>
  <si>
    <t>4334468.0</t>
  </si>
  <si>
    <t>710444.0</t>
  </si>
  <si>
    <t>4334991.0</t>
  </si>
  <si>
    <t>9466970.0</t>
  </si>
  <si>
    <t>1374.84</t>
  </si>
  <si>
    <t>14173.0</t>
  </si>
  <si>
    <t>2081276.0</t>
  </si>
  <si>
    <t>30.69</t>
  </si>
  <si>
    <t>66348.3</t>
  </si>
  <si>
    <t>9783.06402799783</t>
  </si>
  <si>
    <t>0.1109</t>
  </si>
  <si>
    <t>4336850.0</t>
  </si>
  <si>
    <t>2047680.0</t>
  </si>
  <si>
    <t>712125.0</t>
  </si>
  <si>
    <t>14198.0</t>
  </si>
  <si>
    <t>4338642.0</t>
  </si>
  <si>
    <t>2048030.0</t>
  </si>
  <si>
    <t>713476.0</t>
  </si>
  <si>
    <t>4340722.0</t>
  </si>
  <si>
    <t>2048442.0</t>
  </si>
  <si>
    <t>715012.0</t>
  </si>
  <si>
    <t>9524020.0</t>
  </si>
  <si>
    <t>1383.126</t>
  </si>
  <si>
    <t>4342510.0</t>
  </si>
  <si>
    <t>2048723.0</t>
  </si>
  <si>
    <t>716401.0</t>
  </si>
  <si>
    <t>4344451.0</t>
  </si>
  <si>
    <t>2049167.0</t>
  </si>
  <si>
    <t>717769.0</t>
  </si>
  <si>
    <t>64.06</t>
  </si>
  <si>
    <t>4344963.0</t>
  </si>
  <si>
    <t>2049260.0</t>
  </si>
  <si>
    <t>718166.0</t>
  </si>
  <si>
    <t>34.798</t>
  </si>
  <si>
    <t>9549663.0</t>
  </si>
  <si>
    <t>1386.85</t>
  </si>
  <si>
    <t>2082481.0</t>
  </si>
  <si>
    <t>66710.5</t>
  </si>
  <si>
    <t>9836.47045726491</t>
  </si>
  <si>
    <t>0.1071</t>
  </si>
  <si>
    <t>4346559.0</t>
  </si>
  <si>
    <t>2049587.0</t>
  </si>
  <si>
    <t>719339.0</t>
  </si>
  <si>
    <t>11547.0</t>
  </si>
  <si>
    <t>4348404.0</t>
  </si>
  <si>
    <t>2049909.0</t>
  </si>
  <si>
    <t>720726.0</t>
  </si>
  <si>
    <t>11414.0</t>
  </si>
  <si>
    <t>4350311.0</t>
  </si>
  <si>
    <t>2050248.0</t>
  </si>
  <si>
    <t>722191.0</t>
  </si>
  <si>
    <t>64.15</t>
  </si>
  <si>
    <t>9602987.0</t>
  </si>
  <si>
    <t>1394.594</t>
  </si>
  <si>
    <t>11281.0</t>
  </si>
  <si>
    <t>4352008.0</t>
  </si>
  <si>
    <t>2050547.0</t>
  </si>
  <si>
    <t>723465.0</t>
  </si>
  <si>
    <t>64.17</t>
  </si>
  <si>
    <t>9627296.0</t>
  </si>
  <si>
    <t>1398.124</t>
  </si>
  <si>
    <t>2083638.0</t>
  </si>
  <si>
    <t>66984.9</t>
  </si>
  <si>
    <t>9876.93076701335</t>
  </si>
  <si>
    <t>4355205.0</t>
  </si>
  <si>
    <t>2051130.0</t>
  </si>
  <si>
    <t>725866.0</t>
  </si>
  <si>
    <t>10411.0</t>
  </si>
  <si>
    <t>4356739.0</t>
  </si>
  <si>
    <t>2051389.0</t>
  </si>
  <si>
    <t>727033.0</t>
  </si>
  <si>
    <t>10071.0</t>
  </si>
  <si>
    <t>4358480.0</t>
  </si>
  <si>
    <t>2051667.0</t>
  </si>
  <si>
    <t>728383.0</t>
  </si>
  <si>
    <t>9671105.0</t>
  </si>
  <si>
    <t>1404.486</t>
  </si>
  <si>
    <t>4360038.0</t>
  </si>
  <si>
    <t>2051896.0</t>
  </si>
  <si>
    <t>729603.0</t>
  </si>
  <si>
    <t>4361730.0</t>
  </si>
  <si>
    <t>2052160.0</t>
  </si>
  <si>
    <t>730901.0</t>
  </si>
  <si>
    <t>9417.0</t>
  </si>
  <si>
    <t>4362095.0</t>
  </si>
  <si>
    <t>2052205.0</t>
  </si>
  <si>
    <t>731204.0</t>
  </si>
  <si>
    <t>9692112.0</t>
  </si>
  <si>
    <t>1407.537</t>
  </si>
  <si>
    <t>2084765.0</t>
  </si>
  <si>
    <t>67183.7</t>
  </si>
  <si>
    <t>9906.24384856579</t>
  </si>
  <si>
    <t>1.328</t>
  </si>
  <si>
    <t>4363644.0</t>
  </si>
  <si>
    <t>2052505.0</t>
  </si>
  <si>
    <t>732382.0</t>
  </si>
  <si>
    <t>4365528.0</t>
  </si>
  <si>
    <t>2052789.0</t>
  </si>
  <si>
    <t>733848.0</t>
  </si>
  <si>
    <t>4367271.0</t>
  </si>
  <si>
    <t>2053086.0</t>
  </si>
  <si>
    <t>735173.0</t>
  </si>
  <si>
    <t>10.84</t>
  </si>
  <si>
    <t>9732779.0</t>
  </si>
  <si>
    <t>1413.443</t>
  </si>
  <si>
    <t>4368899.0</t>
  </si>
  <si>
    <t>2053337.0</t>
  </si>
  <si>
    <t>736433.0</t>
  </si>
  <si>
    <t>9749280.0</t>
  </si>
  <si>
    <t>1415.839</t>
  </si>
  <si>
    <t>2085987.0</t>
  </si>
  <si>
    <t>67278.3</t>
  </si>
  <si>
    <t>9920.19262882163</t>
  </si>
  <si>
    <t>4372241.0</t>
  </si>
  <si>
    <t>2053896.0</t>
  </si>
  <si>
    <t>738989.0</t>
  </si>
  <si>
    <t>4373704.0</t>
  </si>
  <si>
    <t>2054126.0</t>
  </si>
  <si>
    <t>740125.0</t>
  </si>
  <si>
    <t>4375052.0</t>
  </si>
  <si>
    <t>2054340.0</t>
  </si>
  <si>
    <t>741175.0</t>
  </si>
  <si>
    <t>9788010.0</t>
  </si>
  <si>
    <t>1421.463</t>
  </si>
  <si>
    <t>4376412.0</t>
  </si>
  <si>
    <t>2054572.0</t>
  </si>
  <si>
    <t>742218.0</t>
  </si>
  <si>
    <t>4376500.0</t>
  </si>
  <si>
    <t>2054591.0</t>
  </si>
  <si>
    <t>742276.0</t>
  </si>
  <si>
    <t>7370.0</t>
  </si>
  <si>
    <t>4376557.0</t>
  </si>
  <si>
    <t>2054600.0</t>
  </si>
  <si>
    <t>742321.0</t>
  </si>
  <si>
    <t>9799054.0</t>
  </si>
  <si>
    <t>1423.067</t>
  </si>
  <si>
    <t>2086746.0</t>
  </si>
  <si>
    <t>30.77</t>
  </si>
  <si>
    <t>67291.3</t>
  </si>
  <si>
    <t>9922.109480231</t>
  </si>
  <si>
    <t>6987.0</t>
  </si>
  <si>
    <t>4376702.0</t>
  </si>
  <si>
    <t>2054632.0</t>
  </si>
  <si>
    <t>742428.0</t>
  </si>
  <si>
    <t>6863.0</t>
  </si>
  <si>
    <t>4378019.0</t>
  </si>
  <si>
    <t>2054944.0</t>
  </si>
  <si>
    <t>743339.0</t>
  </si>
  <si>
    <t>4379356.0</t>
  </si>
  <si>
    <t>2055194.0</t>
  </si>
  <si>
    <t>744343.0</t>
  </si>
  <si>
    <t>9834317.0</t>
  </si>
  <si>
    <t>1428.188</t>
  </si>
  <si>
    <t>4380914.0</t>
  </si>
  <si>
    <t>2055479.0</t>
  </si>
  <si>
    <t>745528.0</t>
  </si>
  <si>
    <t>4382349.0</t>
  </si>
  <si>
    <t>2055767.0</t>
  </si>
  <si>
    <t>746561.0</t>
  </si>
  <si>
    <t>4382663.0</t>
  </si>
  <si>
    <t>2055820.0</t>
  </si>
  <si>
    <t>746796.0</t>
  </si>
  <si>
    <t>9851635.0</t>
  </si>
  <si>
    <t>1430.703</t>
  </si>
  <si>
    <t>2087643.0</t>
  </si>
  <si>
    <t>67402.5</t>
  </si>
  <si>
    <t>9938.50593228649</t>
  </si>
  <si>
    <t>7196.0</t>
  </si>
  <si>
    <t>4382850.0</t>
  </si>
  <si>
    <t>2055854.0</t>
  </si>
  <si>
    <t>746936.0</t>
  </si>
  <si>
    <t>4383741.0</t>
  </si>
  <si>
    <t>2056129.0</t>
  </si>
  <si>
    <t>747505.0</t>
  </si>
  <si>
    <t>9871453.0</t>
  </si>
  <si>
    <t>1433.582</t>
  </si>
  <si>
    <t>6565.0</t>
  </si>
  <si>
    <t>4384884.0</t>
  </si>
  <si>
    <t>2056369.0</t>
  </si>
  <si>
    <t>748313.0</t>
  </si>
  <si>
    <t>4386026.0</t>
  </si>
  <si>
    <t>2056625.0</t>
  </si>
  <si>
    <t>749118.0</t>
  </si>
  <si>
    <t>4386149.0</t>
  </si>
  <si>
    <t>2056657.0</t>
  </si>
  <si>
    <t>749202.0</t>
  </si>
  <si>
    <t>4386264.0</t>
  </si>
  <si>
    <t>2056684.0</t>
  </si>
  <si>
    <t>749281.0</t>
  </si>
  <si>
    <t>9886322.0</t>
  </si>
  <si>
    <t>1435.741</t>
  </si>
  <si>
    <t>4386339.0</t>
  </si>
  <si>
    <t>2056698.0</t>
  </si>
  <si>
    <t>749341.0</t>
  </si>
  <si>
    <t>67302.7</t>
  </si>
  <si>
    <t>9923.7904114669</t>
  </si>
  <si>
    <t>4387231.0</t>
  </si>
  <si>
    <t>2056923.0</t>
  </si>
  <si>
    <t>749944.0</t>
  </si>
  <si>
    <t>4388303.0</t>
  </si>
  <si>
    <t>2057158.0</t>
  </si>
  <si>
    <t>750689.0</t>
  </si>
  <si>
    <t>9909423.0</t>
  </si>
  <si>
    <t>1439.096</t>
  </si>
  <si>
    <t>4389337.0</t>
  </si>
  <si>
    <t>2057359.0</t>
  </si>
  <si>
    <t>751445.0</t>
  </si>
  <si>
    <t>4390280.0</t>
  </si>
  <si>
    <t>2057575.0</t>
  </si>
  <si>
    <t>752088.0</t>
  </si>
  <si>
    <t>4391093.0</t>
  </si>
  <si>
    <t>2057749.0</t>
  </si>
  <si>
    <t>752669.0</t>
  </si>
  <si>
    <t>4391289.0</t>
  </si>
  <si>
    <t>2057777.0</t>
  </si>
  <si>
    <t>752823.0</t>
  </si>
  <si>
    <t>10.616</t>
  </si>
  <si>
    <t>9926953.0</t>
  </si>
  <si>
    <t>1441.641</t>
  </si>
  <si>
    <t>2089153.0</t>
  </si>
  <si>
    <t>67319.5</t>
  </si>
  <si>
    <t>9926.26757328824</t>
  </si>
  <si>
    <t>4392086.0</t>
  </si>
  <si>
    <t>2057925.0</t>
  </si>
  <si>
    <t>753406.0</t>
  </si>
  <si>
    <t>0.0536</t>
  </si>
  <si>
    <t>4392866.0</t>
  </si>
  <si>
    <t>2058090.0</t>
  </si>
  <si>
    <t>753956.0</t>
  </si>
  <si>
    <t>9947973.0</t>
  </si>
  <si>
    <t>1444.694</t>
  </si>
  <si>
    <t>4393637.0</t>
  </si>
  <si>
    <t>2058252.0</t>
  </si>
  <si>
    <t>754523.0</t>
  </si>
  <si>
    <t>4394404.0</t>
  </si>
  <si>
    <t>2058394.0</t>
  </si>
  <si>
    <t>755092.0</t>
  </si>
  <si>
    <t>4395053.0</t>
  </si>
  <si>
    <t>2058531.0</t>
  </si>
  <si>
    <t>755539.0</t>
  </si>
  <si>
    <t>4395117.0</t>
  </si>
  <si>
    <t>2058546.0</t>
  </si>
  <si>
    <t>755582.0</t>
  </si>
  <si>
    <t>7.373</t>
  </si>
  <si>
    <t>9964693.0</t>
  </si>
  <si>
    <t>1447.122</t>
  </si>
  <si>
    <t>2089798.0</t>
  </si>
  <si>
    <t>67349.1</t>
  </si>
  <si>
    <t>9930.63209649725</t>
  </si>
  <si>
    <t>4395768.0</t>
  </si>
  <si>
    <t>2058679.0</t>
  </si>
  <si>
    <t>756052.0</t>
  </si>
  <si>
    <t>4395803.0</t>
  </si>
  <si>
    <t>2058690.0</t>
  </si>
  <si>
    <t>756075.0</t>
  </si>
  <si>
    <t>9980683.0</t>
  </si>
  <si>
    <t>1449.444</t>
  </si>
  <si>
    <t>4396553.0</t>
  </si>
  <si>
    <t>2058884.0</t>
  </si>
  <si>
    <t>756566.0</t>
  </si>
  <si>
    <t>4397280.0</t>
  </si>
  <si>
    <t>2059059.0</t>
  </si>
  <si>
    <t>757059.0</t>
  </si>
  <si>
    <t>4397890.0</t>
  </si>
  <si>
    <t>2059177.0</t>
  </si>
  <si>
    <t>757504.0</t>
  </si>
  <si>
    <t>64.85</t>
  </si>
  <si>
    <t>4560.0</t>
  </si>
  <si>
    <t>4397946.0</t>
  </si>
  <si>
    <t>2059194.0</t>
  </si>
  <si>
    <t>757542.0</t>
  </si>
  <si>
    <t>9996349.0</t>
  </si>
  <si>
    <t>1451.72</t>
  </si>
  <si>
    <t>2090328.0</t>
  </si>
  <si>
    <t>67371.1</t>
  </si>
  <si>
    <t>9933.87599888233</t>
  </si>
  <si>
    <t>4398512.0</t>
  </si>
  <si>
    <t>2059360.0</t>
  </si>
  <si>
    <t>757918.0</t>
  </si>
  <si>
    <t>4476.0</t>
  </si>
  <si>
    <t>4399112.0</t>
  </si>
  <si>
    <t>2059496.0</t>
  </si>
  <si>
    <t>758329.0</t>
  </si>
  <si>
    <t>4399598.0</t>
  </si>
  <si>
    <t>2059635.0</t>
  </si>
  <si>
    <t>758633.0</t>
  </si>
  <si>
    <t>10017016.0</t>
  </si>
  <si>
    <t>1454.721</t>
  </si>
  <si>
    <t>4400096.0</t>
  </si>
  <si>
    <t>2059753.0</t>
  </si>
  <si>
    <t>758976.0</t>
  </si>
  <si>
    <t>4400543.0</t>
  </si>
  <si>
    <t>2059874.0</t>
  </si>
  <si>
    <t>759255.0</t>
  </si>
  <si>
    <t>4400600.0</t>
  </si>
  <si>
    <t>2059883.0</t>
  </si>
  <si>
    <t>759292.0</t>
  </si>
  <si>
    <t>10023764.0</t>
  </si>
  <si>
    <t>1455.701</t>
  </si>
  <si>
    <t>2090864.0</t>
  </si>
  <si>
    <t>67338.5</t>
  </si>
  <si>
    <t>9929.06912534808</t>
  </si>
  <si>
    <t>4401022.0</t>
  </si>
  <si>
    <t>2059996.0</t>
  </si>
  <si>
    <t>759561.0</t>
  </si>
  <si>
    <t>4401440.0</t>
  </si>
  <si>
    <t>2060099.0</t>
  </si>
  <si>
    <t>759846.0</t>
  </si>
  <si>
    <t>10037113.0</t>
  </si>
  <si>
    <t>1457.639</t>
  </si>
  <si>
    <t>4401891.0</t>
  </si>
  <si>
    <t>2060201.0</t>
  </si>
  <si>
    <t>760150.0</t>
  </si>
  <si>
    <t>4402301.0</t>
  </si>
  <si>
    <t>2060311.0</t>
  </si>
  <si>
    <t>760411.0</t>
  </si>
  <si>
    <t>4402697.0</t>
  </si>
  <si>
    <t>2060444.0</t>
  </si>
  <si>
    <t>760640.0</t>
  </si>
  <si>
    <t>4402754.0</t>
  </si>
  <si>
    <t>2060446.0</t>
  </si>
  <si>
    <t>760689.0</t>
  </si>
  <si>
    <t>46.004</t>
  </si>
  <si>
    <t>10046216.0</t>
  </si>
  <si>
    <t>1458.961</t>
  </si>
  <si>
    <t>4402761.0</t>
  </si>
  <si>
    <t>2060447.0</t>
  </si>
  <si>
    <t>760693.0</t>
  </si>
  <si>
    <t>67206.3</t>
  </si>
  <si>
    <t>9909.57622101592</t>
  </si>
  <si>
    <t>4403139.0</t>
  </si>
  <si>
    <t>2060564.0</t>
  </si>
  <si>
    <t>760919.0</t>
  </si>
  <si>
    <t>4403468.0</t>
  </si>
  <si>
    <t>2060638.0</t>
  </si>
  <si>
    <t>761140.0</t>
  </si>
  <si>
    <t>64.93</t>
  </si>
  <si>
    <t>10058480.0</t>
  </si>
  <si>
    <t>1460.742</t>
  </si>
  <si>
    <t>4403915.0</t>
  </si>
  <si>
    <t>2060741.0</t>
  </si>
  <si>
    <t>761456.0</t>
  </si>
  <si>
    <t>4404422.0</t>
  </si>
  <si>
    <t>2060841.0</t>
  </si>
  <si>
    <t>761814.0</t>
  </si>
  <si>
    <t>4404787.0</t>
  </si>
  <si>
    <t>2060929.0</t>
  </si>
  <si>
    <t>762060.0</t>
  </si>
  <si>
    <t>4404806.0</t>
  </si>
  <si>
    <t>2060931.0</t>
  </si>
  <si>
    <t>762077.0</t>
  </si>
  <si>
    <t>10067798.0</t>
  </si>
  <si>
    <t>1462.096</t>
  </si>
  <si>
    <t>2091676.0</t>
  </si>
  <si>
    <t>67062.9</t>
  </si>
  <si>
    <t>-7.54</t>
  </si>
  <si>
    <t>9888.43187546954</t>
  </si>
  <si>
    <t>4405168.0</t>
  </si>
  <si>
    <t>2061018.0</t>
  </si>
  <si>
    <t>762316.0</t>
  </si>
  <si>
    <t>4405571.0</t>
  </si>
  <si>
    <t>2061103.0</t>
  </si>
  <si>
    <t>762587.0</t>
  </si>
  <si>
    <t>10080207.0</t>
  </si>
  <si>
    <t>1463.898</t>
  </si>
  <si>
    <t>4405931.0</t>
  </si>
  <si>
    <t>2061189.0</t>
  </si>
  <si>
    <t>762825.0</t>
  </si>
  <si>
    <t>4406323.0</t>
  </si>
  <si>
    <t>2061262.0</t>
  </si>
  <si>
    <t>763109.0</t>
  </si>
  <si>
    <t>4406770.0</t>
  </si>
  <si>
    <t>2061364.0</t>
  </si>
  <si>
    <t>763402.0</t>
  </si>
  <si>
    <t>4406807.0</t>
  </si>
  <si>
    <t>2061372.0</t>
  </si>
  <si>
    <t>763424.0</t>
  </si>
  <si>
    <t>2092116.0</t>
  </si>
  <si>
    <t>30.85</t>
  </si>
  <si>
    <t>66975.1</t>
  </si>
  <si>
    <t>-4.55</t>
  </si>
  <si>
    <t>9875.4857559509</t>
  </si>
  <si>
    <t>4407486.0</t>
  </si>
  <si>
    <t>2061478.0</t>
  </si>
  <si>
    <t>763957.0</t>
  </si>
  <si>
    <t>64.99</t>
  </si>
  <si>
    <t>4408643.0</t>
  </si>
  <si>
    <t>2061600.0</t>
  </si>
  <si>
    <t>764940.0</t>
  </si>
  <si>
    <t>4409941.0</t>
  </si>
  <si>
    <t>2061696.0</t>
  </si>
  <si>
    <t>766083.0</t>
  </si>
  <si>
    <t>4411377.0</t>
  </si>
  <si>
    <t>2061806.0</t>
  </si>
  <si>
    <t>767329.0</t>
  </si>
  <si>
    <t>65.05</t>
  </si>
  <si>
    <t>4412572.0</t>
  </si>
  <si>
    <t>2061900.0</t>
  </si>
  <si>
    <t>768379.0</t>
  </si>
  <si>
    <t>4412619.0</t>
  </si>
  <si>
    <t>2061901.0</t>
  </si>
  <si>
    <t>768422.0</t>
  </si>
  <si>
    <t>49.986</t>
  </si>
  <si>
    <t>4412632.0</t>
  </si>
  <si>
    <t>2061904.0</t>
  </si>
  <si>
    <t>768430.0</t>
  </si>
  <si>
    <t>66910.5</t>
  </si>
  <si>
    <t>9865.96047894745</t>
  </si>
  <si>
    <t>4413874.0</t>
  </si>
  <si>
    <t>4415555.0</t>
  </si>
  <si>
    <t>4417822.0</t>
  </si>
  <si>
    <t>4420373.0</t>
  </si>
  <si>
    <t>65.18</t>
  </si>
  <si>
    <t>4422847.0</t>
  </si>
  <si>
    <t>65.21</t>
  </si>
  <si>
    <t>2093417.0</t>
  </si>
  <si>
    <t>66883.9</t>
  </si>
  <si>
    <t>9862.03830606367</t>
  </si>
  <si>
    <t>4425178.0</t>
  </si>
  <si>
    <t>4428443.0</t>
  </si>
  <si>
    <t>4432086.0</t>
  </si>
  <si>
    <t>65.35</t>
  </si>
  <si>
    <t>4436014.0</t>
  </si>
  <si>
    <t>2062954.0</t>
  </si>
  <si>
    <t>3928.0</t>
  </si>
  <si>
    <t>4439377.0</t>
  </si>
  <si>
    <t>2063078.0</t>
  </si>
  <si>
    <t>4439555.0</t>
  </si>
  <si>
    <t>2063091.0</t>
  </si>
  <si>
    <t>4439656.0</t>
  </si>
  <si>
    <t>2063100.0</t>
  </si>
  <si>
    <t>66874.3</t>
  </si>
  <si>
    <t>24.19</t>
  </si>
  <si>
    <t>-0.5</t>
  </si>
  <si>
    <t>9860.6227850229</t>
  </si>
  <si>
    <t>4442515.0</t>
  </si>
  <si>
    <t>2063221.0</t>
  </si>
  <si>
    <t>4446176.0</t>
  </si>
  <si>
    <t>2063357.0</t>
  </si>
  <si>
    <t>4450193.0</t>
  </si>
  <si>
    <t>2063505.0</t>
  </si>
  <si>
    <t>65.62</t>
  </si>
  <si>
    <t>4453972.0</t>
  </si>
  <si>
    <t>2063625.0</t>
  </si>
  <si>
    <t>4457541.0</t>
  </si>
  <si>
    <t>2063802.0</t>
  </si>
  <si>
    <t>4457704.0</t>
  </si>
  <si>
    <t>2063809.0</t>
  </si>
  <si>
    <t>6.193</t>
  </si>
  <si>
    <t>4457789.0</t>
  </si>
  <si>
    <t>2063819.0</t>
  </si>
  <si>
    <t>67011.5</t>
  </si>
  <si>
    <t>9880.85293989712</t>
  </si>
  <si>
    <t>4460244.0</t>
  </si>
  <si>
    <t>2063983.0</t>
  </si>
  <si>
    <t>4463805.0</t>
  </si>
  <si>
    <t>2064144.0</t>
  </si>
  <si>
    <t>4467738.0</t>
  </si>
  <si>
    <t>2064312.0</t>
  </si>
  <si>
    <t>4471351.0</t>
  </si>
  <si>
    <t>2064504.0</t>
  </si>
  <si>
    <t>4473890.0</t>
  </si>
  <si>
    <t>2064662.0</t>
  </si>
  <si>
    <t>4474151.0</t>
  </si>
  <si>
    <t>2064673.0</t>
  </si>
  <si>
    <t>7.078</t>
  </si>
  <si>
    <t>141.11</t>
  </si>
  <si>
    <t>4474228.0</t>
  </si>
  <si>
    <t>2064682.0</t>
  </si>
  <si>
    <t>67208.9</t>
  </si>
  <si>
    <t>9909.95959129779</t>
  </si>
  <si>
    <t>4475822.0</t>
  </si>
  <si>
    <t>2064814.0</t>
  </si>
  <si>
    <t>4478718.0</t>
  </si>
  <si>
    <t>2065027.0</t>
  </si>
  <si>
    <t>4481873.0</t>
  </si>
  <si>
    <t>2065237.0</t>
  </si>
  <si>
    <t>4485406.0</t>
  </si>
  <si>
    <t>2065448.0</t>
  </si>
  <si>
    <t>4488166.0</t>
  </si>
  <si>
    <t>2065664.0</t>
  </si>
  <si>
    <t>4488309.0</t>
  </si>
  <si>
    <t>2065675.0</t>
  </si>
  <si>
    <t>2097728.0</t>
  </si>
  <si>
    <t>67408.5</t>
  </si>
  <si>
    <t>9939.39063293696</t>
  </si>
  <si>
    <t>4490110.0</t>
  </si>
  <si>
    <t>2065885.0</t>
  </si>
  <si>
    <t>4493043.0</t>
  </si>
  <si>
    <t>2066112.0</t>
  </si>
  <si>
    <t>4495939.0</t>
  </si>
  <si>
    <t>2066347.0</t>
  </si>
  <si>
    <t>4498845.0</t>
  </si>
  <si>
    <t>2066571.0</t>
  </si>
  <si>
    <t>4501319.0</t>
  </si>
  <si>
    <t>2066811.0</t>
  </si>
  <si>
    <t>66.37</t>
  </si>
  <si>
    <t>4501446.0</t>
  </si>
  <si>
    <t>2066821.0</t>
  </si>
  <si>
    <t>4501491.0</t>
  </si>
  <si>
    <t>2066828.0</t>
  </si>
  <si>
    <t>67536.1</t>
  </si>
  <si>
    <t>9958.20526677042</t>
  </si>
  <si>
    <t>4502719.0</t>
  </si>
  <si>
    <t>2066998.0</t>
  </si>
  <si>
    <t>4504820.0</t>
  </si>
  <si>
    <t>2067199.0</t>
  </si>
  <si>
    <t>4507140.0</t>
  </si>
  <si>
    <t>2067397.0</t>
  </si>
  <si>
    <t>4509590.0</t>
  </si>
  <si>
    <t>2067621.0</t>
  </si>
  <si>
    <t>4511257.0</t>
  </si>
  <si>
    <t>2067803.0</t>
  </si>
  <si>
    <t>4511402.0</t>
  </si>
  <si>
    <t>2067822.0</t>
  </si>
  <si>
    <t>7.815</t>
  </si>
  <si>
    <t>2099594.0</t>
  </si>
  <si>
    <t>67756.1</t>
  </si>
  <si>
    <t>9990.64429062122</t>
  </si>
  <si>
    <t>4512614.0</t>
  </si>
  <si>
    <t>2068022.0</t>
  </si>
  <si>
    <t>4514380.0</t>
  </si>
  <si>
    <t>2068242.0</t>
  </si>
  <si>
    <t>4516378.0</t>
  </si>
  <si>
    <t>2068437.0</t>
  </si>
  <si>
    <t>4518373.0</t>
  </si>
  <si>
    <t>2068608.0</t>
  </si>
  <si>
    <t>4519761.0</t>
  </si>
  <si>
    <t>2068760.0</t>
  </si>
  <si>
    <t>4519861.0</t>
  </si>
  <si>
    <t>2068774.0</t>
  </si>
  <si>
    <t>4519923.0</t>
  </si>
  <si>
    <t>2068776.0</t>
  </si>
  <si>
    <t>67869.3</t>
  </si>
  <si>
    <t>23.59</t>
  </si>
  <si>
    <t>10007.3356428935</t>
  </si>
  <si>
    <t>4521123.0</t>
  </si>
  <si>
    <t>2068949.0</t>
  </si>
  <si>
    <t>4522653.0</t>
  </si>
  <si>
    <t>2069114.0</t>
  </si>
  <si>
    <t>4523960.0</t>
  </si>
  <si>
    <t>2069306.0</t>
  </si>
  <si>
    <t>66.71</t>
  </si>
  <si>
    <t>4525027.0</t>
  </si>
  <si>
    <t>2069442.0</t>
  </si>
  <si>
    <t>4525958.0</t>
  </si>
  <si>
    <t>2069600.0</t>
  </si>
  <si>
    <t>4526015.0</t>
  </si>
  <si>
    <t>2069605.0</t>
  </si>
  <si>
    <t>2100931.0</t>
  </si>
  <si>
    <t>67885.5</t>
  </si>
  <si>
    <t>23.45</t>
  </si>
  <si>
    <t>10009.7243346498</t>
  </si>
  <si>
    <t>4526812.0</t>
  </si>
  <si>
    <t>2069754.0</t>
  </si>
  <si>
    <t>4526869.0</t>
  </si>
  <si>
    <t>2069777.0</t>
  </si>
  <si>
    <t>4527960.0</t>
  </si>
  <si>
    <t>2069979.0</t>
  </si>
  <si>
    <t>4529304.0</t>
  </si>
  <si>
    <t>2070179.0</t>
  </si>
  <si>
    <t>4530262.0</t>
  </si>
  <si>
    <t>2070305.0</t>
  </si>
  <si>
    <t>30.53</t>
  </si>
  <si>
    <t>4530331.0</t>
  </si>
  <si>
    <t>2070319.0</t>
  </si>
  <si>
    <t>4530350.0</t>
  </si>
  <si>
    <t>2070322.0</t>
  </si>
  <si>
    <t>67982.7</t>
  </si>
  <si>
    <t>10024.0564851875</t>
  </si>
  <si>
    <t>4531205.0</t>
  </si>
  <si>
    <t>2070444.0</t>
  </si>
  <si>
    <t>4532374.0</t>
  </si>
  <si>
    <t>2070564.0</t>
  </si>
  <si>
    <t>4533684.0</t>
  </si>
  <si>
    <t>2070708.0</t>
  </si>
  <si>
    <t>4534927.0</t>
  </si>
  <si>
    <t>2070835.0</t>
  </si>
  <si>
    <t>4536081.0</t>
  </si>
  <si>
    <t>2070947.0</t>
  </si>
  <si>
    <t>4536212.0</t>
  </si>
  <si>
    <t>2070958.0</t>
  </si>
  <si>
    <t>2101905.0</t>
  </si>
  <si>
    <t>68032.7</t>
  </si>
  <si>
    <t>10031.4289906082</t>
  </si>
  <si>
    <t>4537303.0</t>
  </si>
  <si>
    <t>2071061.0</t>
  </si>
  <si>
    <t>4538748.0</t>
  </si>
  <si>
    <t>2071168.0</t>
  </si>
  <si>
    <t>4540481.0</t>
  </si>
  <si>
    <t>2071287.0</t>
  </si>
  <si>
    <t>4540537.0</t>
  </si>
  <si>
    <t>2071300.0</t>
  </si>
  <si>
    <t>4541845.0</t>
  </si>
  <si>
    <t>2071424.0</t>
  </si>
  <si>
    <t>4541943.0</t>
  </si>
  <si>
    <t>2071434.0</t>
  </si>
  <si>
    <t>4.276</t>
  </si>
  <si>
    <t>4542002.0</t>
  </si>
  <si>
    <t>2071439.0</t>
  </si>
  <si>
    <t>68026.5</t>
  </si>
  <si>
    <t>10030.514799936</t>
  </si>
  <si>
    <t>4542911.0</t>
  </si>
  <si>
    <t>2071523.0</t>
  </si>
  <si>
    <t>4544630.0</t>
  </si>
  <si>
    <t>2071601.0</t>
  </si>
  <si>
    <t>4546362.0</t>
  </si>
  <si>
    <t>2071691.0</t>
  </si>
  <si>
    <t>4548405.0</t>
  </si>
  <si>
    <t>2071809.0</t>
  </si>
  <si>
    <t>67.07</t>
  </si>
  <si>
    <t>4549869.0</t>
  </si>
  <si>
    <t>2071895.0</t>
  </si>
  <si>
    <t>4550010.0</t>
  </si>
  <si>
    <t>2071899.0</t>
  </si>
  <si>
    <t>2102648.0</t>
  </si>
  <si>
    <t>68144.3</t>
  </si>
  <si>
    <t>10047.884422707</t>
  </si>
  <si>
    <t>4550818.0</t>
  </si>
  <si>
    <t>2071956.0</t>
  </si>
  <si>
    <t>4552338.0</t>
  </si>
  <si>
    <t>2072021.0</t>
  </si>
  <si>
    <t>67.12</t>
  </si>
  <si>
    <t>4553919.0</t>
  </si>
  <si>
    <t>2072090.0</t>
  </si>
  <si>
    <t>4555888.0</t>
  </si>
  <si>
    <t>2072143.0</t>
  </si>
  <si>
    <t>4557445.0</t>
  </si>
  <si>
    <t>2072235.0</t>
  </si>
  <si>
    <t>4557616.0</t>
  </si>
  <si>
    <t>2072237.0</t>
  </si>
  <si>
    <t>4557631.0</t>
  </si>
  <si>
    <t>68126.5</t>
  </si>
  <si>
    <t>-0.93</t>
  </si>
  <si>
    <t>10045.2598107773</t>
  </si>
  <si>
    <t>4558677.0</t>
  </si>
  <si>
    <t>2072327.0</t>
  </si>
  <si>
    <t>4560501.0</t>
  </si>
  <si>
    <t>2072412.0</t>
  </si>
  <si>
    <t>4564195.0</t>
  </si>
  <si>
    <t>2072560.0</t>
  </si>
  <si>
    <t>4565704.0</t>
  </si>
  <si>
    <t>2072629.0</t>
  </si>
  <si>
    <t>4565848.0</t>
  </si>
  <si>
    <t>2072634.0</t>
  </si>
  <si>
    <t>2103303.0</t>
  </si>
  <si>
    <t>68085.1</t>
  </si>
  <si>
    <t>-2.12</t>
  </si>
  <si>
    <t>10039.155376289</t>
  </si>
  <si>
    <t>4566772.0</t>
  </si>
  <si>
    <t>2072699.0</t>
  </si>
  <si>
    <t>4568319.0</t>
  </si>
  <si>
    <t>2072764.0</t>
  </si>
  <si>
    <t>4569732.0</t>
  </si>
  <si>
    <t>2072799.0</t>
  </si>
  <si>
    <t>4571262.0</t>
  </si>
  <si>
    <t>2072860.0</t>
  </si>
  <si>
    <t>4572337.0</t>
  </si>
  <si>
    <t>2072930.0</t>
  </si>
  <si>
    <t>4572472.0</t>
  </si>
  <si>
    <t>2072934.0</t>
  </si>
  <si>
    <t>4572487.0</t>
  </si>
  <si>
    <t>2072935.0</t>
  </si>
  <si>
    <t>68076.5</t>
  </si>
  <si>
    <t>10037.8873053566</t>
  </si>
  <si>
    <t>4573152.0</t>
  </si>
  <si>
    <t>2072983.0</t>
  </si>
  <si>
    <t>4574309.0</t>
  </si>
  <si>
    <t>2073027.0</t>
  </si>
  <si>
    <t>4575563.0</t>
  </si>
  <si>
    <t>2073088.0</t>
  </si>
  <si>
    <t>4577148.0</t>
  </si>
  <si>
    <t>2073151.0</t>
  </si>
  <si>
    <t>67.49</t>
  </si>
  <si>
    <t>4578300.0</t>
  </si>
  <si>
    <t>2073203.0</t>
  </si>
  <si>
    <t>4578398.0</t>
  </si>
  <si>
    <t>2073214.0</t>
  </si>
  <si>
    <t>68087.5</t>
  </si>
  <si>
    <t>10039.5092565492</t>
  </si>
  <si>
    <t>4578980.0</t>
  </si>
  <si>
    <t>2073282.0</t>
  </si>
  <si>
    <t>4579803.0</t>
  </si>
  <si>
    <t>2073318.0</t>
  </si>
  <si>
    <t>4580721.0</t>
  </si>
  <si>
    <t>2073375.0</t>
  </si>
  <si>
    <t>4582059.0</t>
  </si>
  <si>
    <t>2073422.0</t>
  </si>
  <si>
    <t>4583065.0</t>
  </si>
  <si>
    <t>2073479.0</t>
  </si>
  <si>
    <t>4583168.0</t>
  </si>
  <si>
    <t>2073485.0</t>
  </si>
  <si>
    <t>4583170.0</t>
  </si>
  <si>
    <t>2073487.0</t>
  </si>
  <si>
    <t>68089.7</t>
  </si>
  <si>
    <t>10039.8336467877</t>
  </si>
  <si>
    <t>4583739.0</t>
  </si>
  <si>
    <t>2073517.0</t>
  </si>
  <si>
    <t>4584583.0</t>
  </si>
  <si>
    <t>2073573.0</t>
  </si>
  <si>
    <t>4585631.0</t>
  </si>
  <si>
    <t>2073613.0</t>
  </si>
  <si>
    <t>67.62</t>
  </si>
  <si>
    <t>4586864.0</t>
  </si>
  <si>
    <t>2073663.0</t>
  </si>
  <si>
    <t>4587642.0</t>
  </si>
  <si>
    <t>2073710.0</t>
  </si>
  <si>
    <t>4587710.0</t>
  </si>
  <si>
    <t>2073717.0</t>
  </si>
  <si>
    <t>9.584</t>
  </si>
  <si>
    <t>85.374</t>
  </si>
  <si>
    <t>2104168.0</t>
  </si>
  <si>
    <t>4588409.0</t>
  </si>
  <si>
    <t>2073773.0</t>
  </si>
  <si>
    <t>4589254.0</t>
  </si>
  <si>
    <t>2073814.0</t>
  </si>
  <si>
    <t>4590189.0</t>
  </si>
  <si>
    <t>2073851.0</t>
  </si>
  <si>
    <t>4591164.0</t>
  </si>
  <si>
    <t>2073888.0</t>
  </si>
  <si>
    <t>4591855.0</t>
  </si>
  <si>
    <t>2073949.0</t>
  </si>
  <si>
    <t>4591960.0</t>
  </si>
  <si>
    <t>2073960.0</t>
  </si>
  <si>
    <t>4591962.0</t>
  </si>
  <si>
    <t>2073961.0</t>
  </si>
  <si>
    <t>4592347.0</t>
  </si>
  <si>
    <t>2073989.0</t>
  </si>
  <si>
    <t>4593086.0</t>
  </si>
  <si>
    <t>2074021.0</t>
  </si>
  <si>
    <t>4593788.0</t>
  </si>
  <si>
    <t>2074053.0</t>
  </si>
  <si>
    <t>4594529.0</t>
  </si>
  <si>
    <t>2074080.0</t>
  </si>
  <si>
    <t>4595084.0</t>
  </si>
  <si>
    <t>2074112.0</t>
  </si>
  <si>
    <t>4595136.0</t>
  </si>
  <si>
    <t>2074115.0</t>
  </si>
  <si>
    <t>2104485.0</t>
  </si>
  <si>
    <t>4595547.0</t>
  </si>
  <si>
    <t>2074157.0</t>
  </si>
  <si>
    <t>4596120.0</t>
  </si>
  <si>
    <t>2074185.0</t>
  </si>
  <si>
    <t>4596687.0</t>
  </si>
  <si>
    <t>4597102.0</t>
  </si>
  <si>
    <t>4597522.0</t>
  </si>
  <si>
    <t>4597530.0</t>
  </si>
  <si>
    <t>4597832.0</t>
  </si>
  <si>
    <t>4598202.0</t>
  </si>
  <si>
    <t>4598580.0</t>
  </si>
  <si>
    <t>4599147.0</t>
  </si>
  <si>
    <t>4599617.0</t>
  </si>
  <si>
    <t>4599623.0</t>
  </si>
  <si>
    <t>51.902</t>
  </si>
  <si>
    <t>2104752.0</t>
  </si>
  <si>
    <t>4599954.0</t>
  </si>
  <si>
    <t>2074498.0</t>
  </si>
  <si>
    <t>4600225.0</t>
  </si>
  <si>
    <t>2074519.0</t>
  </si>
  <si>
    <t>4600622.0</t>
  </si>
  <si>
    <t>2074555.0</t>
  </si>
  <si>
    <t>4600959.0</t>
  </si>
  <si>
    <t>2074576.0</t>
  </si>
  <si>
    <t>4601278.0</t>
  </si>
  <si>
    <t>2074603.0</t>
  </si>
  <si>
    <t>4601288.0</t>
  </si>
  <si>
    <t>2074606.0</t>
  </si>
  <si>
    <t>57.063</t>
  </si>
  <si>
    <t>4601290.0</t>
  </si>
  <si>
    <t>2074608.0</t>
  </si>
  <si>
    <t>4601542.0</t>
  </si>
  <si>
    <t>2074630.0</t>
  </si>
  <si>
    <t>4601828.0</t>
  </si>
  <si>
    <t>2074667.0</t>
  </si>
  <si>
    <t>4602107.0</t>
  </si>
  <si>
    <t>2074695.0</t>
  </si>
  <si>
    <t>4602419.0</t>
  </si>
  <si>
    <t>2074734.0</t>
  </si>
  <si>
    <t>4602627.0</t>
  </si>
  <si>
    <t>2074753.0</t>
  </si>
  <si>
    <t>4602635.0</t>
  </si>
  <si>
    <t>2074754.0</t>
  </si>
  <si>
    <t>4602636.0</t>
  </si>
  <si>
    <t>4602646.0</t>
  </si>
  <si>
    <t>2074755.0</t>
  </si>
  <si>
    <t>4602651.0</t>
  </si>
  <si>
    <t>4602660.0</t>
  </si>
  <si>
    <t>2074756.0</t>
  </si>
  <si>
    <t>4602858.0</t>
  </si>
  <si>
    <t>2074787.0</t>
  </si>
  <si>
    <t>4603029.0</t>
  </si>
  <si>
    <t>2074810.0</t>
  </si>
  <si>
    <t>4603031.0</t>
  </si>
  <si>
    <t>4603157.0</t>
  </si>
  <si>
    <t>2074837.0</t>
  </si>
  <si>
    <t>4603372.0</t>
  </si>
  <si>
    <t>2074873.0</t>
  </si>
  <si>
    <t>4603610.0</t>
  </si>
  <si>
    <t>2074923.0</t>
  </si>
  <si>
    <t>BFA</t>
  </si>
  <si>
    <t>Burkina Faso</t>
  </si>
  <si>
    <t>25833.0</t>
  </si>
  <si>
    <t>98670.0</t>
  </si>
  <si>
    <t>77659.0</t>
  </si>
  <si>
    <t>108799.0</t>
  </si>
  <si>
    <t>166160.0</t>
  </si>
  <si>
    <t>102268.0</t>
  </si>
  <si>
    <t>6519.0</t>
  </si>
  <si>
    <t>254545.0</t>
  </si>
  <si>
    <t>234490.0</t>
  </si>
  <si>
    <t>168141.0</t>
  </si>
  <si>
    <t>7935.0</t>
  </si>
  <si>
    <t>7031.0</t>
  </si>
  <si>
    <t>6127.0</t>
  </si>
  <si>
    <t>4886.0</t>
  </si>
  <si>
    <t>297231.0</t>
  </si>
  <si>
    <t>273428.0</t>
  </si>
  <si>
    <t>208994.0</t>
  </si>
  <si>
    <t>380344.0</t>
  </si>
  <si>
    <t>278016.0</t>
  </si>
  <si>
    <t>622350.0</t>
  </si>
  <si>
    <t>325119.0</t>
  </si>
  <si>
    <t>36947.0</t>
  </si>
  <si>
    <t>36960.0</t>
  </si>
  <si>
    <t>36974.0</t>
  </si>
  <si>
    <t>29149.0</t>
  </si>
  <si>
    <t>661796.0</t>
  </si>
  <si>
    <t>364565.0</t>
  </si>
  <si>
    <t>442769.0</t>
  </si>
  <si>
    <t>323767.0</t>
  </si>
  <si>
    <t>776941.0</t>
  </si>
  <si>
    <t>334172.0</t>
  </si>
  <si>
    <t>13287.0</t>
  </si>
  <si>
    <t>21617.0</t>
  </si>
  <si>
    <t>18527.0</t>
  </si>
  <si>
    <t>32425.0</t>
  </si>
  <si>
    <t>23766.0</t>
  </si>
  <si>
    <t>43233.0</t>
  </si>
  <si>
    <t>29005.0</t>
  </si>
  <si>
    <t>54042.0</t>
  </si>
  <si>
    <t>34245.0</t>
  </si>
  <si>
    <t>64850.0</t>
  </si>
  <si>
    <t>1053330.0</t>
  </si>
  <si>
    <t>972376.0</t>
  </si>
  <si>
    <t>649320.0</t>
  </si>
  <si>
    <t>39484.0</t>
  </si>
  <si>
    <t>75658.0</t>
  </si>
  <si>
    <t>66348.0</t>
  </si>
  <si>
    <t>31265.0</t>
  </si>
  <si>
    <t>27156.0</t>
  </si>
  <si>
    <t>47728.0</t>
  </si>
  <si>
    <t>23046.0</t>
  </si>
  <si>
    <t>38419.0</t>
  </si>
  <si>
    <t>29109.0</t>
  </si>
  <si>
    <t>14827.0</t>
  </si>
  <si>
    <t>1192663.0</t>
  </si>
  <si>
    <t>1108731.0</t>
  </si>
  <si>
    <t>725952.0</t>
  </si>
  <si>
    <t>9770.0</t>
  </si>
  <si>
    <t>9408.0</t>
  </si>
  <si>
    <t>8868.0</t>
  </si>
  <si>
    <t>8821.0</t>
  </si>
  <si>
    <t>7788.0</t>
  </si>
  <si>
    <t>7248.0</t>
  </si>
  <si>
    <t>1259250.0</t>
  </si>
  <si>
    <t>1169097.0</t>
  </si>
  <si>
    <t>771895.0</t>
  </si>
  <si>
    <t>305250.0</t>
  </si>
  <si>
    <t>13.812</t>
  </si>
  <si>
    <t>16073.0</t>
  </si>
  <si>
    <t>18965.0</t>
  </si>
  <si>
    <t>22090.0</t>
  </si>
  <si>
    <t>305801.0</t>
  </si>
  <si>
    <t>13.837</t>
  </si>
  <si>
    <t>24654.0</t>
  </si>
  <si>
    <t>307832.0</t>
  </si>
  <si>
    <t>13.929</t>
  </si>
  <si>
    <t>0.1147</t>
  </si>
  <si>
    <t>0.0982</t>
  </si>
  <si>
    <t>308041.0</t>
  </si>
  <si>
    <t>13.938</t>
  </si>
  <si>
    <t>309604.0</t>
  </si>
  <si>
    <t>309986.0</t>
  </si>
  <si>
    <t>14.026</t>
  </si>
  <si>
    <t>311008.0</t>
  </si>
  <si>
    <t>14.072</t>
  </si>
  <si>
    <t>312333.0</t>
  </si>
  <si>
    <t>14.132</t>
  </si>
  <si>
    <t>312837.0</t>
  </si>
  <si>
    <t>14.155</t>
  </si>
  <si>
    <t>314407.0</t>
  </si>
  <si>
    <t>14.226</t>
  </si>
  <si>
    <t>314861.0</t>
  </si>
  <si>
    <t>315805.0</t>
  </si>
  <si>
    <t>14.289</t>
  </si>
  <si>
    <t>2309542.0</t>
  </si>
  <si>
    <t>2105939.0</t>
  </si>
  <si>
    <t>1137715.0</t>
  </si>
  <si>
    <t>317494.0</t>
  </si>
  <si>
    <t>14.366</t>
  </si>
  <si>
    <t>95.4</t>
  </si>
  <si>
    <t>121.4</t>
  </si>
  <si>
    <t>20188.0</t>
  </si>
  <si>
    <t>14547.0</t>
  </si>
  <si>
    <t>447.1</t>
  </si>
  <si>
    <t>11178.0</t>
  </si>
  <si>
    <t>624.3</t>
  </si>
  <si>
    <t>2320456.0</t>
  </si>
  <si>
    <t>2113440.0</t>
  </si>
  <si>
    <t>1145006.0</t>
  </si>
  <si>
    <t>324311.0</t>
  </si>
  <si>
    <t>14.674</t>
  </si>
  <si>
    <t>2330052.0</t>
  </si>
  <si>
    <t>2117997.0</t>
  </si>
  <si>
    <t>1152574.0</t>
  </si>
  <si>
    <t>324352.0</t>
  </si>
  <si>
    <t>324773.0</t>
  </si>
  <si>
    <t>14.695</t>
  </si>
  <si>
    <t>2354907.0</t>
  </si>
  <si>
    <t>2128284.0</t>
  </si>
  <si>
    <t>1175380.0</t>
  </si>
  <si>
    <t>2369487.0</t>
  </si>
  <si>
    <t>2131880.0</t>
  </si>
  <si>
    <t>1188545.0</t>
  </si>
  <si>
    <t>2440917.0</t>
  </si>
  <si>
    <t>2158705.0</t>
  </si>
  <si>
    <t>1243268.0</t>
  </si>
  <si>
    <t>16232.0</t>
  </si>
  <si>
    <t>6913.0</t>
  </si>
  <si>
    <t>18726.0</t>
  </si>
  <si>
    <t>8014.0</t>
  </si>
  <si>
    <t>2928989.0</t>
  </si>
  <si>
    <t>1539151.0</t>
  </si>
  <si>
    <t>2432124.0</t>
  </si>
  <si>
    <t>1539455.0</t>
  </si>
  <si>
    <t>2938655.0</t>
  </si>
  <si>
    <t>2440839.0</t>
  </si>
  <si>
    <t>1546170.0</t>
  </si>
  <si>
    <t>2947562.0</t>
  </si>
  <si>
    <t>2449746.0</t>
  </si>
  <si>
    <t>1555077.0</t>
  </si>
  <si>
    <t>2947625.0</t>
  </si>
  <si>
    <t>2449809.0</t>
  </si>
  <si>
    <t>1555140.0</t>
  </si>
  <si>
    <t>3134621.0</t>
  </si>
  <si>
    <t>2551596.0</t>
  </si>
  <si>
    <t>1640349.0</t>
  </si>
  <si>
    <t>9020.0</t>
  </si>
  <si>
    <t>9252.0</t>
  </si>
  <si>
    <t>9600.0</t>
  </si>
  <si>
    <t>3474679.0</t>
  </si>
  <si>
    <t>2583683.0</t>
  </si>
  <si>
    <t>1689014.0</t>
  </si>
  <si>
    <t>15.32</t>
  </si>
  <si>
    <t>21854.0</t>
  </si>
  <si>
    <t>30583.0</t>
  </si>
  <si>
    <t>25900.0</t>
  </si>
  <si>
    <t>40471.0</t>
  </si>
  <si>
    <t>29946.0</t>
  </si>
  <si>
    <t>50360.0</t>
  </si>
  <si>
    <t>33992.0</t>
  </si>
  <si>
    <t>60249.0</t>
  </si>
  <si>
    <t>3740943.0</t>
  </si>
  <si>
    <t>3074643.0</t>
  </si>
  <si>
    <t>2133394.0</t>
  </si>
  <si>
    <t>70137.0</t>
  </si>
  <si>
    <t>33950.0</t>
  </si>
  <si>
    <t>60136.0</t>
  </si>
  <si>
    <t>29862.0</t>
  </si>
  <si>
    <t>50135.0</t>
  </si>
  <si>
    <t>25773.0</t>
  </si>
  <si>
    <t>21685.0</t>
  </si>
  <si>
    <t>30132.0</t>
  </si>
  <si>
    <t>20131.0</t>
  </si>
  <si>
    <t>9421.0</t>
  </si>
  <si>
    <t>4070678.0</t>
  </si>
  <si>
    <t>3079151.0</t>
  </si>
  <si>
    <t>2658480.0</t>
  </si>
  <si>
    <t>10747.0</t>
  </si>
  <si>
    <t>14724.0</t>
  </si>
  <si>
    <t>16050.0</t>
  </si>
  <si>
    <t>19726.0</t>
  </si>
  <si>
    <t>18702.0</t>
  </si>
  <si>
    <t>5117982.0</t>
  </si>
  <si>
    <t>4366726.0</t>
  </si>
  <si>
    <t>3335753.0</t>
  </si>
  <si>
    <t>BDI</t>
  </si>
  <si>
    <t>Burundi</t>
  </si>
  <si>
    <t>1296852.0</t>
  </si>
  <si>
    <t>103.325</t>
  </si>
  <si>
    <t>1321209.0</t>
  </si>
  <si>
    <t>105.265</t>
  </si>
  <si>
    <t>1324357.0</t>
  </si>
  <si>
    <t>105.516</t>
  </si>
  <si>
    <t>1330294.0</t>
  </si>
  <si>
    <t>105.989</t>
  </si>
  <si>
    <t>1336688.0</t>
  </si>
  <si>
    <t>106.499</t>
  </si>
  <si>
    <t>1340190.0</t>
  </si>
  <si>
    <t>106.778</t>
  </si>
  <si>
    <t>1347636.0</t>
  </si>
  <si>
    <t>107.371</t>
  </si>
  <si>
    <t>1350109.0</t>
  </si>
  <si>
    <t>107.568</t>
  </si>
  <si>
    <t>1353187.0</t>
  </si>
  <si>
    <t>107.813</t>
  </si>
  <si>
    <t>9648.0</t>
  </si>
  <si>
    <t>1360036.0</t>
  </si>
  <si>
    <t>1370428.0</t>
  </si>
  <si>
    <t>109.187</t>
  </si>
  <si>
    <t>1376884.0</t>
  </si>
  <si>
    <t>109.701</t>
  </si>
  <si>
    <t>1380942.0</t>
  </si>
  <si>
    <t>110.025</t>
  </si>
  <si>
    <t>1385973.0</t>
  </si>
  <si>
    <t>110.425</t>
  </si>
  <si>
    <t>1391828.0</t>
  </si>
  <si>
    <t>110.892</t>
  </si>
  <si>
    <t>1396218.0</t>
  </si>
  <si>
    <t>111.242</t>
  </si>
  <si>
    <t>117.1</t>
  </si>
  <si>
    <t>1397502.0</t>
  </si>
  <si>
    <t>111.344</t>
  </si>
  <si>
    <t>97.6</t>
  </si>
  <si>
    <t>1403912.0</t>
  </si>
  <si>
    <t>111.855</t>
  </si>
  <si>
    <t>0.0109</t>
  </si>
  <si>
    <t>1411113.0</t>
  </si>
  <si>
    <t>112.428</t>
  </si>
  <si>
    <t>136.1</t>
  </si>
  <si>
    <t>1412395.0</t>
  </si>
  <si>
    <t>112.531</t>
  </si>
  <si>
    <t>97.5</t>
  </si>
  <si>
    <t>1420553.0</t>
  </si>
  <si>
    <t>113.181</t>
  </si>
  <si>
    <t>255.7</t>
  </si>
  <si>
    <t>249.7</t>
  </si>
  <si>
    <t>151.6</t>
  </si>
  <si>
    <t>113.538</t>
  </si>
  <si>
    <t>1425611.0</t>
  </si>
  <si>
    <t>113.584</t>
  </si>
  <si>
    <t>1428892.0</t>
  </si>
  <si>
    <t>113.845</t>
  </si>
  <si>
    <t>168.4</t>
  </si>
  <si>
    <t>138.4</t>
  </si>
  <si>
    <t>165.1</t>
  </si>
  <si>
    <t>169.2</t>
  </si>
  <si>
    <t>1438047.0</t>
  </si>
  <si>
    <t>114.574</t>
  </si>
  <si>
    <t>1442111.0</t>
  </si>
  <si>
    <t>114.898</t>
  </si>
  <si>
    <t>86.1</t>
  </si>
  <si>
    <t>100.7</t>
  </si>
  <si>
    <t>1454420.0</t>
  </si>
  <si>
    <t>115.879</t>
  </si>
  <si>
    <t>168.8</t>
  </si>
  <si>
    <t>135.5</t>
  </si>
  <si>
    <t>135.8</t>
  </si>
  <si>
    <t>1456655.0</t>
  </si>
  <si>
    <t>116.057</t>
  </si>
  <si>
    <t>137.5</t>
  </si>
  <si>
    <t>11083.0</t>
  </si>
  <si>
    <t>10522.0</t>
  </si>
  <si>
    <t>1471494.0</t>
  </si>
  <si>
    <t>117.239</t>
  </si>
  <si>
    <t>103.8</t>
  </si>
  <si>
    <t>95.7</t>
  </si>
  <si>
    <t>114.5</t>
  </si>
  <si>
    <t>153.5</t>
  </si>
  <si>
    <t>1485730.0</t>
  </si>
  <si>
    <t>118.373</t>
  </si>
  <si>
    <t>377.4</t>
  </si>
  <si>
    <t>1493032.0</t>
  </si>
  <si>
    <t>118.955</t>
  </si>
  <si>
    <t>1504807.0</t>
  </si>
  <si>
    <t>119.893</t>
  </si>
  <si>
    <t>12464.0</t>
  </si>
  <si>
    <t>1528022.0</t>
  </si>
  <si>
    <t>121.743</t>
  </si>
  <si>
    <t>12651.0</t>
  </si>
  <si>
    <t>12078.0</t>
  </si>
  <si>
    <t>1553040.0</t>
  </si>
  <si>
    <t>123.736</t>
  </si>
  <si>
    <t>15311.0</t>
  </si>
  <si>
    <t>1573240.0</t>
  </si>
  <si>
    <t>125.346</t>
  </si>
  <si>
    <t>1584378.0</t>
  </si>
  <si>
    <t>126.233</t>
  </si>
  <si>
    <t>115.7</t>
  </si>
  <si>
    <t>14388.0</t>
  </si>
  <si>
    <t>1594740.0</t>
  </si>
  <si>
    <t>127.059</t>
  </si>
  <si>
    <t>104.1</t>
  </si>
  <si>
    <t>256.6</t>
  </si>
  <si>
    <t>155.7</t>
  </si>
  <si>
    <t>1609334.0</t>
  </si>
  <si>
    <t>128.221</t>
  </si>
  <si>
    <t>14350.0</t>
  </si>
  <si>
    <t>1611285.0</t>
  </si>
  <si>
    <t>128.377</t>
  </si>
  <si>
    <t>17926.0</t>
  </si>
  <si>
    <t>15489.0</t>
  </si>
  <si>
    <t>18568.0</t>
  </si>
  <si>
    <t>16702.0</t>
  </si>
  <si>
    <t>19346.0</t>
  </si>
  <si>
    <t>16882.0</t>
  </si>
  <si>
    <t>19612.0</t>
  </si>
  <si>
    <t>17154.0</t>
  </si>
  <si>
    <t>18127.0</t>
  </si>
  <si>
    <t>20356.0</t>
  </si>
  <si>
    <t>18142.0</t>
  </si>
  <si>
    <t>20733.0</t>
  </si>
  <si>
    <t>21264.0</t>
  </si>
  <si>
    <t>18770.0</t>
  </si>
  <si>
    <t>23180.0</t>
  </si>
  <si>
    <t>21265.0</t>
  </si>
  <si>
    <t>24236.0</t>
  </si>
  <si>
    <t>21729.0</t>
  </si>
  <si>
    <t>25258.0</t>
  </si>
  <si>
    <t>23330.0</t>
  </si>
  <si>
    <t>22747.0</t>
  </si>
  <si>
    <t>25398.0</t>
  </si>
  <si>
    <t>25983.0</t>
  </si>
  <si>
    <t>24384.0</t>
  </si>
  <si>
    <t>23797.0</t>
  </si>
  <si>
    <t>28043.0</t>
  </si>
  <si>
    <t>28800.0</t>
  </si>
  <si>
    <t>26282.0</t>
  </si>
  <si>
    <t>29516.0</t>
  </si>
  <si>
    <t>26996.0</t>
  </si>
  <si>
    <t>30480.0</t>
  </si>
  <si>
    <t>28541.0</t>
  </si>
  <si>
    <t>KHM</t>
  </si>
  <si>
    <t>Cambodia</t>
  </si>
  <si>
    <t>5048.0</t>
  </si>
  <si>
    <t>28134.0</t>
  </si>
  <si>
    <t>9245.0</t>
  </si>
  <si>
    <t>54350.0</t>
  </si>
  <si>
    <t>54286.0</t>
  </si>
  <si>
    <t>60270.0</t>
  </si>
  <si>
    <t>59928.0</t>
  </si>
  <si>
    <t>6188.0</t>
  </si>
  <si>
    <t>63825.0</t>
  </si>
  <si>
    <t>63217.0</t>
  </si>
  <si>
    <t>69777.0</t>
  </si>
  <si>
    <t>68299.0</t>
  </si>
  <si>
    <t>87069.0</t>
  </si>
  <si>
    <t>84736.0</t>
  </si>
  <si>
    <t>114283.0</t>
  </si>
  <si>
    <t>108409.0</t>
  </si>
  <si>
    <t>5874.0</t>
  </si>
  <si>
    <t>9968.0</t>
  </si>
  <si>
    <t>135543.0</t>
  </si>
  <si>
    <t>125668.0</t>
  </si>
  <si>
    <t>10197.0</t>
  </si>
  <si>
    <t>151231.0</t>
  </si>
  <si>
    <t>140096.0</t>
  </si>
  <si>
    <t>11135.0</t>
  </si>
  <si>
    <t>15688.0</t>
  </si>
  <si>
    <t>167773.0</t>
  </si>
  <si>
    <t>153718.0</t>
  </si>
  <si>
    <t>12929.0</t>
  </si>
  <si>
    <t>178910.0</t>
  </si>
  <si>
    <t>162927.0</t>
  </si>
  <si>
    <t>11137.0</t>
  </si>
  <si>
    <t>185052.0</t>
  </si>
  <si>
    <t>167487.0</t>
  </si>
  <si>
    <t>16468.0</t>
  </si>
  <si>
    <t>198636.0</t>
  </si>
  <si>
    <t>175675.0</t>
  </si>
  <si>
    <t>22961.0</t>
  </si>
  <si>
    <t>221672.0</t>
  </si>
  <si>
    <t>188026.0</t>
  </si>
  <si>
    <t>33646.0</t>
  </si>
  <si>
    <t>23036.0</t>
  </si>
  <si>
    <t>15341.0</t>
  </si>
  <si>
    <t>254090.0</t>
  </si>
  <si>
    <t>214209.0</t>
  </si>
  <si>
    <t>39881.0</t>
  </si>
  <si>
    <t>284894.0</t>
  </si>
  <si>
    <t>237379.0</t>
  </si>
  <si>
    <t>47515.0</t>
  </si>
  <si>
    <t>30804.0</t>
  </si>
  <si>
    <t>308173.0</t>
  </si>
  <si>
    <t>255641.0</t>
  </si>
  <si>
    <t>52532.0</t>
  </si>
  <si>
    <t>23279.0</t>
  </si>
  <si>
    <t>20057.0</t>
  </si>
  <si>
    <t>327250.0</t>
  </si>
  <si>
    <t>270466.0</t>
  </si>
  <si>
    <t>56784.0</t>
  </si>
  <si>
    <t>19077.0</t>
  </si>
  <si>
    <t>21191.0</t>
  </si>
  <si>
    <t>15363.0</t>
  </si>
  <si>
    <t>336900.0</t>
  </si>
  <si>
    <t>279307.0</t>
  </si>
  <si>
    <t>346135.0</t>
  </si>
  <si>
    <t>286020.0</t>
  </si>
  <si>
    <t>60115.0</t>
  </si>
  <si>
    <t>21071.0</t>
  </si>
  <si>
    <t>15764.0</t>
  </si>
  <si>
    <t>372685.0</t>
  </si>
  <si>
    <t>297585.0</t>
  </si>
  <si>
    <t>26550.0</t>
  </si>
  <si>
    <t>21573.0</t>
  </si>
  <si>
    <t>402917.0</t>
  </si>
  <si>
    <t>308459.0</t>
  </si>
  <si>
    <t>94458.0</t>
  </si>
  <si>
    <t>30232.0</t>
  </si>
  <si>
    <t>21261.0</t>
  </si>
  <si>
    <t>441640.0</t>
  </si>
  <si>
    <t>317247.0</t>
  </si>
  <si>
    <t>124393.0</t>
  </si>
  <si>
    <t>19067.0</t>
  </si>
  <si>
    <t>456503.0</t>
  </si>
  <si>
    <t>322021.0</t>
  </si>
  <si>
    <t>134482.0</t>
  </si>
  <si>
    <t>14863.0</t>
  </si>
  <si>
    <t>463872.0</t>
  </si>
  <si>
    <t>323689.0</t>
  </si>
  <si>
    <t>140183.0</t>
  </si>
  <si>
    <t>18139.0</t>
  </si>
  <si>
    <t>475703.0</t>
  </si>
  <si>
    <t>328401.0</t>
  </si>
  <si>
    <t>147302.0</t>
  </si>
  <si>
    <t>11831.0</t>
  </si>
  <si>
    <t>488990.0</t>
  </si>
  <si>
    <t>154679.0</t>
  </si>
  <si>
    <t>16615.0</t>
  </si>
  <si>
    <t>505830.0</t>
  </si>
  <si>
    <t>341912.0</t>
  </si>
  <si>
    <t>163918.0</t>
  </si>
  <si>
    <t>16840.0</t>
  </si>
  <si>
    <t>531619.0</t>
  </si>
  <si>
    <t>354087.0</t>
  </si>
  <si>
    <t>177532.0</t>
  </si>
  <si>
    <t>25789.0</t>
  </si>
  <si>
    <t>557113.0</t>
  </si>
  <si>
    <t>366169.0</t>
  </si>
  <si>
    <t>190944.0</t>
  </si>
  <si>
    <t>25494.0</t>
  </si>
  <si>
    <t>16496.0</t>
  </si>
  <si>
    <t>6989.0</t>
  </si>
  <si>
    <t>581186.0</t>
  </si>
  <si>
    <t>376147.0</t>
  </si>
  <si>
    <t>205039.0</t>
  </si>
  <si>
    <t>17812.0</t>
  </si>
  <si>
    <t>595466.0</t>
  </si>
  <si>
    <t>383462.0</t>
  </si>
  <si>
    <t>212004.0</t>
  </si>
  <si>
    <t>14280.0</t>
  </si>
  <si>
    <t>18799.0</t>
  </si>
  <si>
    <t>611651.0</t>
  </si>
  <si>
    <t>391456.0</t>
  </si>
  <si>
    <t>220195.0</t>
  </si>
  <si>
    <t>19421.0</t>
  </si>
  <si>
    <t>9008.0</t>
  </si>
  <si>
    <t>627769.0</t>
  </si>
  <si>
    <t>400666.0</t>
  </si>
  <si>
    <t>227103.0</t>
  </si>
  <si>
    <t>9479.0</t>
  </si>
  <si>
    <t>645765.0</t>
  </si>
  <si>
    <t>407249.0</t>
  </si>
  <si>
    <t>238516.0</t>
  </si>
  <si>
    <t>19991.0</t>
  </si>
  <si>
    <t>671847.0</t>
  </si>
  <si>
    <t>430117.0</t>
  </si>
  <si>
    <t>241730.0</t>
  </si>
  <si>
    <t>26082.0</t>
  </si>
  <si>
    <t>20033.0</t>
  </si>
  <si>
    <t>721181.0</t>
  </si>
  <si>
    <t>475856.0</t>
  </si>
  <si>
    <t>245325.0</t>
  </si>
  <si>
    <t>49334.0</t>
  </si>
  <si>
    <t>777514.0</t>
  </si>
  <si>
    <t>529935.0</t>
  </si>
  <si>
    <t>247579.0</t>
  </si>
  <si>
    <t>56333.0</t>
  </si>
  <si>
    <t>28047.0</t>
  </si>
  <si>
    <t>830031.0</t>
  </si>
  <si>
    <t>581591.0</t>
  </si>
  <si>
    <t>248440.0</t>
  </si>
  <si>
    <t>52517.0</t>
  </si>
  <si>
    <t>28304.0</t>
  </si>
  <si>
    <t>886524.0</t>
  </si>
  <si>
    <t>635244.0</t>
  </si>
  <si>
    <t>251280.0</t>
  </si>
  <si>
    <t>56493.0</t>
  </si>
  <si>
    <t>34827.0</t>
  </si>
  <si>
    <t>945715.0</t>
  </si>
  <si>
    <t>692569.0</t>
  </si>
  <si>
    <t>59191.0</t>
  </si>
  <si>
    <t>45421.0</t>
  </si>
  <si>
    <t>41700.0</t>
  </si>
  <si>
    <t>1011649.0</t>
  </si>
  <si>
    <t>756526.0</t>
  </si>
  <si>
    <t>255123.0</t>
  </si>
  <si>
    <t>65934.0</t>
  </si>
  <si>
    <t>52269.0</t>
  </si>
  <si>
    <t>1071260.0</t>
  </si>
  <si>
    <t>813826.0</t>
  </si>
  <si>
    <t>257434.0</t>
  </si>
  <si>
    <t>59611.0</t>
  </si>
  <si>
    <t>57059.0</t>
  </si>
  <si>
    <t>54816.0</t>
  </si>
  <si>
    <t>1174035.0</t>
  </si>
  <si>
    <t>913171.0</t>
  </si>
  <si>
    <t>260864.0</t>
  </si>
  <si>
    <t>102775.0</t>
  </si>
  <si>
    <t>64693.0</t>
  </si>
  <si>
    <t>62474.0</t>
  </si>
  <si>
    <t>1237988.0</t>
  </si>
  <si>
    <t>972028.0</t>
  </si>
  <si>
    <t>265960.0</t>
  </si>
  <si>
    <t>63953.0</t>
  </si>
  <si>
    <t>65782.0</t>
  </si>
  <si>
    <t>63156.0</t>
  </si>
  <si>
    <t>1286585.0</t>
  </si>
  <si>
    <t>1018605.0</t>
  </si>
  <si>
    <t>48597.0</t>
  </si>
  <si>
    <t>65222.0</t>
  </si>
  <si>
    <t>62431.0</t>
  </si>
  <si>
    <t>1371536.0</t>
  </si>
  <si>
    <t>1099811.0</t>
  </si>
  <si>
    <t>84951.0</t>
  </si>
  <si>
    <t>66367.0</t>
  </si>
  <si>
    <t>1446457.0</t>
  </si>
  <si>
    <t>1170029.0</t>
  </si>
  <si>
    <t>276428.0</t>
  </si>
  <si>
    <t>74921.0</t>
  </si>
  <si>
    <t>71535.0</t>
  </si>
  <si>
    <t>68209.0</t>
  </si>
  <si>
    <t>1482123.0</t>
  </si>
  <si>
    <t>1203636.0</t>
  </si>
  <si>
    <t>278487.0</t>
  </si>
  <si>
    <t>67211.0</t>
  </si>
  <si>
    <t>63873.0</t>
  </si>
  <si>
    <t>1508813.0</t>
  </si>
  <si>
    <t>1223322.0</t>
  </si>
  <si>
    <t>285491.0</t>
  </si>
  <si>
    <t>62508.0</t>
  </si>
  <si>
    <t>58499.0</t>
  </si>
  <si>
    <t>1541896.0</t>
  </si>
  <si>
    <t>1241947.0</t>
  </si>
  <si>
    <t>299949.0</t>
  </si>
  <si>
    <t>33083.0</t>
  </si>
  <si>
    <t>52552.0</t>
  </si>
  <si>
    <t>46968.0</t>
  </si>
  <si>
    <t>1555438.0</t>
  </si>
  <si>
    <t>1253531.0</t>
  </si>
  <si>
    <t>301907.0</t>
  </si>
  <si>
    <t>13542.0</t>
  </si>
  <si>
    <t>45350.0</t>
  </si>
  <si>
    <t>40215.0</t>
  </si>
  <si>
    <t>1559128.0</t>
  </si>
  <si>
    <t>301914.0</t>
  </si>
  <si>
    <t>38935.0</t>
  </si>
  <si>
    <t>34087.0</t>
  </si>
  <si>
    <t>1656026.0</t>
  </si>
  <si>
    <t>1274846.0</t>
  </si>
  <si>
    <t>381180.0</t>
  </si>
  <si>
    <t>96898.0</t>
  </si>
  <si>
    <t>25005.0</t>
  </si>
  <si>
    <t>1710932.0</t>
  </si>
  <si>
    <t>1277688.0</t>
  </si>
  <si>
    <t>433244.0</t>
  </si>
  <si>
    <t>54906.0</t>
  </si>
  <si>
    <t>37782.0</t>
  </si>
  <si>
    <t>15380.0</t>
  </si>
  <si>
    <t>1775364.0</t>
  </si>
  <si>
    <t>1280434.0</t>
  </si>
  <si>
    <t>494930.0</t>
  </si>
  <si>
    <t>64432.0</t>
  </si>
  <si>
    <t>41892.0</t>
  </si>
  <si>
    <t>1845972.0</t>
  </si>
  <si>
    <t>1281406.0</t>
  </si>
  <si>
    <t>564566.0</t>
  </si>
  <si>
    <t>70608.0</t>
  </si>
  <si>
    <t>48166.0</t>
  </si>
  <si>
    <t>8298.0</t>
  </si>
  <si>
    <t>1915966.0</t>
  </si>
  <si>
    <t>1282196.0</t>
  </si>
  <si>
    <t>633770.0</t>
  </si>
  <si>
    <t>69994.0</t>
  </si>
  <si>
    <t>53439.0</t>
  </si>
  <si>
    <t>1978548.0</t>
  </si>
  <si>
    <t>1293974.0</t>
  </si>
  <si>
    <t>684574.0</t>
  </si>
  <si>
    <t>62582.0</t>
  </si>
  <si>
    <t>60444.0</t>
  </si>
  <si>
    <t>5778.0</t>
  </si>
  <si>
    <t>2027968.0</t>
  </si>
  <si>
    <t>1295660.0</t>
  </si>
  <si>
    <t>732308.0</t>
  </si>
  <si>
    <t>49420.0</t>
  </si>
  <si>
    <t>66977.0</t>
  </si>
  <si>
    <t>2073616.0</t>
  </si>
  <si>
    <t>1295973.0</t>
  </si>
  <si>
    <t>777643.0</t>
  </si>
  <si>
    <t>59656.0</t>
  </si>
  <si>
    <t>2117564.0</t>
  </si>
  <si>
    <t>1298851.0</t>
  </si>
  <si>
    <t>818713.0</t>
  </si>
  <si>
    <t>43948.0</t>
  </si>
  <si>
    <t>58090.0</t>
  </si>
  <si>
    <t>57710.0</t>
  </si>
  <si>
    <t>2241102.0</t>
  </si>
  <si>
    <t>1329433.0</t>
  </si>
  <si>
    <t>911669.0</t>
  </si>
  <si>
    <t>56447.0</t>
  </si>
  <si>
    <t>6861.0</t>
  </si>
  <si>
    <t>2284788.0</t>
  </si>
  <si>
    <t>1339566.0</t>
  </si>
  <si>
    <t>945222.0</t>
  </si>
  <si>
    <t>43686.0</t>
  </si>
  <si>
    <t>2334709.0</t>
  </si>
  <si>
    <t>1363820.0</t>
  </si>
  <si>
    <t>970889.0</t>
  </si>
  <si>
    <t>49921.0</t>
  </si>
  <si>
    <t>2407503.0</t>
  </si>
  <si>
    <t>1422722.0</t>
  </si>
  <si>
    <t>984781.0</t>
  </si>
  <si>
    <t>72794.0</t>
  </si>
  <si>
    <t>54219.0</t>
  </si>
  <si>
    <t>2469822.0</t>
  </si>
  <si>
    <t>1465985.0</t>
  </si>
  <si>
    <t>1003837.0</t>
  </si>
  <si>
    <t>62319.0</t>
  </si>
  <si>
    <t>2543234.0</t>
  </si>
  <si>
    <t>1515447.0</t>
  </si>
  <si>
    <t>1027787.0</t>
  </si>
  <si>
    <t>73412.0</t>
  </si>
  <si>
    <t>60810.0</t>
  </si>
  <si>
    <t>2608983.0</t>
  </si>
  <si>
    <t>1565292.0</t>
  </si>
  <si>
    <t>1043691.0</t>
  </si>
  <si>
    <t>65749.0</t>
  </si>
  <si>
    <t>61379.0</t>
  </si>
  <si>
    <t>35879.0</t>
  </si>
  <si>
    <t>2686691.0</t>
  </si>
  <si>
    <t>1606007.0</t>
  </si>
  <si>
    <t>1080684.0</t>
  </si>
  <si>
    <t>77708.0</t>
  </si>
  <si>
    <t>63656.0</t>
  </si>
  <si>
    <t>39511.0</t>
  </si>
  <si>
    <t>2765622.0</t>
  </si>
  <si>
    <t>1663249.0</t>
  </si>
  <si>
    <t>1102373.0</t>
  </si>
  <si>
    <t>78931.0</t>
  </si>
  <si>
    <t>68691.0</t>
  </si>
  <si>
    <t>46240.0</t>
  </si>
  <si>
    <t>2826589.0</t>
  </si>
  <si>
    <t>1718708.0</t>
  </si>
  <si>
    <t>1107881.0</t>
  </si>
  <si>
    <t>60967.0</t>
  </si>
  <si>
    <t>70269.0</t>
  </si>
  <si>
    <t>50698.0</t>
  </si>
  <si>
    <t>2884922.0</t>
  </si>
  <si>
    <t>1773994.0</t>
  </si>
  <si>
    <t>1110928.0</t>
  </si>
  <si>
    <t>58333.0</t>
  </si>
  <si>
    <t>68203.0</t>
  </si>
  <si>
    <t>50182.0</t>
  </si>
  <si>
    <t>2942768.0</t>
  </si>
  <si>
    <t>1825488.0</t>
  </si>
  <si>
    <t>1117280.0</t>
  </si>
  <si>
    <t>57846.0</t>
  </si>
  <si>
    <t>67564.0</t>
  </si>
  <si>
    <t>51358.0</t>
  </si>
  <si>
    <t>3001566.0</t>
  </si>
  <si>
    <t>1877840.0</t>
  </si>
  <si>
    <t>1123726.0</t>
  </si>
  <si>
    <t>58798.0</t>
  </si>
  <si>
    <t>65476.0</t>
  </si>
  <si>
    <t>51770.0</t>
  </si>
  <si>
    <t>3069337.0</t>
  </si>
  <si>
    <t>1939773.0</t>
  </si>
  <si>
    <t>1129564.0</t>
  </si>
  <si>
    <t>67771.0</t>
  </si>
  <si>
    <t>65765.0</t>
  </si>
  <si>
    <t>53497.0</t>
  </si>
  <si>
    <t>3132686.0</t>
  </si>
  <si>
    <t>1996775.0</t>
  </si>
  <si>
    <t>1135911.0</t>
  </si>
  <si>
    <t>63349.0</t>
  </si>
  <si>
    <t>63714.0</t>
  </si>
  <si>
    <t>55824.0</t>
  </si>
  <si>
    <t>3180915.0</t>
  </si>
  <si>
    <t>2040255.0</t>
  </si>
  <si>
    <t>1140660.0</t>
  </si>
  <si>
    <t>59328.0</t>
  </si>
  <si>
    <t>53858.0</t>
  </si>
  <si>
    <t>3214835.0</t>
  </si>
  <si>
    <t>2066813.0</t>
  </si>
  <si>
    <t>1148022.0</t>
  </si>
  <si>
    <t>55464.0</t>
  </si>
  <si>
    <t>3267516.0</t>
  </si>
  <si>
    <t>2082282.0</t>
  </si>
  <si>
    <t>1185234.0</t>
  </si>
  <si>
    <t>52681.0</t>
  </si>
  <si>
    <t>54656.0</t>
  </si>
  <si>
    <t>44041.0</t>
  </si>
  <si>
    <t>3333079.0</t>
  </si>
  <si>
    <t>2100151.0</t>
  </si>
  <si>
    <t>1232928.0</t>
  </si>
  <si>
    <t>65563.0</t>
  </si>
  <si>
    <t>55759.0</t>
  </si>
  <si>
    <t>39238.0</t>
  </si>
  <si>
    <t>3416265.0</t>
  </si>
  <si>
    <t>2133116.0</t>
  </si>
  <si>
    <t>1283149.0</t>
  </si>
  <si>
    <t>83186.0</t>
  </si>
  <si>
    <t>59243.0</t>
  </si>
  <si>
    <t>20.37</t>
  </si>
  <si>
    <t>36468.0</t>
  </si>
  <si>
    <t>1084676.0</t>
  </si>
  <si>
    <t>65.385</t>
  </si>
  <si>
    <t>3503884.0</t>
  </si>
  <si>
    <t>2168239.0</t>
  </si>
  <si>
    <t>1335645.0</t>
  </si>
  <si>
    <t>87619.0</t>
  </si>
  <si>
    <t>62078.0</t>
  </si>
  <si>
    <t>3590729.0</t>
  </si>
  <si>
    <t>2198547.0</t>
  </si>
  <si>
    <t>1392182.0</t>
  </si>
  <si>
    <t>86845.0</t>
  </si>
  <si>
    <t>28825.0</t>
  </si>
  <si>
    <t>1101904.0</t>
  </si>
  <si>
    <t>66.424</t>
  </si>
  <si>
    <t>3673639.0</t>
  </si>
  <si>
    <t>2226446.0</t>
  </si>
  <si>
    <t>1447193.0</t>
  </si>
  <si>
    <t>70389.0</t>
  </si>
  <si>
    <t>26599.0</t>
  </si>
  <si>
    <t>3767116.0</t>
  </si>
  <si>
    <t>2253044.0</t>
  </si>
  <si>
    <t>1514072.0</t>
  </si>
  <si>
    <t>93477.0</t>
  </si>
  <si>
    <t>78897.0</t>
  </si>
  <si>
    <t>26604.0</t>
  </si>
  <si>
    <t>3840027.0</t>
  </si>
  <si>
    <t>2269860.0</t>
  </si>
  <si>
    <t>1570167.0</t>
  </si>
  <si>
    <t>72911.0</t>
  </si>
  <si>
    <t>81787.0</t>
  </si>
  <si>
    <t>26797.0</t>
  </si>
  <si>
    <t>3927869.0</t>
  </si>
  <si>
    <t>2280875.0</t>
  </si>
  <si>
    <t>1646994.0</t>
  </si>
  <si>
    <t>87842.0</t>
  </si>
  <si>
    <t>25818.0</t>
  </si>
  <si>
    <t>1118978.0</t>
  </si>
  <si>
    <t>4005373.0</t>
  </si>
  <si>
    <t>2306822.0</t>
  </si>
  <si>
    <t>1698551.0</t>
  </si>
  <si>
    <t>84158.0</t>
  </si>
  <si>
    <t>5019.0</t>
  </si>
  <si>
    <t>1123688.0</t>
  </si>
  <si>
    <t>67.737</t>
  </si>
  <si>
    <t>4113384.0</t>
  </si>
  <si>
    <t>2362101.0</t>
  </si>
  <si>
    <t>1751283.0</t>
  </si>
  <si>
    <t>108011.0</t>
  </si>
  <si>
    <t>87071.0</t>
  </si>
  <si>
    <t>27695.0</t>
  </si>
  <si>
    <t>1129781.0</t>
  </si>
  <si>
    <t>6093.0</t>
  </si>
  <si>
    <t>68.104</t>
  </si>
  <si>
    <t>4219733.0</t>
  </si>
  <si>
    <t>2418285.0</t>
  </si>
  <si>
    <t>1801448.0</t>
  </si>
  <si>
    <t>106349.0</t>
  </si>
  <si>
    <t>89858.0</t>
  </si>
  <si>
    <t>14.42</t>
  </si>
  <si>
    <t>31391.0</t>
  </si>
  <si>
    <t>1133685.0</t>
  </si>
  <si>
    <t>68.339</t>
  </si>
  <si>
    <t>0.1284</t>
  </si>
  <si>
    <t>4329034.0</t>
  </si>
  <si>
    <t>2464835.0</t>
  </si>
  <si>
    <t>1864199.0</t>
  </si>
  <si>
    <t>109301.0</t>
  </si>
  <si>
    <t>93628.0</t>
  </si>
  <si>
    <t>34056.0</t>
  </si>
  <si>
    <t>1148564.0</t>
  </si>
  <si>
    <t>14879.0</t>
  </si>
  <si>
    <t>69.236</t>
  </si>
  <si>
    <t>4438196.0</t>
  </si>
  <si>
    <t>2514790.0</t>
  </si>
  <si>
    <t>1923406.0</t>
  </si>
  <si>
    <t>109162.0</t>
  </si>
  <si>
    <t>95869.0</t>
  </si>
  <si>
    <t>5717.0</t>
  </si>
  <si>
    <t>1152767.0</t>
  </si>
  <si>
    <t>4528839.0</t>
  </si>
  <si>
    <t>2567493.0</t>
  </si>
  <si>
    <t>1961346.0</t>
  </si>
  <si>
    <t>90643.0</t>
  </si>
  <si>
    <t>98402.0</t>
  </si>
  <si>
    <t>27.01</t>
  </si>
  <si>
    <t>42519.0</t>
  </si>
  <si>
    <t>1157425.0</t>
  </si>
  <si>
    <t>69.771</t>
  </si>
  <si>
    <t>4613562.0</t>
  </si>
  <si>
    <t>2625338.0</t>
  </si>
  <si>
    <t>1988224.0</t>
  </si>
  <si>
    <t>84723.0</t>
  </si>
  <si>
    <t>5842.0</t>
  </si>
  <si>
    <t>49209.0</t>
  </si>
  <si>
    <t>1162111.0</t>
  </si>
  <si>
    <t>70.053</t>
  </si>
  <si>
    <t>0.1016</t>
  </si>
  <si>
    <t>4671201.0</t>
  </si>
  <si>
    <t>2648859.0</t>
  </si>
  <si>
    <t>2022342.0</t>
  </si>
  <si>
    <t>57639.0</t>
  </si>
  <si>
    <t>48862.0</t>
  </si>
  <si>
    <t>1167628.0</t>
  </si>
  <si>
    <t>70.386</t>
  </si>
  <si>
    <t>4723944.0</t>
  </si>
  <si>
    <t>2665822.0</t>
  </si>
  <si>
    <t>2058122.0</t>
  </si>
  <si>
    <t>52743.0</t>
  </si>
  <si>
    <t>87223.0</t>
  </si>
  <si>
    <t>43389.0</t>
  </si>
  <si>
    <t>1173413.0</t>
  </si>
  <si>
    <t>70.734</t>
  </si>
  <si>
    <t>4782587.0</t>
  </si>
  <si>
    <t>2688014.0</t>
  </si>
  <si>
    <t>2094573.0</t>
  </si>
  <si>
    <t>80408.0</t>
  </si>
  <si>
    <t>38533.0</t>
  </si>
  <si>
    <t>1178067.0</t>
  </si>
  <si>
    <t>71.015</t>
  </si>
  <si>
    <t>4839260.0</t>
  </si>
  <si>
    <t>2710359.0</t>
  </si>
  <si>
    <t>2128901.0</t>
  </si>
  <si>
    <t>56673.0</t>
  </si>
  <si>
    <t>72889.0</t>
  </si>
  <si>
    <t>16.16</t>
  </si>
  <si>
    <t>35075.0</t>
  </si>
  <si>
    <t>1183461.0</t>
  </si>
  <si>
    <t>4894315.0</t>
  </si>
  <si>
    <t>2735199.0</t>
  </si>
  <si>
    <t>2159116.0</t>
  </si>
  <si>
    <t>55055.0</t>
  </si>
  <si>
    <t>65160.0</t>
  </si>
  <si>
    <t>3886.0</t>
  </si>
  <si>
    <t>31487.0</t>
  </si>
  <si>
    <t>1189687.0</t>
  </si>
  <si>
    <t>6226.0</t>
  </si>
  <si>
    <t>71.715</t>
  </si>
  <si>
    <t>4938642.0</t>
  </si>
  <si>
    <t>2754341.0</t>
  </si>
  <si>
    <t>2184301.0</t>
  </si>
  <si>
    <t>44327.0</t>
  </si>
  <si>
    <t>58543.0</t>
  </si>
  <si>
    <t>29.45</t>
  </si>
  <si>
    <t>1195788.0</t>
  </si>
  <si>
    <t>72.083</t>
  </si>
  <si>
    <t>4969942.0</t>
  </si>
  <si>
    <t>2766198.0</t>
  </si>
  <si>
    <t>2203744.0</t>
  </si>
  <si>
    <t>31300.0</t>
  </si>
  <si>
    <t>50911.0</t>
  </si>
  <si>
    <t>20123.0</t>
  </si>
  <si>
    <t>1201405.0</t>
  </si>
  <si>
    <t>72.422</t>
  </si>
  <si>
    <t>5005581.0</t>
  </si>
  <si>
    <t>2770433.0</t>
  </si>
  <si>
    <t>2235148.0</t>
  </si>
  <si>
    <t>47769.0</t>
  </si>
  <si>
    <t>17368.0</t>
  </si>
  <si>
    <t>1208237.0</t>
  </si>
  <si>
    <t>72.834</t>
  </si>
  <si>
    <t>5801.0</t>
  </si>
  <si>
    <t>5050186.0</t>
  </si>
  <si>
    <t>2770611.0</t>
  </si>
  <si>
    <t>2279575.0</t>
  </si>
  <si>
    <t>44605.0</t>
  </si>
  <si>
    <t>46606.0</t>
  </si>
  <si>
    <t>1214894.0</t>
  </si>
  <si>
    <t>6657.0</t>
  </si>
  <si>
    <t>73.235</t>
  </si>
  <si>
    <t>5128310.0</t>
  </si>
  <si>
    <t>2794894.0</t>
  </si>
  <si>
    <t>2333416.0</t>
  </si>
  <si>
    <t>78124.0</t>
  </si>
  <si>
    <t>49389.0</t>
  </si>
  <si>
    <t>1222011.0</t>
  </si>
  <si>
    <t>73.664</t>
  </si>
  <si>
    <t>5223954.0</t>
  </si>
  <si>
    <t>2836482.0</t>
  </si>
  <si>
    <t>2387472.0</t>
  </si>
  <si>
    <t>95644.0</t>
  </si>
  <si>
    <t>54956.0</t>
  </si>
  <si>
    <t>18018.0</t>
  </si>
  <si>
    <t>1229187.0</t>
  </si>
  <si>
    <t>74.096</t>
  </si>
  <si>
    <t>5325094.0</t>
  </si>
  <si>
    <t>2885619.0</t>
  </si>
  <si>
    <t>2439475.0</t>
  </si>
  <si>
    <t>101140.0</t>
  </si>
  <si>
    <t>61540.0</t>
  </si>
  <si>
    <t>21489.0</t>
  </si>
  <si>
    <t>1238107.0</t>
  </si>
  <si>
    <t>8920.0</t>
  </si>
  <si>
    <t>74.634</t>
  </si>
  <si>
    <t>0.0864</t>
  </si>
  <si>
    <t>5428433.0</t>
  </si>
  <si>
    <t>2939543.0</t>
  </si>
  <si>
    <t>2488890.0</t>
  </si>
  <si>
    <t>103339.0</t>
  </si>
  <si>
    <t>69970.0</t>
  </si>
  <si>
    <t>26457.0</t>
  </si>
  <si>
    <t>1243914.0</t>
  </si>
  <si>
    <t>74.984</t>
  </si>
  <si>
    <t>5537538.0</t>
  </si>
  <si>
    <t>3000264.0</t>
  </si>
  <si>
    <t>2537274.0</t>
  </si>
  <si>
    <t>109105.0</t>
  </si>
  <si>
    <t>33438.0</t>
  </si>
  <si>
    <t>1253563.0</t>
  </si>
  <si>
    <t>75.566</t>
  </si>
  <si>
    <t>5667915.0</t>
  </si>
  <si>
    <t>3076775.0</t>
  </si>
  <si>
    <t>2591140.0</t>
  </si>
  <si>
    <t>130377.0</t>
  </si>
  <si>
    <t>94619.0</t>
  </si>
  <si>
    <t>43763.0</t>
  </si>
  <si>
    <t>1262862.0</t>
  </si>
  <si>
    <t>9299.0</t>
  </si>
  <si>
    <t>76.126</t>
  </si>
  <si>
    <t>5762050.0</t>
  </si>
  <si>
    <t>3138584.0</t>
  </si>
  <si>
    <t>2623466.0</t>
  </si>
  <si>
    <t>94135.0</t>
  </si>
  <si>
    <t>101695.0</t>
  </si>
  <si>
    <t>6065.0</t>
  </si>
  <si>
    <t>1269241.0</t>
  </si>
  <si>
    <t>76.511</t>
  </si>
  <si>
    <t>5839250.0</t>
  </si>
  <si>
    <t>3199642.0</t>
  </si>
  <si>
    <t>2639608.0</t>
  </si>
  <si>
    <t>77200.0</t>
  </si>
  <si>
    <t>101563.0</t>
  </si>
  <si>
    <t>57821.0</t>
  </si>
  <si>
    <t>1277758.0</t>
  </si>
  <si>
    <t>8517.0</t>
  </si>
  <si>
    <t>77.024</t>
  </si>
  <si>
    <t>5924894.0</t>
  </si>
  <si>
    <t>3257857.0</t>
  </si>
  <si>
    <t>2667037.0</t>
  </si>
  <si>
    <t>85644.0</t>
  </si>
  <si>
    <t>100134.0</t>
  </si>
  <si>
    <t>35.33</t>
  </si>
  <si>
    <t>60196.0</t>
  </si>
  <si>
    <t>1287512.0</t>
  </si>
  <si>
    <t>9754.0</t>
  </si>
  <si>
    <t>77.612</t>
  </si>
  <si>
    <t>6012998.0</t>
  </si>
  <si>
    <t>3310660.0</t>
  </si>
  <si>
    <t>2702329.0</t>
  </si>
  <si>
    <t>88104.0</t>
  </si>
  <si>
    <t>98272.0</t>
  </si>
  <si>
    <t>60720.0</t>
  </si>
  <si>
    <t>1296011.0</t>
  </si>
  <si>
    <t>78.125</t>
  </si>
  <si>
    <t>6098584.0</t>
  </si>
  <si>
    <t>3366207.0</t>
  </si>
  <si>
    <t>2732377.0</t>
  </si>
  <si>
    <t>85586.0</t>
  </si>
  <si>
    <t>95736.0</t>
  </si>
  <si>
    <t>60952.0</t>
  </si>
  <si>
    <t>1303316.0</t>
  </si>
  <si>
    <t>78.565</t>
  </si>
  <si>
    <t>6171269.0</t>
  </si>
  <si>
    <t>3416075.0</t>
  </si>
  <si>
    <t>2755194.0</t>
  </si>
  <si>
    <t>72685.0</t>
  </si>
  <si>
    <t>90533.0</t>
  </si>
  <si>
    <t>5399.0</t>
  </si>
  <si>
    <t>59402.0</t>
  </si>
  <si>
    <t>1309229.0</t>
  </si>
  <si>
    <t>78.921</t>
  </si>
  <si>
    <t>6275739.0</t>
  </si>
  <si>
    <t>3517943.0</t>
  </si>
  <si>
    <t>2757796.0</t>
  </si>
  <si>
    <t>104470.0</t>
  </si>
  <si>
    <t>86832.0</t>
  </si>
  <si>
    <t>37.43</t>
  </si>
  <si>
    <t>20.98</t>
  </si>
  <si>
    <t>63024.0</t>
  </si>
  <si>
    <t>1315436.0</t>
  </si>
  <si>
    <t>79.296</t>
  </si>
  <si>
    <t>6378584.0</t>
  </si>
  <si>
    <t>3619420.0</t>
  </si>
  <si>
    <t>2759164.0</t>
  </si>
  <si>
    <t>102845.0</t>
  </si>
  <si>
    <t>88076.0</t>
  </si>
  <si>
    <t>1321199.0</t>
  </si>
  <si>
    <t>79.643</t>
  </si>
  <si>
    <t>7423.0</t>
  </si>
  <si>
    <t>6478528.0</t>
  </si>
  <si>
    <t>3715751.0</t>
  </si>
  <si>
    <t>2762777.0</t>
  </si>
  <si>
    <t>99944.0</t>
  </si>
  <si>
    <t>91325.0</t>
  </si>
  <si>
    <t>73730.0</t>
  </si>
  <si>
    <t>1328165.0</t>
  </si>
  <si>
    <t>80.063</t>
  </si>
  <si>
    <t>6616277.0</t>
  </si>
  <si>
    <t>3803169.0</t>
  </si>
  <si>
    <t>2813108.0</t>
  </si>
  <si>
    <t>137749.0</t>
  </si>
  <si>
    <t>98769.0</t>
  </si>
  <si>
    <t>39.46</t>
  </si>
  <si>
    <t>77902.0</t>
  </si>
  <si>
    <t>1333576.0</t>
  </si>
  <si>
    <t>80.389</t>
  </si>
  <si>
    <t>0.1033</t>
  </si>
  <si>
    <t>6729736.0</t>
  </si>
  <si>
    <t>3886534.0</t>
  </si>
  <si>
    <t>2843202.0</t>
  </si>
  <si>
    <t>113459.0</t>
  </si>
  <si>
    <t>102391.0</t>
  </si>
  <si>
    <t>6106.0</t>
  </si>
  <si>
    <t>82268.0</t>
  </si>
  <si>
    <t>1339616.0</t>
  </si>
  <si>
    <t>80.753</t>
  </si>
  <si>
    <t>6836447.0</t>
  </si>
  <si>
    <t>3955033.0</t>
  </si>
  <si>
    <t>2881414.0</t>
  </si>
  <si>
    <t>106711.0</t>
  </si>
  <si>
    <t>105409.0</t>
  </si>
  <si>
    <t>84118.0</t>
  </si>
  <si>
    <t>1345442.0</t>
  </si>
  <si>
    <t>5826.0</t>
  </si>
  <si>
    <t>81.104</t>
  </si>
  <si>
    <t>6957895.0</t>
  </si>
  <si>
    <t>4019751.0</t>
  </si>
  <si>
    <t>2938144.0</t>
  </si>
  <si>
    <t>121448.0</t>
  </si>
  <si>
    <t>112375.0</t>
  </si>
  <si>
    <t>86239.0</t>
  </si>
  <si>
    <t>1351976.0</t>
  </si>
  <si>
    <t>6534.0</t>
  </si>
  <si>
    <t>81.498</t>
  </si>
  <si>
    <t>7093483.0</t>
  </si>
  <si>
    <t>4100104.0</t>
  </si>
  <si>
    <t>2993379.0</t>
  </si>
  <si>
    <t>135588.0</t>
  </si>
  <si>
    <t>116821.0</t>
  </si>
  <si>
    <t>6967.0</t>
  </si>
  <si>
    <t>83166.0</t>
  </si>
  <si>
    <t>1358254.0</t>
  </si>
  <si>
    <t>81.877</t>
  </si>
  <si>
    <t>7251656.0</t>
  </si>
  <si>
    <t>4202751.0</t>
  </si>
  <si>
    <t>3048905.0</t>
  </si>
  <si>
    <t>158173.0</t>
  </si>
  <si>
    <t>124725.0</t>
  </si>
  <si>
    <t>1364830.0</t>
  </si>
  <si>
    <t>82.273</t>
  </si>
  <si>
    <t>7408517.0</t>
  </si>
  <si>
    <t>4304572.0</t>
  </si>
  <si>
    <t>3103945.0</t>
  </si>
  <si>
    <t>156861.0</t>
  </si>
  <si>
    <t>132856.0</t>
  </si>
  <si>
    <t>44.18</t>
  </si>
  <si>
    <t>84117.0</t>
  </si>
  <si>
    <t>1371584.0</t>
  </si>
  <si>
    <t>7558008.0</t>
  </si>
  <si>
    <t>4391526.0</t>
  </si>
  <si>
    <t>3166482.0</t>
  </si>
  <si>
    <t>149491.0</t>
  </si>
  <si>
    <t>134533.0</t>
  </si>
  <si>
    <t>1378837.0</t>
  </si>
  <si>
    <t>83.117</t>
  </si>
  <si>
    <t>7690814.0</t>
  </si>
  <si>
    <t>4469661.0</t>
  </si>
  <si>
    <t>3221153.0</t>
  </si>
  <si>
    <t>132806.0</t>
  </si>
  <si>
    <t>137297.0</t>
  </si>
  <si>
    <t>83304.0</t>
  </si>
  <si>
    <t>1384980.0</t>
  </si>
  <si>
    <t>83.488</t>
  </si>
  <si>
    <t>7814310.0</t>
  </si>
  <si>
    <t>4535894.0</t>
  </si>
  <si>
    <t>3278416.0</t>
  </si>
  <si>
    <t>123496.0</t>
  </si>
  <si>
    <t>139695.0</t>
  </si>
  <si>
    <t>82980.0</t>
  </si>
  <si>
    <t>7929378.0</t>
  </si>
  <si>
    <t>4599648.0</t>
  </si>
  <si>
    <t>3329730.0</t>
  </si>
  <si>
    <t>115068.0</t>
  </si>
  <si>
    <t>8277.0</t>
  </si>
  <si>
    <t>82842.0</t>
  </si>
  <si>
    <t>1397664.0</t>
  </si>
  <si>
    <t>84.252</t>
  </si>
  <si>
    <t>8031138.0</t>
  </si>
  <si>
    <t>4654451.0</t>
  </si>
  <si>
    <t>3376687.0</t>
  </si>
  <si>
    <t>101760.0</t>
  </si>
  <si>
    <t>133951.0</t>
  </si>
  <si>
    <t>27.76</t>
  </si>
  <si>
    <t>79192.0</t>
  </si>
  <si>
    <t>8142185.0</t>
  </si>
  <si>
    <t>4701255.0</t>
  </si>
  <si>
    <t>3440930.0</t>
  </si>
  <si>
    <t>111047.0</t>
  </si>
  <si>
    <t>127218.0</t>
  </si>
  <si>
    <t>71215.0</t>
  </si>
  <si>
    <t>1551653.0</t>
  </si>
  <si>
    <t>93.535</t>
  </si>
  <si>
    <t>8272286.0</t>
  </si>
  <si>
    <t>4750265.0</t>
  </si>
  <si>
    <t>3522021.0</t>
  </si>
  <si>
    <t>130101.0</t>
  </si>
  <si>
    <t>123396.0</t>
  </si>
  <si>
    <t>7359.0</t>
  </si>
  <si>
    <t>63670.0</t>
  </si>
  <si>
    <t>1558086.0</t>
  </si>
  <si>
    <t>93.923</t>
  </si>
  <si>
    <t>26643.0</t>
  </si>
  <si>
    <t>8421951.0</t>
  </si>
  <si>
    <t>4793197.0</t>
  </si>
  <si>
    <t>3628754.0</t>
  </si>
  <si>
    <t>149665.0</t>
  </si>
  <si>
    <t>123420.0</t>
  </si>
  <si>
    <t>7361.0</t>
  </si>
  <si>
    <t>57382.0</t>
  </si>
  <si>
    <t>1564106.0</t>
  </si>
  <si>
    <t>94.286</t>
  </si>
  <si>
    <t>26467.0</t>
  </si>
  <si>
    <t>8560543.0</t>
  </si>
  <si>
    <t>4845588.0</t>
  </si>
  <si>
    <t>3714955.0</t>
  </si>
  <si>
    <t>138592.0</t>
  </si>
  <si>
    <t>124247.0</t>
  </si>
  <si>
    <t>53704.0</t>
  </si>
  <si>
    <t>1572476.0</t>
  </si>
  <si>
    <t>8370.0</t>
  </si>
  <si>
    <t>94.79</t>
  </si>
  <si>
    <t>26785.0</t>
  </si>
  <si>
    <t>8700167.0</t>
  </si>
  <si>
    <t>4903845.0</t>
  </si>
  <si>
    <t>3796322.0</t>
  </si>
  <si>
    <t>139624.0</t>
  </si>
  <si>
    <t>52564.0</t>
  </si>
  <si>
    <t>1579750.0</t>
  </si>
  <si>
    <t>95.229</t>
  </si>
  <si>
    <t>8862995.0</t>
  </si>
  <si>
    <t>4996723.0</t>
  </si>
  <si>
    <t>3866272.0</t>
  </si>
  <si>
    <t>133374.0</t>
  </si>
  <si>
    <t>56725.0</t>
  </si>
  <si>
    <t>9052857.0</t>
  </si>
  <si>
    <t>5104846.0</t>
  </si>
  <si>
    <t>3948011.0</t>
  </si>
  <si>
    <t>189862.0</t>
  </si>
  <si>
    <t>145960.0</t>
  </si>
  <si>
    <t>8705.0</t>
  </si>
  <si>
    <t>64342.0</t>
  </si>
  <si>
    <t>9242925.0</t>
  </si>
  <si>
    <t>5240159.0</t>
  </si>
  <si>
    <t>4002766.0</t>
  </si>
  <si>
    <t>190068.0</t>
  </si>
  <si>
    <t>157249.0</t>
  </si>
  <si>
    <t>76986.0</t>
  </si>
  <si>
    <t>9453858.0</t>
  </si>
  <si>
    <t>5417348.0</t>
  </si>
  <si>
    <t>4036510.0</t>
  </si>
  <si>
    <t>210933.0</t>
  </si>
  <si>
    <t>168796.0</t>
  </si>
  <si>
    <t>24.07</t>
  </si>
  <si>
    <t>95298.0</t>
  </si>
  <si>
    <t>9674498.0</t>
  </si>
  <si>
    <t>5601064.0</t>
  </si>
  <si>
    <t>4073434.0</t>
  </si>
  <si>
    <t>220640.0</t>
  </si>
  <si>
    <t>178935.0</t>
  </si>
  <si>
    <t>10671.0</t>
  </si>
  <si>
    <t>115410.0</t>
  </si>
  <si>
    <t>10684.0</t>
  </si>
  <si>
    <t>9877592.0</t>
  </si>
  <si>
    <t>5767616.0</t>
  </si>
  <si>
    <t>4109976.0</t>
  </si>
  <si>
    <t>203094.0</t>
  </si>
  <si>
    <t>188150.0</t>
  </si>
  <si>
    <t>131718.0</t>
  </si>
  <si>
    <t>10043602.0</t>
  </si>
  <si>
    <t>5912545.0</t>
  </si>
  <si>
    <t>4131057.0</t>
  </si>
  <si>
    <t>166010.0</t>
  </si>
  <si>
    <t>191919.0</t>
  </si>
  <si>
    <t>11446.0</t>
  </si>
  <si>
    <t>144100.0</t>
  </si>
  <si>
    <t>11829.0</t>
  </si>
  <si>
    <t>10217096.0</t>
  </si>
  <si>
    <t>6061305.0</t>
  </si>
  <si>
    <t>4155791.0</t>
  </si>
  <si>
    <t>173494.0</t>
  </si>
  <si>
    <t>193443.0</t>
  </si>
  <si>
    <t>36.15</t>
  </si>
  <si>
    <t>11537.0</t>
  </si>
  <si>
    <t>152083.0</t>
  </si>
  <si>
    <t>10398348.0</t>
  </si>
  <si>
    <t>6202414.0</t>
  </si>
  <si>
    <t>4195934.0</t>
  </si>
  <si>
    <t>181252.0</t>
  </si>
  <si>
    <t>192213.0</t>
  </si>
  <si>
    <t>156795.0</t>
  </si>
  <si>
    <t>10588170.0</t>
  </si>
  <si>
    <t>6334378.0</t>
  </si>
  <si>
    <t>4253792.0</t>
  </si>
  <si>
    <t>189822.0</t>
  </si>
  <si>
    <t>192178.0</t>
  </si>
  <si>
    <t>37.78</t>
  </si>
  <si>
    <t>156317.0</t>
  </si>
  <si>
    <t>10759533.0</t>
  </si>
  <si>
    <t>6454601.0</t>
  </si>
  <si>
    <t>4304932.0</t>
  </si>
  <si>
    <t>171363.0</t>
  </si>
  <si>
    <t>186525.0</t>
  </si>
  <si>
    <t>38.49</t>
  </si>
  <si>
    <t>148179.0</t>
  </si>
  <si>
    <t>10915733.0</t>
  </si>
  <si>
    <t>6552632.0</t>
  </si>
  <si>
    <t>4363101.0</t>
  </si>
  <si>
    <t>156200.0</t>
  </si>
  <si>
    <t>177319.0</t>
  </si>
  <si>
    <t>135938.0</t>
  </si>
  <si>
    <t>11079725.0</t>
  </si>
  <si>
    <t>6648473.0</t>
  </si>
  <si>
    <t>4431252.0</t>
  </si>
  <si>
    <t>163992.0</t>
  </si>
  <si>
    <t>171733.0</t>
  </si>
  <si>
    <t>26.43</t>
  </si>
  <si>
    <t>10242.0</t>
  </si>
  <si>
    <t>125837.0</t>
  </si>
  <si>
    <t>11223465.0</t>
  </si>
  <si>
    <t>6741782.0</t>
  </si>
  <si>
    <t>4481683.0</t>
  </si>
  <si>
    <t>143740.0</t>
  </si>
  <si>
    <t>168552.0</t>
  </si>
  <si>
    <t>40.21</t>
  </si>
  <si>
    <t>118462.0</t>
  </si>
  <si>
    <t>11379554.0</t>
  </si>
  <si>
    <t>6839109.0</t>
  </si>
  <si>
    <t>4540445.0</t>
  </si>
  <si>
    <t>166065.0</t>
  </si>
  <si>
    <t>111115.0</t>
  </si>
  <si>
    <t>11528264.0</t>
  </si>
  <si>
    <t>6941285.0</t>
  </si>
  <si>
    <t>4586979.0</t>
  </si>
  <si>
    <t>148710.0</t>
  </si>
  <si>
    <t>161417.0</t>
  </si>
  <si>
    <t>105553.0</t>
  </si>
  <si>
    <t>11670617.0</t>
  </si>
  <si>
    <t>7043969.0</t>
  </si>
  <si>
    <t>4626648.0</t>
  </si>
  <si>
    <t>142353.0</t>
  </si>
  <si>
    <t>154635.0</t>
  </si>
  <si>
    <t>42.01</t>
  </si>
  <si>
    <t>11802138.0</t>
  </si>
  <si>
    <t>7131184.0</t>
  </si>
  <si>
    <t>4670954.0</t>
  </si>
  <si>
    <t>131521.0</t>
  </si>
  <si>
    <t>148944.0</t>
  </si>
  <si>
    <t>96655.0</t>
  </si>
  <si>
    <t>11962852.0</t>
  </si>
  <si>
    <t>7233247.0</t>
  </si>
  <si>
    <t>4729605.0</t>
  </si>
  <si>
    <t>160714.0</t>
  </si>
  <si>
    <t>149588.0</t>
  </si>
  <si>
    <t>28.21</t>
  </si>
  <si>
    <t>8921.0</t>
  </si>
  <si>
    <t>97231.0</t>
  </si>
  <si>
    <t>12088317.0</t>
  </si>
  <si>
    <t>7304756.0</t>
  </si>
  <si>
    <t>4783561.0</t>
  </si>
  <si>
    <t>125465.0</t>
  </si>
  <si>
    <t>144085.0</t>
  </si>
  <si>
    <t>93755.0</t>
  </si>
  <si>
    <t>12232259.0</t>
  </si>
  <si>
    <t>7385013.0</t>
  </si>
  <si>
    <t>4847246.0</t>
  </si>
  <si>
    <t>143942.0</t>
  </si>
  <si>
    <t>144113.0</t>
  </si>
  <si>
    <t>91890.0</t>
  </si>
  <si>
    <t>12427005.0</t>
  </si>
  <si>
    <t>7498129.0</t>
  </si>
  <si>
    <t>4940739.0</t>
  </si>
  <si>
    <t>194746.0</t>
  </si>
  <si>
    <t>149636.0</t>
  </si>
  <si>
    <t>94146.0</t>
  </si>
  <si>
    <t>12644209.0</t>
  </si>
  <si>
    <t>7607844.0</t>
  </si>
  <si>
    <t>5067252.0</t>
  </si>
  <si>
    <t>217204.0</t>
  </si>
  <si>
    <t>95223.0</t>
  </si>
  <si>
    <t>12865011.0</t>
  </si>
  <si>
    <t>7704982.0</t>
  </si>
  <si>
    <t>5210115.0</t>
  </si>
  <si>
    <t>220802.0</t>
  </si>
  <si>
    <t>170628.0</t>
  </si>
  <si>
    <t>94430.0</t>
  </si>
  <si>
    <t>13128308.0</t>
  </si>
  <si>
    <t>7810469.0</t>
  </si>
  <si>
    <t>5402478.0</t>
  </si>
  <si>
    <t>263297.0</t>
  </si>
  <si>
    <t>189453.0</t>
  </si>
  <si>
    <t>97041.0</t>
  </si>
  <si>
    <t>13393448.0</t>
  </si>
  <si>
    <t>7927745.0</t>
  </si>
  <si>
    <t>5597888.0</t>
  </si>
  <si>
    <t>265140.0</t>
  </si>
  <si>
    <t>204371.0</t>
  </si>
  <si>
    <t>99214.0</t>
  </si>
  <si>
    <t>13681376.0</t>
  </si>
  <si>
    <t>8044707.0</t>
  </si>
  <si>
    <t>5821021.0</t>
  </si>
  <si>
    <t>287928.0</t>
  </si>
  <si>
    <t>227580.0</t>
  </si>
  <si>
    <t>81.59</t>
  </si>
  <si>
    <t>47.98</t>
  </si>
  <si>
    <t>13572.0</t>
  </si>
  <si>
    <t>105707.0</t>
  </si>
  <si>
    <t>13949503.0</t>
  </si>
  <si>
    <t>8151969.0</t>
  </si>
  <si>
    <t>6019634.0</t>
  </si>
  <si>
    <t>12457.0</t>
  </si>
  <si>
    <t>268127.0</t>
  </si>
  <si>
    <t>245321.0</t>
  </si>
  <si>
    <t>109565.0</t>
  </si>
  <si>
    <t>14259583.0</t>
  </si>
  <si>
    <t>8269744.0</t>
  </si>
  <si>
    <t>6239954.0</t>
  </si>
  <si>
    <t>39960.0</t>
  </si>
  <si>
    <t>310080.0</t>
  </si>
  <si>
    <t>261797.0</t>
  </si>
  <si>
    <t>85.04</t>
  </si>
  <si>
    <t>37.21</t>
  </si>
  <si>
    <t>110231.0</t>
  </si>
  <si>
    <t>14554485.0</t>
  </si>
  <si>
    <t>8396613.0</t>
  </si>
  <si>
    <t>6438770.0</t>
  </si>
  <si>
    <t>67637.0</t>
  </si>
  <si>
    <t>294902.0</t>
  </si>
  <si>
    <t>272897.0</t>
  </si>
  <si>
    <t>86.8</t>
  </si>
  <si>
    <t>16275.0</t>
  </si>
  <si>
    <t>112681.0</t>
  </si>
  <si>
    <t>14860238.0</t>
  </si>
  <si>
    <t>8519714.0</t>
  </si>
  <si>
    <t>6635999.0</t>
  </si>
  <si>
    <t>109509.0</t>
  </si>
  <si>
    <t>305753.0</t>
  </si>
  <si>
    <t>285032.0</t>
  </si>
  <si>
    <t>88.62</t>
  </si>
  <si>
    <t>16999.0</t>
  </si>
  <si>
    <t>116390.0</t>
  </si>
  <si>
    <t>15136506.0</t>
  </si>
  <si>
    <t>8639773.0</t>
  </si>
  <si>
    <t>6815808.0</t>
  </si>
  <si>
    <t>142712.0</t>
  </si>
  <si>
    <t>276268.0</t>
  </si>
  <si>
    <t>286885.0</t>
  </si>
  <si>
    <t>17109.0</t>
  </si>
  <si>
    <t>118472.0</t>
  </si>
  <si>
    <t>15372439.0</t>
  </si>
  <si>
    <t>8749906.0</t>
  </si>
  <si>
    <t>6967688.0</t>
  </si>
  <si>
    <t>167216.0</t>
  </si>
  <si>
    <t>235933.0</t>
  </si>
  <si>
    <t>282713.0</t>
  </si>
  <si>
    <t>52.18</t>
  </si>
  <si>
    <t>117452.0</t>
  </si>
  <si>
    <t>15622134.0</t>
  </si>
  <si>
    <t>8857979.0</t>
  </si>
  <si>
    <t>7116243.0</t>
  </si>
  <si>
    <t>206205.0</t>
  </si>
  <si>
    <t>249695.0</t>
  </si>
  <si>
    <t>277251.0</t>
  </si>
  <si>
    <t>93.17</t>
  </si>
  <si>
    <t>42.44</t>
  </si>
  <si>
    <t>16535.0</t>
  </si>
  <si>
    <t>116182.0</t>
  </si>
  <si>
    <t>15839320.0</t>
  </si>
  <si>
    <t>8948377.0</t>
  </si>
  <si>
    <t>7250849.0</t>
  </si>
  <si>
    <t>240244.0</t>
  </si>
  <si>
    <t>217186.0</t>
  </si>
  <si>
    <t>269974.0</t>
  </si>
  <si>
    <t>94.46</t>
  </si>
  <si>
    <t>16101.0</t>
  </si>
  <si>
    <t>113773.0</t>
  </si>
  <si>
    <t>16057767.0</t>
  </si>
  <si>
    <t>9044549.0</t>
  </si>
  <si>
    <t>7364522.0</t>
  </si>
  <si>
    <t>277074.0</t>
  </si>
  <si>
    <t>218447.0</t>
  </si>
  <si>
    <t>256883.0</t>
  </si>
  <si>
    <t>95.77</t>
  </si>
  <si>
    <t>110686.0</t>
  </si>
  <si>
    <t>16284464.0</t>
  </si>
  <si>
    <t>9157245.0</t>
  </si>
  <si>
    <t>7479110.0</t>
  </si>
  <si>
    <t>316913.0</t>
  </si>
  <si>
    <t>226697.0</t>
  </si>
  <si>
    <t>247140.0</t>
  </si>
  <si>
    <t>14739.0</t>
  </si>
  <si>
    <t>108662.0</t>
  </si>
  <si>
    <t>16514969.0</t>
  </si>
  <si>
    <t>9272769.0</t>
  </si>
  <si>
    <t>7577698.0</t>
  </si>
  <si>
    <t>357897.0</t>
  </si>
  <si>
    <t>230505.0</t>
  </si>
  <si>
    <t>236390.0</t>
  </si>
  <si>
    <t>14098.0</t>
  </si>
  <si>
    <t>16728863.0</t>
  </si>
  <si>
    <t>9388735.0</t>
  </si>
  <si>
    <t>7662263.0</t>
  </si>
  <si>
    <t>391401.0</t>
  </si>
  <si>
    <t>213894.0</t>
  </si>
  <si>
    <t>227480.0</t>
  </si>
  <si>
    <t>13566.0</t>
  </si>
  <si>
    <t>106995.0</t>
  </si>
  <si>
    <t>16928413.0</t>
  </si>
  <si>
    <t>9502819.0</t>
  </si>
  <si>
    <t>7737909.0</t>
  </si>
  <si>
    <t>423947.0</t>
  </si>
  <si>
    <t>199550.0</t>
  </si>
  <si>
    <t>222282.0</t>
  </si>
  <si>
    <t>100.96</t>
  </si>
  <si>
    <t>107559.0</t>
  </si>
  <si>
    <t>17151905.0</t>
  </si>
  <si>
    <t>9624260.0</t>
  </si>
  <si>
    <t>7802864.0</t>
  </si>
  <si>
    <t>476898.0</t>
  </si>
  <si>
    <t>223492.0</t>
  </si>
  <si>
    <t>218539.0</t>
  </si>
  <si>
    <t>13033.0</t>
  </si>
  <si>
    <t>109469.0</t>
  </si>
  <si>
    <t>17313877.0</t>
  </si>
  <si>
    <t>9717258.0</t>
  </si>
  <si>
    <t>7874938.0</t>
  </si>
  <si>
    <t>486834.0</t>
  </si>
  <si>
    <t>161972.0</t>
  </si>
  <si>
    <t>210651.0</t>
  </si>
  <si>
    <t>103.26</t>
  </si>
  <si>
    <t>109840.0</t>
  </si>
  <si>
    <t>17548703.0</t>
  </si>
  <si>
    <t>9851896.0</t>
  </si>
  <si>
    <t>7967118.0</t>
  </si>
  <si>
    <t>507940.0</t>
  </si>
  <si>
    <t>234826.0</t>
  </si>
  <si>
    <t>104.66</t>
  </si>
  <si>
    <t>12702.0</t>
  </si>
  <si>
    <t>115335.0</t>
  </si>
  <si>
    <t>17753932.0</t>
  </si>
  <si>
    <t>9961630.0</t>
  </si>
  <si>
    <t>8052243.0</t>
  </si>
  <si>
    <t>528736.0</t>
  </si>
  <si>
    <t>205229.0</t>
  </si>
  <si>
    <t>209924.0</t>
  </si>
  <si>
    <t>105.88</t>
  </si>
  <si>
    <t>12519.0</t>
  </si>
  <si>
    <t>114912.0</t>
  </si>
  <si>
    <t>17953133.0</t>
  </si>
  <si>
    <t>10071461.0</t>
  </si>
  <si>
    <t>8130459.0</t>
  </si>
  <si>
    <t>548670.0</t>
  </si>
  <si>
    <t>199201.0</t>
  </si>
  <si>
    <t>205452.0</t>
  </si>
  <si>
    <t>107.07</t>
  </si>
  <si>
    <t>12253.0</t>
  </si>
  <si>
    <t>114099.0</t>
  </si>
  <si>
    <t>18136438.0</t>
  </si>
  <si>
    <t>10176498.0</t>
  </si>
  <si>
    <t>8204217.0</t>
  </si>
  <si>
    <t>565318.0</t>
  </si>
  <si>
    <t>183305.0</t>
  </si>
  <si>
    <t>201082.0</t>
  </si>
  <si>
    <t>112538.0</t>
  </si>
  <si>
    <t>18337332.0</t>
  </si>
  <si>
    <t>10308435.0</t>
  </si>
  <si>
    <t>8275430.0</t>
  </si>
  <si>
    <t>576678.0</t>
  </si>
  <si>
    <t>200894.0</t>
  </si>
  <si>
    <t>201274.0</t>
  </si>
  <si>
    <t>109.36</t>
  </si>
  <si>
    <t>49.35</t>
  </si>
  <si>
    <t>12004.0</t>
  </si>
  <si>
    <t>115088.0</t>
  </si>
  <si>
    <t>18535210.0</t>
  </si>
  <si>
    <t>10440004.0</t>
  </si>
  <si>
    <t>8342770.0</t>
  </si>
  <si>
    <t>585454.0</t>
  </si>
  <si>
    <t>197878.0</t>
  </si>
  <si>
    <t>197615.0</t>
  </si>
  <si>
    <t>18714426.0</t>
  </si>
  <si>
    <t>10562995.0</t>
  </si>
  <si>
    <t>8392316.0</t>
  </si>
  <si>
    <t>599722.0</t>
  </si>
  <si>
    <t>179216.0</t>
  </si>
  <si>
    <t>200078.0</t>
  </si>
  <si>
    <t>111.61</t>
  </si>
  <si>
    <t>120820.0</t>
  </si>
  <si>
    <t>18912634.0</t>
  </si>
  <si>
    <t>10693964.0</t>
  </si>
  <si>
    <t>8458093.0</t>
  </si>
  <si>
    <t>610428.0</t>
  </si>
  <si>
    <t>198208.0</t>
  </si>
  <si>
    <t>194847.0</t>
  </si>
  <si>
    <t>112.79</t>
  </si>
  <si>
    <t>120295.0</t>
  </si>
  <si>
    <t>19085923.0</t>
  </si>
  <si>
    <t>10801691.0</t>
  </si>
  <si>
    <t>8525970.0</t>
  </si>
  <si>
    <t>616561.0</t>
  </si>
  <si>
    <t>173289.0</t>
  </si>
  <si>
    <t>190284.0</t>
  </si>
  <si>
    <t>11348.0</t>
  </si>
  <si>
    <t>120009.0</t>
  </si>
  <si>
    <t>19246341.0</t>
  </si>
  <si>
    <t>10894795.0</t>
  </si>
  <si>
    <t>8594733.0</t>
  </si>
  <si>
    <t>624380.0</t>
  </si>
  <si>
    <t>160418.0</t>
  </si>
  <si>
    <t>184744.0</t>
  </si>
  <si>
    <t>114.78</t>
  </si>
  <si>
    <t>11018.0</t>
  </si>
  <si>
    <t>117619.0</t>
  </si>
  <si>
    <t>19401263.0</t>
  </si>
  <si>
    <t>10978047.0</t>
  </si>
  <si>
    <t>8666321.0</t>
  </si>
  <si>
    <t>633097.0</t>
  </si>
  <si>
    <t>154922.0</t>
  </si>
  <si>
    <t>180689.0</t>
  </si>
  <si>
    <t>115.71</t>
  </si>
  <si>
    <t>65.47</t>
  </si>
  <si>
    <t>114507.0</t>
  </si>
  <si>
    <t>19536084.0</t>
  </si>
  <si>
    <t>11045289.0</t>
  </si>
  <si>
    <t>8726567.0</t>
  </si>
  <si>
    <t>648269.0</t>
  </si>
  <si>
    <t>134821.0</t>
  </si>
  <si>
    <t>171250.0</t>
  </si>
  <si>
    <t>116.51</t>
  </si>
  <si>
    <t>10213.0</t>
  </si>
  <si>
    <t>105265.0</t>
  </si>
  <si>
    <t>19830701.0</t>
  </si>
  <si>
    <t>11193354.0</t>
  </si>
  <si>
    <t>8877044.0</t>
  </si>
  <si>
    <t>660292.0</t>
  </si>
  <si>
    <t>294617.0</t>
  </si>
  <si>
    <t>185070.0</t>
  </si>
  <si>
    <t>118.27</t>
  </si>
  <si>
    <t>52.94</t>
  </si>
  <si>
    <t>107621.0</t>
  </si>
  <si>
    <t>19926987.0</t>
  </si>
  <si>
    <t>11242806.0</t>
  </si>
  <si>
    <t>8929045.0</t>
  </si>
  <si>
    <t>664113.0</t>
  </si>
  <si>
    <t>96286.0</t>
  </si>
  <si>
    <t>173223.0</t>
  </si>
  <si>
    <t>118.84</t>
  </si>
  <si>
    <t>97116.0</t>
  </si>
  <si>
    <t>20059399.0</t>
  </si>
  <si>
    <t>11291465.0</t>
  </si>
  <si>
    <t>9001123.0</t>
  </si>
  <si>
    <t>680353.0</t>
  </si>
  <si>
    <t>132412.0</t>
  </si>
  <si>
    <t>163824.0</t>
  </si>
  <si>
    <t>119.63</t>
  </si>
  <si>
    <t>85357.0</t>
  </si>
  <si>
    <t>20187062.0</t>
  </si>
  <si>
    <t>11328393.0</t>
  </si>
  <si>
    <t>9079672.0</t>
  </si>
  <si>
    <t>696229.0</t>
  </si>
  <si>
    <t>157306.0</t>
  </si>
  <si>
    <t>120.39</t>
  </si>
  <si>
    <t>20312411.0</t>
  </si>
  <si>
    <t>11363778.0</t>
  </si>
  <si>
    <t>9164169.0</t>
  </si>
  <si>
    <t>710730.0</t>
  </si>
  <si>
    <t>125349.0</t>
  </si>
  <si>
    <t>152296.0</t>
  </si>
  <si>
    <t>20430920.0</t>
  </si>
  <si>
    <t>11385200.0</t>
  </si>
  <si>
    <t>9253564.0</t>
  </si>
  <si>
    <t>726040.0</t>
  </si>
  <si>
    <t>118509.0</t>
  </si>
  <si>
    <t>147094.0</t>
  </si>
  <si>
    <t>55.19</t>
  </si>
  <si>
    <t>8772.0</t>
  </si>
  <si>
    <t>58165.0</t>
  </si>
  <si>
    <t>2289480.0</t>
  </si>
  <si>
    <t>138.012</t>
  </si>
  <si>
    <t>20554497.0</t>
  </si>
  <si>
    <t>11406989.0</t>
  </si>
  <si>
    <t>9350408.0</t>
  </si>
  <si>
    <t>742293.0</t>
  </si>
  <si>
    <t>123577.0</t>
  </si>
  <si>
    <t>145488.0</t>
  </si>
  <si>
    <t>51671.0</t>
  </si>
  <si>
    <t>20672555.0</t>
  </si>
  <si>
    <t>11429835.0</t>
  </si>
  <si>
    <t>9443927.0</t>
  </si>
  <si>
    <t>756837.0</t>
  </si>
  <si>
    <t>118058.0</t>
  </si>
  <si>
    <t>120265.0</t>
  </si>
  <si>
    <t>33783.0</t>
  </si>
  <si>
    <t>20763467.0</t>
  </si>
  <si>
    <t>11446420.0</t>
  </si>
  <si>
    <t>9519460.0</t>
  </si>
  <si>
    <t>767171.0</t>
  </si>
  <si>
    <t>90912.0</t>
  </si>
  <si>
    <t>119497.0</t>
  </si>
  <si>
    <t>29088.0</t>
  </si>
  <si>
    <t>20898628.0</t>
  </si>
  <si>
    <t>11470653.0</t>
  </si>
  <si>
    <t>9634262.0</t>
  </si>
  <si>
    <t>779132.0</t>
  </si>
  <si>
    <t>135161.0</t>
  </si>
  <si>
    <t>119890.0</t>
  </si>
  <si>
    <t>124.64</t>
  </si>
  <si>
    <t>25598.0</t>
  </si>
  <si>
    <t>7032.0</t>
  </si>
  <si>
    <t>21045215.0</t>
  </si>
  <si>
    <t>11489661.0</t>
  </si>
  <si>
    <t>9763157.0</t>
  </si>
  <si>
    <t>790111.0</t>
  </si>
  <si>
    <t>146587.0</t>
  </si>
  <si>
    <t>122593.0</t>
  </si>
  <si>
    <t>5833.0</t>
  </si>
  <si>
    <t>21188897.0</t>
  </si>
  <si>
    <t>11506197.0</t>
  </si>
  <si>
    <t>9890449.0</t>
  </si>
  <si>
    <t>799908.0</t>
  </si>
  <si>
    <t>143682.0</t>
  </si>
  <si>
    <t>125212.0</t>
  </si>
  <si>
    <t>126.37</t>
  </si>
  <si>
    <t>21321845.0</t>
  </si>
  <si>
    <t>11527033.0</t>
  </si>
  <si>
    <t>10004334.0</t>
  </si>
  <si>
    <t>806717.0</t>
  </si>
  <si>
    <t>132948.0</t>
  </si>
  <si>
    <t>127275.0</t>
  </si>
  <si>
    <t>127.16</t>
  </si>
  <si>
    <t>7590.0</t>
  </si>
  <si>
    <t>20262.0</t>
  </si>
  <si>
    <t>21515306.0</t>
  </si>
  <si>
    <t>11608143.0</t>
  </si>
  <si>
    <t>10114802.0</t>
  </si>
  <si>
    <t>815581.0</t>
  </si>
  <si>
    <t>193461.0</t>
  </si>
  <si>
    <t>137258.0</t>
  </si>
  <si>
    <t>128.31</t>
  </si>
  <si>
    <t>8186.0</t>
  </si>
  <si>
    <t>21838845.0</t>
  </si>
  <si>
    <t>11825416.0</t>
  </si>
  <si>
    <t>10217045.0</t>
  </si>
  <si>
    <t>823836.0</t>
  </si>
  <si>
    <t>323539.0</t>
  </si>
  <si>
    <t>166613.0</t>
  </si>
  <si>
    <t>130.24</t>
  </si>
  <si>
    <t>56512.0</t>
  </si>
  <si>
    <t>22152521.0</t>
  </si>
  <si>
    <t>12049739.0</t>
  </si>
  <si>
    <t>10304104.0</t>
  </si>
  <si>
    <t>830814.0</t>
  </si>
  <si>
    <t>313676.0</t>
  </si>
  <si>
    <t>198436.0</t>
  </si>
  <si>
    <t>132.11</t>
  </si>
  <si>
    <t>11834.0</t>
  </si>
  <si>
    <t>86188.0</t>
  </si>
  <si>
    <t>22494499.0</t>
  </si>
  <si>
    <t>12276013.0</t>
  </si>
  <si>
    <t>10412733.0</t>
  </si>
  <si>
    <t>838744.0</t>
  </si>
  <si>
    <t>341978.0</t>
  </si>
  <si>
    <t>134.15</t>
  </si>
  <si>
    <t>13596.0</t>
  </si>
  <si>
    <t>115051.0</t>
  </si>
  <si>
    <t>22818660.0</t>
  </si>
  <si>
    <t>12483588.0</t>
  </si>
  <si>
    <t>10527938.0</t>
  </si>
  <si>
    <t>844344.0</t>
  </si>
  <si>
    <t>324161.0</t>
  </si>
  <si>
    <t>253349.0</t>
  </si>
  <si>
    <t>136.09</t>
  </si>
  <si>
    <t>141990.0</t>
  </si>
  <si>
    <t>23099813.0</t>
  </si>
  <si>
    <t>12666817.0</t>
  </si>
  <si>
    <t>10624382.0</t>
  </si>
  <si>
    <t>849610.0</t>
  </si>
  <si>
    <t>281153.0</t>
  </si>
  <si>
    <t>272988.0</t>
  </si>
  <si>
    <t>16280.0</t>
  </si>
  <si>
    <t>165803.0</t>
  </si>
  <si>
    <t>23341613.0</t>
  </si>
  <si>
    <t>12823868.0</t>
  </si>
  <si>
    <t>10706838.0</t>
  </si>
  <si>
    <t>855045.0</t>
  </si>
  <si>
    <t>241800.0</t>
  </si>
  <si>
    <t>288538.0</t>
  </si>
  <si>
    <t>185262.0</t>
  </si>
  <si>
    <t>23538405.0</t>
  </si>
  <si>
    <t>12950149.0</t>
  </si>
  <si>
    <t>10774063.0</t>
  </si>
  <si>
    <t>860551.0</t>
  </si>
  <si>
    <t>196792.0</t>
  </si>
  <si>
    <t>289014.0</t>
  </si>
  <si>
    <t>140.38</t>
  </si>
  <si>
    <t>191715.0</t>
  </si>
  <si>
    <t>23705080.0</t>
  </si>
  <si>
    <t>13050906.0</t>
  </si>
  <si>
    <t>10836103.0</t>
  </si>
  <si>
    <t>865298.0</t>
  </si>
  <si>
    <t>166675.0</t>
  </si>
  <si>
    <t>266605.0</t>
  </si>
  <si>
    <t>141.37</t>
  </si>
  <si>
    <t>175070.0</t>
  </si>
  <si>
    <t>23830570.0</t>
  </si>
  <si>
    <t>13124421.0</t>
  </si>
  <si>
    <t>10884162.0</t>
  </si>
  <si>
    <t>869680.0</t>
  </si>
  <si>
    <t>125490.0</t>
  </si>
  <si>
    <t>239721.0</t>
  </si>
  <si>
    <t>142.12</t>
  </si>
  <si>
    <t>153526.0</t>
  </si>
  <si>
    <t>23972205.0</t>
  </si>
  <si>
    <t>13206236.0</t>
  </si>
  <si>
    <t>10939239.0</t>
  </si>
  <si>
    <t>875238.0</t>
  </si>
  <si>
    <t>141635.0</t>
  </si>
  <si>
    <t>211101.0</t>
  </si>
  <si>
    <t>142.97</t>
  </si>
  <si>
    <t>132889.0</t>
  </si>
  <si>
    <t>24090068.0</t>
  </si>
  <si>
    <t>13273263.0</t>
  </si>
  <si>
    <t>10985231.0</t>
  </si>
  <si>
    <t>881432.0</t>
  </si>
  <si>
    <t>117863.0</t>
  </si>
  <si>
    <t>181630.0</t>
  </si>
  <si>
    <t>143.67</t>
  </si>
  <si>
    <t>65.51</t>
  </si>
  <si>
    <t>112811.0</t>
  </si>
  <si>
    <t>0.2367</t>
  </si>
  <si>
    <t>24190543.0</t>
  </si>
  <si>
    <t>13328064.0</t>
  </si>
  <si>
    <t>11025293.0</t>
  </si>
  <si>
    <t>887327.0</t>
  </si>
  <si>
    <t>100475.0</t>
  </si>
  <si>
    <t>155819.0</t>
  </si>
  <si>
    <t>144.27</t>
  </si>
  <si>
    <t>94464.0</t>
  </si>
  <si>
    <t>24272621.0</t>
  </si>
  <si>
    <t>13370838.0</t>
  </si>
  <si>
    <t>11060573.0</t>
  </si>
  <si>
    <t>894361.0</t>
  </si>
  <si>
    <t>82078.0</t>
  </si>
  <si>
    <t>133001.0</t>
  </si>
  <si>
    <t>79.74</t>
  </si>
  <si>
    <t>78139.0</t>
  </si>
  <si>
    <t>24332508.0</t>
  </si>
  <si>
    <t>13401922.0</t>
  </si>
  <si>
    <t>11085410.0</t>
  </si>
  <si>
    <t>898327.0</t>
  </si>
  <si>
    <t>59887.0</t>
  </si>
  <si>
    <t>113443.0</t>
  </si>
  <si>
    <t>145.11</t>
  </si>
  <si>
    <t>64539.0</t>
  </si>
  <si>
    <t>24378824.0</t>
  </si>
  <si>
    <t>13424971.0</t>
  </si>
  <si>
    <t>11105097.0</t>
  </si>
  <si>
    <t>901907.0</t>
  </si>
  <si>
    <t>46316.0</t>
  </si>
  <si>
    <t>96249.0</t>
  </si>
  <si>
    <t>145.39</t>
  </si>
  <si>
    <t>53438.0</t>
  </si>
  <si>
    <t>24411182.0</t>
  </si>
  <si>
    <t>13441093.0</t>
  </si>
  <si>
    <t>11119189.0</t>
  </si>
  <si>
    <t>904051.0</t>
  </si>
  <si>
    <t>32358.0</t>
  </si>
  <si>
    <t>80.16</t>
  </si>
  <si>
    <t>45239.0</t>
  </si>
  <si>
    <t>24439901.0</t>
  </si>
  <si>
    <t>13454384.0</t>
  </si>
  <si>
    <t>11131493.0</t>
  </si>
  <si>
    <t>907175.0</t>
  </si>
  <si>
    <t>28719.0</t>
  </si>
  <si>
    <t>66814.0</t>
  </si>
  <si>
    <t>145.75</t>
  </si>
  <si>
    <t>80.24</t>
  </si>
  <si>
    <t>24446643.0</t>
  </si>
  <si>
    <t>13456306.0</t>
  </si>
  <si>
    <t>11135817.0</t>
  </si>
  <si>
    <t>907671.0</t>
  </si>
  <si>
    <t>6742.0</t>
  </si>
  <si>
    <t>50939.0</t>
  </si>
  <si>
    <t>145.79</t>
  </si>
  <si>
    <t>24447227.0</t>
  </si>
  <si>
    <t>13456672.0</t>
  </si>
  <si>
    <t>11135916.0</t>
  </si>
  <si>
    <t>907790.0</t>
  </si>
  <si>
    <t>36669.0</t>
  </si>
  <si>
    <t>18373.0</t>
  </si>
  <si>
    <t>24448071.0</t>
  </si>
  <si>
    <t>13456872.0</t>
  </si>
  <si>
    <t>11136261.0</t>
  </si>
  <si>
    <t>908089.0</t>
  </si>
  <si>
    <t>25064.0</t>
  </si>
  <si>
    <t>12291.0</t>
  </si>
  <si>
    <t>24510673.0</t>
  </si>
  <si>
    <t>13468296.0</t>
  </si>
  <si>
    <t>11182731.0</t>
  </si>
  <si>
    <t>912797.0</t>
  </si>
  <si>
    <t>62602.0</t>
  </si>
  <si>
    <t>25452.0</t>
  </si>
  <si>
    <t>146.18</t>
  </si>
  <si>
    <t>24671297.0</t>
  </si>
  <si>
    <t>13480746.0</t>
  </si>
  <si>
    <t>11325707.0</t>
  </si>
  <si>
    <t>917995.0</t>
  </si>
  <si>
    <t>160624.0</t>
  </si>
  <si>
    <t>41782.0</t>
  </si>
  <si>
    <t>147.13</t>
  </si>
  <si>
    <t>7968.0</t>
  </si>
  <si>
    <t>24861031.0</t>
  </si>
  <si>
    <t>13492406.0</t>
  </si>
  <si>
    <t>11498517.0</t>
  </si>
  <si>
    <t>923259.0</t>
  </si>
  <si>
    <t>189734.0</t>
  </si>
  <si>
    <t>64264.0</t>
  </si>
  <si>
    <t>148.27</t>
  </si>
  <si>
    <t>68.57</t>
  </si>
  <si>
    <t>25162526.0</t>
  </si>
  <si>
    <t>13510285.0</t>
  </si>
  <si>
    <t>11724361.0</t>
  </si>
  <si>
    <t>981031.0</t>
  </si>
  <si>
    <t>301495.0</t>
  </si>
  <si>
    <t>103232.0</t>
  </si>
  <si>
    <t>25486685.0</t>
  </si>
  <si>
    <t>13527978.0</t>
  </si>
  <si>
    <t>11941520.0</t>
  </si>
  <si>
    <t>1070338.0</t>
  </si>
  <si>
    <t>324159.0</t>
  </si>
  <si>
    <t>148577.0</t>
  </si>
  <si>
    <t>10239.0</t>
  </si>
  <si>
    <t>25772396.0</t>
  </si>
  <si>
    <t>13545823.0</t>
  </si>
  <si>
    <t>12131297.0</t>
  </si>
  <si>
    <t>1148427.0</t>
  </si>
  <si>
    <t>285711.0</t>
  </si>
  <si>
    <t>189310.0</t>
  </si>
  <si>
    <t>153.7</t>
  </si>
  <si>
    <t>26025590.0</t>
  </si>
  <si>
    <t>13561866.0</t>
  </si>
  <si>
    <t>12298389.0</t>
  </si>
  <si>
    <t>1218486.0</t>
  </si>
  <si>
    <t>253194.0</t>
  </si>
  <si>
    <t>225360.0</t>
  </si>
  <si>
    <t>155.21</t>
  </si>
  <si>
    <t>26235936.0</t>
  </si>
  <si>
    <t>13574139.0</t>
  </si>
  <si>
    <t>12432963.0</t>
  </si>
  <si>
    <t>1281985.0</t>
  </si>
  <si>
    <t>210346.0</t>
  </si>
  <si>
    <t>246466.0</t>
  </si>
  <si>
    <t>156.47</t>
  </si>
  <si>
    <t>14699.0</t>
  </si>
  <si>
    <t>26438825.0</t>
  </si>
  <si>
    <t>13585319.0</t>
  </si>
  <si>
    <t>12541420.0</t>
  </si>
  <si>
    <t>1365237.0</t>
  </si>
  <si>
    <t>202889.0</t>
  </si>
  <si>
    <t>252504.0</t>
  </si>
  <si>
    <t>157.68</t>
  </si>
  <si>
    <t>15059.0</t>
  </si>
  <si>
    <t>26589595.0</t>
  </si>
  <si>
    <t>13593910.0</t>
  </si>
  <si>
    <t>12617254.0</t>
  </si>
  <si>
    <t>1431582.0</t>
  </si>
  <si>
    <t>150770.0</t>
  </si>
  <si>
    <t>246938.0</t>
  </si>
  <si>
    <t>14501.0</t>
  </si>
  <si>
    <t>26751792.0</t>
  </si>
  <si>
    <t>13609521.0</t>
  </si>
  <si>
    <t>12714675.0</t>
  </si>
  <si>
    <t>1480747.0</t>
  </si>
  <si>
    <t>162197.0</t>
  </si>
  <si>
    <t>227038.0</t>
  </si>
  <si>
    <t>159.54</t>
  </si>
  <si>
    <t>14177.0</t>
  </si>
  <si>
    <t>26886254.0</t>
  </si>
  <si>
    <t>13622977.0</t>
  </si>
  <si>
    <t>12797655.0</t>
  </si>
  <si>
    <t>1518773.0</t>
  </si>
  <si>
    <t>134462.0</t>
  </si>
  <si>
    <t>199938.0</t>
  </si>
  <si>
    <t>160.34</t>
  </si>
  <si>
    <t>81.24</t>
  </si>
  <si>
    <t>26998351.0</t>
  </si>
  <si>
    <t>13634458.0</t>
  </si>
  <si>
    <t>12856612.0</t>
  </si>
  <si>
    <t>1560432.0</t>
  </si>
  <si>
    <t>112097.0</t>
  </si>
  <si>
    <t>161.01</t>
  </si>
  <si>
    <t>12662.0</t>
  </si>
  <si>
    <t>27090946.0</t>
  </si>
  <si>
    <t>13643415.0</t>
  </si>
  <si>
    <t>12902262.0</t>
  </si>
  <si>
    <t>1598420.0</t>
  </si>
  <si>
    <t>92595.0</t>
  </si>
  <si>
    <t>152194.0</t>
  </si>
  <si>
    <t>161.56</t>
  </si>
  <si>
    <t>27163990.0</t>
  </si>
  <si>
    <t>13652232.0</t>
  </si>
  <si>
    <t>12941476.0</t>
  </si>
  <si>
    <t>1623433.0</t>
  </si>
  <si>
    <t>73044.0</t>
  </si>
  <si>
    <t>132579.0</t>
  </si>
  <si>
    <t>7907.0</t>
  </si>
  <si>
    <t>27243478.0</t>
  </si>
  <si>
    <t>13658227.0</t>
  </si>
  <si>
    <t>12967268.0</t>
  </si>
  <si>
    <t>1671134.0</t>
  </si>
  <si>
    <t>79488.0</t>
  </si>
  <si>
    <t>114950.0</t>
  </si>
  <si>
    <t>27309793.0</t>
  </si>
  <si>
    <t>13663527.0</t>
  </si>
  <si>
    <t>12988266.0</t>
  </si>
  <si>
    <t>1711151.0</t>
  </si>
  <si>
    <t>66315.0</t>
  </si>
  <si>
    <t>81.49</t>
  </si>
  <si>
    <t>27356822.0</t>
  </si>
  <si>
    <t>13673478.0</t>
  </si>
  <si>
    <t>13009481.0</t>
  </si>
  <si>
    <t>1727014.0</t>
  </si>
  <si>
    <t>47029.0</t>
  </si>
  <si>
    <t>86433.0</t>
  </si>
  <si>
    <t>163.15</t>
  </si>
  <si>
    <t>77.59</t>
  </si>
  <si>
    <t>27390800.0</t>
  </si>
  <si>
    <t>13681827.0</t>
  </si>
  <si>
    <t>13019567.0</t>
  </si>
  <si>
    <t>1742557.0</t>
  </si>
  <si>
    <t>72078.0</t>
  </si>
  <si>
    <t>4299.0</t>
  </si>
  <si>
    <t>8407.0</t>
  </si>
  <si>
    <t>27420723.0</t>
  </si>
  <si>
    <t>13688442.0</t>
  </si>
  <si>
    <t>13026141.0</t>
  </si>
  <si>
    <t>1759291.0</t>
  </si>
  <si>
    <t>60339.0</t>
  </si>
  <si>
    <t>27457576.0</t>
  </si>
  <si>
    <t>13697329.0</t>
  </si>
  <si>
    <t>13035905.0</t>
  </si>
  <si>
    <t>1777493.0</t>
  </si>
  <si>
    <t>36853.0</t>
  </si>
  <si>
    <t>81.69</t>
  </si>
  <si>
    <t>27488038.0</t>
  </si>
  <si>
    <t>13701863.0</t>
  </si>
  <si>
    <t>13046418.0</t>
  </si>
  <si>
    <t>1792908.0</t>
  </si>
  <si>
    <t>30462.0</t>
  </si>
  <si>
    <t>163.93</t>
  </si>
  <si>
    <t>7090.0</t>
  </si>
  <si>
    <t>27540334.0</t>
  </si>
  <si>
    <t>13706107.0</t>
  </si>
  <si>
    <t>13056188.0</t>
  </si>
  <si>
    <t>1831190.0</t>
  </si>
  <si>
    <t>52296.0</t>
  </si>
  <si>
    <t>42408.0</t>
  </si>
  <si>
    <t>164.24</t>
  </si>
  <si>
    <t>27582895.0</t>
  </si>
  <si>
    <t>13709487.0</t>
  </si>
  <si>
    <t>13065834.0</t>
  </si>
  <si>
    <t>1860725.0</t>
  </si>
  <si>
    <t>42561.0</t>
  </si>
  <si>
    <t>39015.0</t>
  </si>
  <si>
    <t>164.5</t>
  </si>
  <si>
    <t>27660458.0</t>
  </si>
  <si>
    <t>13746625.0</t>
  </si>
  <si>
    <t>13081073.0</t>
  </si>
  <si>
    <t>1885911.0</t>
  </si>
  <si>
    <t>77563.0</t>
  </si>
  <si>
    <t>164.96</t>
  </si>
  <si>
    <t>81.98</t>
  </si>
  <si>
    <t>10450.0</t>
  </si>
  <si>
    <t>27754142.0</t>
  </si>
  <si>
    <t>13801971.0</t>
  </si>
  <si>
    <t>13097279.0</t>
  </si>
  <si>
    <t>1908043.0</t>
  </si>
  <si>
    <t>93684.0</t>
  </si>
  <si>
    <t>51906.0</t>
  </si>
  <si>
    <t>165.52</t>
  </si>
  <si>
    <t>78.11</t>
  </si>
  <si>
    <t>27840354.0</t>
  </si>
  <si>
    <t>13852616.0</t>
  </si>
  <si>
    <t>13111011.0</t>
  </si>
  <si>
    <t>1929878.0</t>
  </si>
  <si>
    <t>86212.0</t>
  </si>
  <si>
    <t>59947.0</t>
  </si>
  <si>
    <t>166.03</t>
  </si>
  <si>
    <t>27910923.0</t>
  </si>
  <si>
    <t>13898766.0</t>
  </si>
  <si>
    <t>13123236.0</t>
  </si>
  <si>
    <t>1942072.0</t>
  </si>
  <si>
    <t>70569.0</t>
  </si>
  <si>
    <t>64764.0</t>
  </si>
  <si>
    <t>27967153.0</t>
  </si>
  <si>
    <t>13930397.0</t>
  </si>
  <si>
    <t>13134662.0</t>
  </si>
  <si>
    <t>1955245.0</t>
  </si>
  <si>
    <t>56230.0</t>
  </si>
  <si>
    <t>68445.0</t>
  </si>
  <si>
    <t>166.79</t>
  </si>
  <si>
    <t>32648.0</t>
  </si>
  <si>
    <t>66288.0</t>
  </si>
  <si>
    <t>34436.0</t>
  </si>
  <si>
    <t>28041552.0</t>
  </si>
  <si>
    <t>13963921.0</t>
  </si>
  <si>
    <t>13149177.0</t>
  </si>
  <si>
    <t>1981605.0</t>
  </si>
  <si>
    <t>65522.0</t>
  </si>
  <si>
    <t>167.23</t>
  </si>
  <si>
    <t>28091131.0</t>
  </si>
  <si>
    <t>13988235.0</t>
  </si>
  <si>
    <t>13163613.0</t>
  </si>
  <si>
    <t>1992434.0</t>
  </si>
  <si>
    <t>49579.0</t>
  </si>
  <si>
    <t>61525.0</t>
  </si>
  <si>
    <t>167.53</t>
  </si>
  <si>
    <t>34516.0</t>
  </si>
  <si>
    <t>28114132.0</t>
  </si>
  <si>
    <t>13999741.0</t>
  </si>
  <si>
    <t>13170169.0</t>
  </si>
  <si>
    <t>1997373.0</t>
  </si>
  <si>
    <t>23001.0</t>
  </si>
  <si>
    <t>51427.0</t>
  </si>
  <si>
    <t>167.67</t>
  </si>
  <si>
    <t>28253.0</t>
  </si>
  <si>
    <t>28150892.0</t>
  </si>
  <si>
    <t>14017087.0</t>
  </si>
  <si>
    <t>13181932.0</t>
  </si>
  <si>
    <t>2005024.0</t>
  </si>
  <si>
    <t>28182589.0</t>
  </si>
  <si>
    <t>14032348.0</t>
  </si>
  <si>
    <t>13191432.0</t>
  </si>
  <si>
    <t>2011960.0</t>
  </si>
  <si>
    <t>31697.0</t>
  </si>
  <si>
    <t>38809.0</t>
  </si>
  <si>
    <t>168.08</t>
  </si>
  <si>
    <t>28210938.0</t>
  </si>
  <si>
    <t>14045675.0</t>
  </si>
  <si>
    <t>13199809.0</t>
  </si>
  <si>
    <t>2018605.0</t>
  </si>
  <si>
    <t>28349.0</t>
  </si>
  <si>
    <t>34826.0</t>
  </si>
  <si>
    <t>52.3</t>
  </si>
  <si>
    <t>28230176.0</t>
  </si>
  <si>
    <t>14051925.0</t>
  </si>
  <si>
    <t>13202848.0</t>
  </si>
  <si>
    <t>2028554.0</t>
  </si>
  <si>
    <t>19238.0</t>
  </si>
  <si>
    <t>32260.0</t>
  </si>
  <si>
    <t>14967.0</t>
  </si>
  <si>
    <t>28231176.0</t>
  </si>
  <si>
    <t>13203848.0</t>
  </si>
  <si>
    <t>27089.0</t>
  </si>
  <si>
    <t>28241359.0</t>
  </si>
  <si>
    <t>14055958.0</t>
  </si>
  <si>
    <t>13207379.0</t>
  </si>
  <si>
    <t>2031173.0</t>
  </si>
  <si>
    <t>21461.0</t>
  </si>
  <si>
    <t>168.43</t>
  </si>
  <si>
    <t>28327177.0</t>
  </si>
  <si>
    <t>14079049.0</t>
  </si>
  <si>
    <t>13225431.0</t>
  </si>
  <si>
    <t>2075848.0</t>
  </si>
  <si>
    <t>85818.0</t>
  </si>
  <si>
    <t>168.94</t>
  </si>
  <si>
    <t>12.38</t>
  </si>
  <si>
    <t>11330.0</t>
  </si>
  <si>
    <t>28366730.0</t>
  </si>
  <si>
    <t>14087335.0</t>
  </si>
  <si>
    <t>13232037.0</t>
  </si>
  <si>
    <t>2100509.0</t>
  </si>
  <si>
    <t>39553.0</t>
  </si>
  <si>
    <t>169.17</t>
  </si>
  <si>
    <t>78.91</t>
  </si>
  <si>
    <t>10035.0</t>
  </si>
  <si>
    <t>28380908.0</t>
  </si>
  <si>
    <t>14088395.0</t>
  </si>
  <si>
    <t>13232757.0</t>
  </si>
  <si>
    <t>2112907.0</t>
  </si>
  <si>
    <t>14178.0</t>
  </si>
  <si>
    <t>169.26</t>
  </si>
  <si>
    <t>28391116.0</t>
  </si>
  <si>
    <t>14089134.0</t>
  </si>
  <si>
    <t>13233192.0</t>
  </si>
  <si>
    <t>2121941.0</t>
  </si>
  <si>
    <t>10208.0</t>
  </si>
  <si>
    <t>25740.0</t>
  </si>
  <si>
    <t>28405577.0</t>
  </si>
  <si>
    <t>14090184.0</t>
  </si>
  <si>
    <t>13234187.0</t>
  </si>
  <si>
    <t>2134357.0</t>
  </si>
  <si>
    <t>25057.0</t>
  </si>
  <si>
    <t>28414237.0</t>
  </si>
  <si>
    <t>14090548.0</t>
  </si>
  <si>
    <t>13234874.0</t>
  </si>
  <si>
    <t>2141966.0</t>
  </si>
  <si>
    <t>26152.0</t>
  </si>
  <si>
    <t>169.46</t>
  </si>
  <si>
    <t>28450118.0</t>
  </si>
  <si>
    <t>14100034.0</t>
  </si>
  <si>
    <t>13246305.0</t>
  </si>
  <si>
    <t>2156930.0</t>
  </si>
  <si>
    <t>35881.0</t>
  </si>
  <si>
    <t>29823.0</t>
  </si>
  <si>
    <t>169.67</t>
  </si>
  <si>
    <t>28482592.0</t>
  </si>
  <si>
    <t>14107903.0</t>
  </si>
  <si>
    <t>13255582.0</t>
  </si>
  <si>
    <t>2172258.0</t>
  </si>
  <si>
    <t>32474.0</t>
  </si>
  <si>
    <t>22202.0</t>
  </si>
  <si>
    <t>169.86</t>
  </si>
  <si>
    <t>79.05</t>
  </si>
  <si>
    <t>28510511.0</t>
  </si>
  <si>
    <t>14114474.0</t>
  </si>
  <si>
    <t>13262981.0</t>
  </si>
  <si>
    <t>2186207.0</t>
  </si>
  <si>
    <t>20540.0</t>
  </si>
  <si>
    <t>170.03</t>
  </si>
  <si>
    <t>28536341.0</t>
  </si>
  <si>
    <t>14120007.0</t>
  </si>
  <si>
    <t>13270103.0</t>
  </si>
  <si>
    <t>2199382.0</t>
  </si>
  <si>
    <t>22205.0</t>
  </si>
  <si>
    <t>28564675.0</t>
  </si>
  <si>
    <t>14125921.0</t>
  </si>
  <si>
    <t>13277803.0</t>
  </si>
  <si>
    <t>2214102.0</t>
  </si>
  <si>
    <t>170.35</t>
  </si>
  <si>
    <t>28581422.0</t>
  </si>
  <si>
    <t>14127856.0</t>
  </si>
  <si>
    <t>13280656.0</t>
  </si>
  <si>
    <t>2226061.0</t>
  </si>
  <si>
    <t>16747.0</t>
  </si>
  <si>
    <t>170.45</t>
  </si>
  <si>
    <t>28597011.0</t>
  </si>
  <si>
    <t>14129389.0</t>
  </si>
  <si>
    <t>13285251.0</t>
  </si>
  <si>
    <t>2235522.0</t>
  </si>
  <si>
    <t>26111.0</t>
  </si>
  <si>
    <t>170.55</t>
  </si>
  <si>
    <t>28657761.0</t>
  </si>
  <si>
    <t>14137642.0</t>
  </si>
  <si>
    <t>13320478.0</t>
  </si>
  <si>
    <t>2252792.0</t>
  </si>
  <si>
    <t>60750.0</t>
  </si>
  <si>
    <t>29663.0</t>
  </si>
  <si>
    <t>170.91</t>
  </si>
  <si>
    <t>125.9</t>
  </si>
  <si>
    <t>28716448.0</t>
  </si>
  <si>
    <t>14145606.0</t>
  </si>
  <si>
    <t>13351514.0</t>
  </si>
  <si>
    <t>2272479.0</t>
  </si>
  <si>
    <t>58687.0</t>
  </si>
  <si>
    <t>28774496.0</t>
  </si>
  <si>
    <t>14152523.0</t>
  </si>
  <si>
    <t>13384463.0</t>
  </si>
  <si>
    <t>2290661.0</t>
  </si>
  <si>
    <t>58048.0</t>
  </si>
  <si>
    <t>171.61</t>
  </si>
  <si>
    <t>138.2</t>
  </si>
  <si>
    <t>28843614.0</t>
  </si>
  <si>
    <t>14159169.0</t>
  </si>
  <si>
    <t>13414877.0</t>
  </si>
  <si>
    <t>2322719.0</t>
  </si>
  <si>
    <t>69118.0</t>
  </si>
  <si>
    <t>43896.0</t>
  </si>
  <si>
    <t>28908865.0</t>
  </si>
  <si>
    <t>14165298.0</t>
  </si>
  <si>
    <t>13437233.0</t>
  </si>
  <si>
    <t>2359485.0</t>
  </si>
  <si>
    <t>65251.0</t>
  </si>
  <si>
    <t>49170.0</t>
  </si>
  <si>
    <t>28966762.0</t>
  </si>
  <si>
    <t>14168343.0</t>
  </si>
  <si>
    <t>13456218.0</t>
  </si>
  <si>
    <t>2395352.0</t>
  </si>
  <si>
    <t>57897.0</t>
  </si>
  <si>
    <t>55049.0</t>
  </si>
  <si>
    <t>29001512.0</t>
  </si>
  <si>
    <t>14170074.0</t>
  </si>
  <si>
    <t>13465652.0</t>
  </si>
  <si>
    <t>2418937.0</t>
  </si>
  <si>
    <t>34750.0</t>
  </si>
  <si>
    <t>57786.0</t>
  </si>
  <si>
    <t>172.96</t>
  </si>
  <si>
    <t>29094072.0</t>
  </si>
  <si>
    <t>14177262.0</t>
  </si>
  <si>
    <t>13490299.0</t>
  </si>
  <si>
    <t>2479662.0</t>
  </si>
  <si>
    <t>92560.0</t>
  </si>
  <si>
    <t>62330.0</t>
  </si>
  <si>
    <t>14.79</t>
  </si>
  <si>
    <t>158.2</t>
  </si>
  <si>
    <t>29190124.0</t>
  </si>
  <si>
    <t>14183643.0</t>
  </si>
  <si>
    <t>13505213.0</t>
  </si>
  <si>
    <t>2554419.0</t>
  </si>
  <si>
    <t>67668.0</t>
  </si>
  <si>
    <t>174.08</t>
  </si>
  <si>
    <t>29284160.0</t>
  </si>
  <si>
    <t>14189643.0</t>
  </si>
  <si>
    <t>13521649.0</t>
  </si>
  <si>
    <t>2626019.0</t>
  </si>
  <si>
    <t>94036.0</t>
  </si>
  <si>
    <t>174.64</t>
  </si>
  <si>
    <t>29365889.0</t>
  </si>
  <si>
    <t>14194474.0</t>
  </si>
  <si>
    <t>13533887.0</t>
  </si>
  <si>
    <t>2690679.0</t>
  </si>
  <si>
    <t>81729.0</t>
  </si>
  <si>
    <t>74611.0</t>
  </si>
  <si>
    <t>175.13</t>
  </si>
  <si>
    <t>200.4</t>
  </si>
  <si>
    <t>29426116.0</t>
  </si>
  <si>
    <t>14198740.0</t>
  </si>
  <si>
    <t>13541484.0</t>
  </si>
  <si>
    <t>2739043.0</t>
  </si>
  <si>
    <t>60227.0</t>
  </si>
  <si>
    <t>73893.0</t>
  </si>
  <si>
    <t>175.49</t>
  </si>
  <si>
    <t>29472426.0</t>
  </si>
  <si>
    <t>14200162.0</t>
  </si>
  <si>
    <t>13545214.0</t>
  </si>
  <si>
    <t>2780201.0</t>
  </si>
  <si>
    <t>72238.0</t>
  </si>
  <si>
    <t>175.77</t>
  </si>
  <si>
    <t>242.9</t>
  </si>
  <si>
    <t>29502058.0</t>
  </si>
  <si>
    <t>14201322.0</t>
  </si>
  <si>
    <t>13548174.0</t>
  </si>
  <si>
    <t>2805713.0</t>
  </si>
  <si>
    <t>29632.0</t>
  </si>
  <si>
    <t>71507.0</t>
  </si>
  <si>
    <t>29574392.0</t>
  </si>
  <si>
    <t>14207542.0</t>
  </si>
  <si>
    <t>13559316.0</t>
  </si>
  <si>
    <t>2860685.0</t>
  </si>
  <si>
    <t>72334.0</t>
  </si>
  <si>
    <t>68617.0</t>
  </si>
  <si>
    <t>250.5</t>
  </si>
  <si>
    <t>29631184.0</t>
  </si>
  <si>
    <t>14212198.0</t>
  </si>
  <si>
    <t>13568919.0</t>
  </si>
  <si>
    <t>2903218.0</t>
  </si>
  <si>
    <t>63009.0</t>
  </si>
  <si>
    <t>176.71</t>
  </si>
  <si>
    <t>80.92</t>
  </si>
  <si>
    <t>267.2</t>
  </si>
  <si>
    <t>29678249.0</t>
  </si>
  <si>
    <t>14216413.0</t>
  </si>
  <si>
    <t>13576556.0</t>
  </si>
  <si>
    <t>2938431.0</t>
  </si>
  <si>
    <t>56298.0</t>
  </si>
  <si>
    <t>176.99</t>
  </si>
  <si>
    <t>3357.0</t>
  </si>
  <si>
    <t>282.9</t>
  </si>
  <si>
    <t>51241.0</t>
  </si>
  <si>
    <t>308.3</t>
  </si>
  <si>
    <t>29770904.0</t>
  </si>
  <si>
    <t>14223341.0</t>
  </si>
  <si>
    <t>13589042.0</t>
  </si>
  <si>
    <t>3011672.0</t>
  </si>
  <si>
    <t>49255.0</t>
  </si>
  <si>
    <t>177.55</t>
  </si>
  <si>
    <t>358.9</t>
  </si>
  <si>
    <t>29803062.0</t>
  </si>
  <si>
    <t>14224202.0</t>
  </si>
  <si>
    <t>13590650.0</t>
  </si>
  <si>
    <t>3041361.0</t>
  </si>
  <si>
    <t>32158.0</t>
  </si>
  <si>
    <t>47234.0</t>
  </si>
  <si>
    <t>177.74</t>
  </si>
  <si>
    <t>18.14</t>
  </si>
  <si>
    <t>29830319.0</t>
  </si>
  <si>
    <t>14225712.0</t>
  </si>
  <si>
    <t>13592006.0</t>
  </si>
  <si>
    <t>3065752.0</t>
  </si>
  <si>
    <t>27257.0</t>
  </si>
  <si>
    <t>46894.0</t>
  </si>
  <si>
    <t>177.9</t>
  </si>
  <si>
    <t>453.7</t>
  </si>
  <si>
    <t>29905051.0</t>
  </si>
  <si>
    <t>14230186.0</t>
  </si>
  <si>
    <t>13599416.0</t>
  </si>
  <si>
    <t>3128600.0</t>
  </si>
  <si>
    <t>74732.0</t>
  </si>
  <si>
    <t>47237.0</t>
  </si>
  <si>
    <t>178.35</t>
  </si>
  <si>
    <t>29972083.0</t>
  </si>
  <si>
    <t>14233809.0</t>
  </si>
  <si>
    <t>13606080.0</t>
  </si>
  <si>
    <t>3185345.0</t>
  </si>
  <si>
    <t>67032.0</t>
  </si>
  <si>
    <t>48700.0</t>
  </si>
  <si>
    <t>178.75</t>
  </si>
  <si>
    <t>601.2</t>
  </si>
  <si>
    <t>30029819.0</t>
  </si>
  <si>
    <t>14237048.0</t>
  </si>
  <si>
    <t>13612108.0</t>
  </si>
  <si>
    <t>3233814.0</t>
  </si>
  <si>
    <t>57736.0</t>
  </si>
  <si>
    <t>50224.0</t>
  </si>
  <si>
    <t>179.09</t>
  </si>
  <si>
    <t>84.91</t>
  </si>
  <si>
    <t>649.8</t>
  </si>
  <si>
    <t>30079738.0</t>
  </si>
  <si>
    <t>14239475.0</t>
  </si>
  <si>
    <t>13616689.0</t>
  </si>
  <si>
    <t>3276725.0</t>
  </si>
  <si>
    <t>49919.0</t>
  </si>
  <si>
    <t>50737.0</t>
  </si>
  <si>
    <t>179.39</t>
  </si>
  <si>
    <t>30139205.0</t>
  </si>
  <si>
    <t>14242616.0</t>
  </si>
  <si>
    <t>13622532.0</t>
  </si>
  <si>
    <t>3327208.0</t>
  </si>
  <si>
    <t>59467.0</t>
  </si>
  <si>
    <t>52614.0</t>
  </si>
  <si>
    <t>179.74</t>
  </si>
  <si>
    <t>30180696.0</t>
  </si>
  <si>
    <t>14244105.0</t>
  </si>
  <si>
    <t>13624353.0</t>
  </si>
  <si>
    <t>3365389.0</t>
  </si>
  <si>
    <t>41491.0</t>
  </si>
  <si>
    <t>53948.0</t>
  </si>
  <si>
    <t>179.99</t>
  </si>
  <si>
    <t>728.7</t>
  </si>
  <si>
    <t>30209708.0</t>
  </si>
  <si>
    <t>14244784.0</t>
  </si>
  <si>
    <t>13625556.0</t>
  </si>
  <si>
    <t>3392519.0</t>
  </si>
  <si>
    <t>29012.0</t>
  </si>
  <si>
    <t>54198.0</t>
  </si>
  <si>
    <t>180.16</t>
  </si>
  <si>
    <t>586.5</t>
  </si>
  <si>
    <t>30285640.0</t>
  </si>
  <si>
    <t>14249314.0</t>
  </si>
  <si>
    <t>13638750.0</t>
  </si>
  <si>
    <t>3450727.0</t>
  </si>
  <si>
    <t>75932.0</t>
  </si>
  <si>
    <t>54370.0</t>
  </si>
  <si>
    <t>180.62</t>
  </si>
  <si>
    <t>572.5</t>
  </si>
  <si>
    <t>30336200.0</t>
  </si>
  <si>
    <t>14253170.0</t>
  </si>
  <si>
    <t>13645320.0</t>
  </si>
  <si>
    <t>3490861.0</t>
  </si>
  <si>
    <t>50560.0</t>
  </si>
  <si>
    <t>52017.0</t>
  </si>
  <si>
    <t>180.92</t>
  </si>
  <si>
    <t>81.38</t>
  </si>
  <si>
    <t>20.82</t>
  </si>
  <si>
    <t>559.2</t>
  </si>
  <si>
    <t>30381828.0</t>
  </si>
  <si>
    <t>14256537.0</t>
  </si>
  <si>
    <t>13650819.0</t>
  </si>
  <si>
    <t>3527623.0</t>
  </si>
  <si>
    <t>45628.0</t>
  </si>
  <si>
    <t>181.19</t>
  </si>
  <si>
    <t>30424476.0</t>
  </si>
  <si>
    <t>14259542.0</t>
  </si>
  <si>
    <t>13655973.0</t>
  </si>
  <si>
    <t>3562112.0</t>
  </si>
  <si>
    <t>42648.0</t>
  </si>
  <si>
    <t>181.45</t>
  </si>
  <si>
    <t>81.44</t>
  </si>
  <si>
    <t>30456720.0</t>
  </si>
  <si>
    <t>14262170.0</t>
  </si>
  <si>
    <t>13659518.0</t>
  </si>
  <si>
    <t>3588183.0</t>
  </si>
  <si>
    <t>32244.0</t>
  </si>
  <si>
    <t>181.64</t>
  </si>
  <si>
    <t>387.8</t>
  </si>
  <si>
    <t>30465321.0</t>
  </si>
  <si>
    <t>14262589.0</t>
  </si>
  <si>
    <t>13660387.0</t>
  </si>
  <si>
    <t>3595496.0</t>
  </si>
  <si>
    <t>8601.0</t>
  </si>
  <si>
    <t>40661.0</t>
  </si>
  <si>
    <t>181.69</t>
  </si>
  <si>
    <t>30472330.0</t>
  </si>
  <si>
    <t>14262959.0</t>
  </si>
  <si>
    <t>13661019.0</t>
  </si>
  <si>
    <t>3601503.0</t>
  </si>
  <si>
    <t>37517.0</t>
  </si>
  <si>
    <t>181.73</t>
  </si>
  <si>
    <t>462.4</t>
  </si>
  <si>
    <t>30533632.0</t>
  </si>
  <si>
    <t>14268378.0</t>
  </si>
  <si>
    <t>13667180.0</t>
  </si>
  <si>
    <t>3651225.0</t>
  </si>
  <si>
    <t>61302.0</t>
  </si>
  <si>
    <t>35427.0</t>
  </si>
  <si>
    <t>182.1</t>
  </si>
  <si>
    <t>421.8</t>
  </si>
  <si>
    <t>30608949.0</t>
  </si>
  <si>
    <t>14272505.0</t>
  </si>
  <si>
    <t>13672464.0</t>
  </si>
  <si>
    <t>3717131.0</t>
  </si>
  <si>
    <t>75317.0</t>
  </si>
  <si>
    <t>182.55</t>
  </si>
  <si>
    <t>85.12</t>
  </si>
  <si>
    <t>30670837.0</t>
  </si>
  <si>
    <t>14275760.0</t>
  </si>
  <si>
    <t>13676620.0</t>
  </si>
  <si>
    <t>3771608.0</t>
  </si>
  <si>
    <t>41287.0</t>
  </si>
  <si>
    <t>182.91</t>
  </si>
  <si>
    <t>81.56</t>
  </si>
  <si>
    <t>364.3</t>
  </si>
  <si>
    <t>30730188.0</t>
  </si>
  <si>
    <t>14279614.0</t>
  </si>
  <si>
    <t>13680696.0</t>
  </si>
  <si>
    <t>3823029.0</t>
  </si>
  <si>
    <t>183.27</t>
  </si>
  <si>
    <t>85.16</t>
  </si>
  <si>
    <t>338.7</t>
  </si>
  <si>
    <t>30764313.0</t>
  </si>
  <si>
    <t>14280862.0</t>
  </si>
  <si>
    <t>13682166.0</t>
  </si>
  <si>
    <t>3854436.0</t>
  </si>
  <si>
    <t>34125.0</t>
  </si>
  <si>
    <t>43942.0</t>
  </si>
  <si>
    <t>183.47</t>
  </si>
  <si>
    <t>85.17</t>
  </si>
  <si>
    <t>286.2</t>
  </si>
  <si>
    <t>30802801.0</t>
  </si>
  <si>
    <t>14282017.0</t>
  </si>
  <si>
    <t>13683603.0</t>
  </si>
  <si>
    <t>3890332.0</t>
  </si>
  <si>
    <t>48211.0</t>
  </si>
  <si>
    <t>30826697.0</t>
  </si>
  <si>
    <t>14282788.0</t>
  </si>
  <si>
    <t>13685179.0</t>
  </si>
  <si>
    <t>3911881.0</t>
  </si>
  <si>
    <t>23896.0</t>
  </si>
  <si>
    <t>85.18</t>
  </si>
  <si>
    <t>81.62</t>
  </si>
  <si>
    <t>30949555.0</t>
  </si>
  <si>
    <t>14288305.0</t>
  </si>
  <si>
    <t>13690756.0</t>
  </si>
  <si>
    <t>4023645.0</t>
  </si>
  <si>
    <t>122858.0</t>
  </si>
  <si>
    <t>59418.0</t>
  </si>
  <si>
    <t>85.21</t>
  </si>
  <si>
    <t>31085693.0</t>
  </si>
  <si>
    <t>14292751.0</t>
  </si>
  <si>
    <t>13695890.0</t>
  </si>
  <si>
    <t>4150203.0</t>
  </si>
  <si>
    <t>136138.0</t>
  </si>
  <si>
    <t>68106.0</t>
  </si>
  <si>
    <t>185.39</t>
  </si>
  <si>
    <t>31218844.0</t>
  </si>
  <si>
    <t>14296897.0</t>
  </si>
  <si>
    <t>13699943.0</t>
  </si>
  <si>
    <t>4275155.0</t>
  </si>
  <si>
    <t>133151.0</t>
  </si>
  <si>
    <t>78287.0</t>
  </si>
  <si>
    <t>85.26</t>
  </si>
  <si>
    <t>87587.0</t>
  </si>
  <si>
    <t>5224.0</t>
  </si>
  <si>
    <t>146.6</t>
  </si>
  <si>
    <t>31467747.0</t>
  </si>
  <si>
    <t>14305266.0</t>
  </si>
  <si>
    <t>13707143.0</t>
  </si>
  <si>
    <t>4528689.0</t>
  </si>
  <si>
    <t>100491.0</t>
  </si>
  <si>
    <t>81.75</t>
  </si>
  <si>
    <t>31606615.0</t>
  </si>
  <si>
    <t>14307437.0</t>
  </si>
  <si>
    <t>13709146.0</t>
  </si>
  <si>
    <t>4643183.0</t>
  </si>
  <si>
    <t>138868.0</t>
  </si>
  <si>
    <t>114831.0</t>
  </si>
  <si>
    <t>31706265.0</t>
  </si>
  <si>
    <t>14308898.0</t>
  </si>
  <si>
    <t>13711159.0</t>
  </si>
  <si>
    <t>4739359.0</t>
  </si>
  <si>
    <t>99650.0</t>
  </si>
  <si>
    <t>125653.0</t>
  </si>
  <si>
    <t>189.09</t>
  </si>
  <si>
    <t>31849906.0</t>
  </si>
  <si>
    <t>14313686.0</t>
  </si>
  <si>
    <t>13715794.0</t>
  </si>
  <si>
    <t>4873577.0</t>
  </si>
  <si>
    <t>143641.0</t>
  </si>
  <si>
    <t>128622.0</t>
  </si>
  <si>
    <t>189.95</t>
  </si>
  <si>
    <t>32004508.0</t>
  </si>
  <si>
    <t>14318448.0</t>
  </si>
  <si>
    <t>13720419.0</t>
  </si>
  <si>
    <t>5018792.0</t>
  </si>
  <si>
    <t>154602.0</t>
  </si>
  <si>
    <t>131259.0</t>
  </si>
  <si>
    <t>190.87</t>
  </si>
  <si>
    <t>151.2</t>
  </si>
  <si>
    <t>32147810.0</t>
  </si>
  <si>
    <t>14322631.0</t>
  </si>
  <si>
    <t>13724029.0</t>
  </si>
  <si>
    <t>5154301.0</t>
  </si>
  <si>
    <t>143302.0</t>
  </si>
  <si>
    <t>132709.0</t>
  </si>
  <si>
    <t>122.7</t>
  </si>
  <si>
    <t>32279446.0</t>
  </si>
  <si>
    <t>14326513.0</t>
  </si>
  <si>
    <t>13728089.0</t>
  </si>
  <si>
    <t>5277995.0</t>
  </si>
  <si>
    <t>131636.0</t>
  </si>
  <si>
    <t>133736.0</t>
  </si>
  <si>
    <t>192.51</t>
  </si>
  <si>
    <t>85.44</t>
  </si>
  <si>
    <t>32401158.0</t>
  </si>
  <si>
    <t>14330372.0</t>
  </si>
  <si>
    <t>13731437.0</t>
  </si>
  <si>
    <t>5392500.0</t>
  </si>
  <si>
    <t>121712.0</t>
  </si>
  <si>
    <t>133344.0</t>
  </si>
  <si>
    <t>193.23</t>
  </si>
  <si>
    <t>85.46</t>
  </si>
  <si>
    <t>32492665.0</t>
  </si>
  <si>
    <t>14332499.0</t>
  </si>
  <si>
    <t>13733787.0</t>
  </si>
  <si>
    <t>5479530.0</t>
  </si>
  <si>
    <t>91507.0</t>
  </si>
  <si>
    <t>126579.0</t>
  </si>
  <si>
    <t>193.78</t>
  </si>
  <si>
    <t>32555191.0</t>
  </si>
  <si>
    <t>14334165.0</t>
  </si>
  <si>
    <t>13735381.0</t>
  </si>
  <si>
    <t>5538796.0</t>
  </si>
  <si>
    <t>62526.0</t>
  </si>
  <si>
    <t>121275.0</t>
  </si>
  <si>
    <t>99.8</t>
  </si>
  <si>
    <t>32682982.0</t>
  </si>
  <si>
    <t>14338577.0</t>
  </si>
  <si>
    <t>13739318.0</t>
  </si>
  <si>
    <t>5658238.0</t>
  </si>
  <si>
    <t>127791.0</t>
  </si>
  <si>
    <t>119011.0</t>
  </si>
  <si>
    <t>85.51</t>
  </si>
  <si>
    <t>81.94</t>
  </si>
  <si>
    <t>32800712.0</t>
  </si>
  <si>
    <t>14342352.0</t>
  </si>
  <si>
    <t>13743612.0</t>
  </si>
  <si>
    <t>5767899.0</t>
  </si>
  <si>
    <t>117730.0</t>
  </si>
  <si>
    <t>113743.0</t>
  </si>
  <si>
    <t>195.62</t>
  </si>
  <si>
    <t>100.6</t>
  </si>
  <si>
    <t>32895096.0</t>
  </si>
  <si>
    <t>14345304.0</t>
  </si>
  <si>
    <t>13747904.0</t>
  </si>
  <si>
    <t>5855039.0</t>
  </si>
  <si>
    <t>94384.0</t>
  </si>
  <si>
    <t>106755.0</t>
  </si>
  <si>
    <t>196.18</t>
  </si>
  <si>
    <t>85.55</t>
  </si>
  <si>
    <t>6367.0</t>
  </si>
  <si>
    <t>101.9</t>
  </si>
  <si>
    <t>32974546.0</t>
  </si>
  <si>
    <t>14348054.0</t>
  </si>
  <si>
    <t>13751678.0</t>
  </si>
  <si>
    <t>5927965.0</t>
  </si>
  <si>
    <t>79450.0</t>
  </si>
  <si>
    <t>99300.0</t>
  </si>
  <si>
    <t>196.65</t>
  </si>
  <si>
    <t>85.57</t>
  </si>
  <si>
    <t>33050752.0</t>
  </si>
  <si>
    <t>14350592.0</t>
  </si>
  <si>
    <t>13756300.0</t>
  </si>
  <si>
    <t>5997011.0</t>
  </si>
  <si>
    <t>92799.0</t>
  </si>
  <si>
    <t>5534.0</t>
  </si>
  <si>
    <t>33097841.0</t>
  </si>
  <si>
    <t>14351805.0</t>
  </si>
  <si>
    <t>13758000.0</t>
  </si>
  <si>
    <t>6041187.0</t>
  </si>
  <si>
    <t>47089.0</t>
  </si>
  <si>
    <t>86454.0</t>
  </si>
  <si>
    <t>197.39</t>
  </si>
  <si>
    <t>33121317.0</t>
  </si>
  <si>
    <t>14352541.0</t>
  </si>
  <si>
    <t>13759069.0</t>
  </si>
  <si>
    <t>6062858.0</t>
  </si>
  <si>
    <t>23476.0</t>
  </si>
  <si>
    <t>80875.0</t>
  </si>
  <si>
    <t>33144777.0</t>
  </si>
  <si>
    <t>14353621.0</t>
  </si>
  <si>
    <t>13760630.0</t>
  </si>
  <si>
    <t>6083677.0</t>
  </si>
  <si>
    <t>23460.0</t>
  </si>
  <si>
    <t>65971.0</t>
  </si>
  <si>
    <t>197.67</t>
  </si>
  <si>
    <t>33185110.0</t>
  </si>
  <si>
    <t>14355450.0</t>
  </si>
  <si>
    <t>13763338.0</t>
  </si>
  <si>
    <t>6119473.0</t>
  </si>
  <si>
    <t>40333.0</t>
  </si>
  <si>
    <t>54914.0</t>
  </si>
  <si>
    <t>197.91</t>
  </si>
  <si>
    <t>33223247.0</t>
  </si>
  <si>
    <t>14356864.0</t>
  </si>
  <si>
    <t>13765926.0</t>
  </si>
  <si>
    <t>6153608.0</t>
  </si>
  <si>
    <t>38137.0</t>
  </si>
  <si>
    <t>46879.0</t>
  </si>
  <si>
    <t>198.14</t>
  </si>
  <si>
    <t>85.62</t>
  </si>
  <si>
    <t>33278108.0</t>
  </si>
  <si>
    <t>14358854.0</t>
  </si>
  <si>
    <t>13769908.0</t>
  </si>
  <si>
    <t>6202497.0</t>
  </si>
  <si>
    <t>54861.0</t>
  </si>
  <si>
    <t>43366.0</t>
  </si>
  <si>
    <t>198.46</t>
  </si>
  <si>
    <t>85.63</t>
  </si>
  <si>
    <t>2586.0</t>
  </si>
  <si>
    <t>33324731.0</t>
  </si>
  <si>
    <t>14360705.0</t>
  </si>
  <si>
    <t>13773041.0</t>
  </si>
  <si>
    <t>6244136.0</t>
  </si>
  <si>
    <t>46623.0</t>
  </si>
  <si>
    <t>39140.0</t>
  </si>
  <si>
    <t>85.64</t>
  </si>
  <si>
    <t>36325.0</t>
  </si>
  <si>
    <t>33379502.0</t>
  </si>
  <si>
    <t>14362676.0</t>
  </si>
  <si>
    <t>13776018.0</t>
  </si>
  <si>
    <t>6293959.0</t>
  </si>
  <si>
    <t>36884.0</t>
  </si>
  <si>
    <t>199.07</t>
  </si>
  <si>
    <t>33422263.0</t>
  </si>
  <si>
    <t>14365082.0</t>
  </si>
  <si>
    <t>13780189.0</t>
  </si>
  <si>
    <t>6330143.0</t>
  </si>
  <si>
    <t>42761.0</t>
  </si>
  <si>
    <t>39641.0</t>
  </si>
  <si>
    <t>2808095.0</t>
  </si>
  <si>
    <t>169.274</t>
  </si>
  <si>
    <t>33476085.0</t>
  </si>
  <si>
    <t>14367034.0</t>
  </si>
  <si>
    <t>13783908.0</t>
  </si>
  <si>
    <t>6378294.0</t>
  </si>
  <si>
    <t>53822.0</t>
  </si>
  <si>
    <t>41568.0</t>
  </si>
  <si>
    <t>199.64</t>
  </si>
  <si>
    <t>33537923.0</t>
  </si>
  <si>
    <t>14369167.0</t>
  </si>
  <si>
    <t>13787362.0</t>
  </si>
  <si>
    <t>6434545.0</t>
  </si>
  <si>
    <t>61838.0</t>
  </si>
  <si>
    <t>200.01</t>
  </si>
  <si>
    <t>82.22</t>
  </si>
  <si>
    <t>45859.0</t>
  </si>
  <si>
    <t>2816148.0</t>
  </si>
  <si>
    <t>169.76</t>
  </si>
  <si>
    <t>33660323.0</t>
  </si>
  <si>
    <t>14374151.0</t>
  </si>
  <si>
    <t>13794360.0</t>
  </si>
  <si>
    <t>6544963.0</t>
  </si>
  <si>
    <t>47942.0</t>
  </si>
  <si>
    <t>200.74</t>
  </si>
  <si>
    <t>33727088.0</t>
  </si>
  <si>
    <t>14375602.0</t>
  </si>
  <si>
    <t>13796153.0</t>
  </si>
  <si>
    <t>6608484.0</t>
  </si>
  <si>
    <t>66765.0</t>
  </si>
  <si>
    <t>53567.0</t>
  </si>
  <si>
    <t>85.73</t>
  </si>
  <si>
    <t>33776534.0</t>
  </si>
  <si>
    <t>14376883.0</t>
  </si>
  <si>
    <t>13797431.0</t>
  </si>
  <si>
    <t>6655371.0</t>
  </si>
  <si>
    <t>49446.0</t>
  </si>
  <si>
    <t>85.74</t>
  </si>
  <si>
    <t>2824457.0</t>
  </si>
  <si>
    <t>170.261</t>
  </si>
  <si>
    <t>33878559.0</t>
  </si>
  <si>
    <t>14379756.0</t>
  </si>
  <si>
    <t>13801276.0</t>
  </si>
  <si>
    <t>6750678.0</t>
  </si>
  <si>
    <t>65185.0</t>
  </si>
  <si>
    <t>34042032.0</t>
  </si>
  <si>
    <t>14385128.0</t>
  </si>
  <si>
    <t>13808558.0</t>
  </si>
  <si>
    <t>6901497.0</t>
  </si>
  <si>
    <t>163473.0</t>
  </si>
  <si>
    <t>80850.0</t>
  </si>
  <si>
    <t>203.02</t>
  </si>
  <si>
    <t>2829751.0</t>
  </si>
  <si>
    <t>170.58</t>
  </si>
  <si>
    <t>77343.0</t>
  </si>
  <si>
    <t>34116622.0</t>
  </si>
  <si>
    <t>14388242.0</t>
  </si>
  <si>
    <t>13812659.0</t>
  </si>
  <si>
    <t>6968872.0</t>
  </si>
  <si>
    <t>203.46</t>
  </si>
  <si>
    <t>2833096.0</t>
  </si>
  <si>
    <t>170.781</t>
  </si>
  <si>
    <t>75369.0</t>
  </si>
  <si>
    <t>34259185.0</t>
  </si>
  <si>
    <t>14393144.0</t>
  </si>
  <si>
    <t>13818147.0</t>
  </si>
  <si>
    <t>7101045.0</t>
  </si>
  <si>
    <t>76014.0</t>
  </si>
  <si>
    <t>4533.0</t>
  </si>
  <si>
    <t>34299633.0</t>
  </si>
  <si>
    <t>14394430.0</t>
  </si>
  <si>
    <t>13819573.0</t>
  </si>
  <si>
    <t>7138781.0</t>
  </si>
  <si>
    <t>40448.0</t>
  </si>
  <si>
    <t>74728.0</t>
  </si>
  <si>
    <t>2844283.0</t>
  </si>
  <si>
    <t>171.456</t>
  </si>
  <si>
    <t>0.1524</t>
  </si>
  <si>
    <t>34384189.0</t>
  </si>
  <si>
    <t>14398167.0</t>
  </si>
  <si>
    <t>13823050.0</t>
  </si>
  <si>
    <t>7216123.0</t>
  </si>
  <si>
    <t>84556.0</t>
  </si>
  <si>
    <t>72233.0</t>
  </si>
  <si>
    <t>43.04</t>
  </si>
  <si>
    <t>2846617.0</t>
  </si>
  <si>
    <t>171.596</t>
  </si>
  <si>
    <t>34509791.0</t>
  </si>
  <si>
    <t>14401837.0</t>
  </si>
  <si>
    <t>13827084.0</t>
  </si>
  <si>
    <t>7334021.0</t>
  </si>
  <si>
    <t>125602.0</t>
  </si>
  <si>
    <t>66823.0</t>
  </si>
  <si>
    <t>205.81</t>
  </si>
  <si>
    <t>2849683.0</t>
  </si>
  <si>
    <t>171.781</t>
  </si>
  <si>
    <t>34681470.0</t>
  </si>
  <si>
    <t>14438948.0</t>
  </si>
  <si>
    <t>13831795.0</t>
  </si>
  <si>
    <t>7463878.0</t>
  </si>
  <si>
    <t>171679.0</t>
  </si>
  <si>
    <t>86020.0</t>
  </si>
  <si>
    <t>206.83</t>
  </si>
  <si>
    <t>2852348.0</t>
  </si>
  <si>
    <t>171.942</t>
  </si>
  <si>
    <t>0.1822</t>
  </si>
  <si>
    <t>34893425.0</t>
  </si>
  <si>
    <t>14485125.0</t>
  </si>
  <si>
    <t>13836736.0</t>
  </si>
  <si>
    <t>7624715.0</t>
  </si>
  <si>
    <t>211955.0</t>
  </si>
  <si>
    <t>110972.0</t>
  </si>
  <si>
    <t>208.1</t>
  </si>
  <si>
    <t>6618.0</t>
  </si>
  <si>
    <t>13840.0</t>
  </si>
  <si>
    <t>2854942.0</t>
  </si>
  <si>
    <t>172.098</t>
  </si>
  <si>
    <t>0.1775</t>
  </si>
  <si>
    <t>35067827.0</t>
  </si>
  <si>
    <t>14524943.0</t>
  </si>
  <si>
    <t>13841557.0</t>
  </si>
  <si>
    <t>7754478.0</t>
  </si>
  <si>
    <t>174402.0</t>
  </si>
  <si>
    <t>125703.0</t>
  </si>
  <si>
    <t>209.14</t>
  </si>
  <si>
    <t>86.62</t>
  </si>
  <si>
    <t>19179.0</t>
  </si>
  <si>
    <t>35192587.0</t>
  </si>
  <si>
    <t>14548172.0</t>
  </si>
  <si>
    <t>13844276.0</t>
  </si>
  <si>
    <t>7853290.0</t>
  </si>
  <si>
    <t>124760.0</t>
  </si>
  <si>
    <t>133343.0</t>
  </si>
  <si>
    <t>209.88</t>
  </si>
  <si>
    <t>22147.0</t>
  </si>
  <si>
    <t>2859086.0</t>
  </si>
  <si>
    <t>172.348</t>
  </si>
  <si>
    <t>35277260.0</t>
  </si>
  <si>
    <t>14563512.0</t>
  </si>
  <si>
    <t>13846457.0</t>
  </si>
  <si>
    <t>7920442.0</t>
  </si>
  <si>
    <t>84673.0</t>
  </si>
  <si>
    <t>139661.0</t>
  </si>
  <si>
    <t>86.85</t>
  </si>
  <si>
    <t>47.24</t>
  </si>
  <si>
    <t>8329.0</t>
  </si>
  <si>
    <t>24155.0</t>
  </si>
  <si>
    <t>2861152.0</t>
  </si>
  <si>
    <t>172.473</t>
  </si>
  <si>
    <t>35421650.0</t>
  </si>
  <si>
    <t>14594605.0</t>
  </si>
  <si>
    <t>13850364.0</t>
  </si>
  <si>
    <t>8029832.0</t>
  </si>
  <si>
    <t>144390.0</t>
  </si>
  <si>
    <t>148209.0</t>
  </si>
  <si>
    <t>47.89</t>
  </si>
  <si>
    <t>28063.0</t>
  </si>
  <si>
    <t>0.1923</t>
  </si>
  <si>
    <t>35561224.0</t>
  </si>
  <si>
    <t>14623044.0</t>
  </si>
  <si>
    <t>13854023.0</t>
  </si>
  <si>
    <t>139574.0</t>
  </si>
  <si>
    <t>150205.0</t>
  </si>
  <si>
    <t>212.08</t>
  </si>
  <si>
    <t>87.21</t>
  </si>
  <si>
    <t>31601.0</t>
  </si>
  <si>
    <t>2863426.0</t>
  </si>
  <si>
    <t>172.61</t>
  </si>
  <si>
    <t>35670692.0</t>
  </si>
  <si>
    <t>14643848.0</t>
  </si>
  <si>
    <t>13857235.0</t>
  </si>
  <si>
    <t>109468.0</t>
  </si>
  <si>
    <t>141317.0</t>
  </si>
  <si>
    <t>87.33</t>
  </si>
  <si>
    <t>29271.0</t>
  </si>
  <si>
    <t>2866490.0</t>
  </si>
  <si>
    <t>172.794</t>
  </si>
  <si>
    <t>35771653.0</t>
  </si>
  <si>
    <t>14663395.0</t>
  </si>
  <si>
    <t>13860852.0</t>
  </si>
  <si>
    <t>100961.0</t>
  </si>
  <si>
    <t>125461.0</t>
  </si>
  <si>
    <t>213.33</t>
  </si>
  <si>
    <t>2871758.0</t>
  </si>
  <si>
    <t>173.112</t>
  </si>
  <si>
    <t>0.1582</t>
  </si>
  <si>
    <t>35855458.0</t>
  </si>
  <si>
    <t>14678960.0</t>
  </si>
  <si>
    <t>13863509.0</t>
  </si>
  <si>
    <t>83805.0</t>
  </si>
  <si>
    <t>112519.0</t>
  </si>
  <si>
    <t>213.83</t>
  </si>
  <si>
    <t>87.54</t>
  </si>
  <si>
    <t>22002.0</t>
  </si>
  <si>
    <t>35922520.0</t>
  </si>
  <si>
    <t>14687825.0</t>
  </si>
  <si>
    <t>13865297.0</t>
  </si>
  <si>
    <t>104276.0</t>
  </si>
  <si>
    <t>87.6</t>
  </si>
  <si>
    <t>2876360.0</t>
  </si>
  <si>
    <t>173.389</t>
  </si>
  <si>
    <t>35962180.0</t>
  </si>
  <si>
    <t>14693174.0</t>
  </si>
  <si>
    <t>13866433.0</t>
  </si>
  <si>
    <t>97846.0</t>
  </si>
  <si>
    <t>214.47</t>
  </si>
  <si>
    <t>87.63</t>
  </si>
  <si>
    <t>2878344.0</t>
  </si>
  <si>
    <t>173.509</t>
  </si>
  <si>
    <t>36042529.0</t>
  </si>
  <si>
    <t>14708497.0</t>
  </si>
  <si>
    <t>13869421.0</t>
  </si>
  <si>
    <t>80349.0</t>
  </si>
  <si>
    <t>88697.0</t>
  </si>
  <si>
    <t>87.72</t>
  </si>
  <si>
    <t>16270.0</t>
  </si>
  <si>
    <t>36072945.0</t>
  </si>
  <si>
    <t>14713685.0</t>
  </si>
  <si>
    <t>13870644.0</t>
  </si>
  <si>
    <t>30416.0</t>
  </si>
  <si>
    <t>4360.0</t>
  </si>
  <si>
    <t>2880452.0</t>
  </si>
  <si>
    <t>173.636</t>
  </si>
  <si>
    <t>66446.0</t>
  </si>
  <si>
    <t>36198682.0</t>
  </si>
  <si>
    <t>14734813.0</t>
  </si>
  <si>
    <t>13875878.0</t>
  </si>
  <si>
    <t>61004.0</t>
  </si>
  <si>
    <t>215.88</t>
  </si>
  <si>
    <t>87.88</t>
  </si>
  <si>
    <t>2893373.0</t>
  </si>
  <si>
    <t>174.415</t>
  </si>
  <si>
    <t>36249578.0</t>
  </si>
  <si>
    <t>14742811.0</t>
  </si>
  <si>
    <t>13878299.0</t>
  </si>
  <si>
    <t>50896.0</t>
  </si>
  <si>
    <t>56303.0</t>
  </si>
  <si>
    <t>216.18</t>
  </si>
  <si>
    <t>36285390.0</t>
  </si>
  <si>
    <t>14747354.0</t>
  </si>
  <si>
    <t>13880074.0</t>
  </si>
  <si>
    <t>35812.0</t>
  </si>
  <si>
    <t>51839.0</t>
  </si>
  <si>
    <t>2895579.0</t>
  </si>
  <si>
    <t>174.548</t>
  </si>
  <si>
    <t>36305981.0</t>
  </si>
  <si>
    <t>14750100.0</t>
  </si>
  <si>
    <t>13881075.0</t>
  </si>
  <si>
    <t>20591.0</t>
  </si>
  <si>
    <t>49114.0</t>
  </si>
  <si>
    <t>87.97</t>
  </si>
  <si>
    <t>8132.0</t>
  </si>
  <si>
    <t>2898913.0</t>
  </si>
  <si>
    <t>174.749</t>
  </si>
  <si>
    <t>36352339.0</t>
  </si>
  <si>
    <t>14757205.0</t>
  </si>
  <si>
    <t>13883923.0</t>
  </si>
  <si>
    <t>46358.0</t>
  </si>
  <si>
    <t>44259.0</t>
  </si>
  <si>
    <t>88.01</t>
  </si>
  <si>
    <t>44912.0</t>
  </si>
  <si>
    <t>40930.0</t>
  </si>
  <si>
    <t>36457313.0</t>
  </si>
  <si>
    <t>14774115.0</t>
  </si>
  <si>
    <t>13892556.0</t>
  </si>
  <si>
    <t>217.42</t>
  </si>
  <si>
    <t>36495610.0</t>
  </si>
  <si>
    <t>14778680.0</t>
  </si>
  <si>
    <t>13895066.0</t>
  </si>
  <si>
    <t>35147.0</t>
  </si>
  <si>
    <t>88.14</t>
  </si>
  <si>
    <t>36518788.0</t>
  </si>
  <si>
    <t>14781310.0</t>
  </si>
  <si>
    <t>13896612.0</t>
  </si>
  <si>
    <t>23178.0</t>
  </si>
  <si>
    <t>33343.0</t>
  </si>
  <si>
    <t>217.79</t>
  </si>
  <si>
    <t>36536400.0</t>
  </si>
  <si>
    <t>14783260.0</t>
  </si>
  <si>
    <t>13897764.0</t>
  </si>
  <si>
    <t>88.16</t>
  </si>
  <si>
    <t>2912904.0</t>
  </si>
  <si>
    <t>175.592</t>
  </si>
  <si>
    <t>36567354.0</t>
  </si>
  <si>
    <t>14788268.0</t>
  </si>
  <si>
    <t>13901025.0</t>
  </si>
  <si>
    <t>30954.0</t>
  </si>
  <si>
    <t>30716.0</t>
  </si>
  <si>
    <t>218.08</t>
  </si>
  <si>
    <t>36597363.0</t>
  </si>
  <si>
    <t>14793045.0</t>
  </si>
  <si>
    <t>13905274.0</t>
  </si>
  <si>
    <t>30009.0</t>
  </si>
  <si>
    <t>30005.0</t>
  </si>
  <si>
    <t>218.26</t>
  </si>
  <si>
    <t>36639260.0</t>
  </si>
  <si>
    <t>14797270.0</t>
  </si>
  <si>
    <t>13919748.0</t>
  </si>
  <si>
    <t>30991.0</t>
  </si>
  <si>
    <t>36684625.0</t>
  </si>
  <si>
    <t>14802100.0</t>
  </si>
  <si>
    <t>13937449.0</t>
  </si>
  <si>
    <t>45365.0</t>
  </si>
  <si>
    <t>32473.0</t>
  </si>
  <si>
    <t>2919136.0</t>
  </si>
  <si>
    <t>175.968</t>
  </si>
  <si>
    <t>36724986.0</t>
  </si>
  <si>
    <t>14806103.0</t>
  </si>
  <si>
    <t>13954711.0</t>
  </si>
  <si>
    <t>40361.0</t>
  </si>
  <si>
    <t>32768.0</t>
  </si>
  <si>
    <t>219.02</t>
  </si>
  <si>
    <t>3918.0</t>
  </si>
  <si>
    <t>36758470.0</t>
  </si>
  <si>
    <t>14808793.0</t>
  </si>
  <si>
    <t>13964447.0</t>
  </si>
  <si>
    <t>33484.0</t>
  </si>
  <si>
    <t>34240.0</t>
  </si>
  <si>
    <t>219.22</t>
  </si>
  <si>
    <t>36776457.0</t>
  </si>
  <si>
    <t>14810353.0</t>
  </si>
  <si>
    <t>13970910.0</t>
  </si>
  <si>
    <t>34294.0</t>
  </si>
  <si>
    <t>2921472.0</t>
  </si>
  <si>
    <t>176.109</t>
  </si>
  <si>
    <t>36819740.0</t>
  </si>
  <si>
    <t>14814942.0</t>
  </si>
  <si>
    <t>13989488.0</t>
  </si>
  <si>
    <t>43283.0</t>
  </si>
  <si>
    <t>36055.0</t>
  </si>
  <si>
    <t>219.59</t>
  </si>
  <si>
    <t>36861919.0</t>
  </si>
  <si>
    <t>14819579.0</t>
  </si>
  <si>
    <t>14006306.0</t>
  </si>
  <si>
    <t>42179.0</t>
  </si>
  <si>
    <t>88.38</t>
  </si>
  <si>
    <t>36898934.0</t>
  </si>
  <si>
    <t>14822910.0</t>
  </si>
  <si>
    <t>14019668.0</t>
  </si>
  <si>
    <t>37015.0</t>
  </si>
  <si>
    <t>220.06</t>
  </si>
  <si>
    <t>83.61</t>
  </si>
  <si>
    <t>36946686.0</t>
  </si>
  <si>
    <t>14826377.0</t>
  </si>
  <si>
    <t>14032829.0</t>
  </si>
  <si>
    <t>47752.0</t>
  </si>
  <si>
    <t>37437.0</t>
  </si>
  <si>
    <t>220.34</t>
  </si>
  <si>
    <t>2928118.0</t>
  </si>
  <si>
    <t>176.509</t>
  </si>
  <si>
    <t>36974458.0</t>
  </si>
  <si>
    <t>14829078.0</t>
  </si>
  <si>
    <t>14042459.0</t>
  </si>
  <si>
    <t>27772.0</t>
  </si>
  <si>
    <t>36990590.0</t>
  </si>
  <si>
    <t>14830302.0</t>
  </si>
  <si>
    <t>14046719.0</t>
  </si>
  <si>
    <t>33160.0</t>
  </si>
  <si>
    <t>220.6</t>
  </si>
  <si>
    <t>37003591.0</t>
  </si>
  <si>
    <t>14831102.0</t>
  </si>
  <si>
    <t>14049365.0</t>
  </si>
  <si>
    <t>32448.0</t>
  </si>
  <si>
    <t>88.45</t>
  </si>
  <si>
    <t>37030736.0</t>
  </si>
  <si>
    <t>14833828.0</t>
  </si>
  <si>
    <t>14059758.0</t>
  </si>
  <si>
    <t>27145.0</t>
  </si>
  <si>
    <t>30142.0</t>
  </si>
  <si>
    <t>88.47</t>
  </si>
  <si>
    <t>37055631.0</t>
  </si>
  <si>
    <t>14836813.0</t>
  </si>
  <si>
    <t>14067937.0</t>
  </si>
  <si>
    <t>220.99</t>
  </si>
  <si>
    <t>37078067.0</t>
  </si>
  <si>
    <t>14839240.0</t>
  </si>
  <si>
    <t>14075160.0</t>
  </si>
  <si>
    <t>22436.0</t>
  </si>
  <si>
    <t>25590.0</t>
  </si>
  <si>
    <t>221.13</t>
  </si>
  <si>
    <t>37102546.0</t>
  </si>
  <si>
    <t>14841458.0</t>
  </si>
  <si>
    <t>14082196.0</t>
  </si>
  <si>
    <t>24479.0</t>
  </si>
  <si>
    <t>22266.0</t>
  </si>
  <si>
    <t>221.27</t>
  </si>
  <si>
    <t>2936343.0</t>
  </si>
  <si>
    <t>177.005</t>
  </si>
  <si>
    <t>37123772.0</t>
  </si>
  <si>
    <t>14843449.0</t>
  </si>
  <si>
    <t>14088239.0</t>
  </si>
  <si>
    <t>21226.0</t>
  </si>
  <si>
    <t>21331.0</t>
  </si>
  <si>
    <t>37136843.0</t>
  </si>
  <si>
    <t>14844584.0</t>
  </si>
  <si>
    <t>14091037.0</t>
  </si>
  <si>
    <t>20893.0</t>
  </si>
  <si>
    <t>221.48</t>
  </si>
  <si>
    <t>37145166.0</t>
  </si>
  <si>
    <t>14845304.0</t>
  </si>
  <si>
    <t>14093151.0</t>
  </si>
  <si>
    <t>8323.0</t>
  </si>
  <si>
    <t>2939061.0</t>
  </si>
  <si>
    <t>177.169</t>
  </si>
  <si>
    <t>37163901.0</t>
  </si>
  <si>
    <t>14847030.0</t>
  </si>
  <si>
    <t>14098222.0</t>
  </si>
  <si>
    <t>221.64</t>
  </si>
  <si>
    <t>37178466.0</t>
  </si>
  <si>
    <t>14848740.0</t>
  </si>
  <si>
    <t>14102017.0</t>
  </si>
  <si>
    <t>17548.0</t>
  </si>
  <si>
    <t>221.72</t>
  </si>
  <si>
    <t>14850003.0</t>
  </si>
  <si>
    <t>14104578.0</t>
  </si>
  <si>
    <t>14839.0</t>
  </si>
  <si>
    <t>14850948.0</t>
  </si>
  <si>
    <t>2942234.0</t>
  </si>
  <si>
    <t>37188887.0</t>
  </si>
  <si>
    <t>14855108.0</t>
  </si>
  <si>
    <t>14110905.0</t>
  </si>
  <si>
    <t>8096162.0</t>
  </si>
  <si>
    <t>221.79</t>
  </si>
  <si>
    <t>88.59</t>
  </si>
  <si>
    <t>37228080.0</t>
  </si>
  <si>
    <t>39193.0</t>
  </si>
  <si>
    <t>37241168.0</t>
  </si>
  <si>
    <t>13088.0</t>
  </si>
  <si>
    <t>13715.0</t>
  </si>
  <si>
    <t>2944110.0</t>
  </si>
  <si>
    <t>177.473</t>
  </si>
  <si>
    <t>37264910.0</t>
  </si>
  <si>
    <t>14857953.0</t>
  </si>
  <si>
    <t>14114619.0</t>
  </si>
  <si>
    <t>14430.0</t>
  </si>
  <si>
    <t>222.24</t>
  </si>
  <si>
    <t>37300181.0</t>
  </si>
  <si>
    <t>14862531.0</t>
  </si>
  <si>
    <t>14120536.0</t>
  </si>
  <si>
    <t>35271.0</t>
  </si>
  <si>
    <t>17388.0</t>
  </si>
  <si>
    <t>222.45</t>
  </si>
  <si>
    <t>37346245.0</t>
  </si>
  <si>
    <t>14868652.0</t>
  </si>
  <si>
    <t>14128135.0</t>
  </si>
  <si>
    <t>46064.0</t>
  </si>
  <si>
    <t>23472.0</t>
  </si>
  <si>
    <t>222.73</t>
  </si>
  <si>
    <t>88.67</t>
  </si>
  <si>
    <t>37398645.0</t>
  </si>
  <si>
    <t>14874885.0</t>
  </si>
  <si>
    <t>14135090.0</t>
  </si>
  <si>
    <t>52400.0</t>
  </si>
  <si>
    <t>2947537.0</t>
  </si>
  <si>
    <t>177.68</t>
  </si>
  <si>
    <t>37478383.0</t>
  </si>
  <si>
    <t>14881745.0</t>
  </si>
  <si>
    <t>14142120.0</t>
  </si>
  <si>
    <t>79738.0</t>
  </si>
  <si>
    <t>41357.0</t>
  </si>
  <si>
    <t>223.51</t>
  </si>
  <si>
    <t>88.75</t>
  </si>
  <si>
    <t>37575149.0</t>
  </si>
  <si>
    <t>14887019.0</t>
  </si>
  <si>
    <t>14147541.0</t>
  </si>
  <si>
    <t>96766.0</t>
  </si>
  <si>
    <t>49581.0</t>
  </si>
  <si>
    <t>224.09</t>
  </si>
  <si>
    <t>37654417.0</t>
  </si>
  <si>
    <t>14892264.0</t>
  </si>
  <si>
    <t>14151943.0</t>
  </si>
  <si>
    <t>79268.0</t>
  </si>
  <si>
    <t>59036.0</t>
  </si>
  <si>
    <t>224.56</t>
  </si>
  <si>
    <t>88.81</t>
  </si>
  <si>
    <t>68665.0</t>
  </si>
  <si>
    <t>4095.0</t>
  </si>
  <si>
    <t>37836714.0</t>
  </si>
  <si>
    <t>14907638.0</t>
  </si>
  <si>
    <t>14167383.0</t>
  </si>
  <si>
    <t>76648.0</t>
  </si>
  <si>
    <t>225.65</t>
  </si>
  <si>
    <t>6444.0</t>
  </si>
  <si>
    <t>85453.0</t>
  </si>
  <si>
    <t>5096.0</t>
  </si>
  <si>
    <t>38052112.0</t>
  </si>
  <si>
    <t>14924470.0</t>
  </si>
  <si>
    <t>14184822.0</t>
  </si>
  <si>
    <t>93352.0</t>
  </si>
  <si>
    <t>226.93</t>
  </si>
  <si>
    <t>89.01</t>
  </si>
  <si>
    <t>2951058.0</t>
  </si>
  <si>
    <t>177.892</t>
  </si>
  <si>
    <t>101762.0</t>
  </si>
  <si>
    <t>6176.0</t>
  </si>
  <si>
    <t>38329326.0</t>
  </si>
  <si>
    <t>107740.0</t>
  </si>
  <si>
    <t>228.59</t>
  </si>
  <si>
    <t>38390702.0</t>
  </si>
  <si>
    <t>61376.0</t>
  </si>
  <si>
    <t>105184.0</t>
  </si>
  <si>
    <t>228.95</t>
  </si>
  <si>
    <t>2953579.0</t>
  </si>
  <si>
    <t>178.044</t>
  </si>
  <si>
    <t>92926.0</t>
  </si>
  <si>
    <t>80668.0</t>
  </si>
  <si>
    <t>51424.0</t>
  </si>
  <si>
    <t>343.5</t>
  </si>
  <si>
    <t>412.5</t>
  </si>
  <si>
    <t>13349.0</t>
  </si>
  <si>
    <t>426.9</t>
  </si>
  <si>
    <t>2957581.0</t>
  </si>
  <si>
    <t>178.285</t>
  </si>
  <si>
    <t>500.4</t>
  </si>
  <si>
    <t>740.9</t>
  </si>
  <si>
    <t>851.1</t>
  </si>
  <si>
    <t>2958394.0</t>
  </si>
  <si>
    <t>178.334</t>
  </si>
  <si>
    <t>1032.6</t>
  </si>
  <si>
    <t>1772.7</t>
  </si>
  <si>
    <t>38460180.0</t>
  </si>
  <si>
    <t>14932546.0</t>
  </si>
  <si>
    <t>14192815.0</t>
  </si>
  <si>
    <t>8586491.0</t>
  </si>
  <si>
    <t>229.37</t>
  </si>
  <si>
    <t>51.21</t>
  </si>
  <si>
    <t>33124.0</t>
  </si>
  <si>
    <t>2962480.0</t>
  </si>
  <si>
    <t>178.581</t>
  </si>
  <si>
    <t>60904.0</t>
  </si>
  <si>
    <t>88683.0</t>
  </si>
  <si>
    <t>116463.0</t>
  </si>
  <si>
    <t>144242.0</t>
  </si>
  <si>
    <t>10288.0</t>
  </si>
  <si>
    <t>39658990.0</t>
  </si>
  <si>
    <t>15017756.0</t>
  </si>
  <si>
    <t>14280965.0</t>
  </si>
  <si>
    <t>9085668.0</t>
  </si>
  <si>
    <t>172022.0</t>
  </si>
  <si>
    <t>236.52</t>
  </si>
  <si>
    <t>175732.0</t>
  </si>
  <si>
    <t>151663.0</t>
  </si>
  <si>
    <t>9045.0</t>
  </si>
  <si>
    <t>127594.0</t>
  </si>
  <si>
    <t>103524.0</t>
  </si>
  <si>
    <t>6174.0</t>
  </si>
  <si>
    <t>7095.0</t>
  </si>
  <si>
    <t>79455.0</t>
  </si>
  <si>
    <t>2965698.0</t>
  </si>
  <si>
    <t>178.775</t>
  </si>
  <si>
    <t>55386.0</t>
  </si>
  <si>
    <t>2967276.0</t>
  </si>
  <si>
    <t>178.87</t>
  </si>
  <si>
    <t>2970096.0</t>
  </si>
  <si>
    <t>179.04</t>
  </si>
  <si>
    <t>40160051.0</t>
  </si>
  <si>
    <t>15045995.0</t>
  </si>
  <si>
    <t>14328268.0</t>
  </si>
  <si>
    <t>9259661.0</t>
  </si>
  <si>
    <t>2973649.0</t>
  </si>
  <si>
    <t>179.254</t>
  </si>
  <si>
    <t>30780.0</t>
  </si>
  <si>
    <t>30244.0</t>
  </si>
  <si>
    <t>29707.0</t>
  </si>
  <si>
    <t>2975736.0</t>
  </si>
  <si>
    <t>179.38</t>
  </si>
  <si>
    <t>29171.0</t>
  </si>
  <si>
    <t>28099.0</t>
  </si>
  <si>
    <t>40352987.0</t>
  </si>
  <si>
    <t>15054217.0</t>
  </si>
  <si>
    <t>14341016.0</t>
  </si>
  <si>
    <t>9300664.0</t>
  </si>
  <si>
    <t>27562.0</t>
  </si>
  <si>
    <t>240.66</t>
  </si>
  <si>
    <t>2977609.0</t>
  </si>
  <si>
    <t>179.493</t>
  </si>
  <si>
    <t>15068135.0</t>
  </si>
  <si>
    <t>14361140.0</t>
  </si>
  <si>
    <t>9372290.0</t>
  </si>
  <si>
    <t>89.86</t>
  </si>
  <si>
    <t>15078410.0</t>
  </si>
  <si>
    <t>14377340.0</t>
  </si>
  <si>
    <t>9435373.0</t>
  </si>
  <si>
    <t>89.92</t>
  </si>
  <si>
    <t>15096276.0</t>
  </si>
  <si>
    <t>14400317.0</t>
  </si>
  <si>
    <t>9529316.0</t>
  </si>
  <si>
    <t>15104932.0</t>
  </si>
  <si>
    <t>14411480.0</t>
  </si>
  <si>
    <t>9582177.0</t>
  </si>
  <si>
    <t>15115433.0</t>
  </si>
  <si>
    <t>14427169.0</t>
  </si>
  <si>
    <t>9655663.0</t>
  </si>
  <si>
    <t>86.04</t>
  </si>
  <si>
    <t>15139463.0</t>
  </si>
  <si>
    <t>14462799.0</t>
  </si>
  <si>
    <t>15156290.0</t>
  </si>
  <si>
    <t>14487501.0</t>
  </si>
  <si>
    <t>9940338.0</t>
  </si>
  <si>
    <t>86.4</t>
  </si>
  <si>
    <t>15164242.0</t>
  </si>
  <si>
    <t>14500132.0</t>
  </si>
  <si>
    <t>9988328.0</t>
  </si>
  <si>
    <t>15172499.0</t>
  </si>
  <si>
    <t>14513433.0</t>
  </si>
  <si>
    <t>10038861.0</t>
  </si>
  <si>
    <t>15179687.0</t>
  </si>
  <si>
    <t>14524890.0</t>
  </si>
  <si>
    <t>10085230.0</t>
  </si>
  <si>
    <t>15186867.0</t>
  </si>
  <si>
    <t>14535925.0</t>
  </si>
  <si>
    <t>10131597.0</t>
  </si>
  <si>
    <t>15191537.0</t>
  </si>
  <si>
    <t>14543659.0</t>
  </si>
  <si>
    <t>10164757.0</t>
  </si>
  <si>
    <t>15195683.0</t>
  </si>
  <si>
    <t>14549947.0</t>
  </si>
  <si>
    <t>10184141.0</t>
  </si>
  <si>
    <t>15201762.0</t>
  </si>
  <si>
    <t>14557730.0</t>
  </si>
  <si>
    <t>10212944.0</t>
  </si>
  <si>
    <t>15207117.0</t>
  </si>
  <si>
    <t>14564924.0</t>
  </si>
  <si>
    <t>10242891.0</t>
  </si>
  <si>
    <t>40463517.0</t>
  </si>
  <si>
    <t>10272280.0</t>
  </si>
  <si>
    <t>85499.0</t>
  </si>
  <si>
    <t>5099.0</t>
  </si>
  <si>
    <t>170154.0</t>
  </si>
  <si>
    <t>254810.0</t>
  </si>
  <si>
    <t>15196.0</t>
  </si>
  <si>
    <t>339465.0</t>
  </si>
  <si>
    <t>424120.0</t>
  </si>
  <si>
    <t>25294.0</t>
  </si>
  <si>
    <t>508776.0</t>
  </si>
  <si>
    <t>30342.0</t>
  </si>
  <si>
    <t>44617534.0</t>
  </si>
  <si>
    <t>15215773.0</t>
  </si>
  <si>
    <t>14576435.0</t>
  </si>
  <si>
    <t>10298823.0</t>
  </si>
  <si>
    <t>593431.0</t>
  </si>
  <si>
    <t>266.09</t>
  </si>
  <si>
    <t>86.93</t>
  </si>
  <si>
    <t>509940.0</t>
  </si>
  <si>
    <t>426450.0</t>
  </si>
  <si>
    <t>20453.0</t>
  </si>
  <si>
    <t>259468.0</t>
  </si>
  <si>
    <t>15474.0</t>
  </si>
  <si>
    <t>175978.0</t>
  </si>
  <si>
    <t>92487.0</t>
  </si>
  <si>
    <t>44743484.0</t>
  </si>
  <si>
    <t>15220136.0</t>
  </si>
  <si>
    <t>14582552.0</t>
  </si>
  <si>
    <t>10322948.0</t>
  </si>
  <si>
    <t>266.84</t>
  </si>
  <si>
    <t>44817651.0</t>
  </si>
  <si>
    <t>15223136.0</t>
  </si>
  <si>
    <t>14586370.0</t>
  </si>
  <si>
    <t>10339180.0</t>
  </si>
  <si>
    <t>267.28</t>
  </si>
  <si>
    <t>10959.0</t>
  </si>
  <si>
    <t>11686.0</t>
  </si>
  <si>
    <t>12414.0</t>
  </si>
  <si>
    <t>44909637.0</t>
  </si>
  <si>
    <t>15226312.0</t>
  </si>
  <si>
    <t>14590810.0</t>
  </si>
  <si>
    <t>10358897.0</t>
  </si>
  <si>
    <t>13141.0</t>
  </si>
  <si>
    <t>267.83</t>
  </si>
  <si>
    <t>12328.0</t>
  </si>
  <si>
    <t>11514.0</t>
  </si>
  <si>
    <t>44981700.0</t>
  </si>
  <si>
    <t>15228855.0</t>
  </si>
  <si>
    <t>14594099.0</t>
  </si>
  <si>
    <t>10374532.0</t>
  </si>
  <si>
    <t>10295.0</t>
  </si>
  <si>
    <t>268.26</t>
  </si>
  <si>
    <t>45101653.0</t>
  </si>
  <si>
    <t>15235245.0</t>
  </si>
  <si>
    <t>14600964.0</t>
  </si>
  <si>
    <t>10400934.0</t>
  </si>
  <si>
    <t>268.98</t>
  </si>
  <si>
    <t>87.08</t>
  </si>
  <si>
    <t>CMR</t>
  </si>
  <si>
    <t>Cameroon</t>
  </si>
  <si>
    <t>43488.0</t>
  </si>
  <si>
    <t>47488.0</t>
  </si>
  <si>
    <t>50106.0</t>
  </si>
  <si>
    <t>46658.0</t>
  </si>
  <si>
    <t>57008.0</t>
  </si>
  <si>
    <t>51925.0</t>
  </si>
  <si>
    <t>64829.0</t>
  </si>
  <si>
    <t>56583.0</t>
  </si>
  <si>
    <t>8246.0</t>
  </si>
  <si>
    <t>63404.0</t>
  </si>
  <si>
    <t>80445.0</t>
  </si>
  <si>
    <t>66216.0</t>
  </si>
  <si>
    <t>86451.0</t>
  </si>
  <si>
    <t>70257.0</t>
  </si>
  <si>
    <t>89180.0</t>
  </si>
  <si>
    <t>72111.0</t>
  </si>
  <si>
    <t>17069.0</t>
  </si>
  <si>
    <t>97245.0</t>
  </si>
  <si>
    <t>78476.0</t>
  </si>
  <si>
    <t>102400.0</t>
  </si>
  <si>
    <t>82228.0</t>
  </si>
  <si>
    <t>20172.0</t>
  </si>
  <si>
    <t>110324.0</t>
  </si>
  <si>
    <t>21991.0</t>
  </si>
  <si>
    <t>3301.0</t>
  </si>
  <si>
    <t>163921.0</t>
  </si>
  <si>
    <t>134108.0</t>
  </si>
  <si>
    <t>6342.0</t>
  </si>
  <si>
    <t>7687.0</t>
  </si>
  <si>
    <t>13882.0</t>
  </si>
  <si>
    <t>12105.0</t>
  </si>
  <si>
    <t>14313.0</t>
  </si>
  <si>
    <t>18909.0</t>
  </si>
  <si>
    <t>313881.0</t>
  </si>
  <si>
    <t>265223.0</t>
  </si>
  <si>
    <t>48658.0</t>
  </si>
  <si>
    <t>21423.0</t>
  </si>
  <si>
    <t>18494.0</t>
  </si>
  <si>
    <t>16172.0</t>
  </si>
  <si>
    <t>13614.0</t>
  </si>
  <si>
    <t>12636.0</t>
  </si>
  <si>
    <t>11056.0</t>
  </si>
  <si>
    <t>9707.0</t>
  </si>
  <si>
    <t>318485.0</t>
  </si>
  <si>
    <t>269339.0</t>
  </si>
  <si>
    <t>49146.0</t>
  </si>
  <si>
    <t>331875.0</t>
  </si>
  <si>
    <t>279987.0</t>
  </si>
  <si>
    <t>51888.0</t>
  </si>
  <si>
    <t>349845.0</t>
  </si>
  <si>
    <t>293991.0</t>
  </si>
  <si>
    <t>55854.0</t>
  </si>
  <si>
    <t>368280.0</t>
  </si>
  <si>
    <t>306462.0</t>
  </si>
  <si>
    <t>61818.0</t>
  </si>
  <si>
    <t>395212.0</t>
  </si>
  <si>
    <t>327127.0</t>
  </si>
  <si>
    <t>68085.0</t>
  </si>
  <si>
    <t>412524.0</t>
  </si>
  <si>
    <t>340412.0</t>
  </si>
  <si>
    <t>72112.0</t>
  </si>
  <si>
    <t>418130.0</t>
  </si>
  <si>
    <t>343672.0</t>
  </si>
  <si>
    <t>426590.0</t>
  </si>
  <si>
    <t>348238.0</t>
  </si>
  <si>
    <t>78352.0</t>
  </si>
  <si>
    <t>428255.0</t>
  </si>
  <si>
    <t>349385.0</t>
  </si>
  <si>
    <t>78870.0</t>
  </si>
  <si>
    <t>435676.0</t>
  </si>
  <si>
    <t>355561.0</t>
  </si>
  <si>
    <t>80115.0</t>
  </si>
  <si>
    <t>444521.0</t>
  </si>
  <si>
    <t>363773.0</t>
  </si>
  <si>
    <t>452336.0</t>
  </si>
  <si>
    <t>370319.0</t>
  </si>
  <si>
    <t>82017.0</t>
  </si>
  <si>
    <t>459397.0</t>
  </si>
  <si>
    <t>376195.0</t>
  </si>
  <si>
    <t>83202.0</t>
  </si>
  <si>
    <t>461201.0</t>
  </si>
  <si>
    <t>377791.0</t>
  </si>
  <si>
    <t>83410.0</t>
  </si>
  <si>
    <t>469341.0</t>
  </si>
  <si>
    <t>385057.0</t>
  </si>
  <si>
    <t>84284.0</t>
  </si>
  <si>
    <t>476512.0</t>
  </si>
  <si>
    <t>391795.0</t>
  </si>
  <si>
    <t>84717.0</t>
  </si>
  <si>
    <t>479521.0</t>
  </si>
  <si>
    <t>395570.0</t>
  </si>
  <si>
    <t>140494.0</t>
  </si>
  <si>
    <t>481985.0</t>
  </si>
  <si>
    <t>397608.0</t>
  </si>
  <si>
    <t>142770.0</t>
  </si>
  <si>
    <t>490604.0</t>
  </si>
  <si>
    <t>405846.0</t>
  </si>
  <si>
    <t>150894.0</t>
  </si>
  <si>
    <t>497689.0</t>
  </si>
  <si>
    <t>411601.0</t>
  </si>
  <si>
    <t>155738.0</t>
  </si>
  <si>
    <t>503363.0</t>
  </si>
  <si>
    <t>160803.0</t>
  </si>
  <si>
    <t>503850.0</t>
  </si>
  <si>
    <t>418185.0</t>
  </si>
  <si>
    <t>163268.0</t>
  </si>
  <si>
    <t>507363.0</t>
  </si>
  <si>
    <t>421472.0</t>
  </si>
  <si>
    <t>166517.0</t>
  </si>
  <si>
    <t>510324.0</t>
  </si>
  <si>
    <t>424269.0</t>
  </si>
  <si>
    <t>169300.0</t>
  </si>
  <si>
    <t>520214.0</t>
  </si>
  <si>
    <t>432625.0</t>
  </si>
  <si>
    <t>175829.0</t>
  </si>
  <si>
    <t>7812.0</t>
  </si>
  <si>
    <t>11837.0</t>
  </si>
  <si>
    <t>607270.0</t>
  </si>
  <si>
    <t>502131.0</t>
  </si>
  <si>
    <t>259968.0</t>
  </si>
  <si>
    <t>17172.0</t>
  </si>
  <si>
    <t>28399.0</t>
  </si>
  <si>
    <t>35344.0</t>
  </si>
  <si>
    <t>28347.0</t>
  </si>
  <si>
    <t>859760.0</t>
  </si>
  <si>
    <t>704917.0</t>
  </si>
  <si>
    <t>504892.0</t>
  </si>
  <si>
    <t>42288.0</t>
  </si>
  <si>
    <t>33934.0</t>
  </si>
  <si>
    <t>44779.0</t>
  </si>
  <si>
    <t>35786.0</t>
  </si>
  <si>
    <t>923643.0</t>
  </si>
  <si>
    <t>754013.0</t>
  </si>
  <si>
    <t>565876.0</t>
  </si>
  <si>
    <t>46046.0</t>
  </si>
  <si>
    <t>36650.0</t>
  </si>
  <si>
    <t>37878.0</t>
  </si>
  <si>
    <t>30074.0</t>
  </si>
  <si>
    <t>29710.0</t>
  </si>
  <si>
    <t>21542.0</t>
  </si>
  <si>
    <t>953375.0</t>
  </si>
  <si>
    <t>777338.0</t>
  </si>
  <si>
    <t>595316.0</t>
  </si>
  <si>
    <t>10346.0</t>
  </si>
  <si>
    <t>972360.0</t>
  </si>
  <si>
    <t>793725.0</t>
  </si>
  <si>
    <t>613607.0</t>
  </si>
  <si>
    <t>986281.0</t>
  </si>
  <si>
    <t>806176.0</t>
  </si>
  <si>
    <t>627046.0</t>
  </si>
  <si>
    <t>1020007.0</t>
  </si>
  <si>
    <t>834112.0</t>
  </si>
  <si>
    <t>659641.0</t>
  </si>
  <si>
    <t>1024333.0</t>
  </si>
  <si>
    <t>837860.0</t>
  </si>
  <si>
    <t>663317.0</t>
  </si>
  <si>
    <t>6168.0</t>
  </si>
  <si>
    <t>1066951.0</t>
  </si>
  <si>
    <t>807168.0</t>
  </si>
  <si>
    <t>1267525.0</t>
  </si>
  <si>
    <t>1068604.0</t>
  </si>
  <si>
    <t>809698.0</t>
  </si>
  <si>
    <t>1272574.0</t>
  </si>
  <si>
    <t>1073258.0</t>
  </si>
  <si>
    <t>813063.0</t>
  </si>
  <si>
    <t>2507964.0</t>
  </si>
  <si>
    <t>92.209</t>
  </si>
  <si>
    <t>1273072.0</t>
  </si>
  <si>
    <t>1074824.0</t>
  </si>
  <si>
    <t>813530.0</t>
  </si>
  <si>
    <t>13130.0</t>
  </si>
  <si>
    <t>17018.0</t>
  </si>
  <si>
    <t>16363.0</t>
  </si>
  <si>
    <t>19597.0</t>
  </si>
  <si>
    <t>23800.0</t>
  </si>
  <si>
    <t>22830.0</t>
  </si>
  <si>
    <t>2517016.0</t>
  </si>
  <si>
    <t>92.542</t>
  </si>
  <si>
    <t>1558668.0</t>
  </si>
  <si>
    <t>1348787.0</t>
  </si>
  <si>
    <t>1048664.0</t>
  </si>
  <si>
    <t>29565.0</t>
  </si>
  <si>
    <t>23068.0</t>
  </si>
  <si>
    <t>22337.0</t>
  </si>
  <si>
    <t>20296.0</t>
  </si>
  <si>
    <t>2524670.0</t>
  </si>
  <si>
    <t>92.823</t>
  </si>
  <si>
    <t>20874.0</t>
  </si>
  <si>
    <t>1820196.0</t>
  </si>
  <si>
    <t>1544220.0</t>
  </si>
  <si>
    <t>1201735.0</t>
  </si>
  <si>
    <t>50951.0</t>
  </si>
  <si>
    <t>13456.0</t>
  </si>
  <si>
    <t>8135.0</t>
  </si>
  <si>
    <t>8232.0</t>
  </si>
  <si>
    <t>6193.0</t>
  </si>
  <si>
    <t>2591379.0</t>
  </si>
  <si>
    <t>95.276</t>
  </si>
  <si>
    <t>2664515.0</t>
  </si>
  <si>
    <t>97.965</t>
  </si>
  <si>
    <t>1828882.0</t>
  </si>
  <si>
    <t>1552320.0</t>
  </si>
  <si>
    <t>1209108.0</t>
  </si>
  <si>
    <t>2708084.0</t>
  </si>
  <si>
    <t>1836573.0</t>
  </si>
  <si>
    <t>1557984.0</t>
  </si>
  <si>
    <t>1214772.0</t>
  </si>
  <si>
    <t>2717815.0</t>
  </si>
  <si>
    <t>99.925</t>
  </si>
  <si>
    <t>1837626.0</t>
  </si>
  <si>
    <t>1558744.0</t>
  </si>
  <si>
    <t>1215532.0</t>
  </si>
  <si>
    <t>1838907.0</t>
  </si>
  <si>
    <t>1559801.0</t>
  </si>
  <si>
    <t>1216589.0</t>
  </si>
  <si>
    <t>2731181.0</t>
  </si>
  <si>
    <t>100.416</t>
  </si>
  <si>
    <t>1849562.0</t>
  </si>
  <si>
    <t>1566331.0</t>
  </si>
  <si>
    <t>1223119.0</t>
  </si>
  <si>
    <t>1854436.0</t>
  </si>
  <si>
    <t>1569870.0</t>
  </si>
  <si>
    <t>1226658.0</t>
  </si>
  <si>
    <t>1893318.0</t>
  </si>
  <si>
    <t>1607691.0</t>
  </si>
  <si>
    <t>1256706.0</t>
  </si>
  <si>
    <t>1898883.0</t>
  </si>
  <si>
    <t>1613061.0</t>
  </si>
  <si>
    <t>1261632.0</t>
  </si>
  <si>
    <t>61125.0</t>
  </si>
  <si>
    <t>1901047.0</t>
  </si>
  <si>
    <t>1615128.0</t>
  </si>
  <si>
    <t>1263716.0</t>
  </si>
  <si>
    <t>61387.0</t>
  </si>
  <si>
    <t>1921233.0</t>
  </si>
  <si>
    <t>1635227.0</t>
  </si>
  <si>
    <t>1283041.0</t>
  </si>
  <si>
    <t>65092.0</t>
  </si>
  <si>
    <t>1924807.0</t>
  </si>
  <si>
    <t>1638561.0</t>
  </si>
  <si>
    <t>1286179.0</t>
  </si>
  <si>
    <t>65518.0</t>
  </si>
  <si>
    <t>1938111.0</t>
  </si>
  <si>
    <t>1651151.0</t>
  </si>
  <si>
    <t>1298666.0</t>
  </si>
  <si>
    <t>68320.0</t>
  </si>
  <si>
    <t>33717.0</t>
  </si>
  <si>
    <t>26872.0</t>
  </si>
  <si>
    <t>66801.0</t>
  </si>
  <si>
    <t>53145.0</t>
  </si>
  <si>
    <t>99884.0</t>
  </si>
  <si>
    <t>79417.0</t>
  </si>
  <si>
    <t>132968.0</t>
  </si>
  <si>
    <t>105690.0</t>
  </si>
  <si>
    <t>166052.0</t>
  </si>
  <si>
    <t>131962.0</t>
  </si>
  <si>
    <t>199135.0</t>
  </si>
  <si>
    <t>158235.0</t>
  </si>
  <si>
    <t>3563644.0</t>
  </si>
  <si>
    <t>2942701.0</t>
  </si>
  <si>
    <t>2438033.0</t>
  </si>
  <si>
    <t>377507.0</t>
  </si>
  <si>
    <t>232219.0</t>
  </si>
  <si>
    <t>8319.0</t>
  </si>
  <si>
    <t>184507.0</t>
  </si>
  <si>
    <t>199157.0</t>
  </si>
  <si>
    <t>164063.0</t>
  </si>
  <si>
    <t>143619.0</t>
  </si>
  <si>
    <t>133033.0</t>
  </si>
  <si>
    <t>123175.0</t>
  </si>
  <si>
    <t>99970.0</t>
  </si>
  <si>
    <t>102731.0</t>
  </si>
  <si>
    <t>66908.0</t>
  </si>
  <si>
    <t>82287.0</t>
  </si>
  <si>
    <t>33846.0</t>
  </si>
  <si>
    <t>61843.0</t>
  </si>
  <si>
    <t>3569131.0</t>
  </si>
  <si>
    <t>3232494.0</t>
  </si>
  <si>
    <t>2729600.0</t>
  </si>
  <si>
    <t>389490.0</t>
  </si>
  <si>
    <t>41399.0</t>
  </si>
  <si>
    <t>39763.0</t>
  </si>
  <si>
    <t>9323.0</t>
  </si>
  <si>
    <t>38126.0</t>
  </si>
  <si>
    <t>13592.0</t>
  </si>
  <si>
    <t>22131.0</t>
  </si>
  <si>
    <t>33218.0</t>
  </si>
  <si>
    <t>26400.0</t>
  </si>
  <si>
    <t>30670.0</t>
  </si>
  <si>
    <t>29945.0</t>
  </si>
  <si>
    <t>3998508.0</t>
  </si>
  <si>
    <t>3651727.0</t>
  </si>
  <si>
    <t>3110433.0</t>
  </si>
  <si>
    <t>451810.0</t>
  </si>
  <si>
    <t>CAN</t>
  </si>
  <si>
    <t>Canada</t>
  </si>
  <si>
    <t>-873.4</t>
  </si>
  <si>
    <t>-3.41</t>
  </si>
  <si>
    <t>-22.7126579874182</t>
  </si>
  <si>
    <t>-1131.5</t>
  </si>
  <si>
    <t>-3.57</t>
  </si>
  <si>
    <t>-4.23</t>
  </si>
  <si>
    <t>-29.4245162729147</t>
  </si>
  <si>
    <t>-1342.6</t>
  </si>
  <si>
    <t>-3.55</t>
  </si>
  <si>
    <t>-34.9141454246711</t>
  </si>
  <si>
    <t>-1712.7</t>
  </si>
  <si>
    <t>-3.9</t>
  </si>
  <si>
    <t>-6.06</t>
  </si>
  <si>
    <t>-44.5385497309952</t>
  </si>
  <si>
    <t>-2098.8</t>
  </si>
  <si>
    <t>-4.2</t>
  </si>
  <si>
    <t>-6.38</t>
  </si>
  <si>
    <t>-54.5790320402947</t>
  </si>
  <si>
    <t>-2299.9</t>
  </si>
  <si>
    <t>-4.11</t>
  </si>
  <si>
    <t>-59.8086124401914</t>
  </si>
  <si>
    <t>-2529.0</t>
  </si>
  <si>
    <t>-4.08</t>
  </si>
  <si>
    <t>-3.82</t>
  </si>
  <si>
    <t>-65.766329345295</t>
  </si>
  <si>
    <t>13209.0</t>
  </si>
  <si>
    <t>17357.0</t>
  </si>
  <si>
    <t>-2742.1</t>
  </si>
  <si>
    <t>-4.04</t>
  </si>
  <si>
    <t>-3.62</t>
  </si>
  <si>
    <t>-71.3079682474233</t>
  </si>
  <si>
    <t>26907.0</t>
  </si>
  <si>
    <t>3246.0</t>
  </si>
  <si>
    <t>34193.0</t>
  </si>
  <si>
    <t>42801.0</t>
  </si>
  <si>
    <t>50068.0</t>
  </si>
  <si>
    <t>7267.0</t>
  </si>
  <si>
    <t>58195.0</t>
  </si>
  <si>
    <t>68730.0</t>
  </si>
  <si>
    <t>-2721.2</t>
  </si>
  <si>
    <t>-3.69</t>
  </si>
  <si>
    <t>-70.7644663560367</t>
  </si>
  <si>
    <t>79877.0</t>
  </si>
  <si>
    <t>11147.0</t>
  </si>
  <si>
    <t>90468.0</t>
  </si>
  <si>
    <t>9080.0</t>
  </si>
  <si>
    <t>101538.0</t>
  </si>
  <si>
    <t>112449.0</t>
  </si>
  <si>
    <t>124666.0</t>
  </si>
  <si>
    <t>137153.0</t>
  </si>
  <si>
    <t>11280.0</t>
  </si>
  <si>
    <t>15442.0</t>
  </si>
  <si>
    <t>3.999</t>
  </si>
  <si>
    <t>11981.0</t>
  </si>
  <si>
    <t>-2595.3</t>
  </si>
  <si>
    <t>-67.4904525701242</t>
  </si>
  <si>
    <t>164718.0</t>
  </si>
  <si>
    <t>12120.0</t>
  </si>
  <si>
    <t>178318.0</t>
  </si>
  <si>
    <t>12550.0</t>
  </si>
  <si>
    <t>192339.0</t>
  </si>
  <si>
    <t>5.851</t>
  </si>
  <si>
    <t>208760.0</t>
  </si>
  <si>
    <t>13759.0</t>
  </si>
  <si>
    <t>15.499</t>
  </si>
  <si>
    <t>223618.0</t>
  </si>
  <si>
    <t>5.861</t>
  </si>
  <si>
    <t>6.059</t>
  </si>
  <si>
    <t>17.371</t>
  </si>
  <si>
    <t>238679.0</t>
  </si>
  <si>
    <t>6.256</t>
  </si>
  <si>
    <t>6.605</t>
  </si>
  <si>
    <t>251171.0</t>
  </si>
  <si>
    <t>6.583</t>
  </si>
  <si>
    <t>-2047.4</t>
  </si>
  <si>
    <t>-53.2423814557363</t>
  </si>
  <si>
    <t>261979.0</t>
  </si>
  <si>
    <t>6.866</t>
  </si>
  <si>
    <t>13894.0</t>
  </si>
  <si>
    <t>11.988</t>
  </si>
  <si>
    <t>269825.0</t>
  </si>
  <si>
    <t>7846.0</t>
  </si>
  <si>
    <t>7.072</t>
  </si>
  <si>
    <t>278552.0</t>
  </si>
  <si>
    <t>12316.0</t>
  </si>
  <si>
    <t>14.147</t>
  </si>
  <si>
    <t>289379.0</t>
  </si>
  <si>
    <t>7.584</t>
  </si>
  <si>
    <t>11517.0</t>
  </si>
  <si>
    <t>300011.0</t>
  </si>
  <si>
    <t>7.863</t>
  </si>
  <si>
    <t>10913.0</t>
  </si>
  <si>
    <t>13.236</t>
  </si>
  <si>
    <t>46.159</t>
  </si>
  <si>
    <t>312421.0</t>
  </si>
  <si>
    <t>12410.0</t>
  </si>
  <si>
    <t>8.188</t>
  </si>
  <si>
    <t>324486.0</t>
  </si>
  <si>
    <t>12065.0</t>
  </si>
  <si>
    <t>8.504</t>
  </si>
  <si>
    <t>-1112.5</t>
  </si>
  <si>
    <t>-1.22</t>
  </si>
  <si>
    <t>-28.9304236443814</t>
  </si>
  <si>
    <t>13.002</t>
  </si>
  <si>
    <t>335915.0</t>
  </si>
  <si>
    <t>11429.0</t>
  </si>
  <si>
    <t>8.804</t>
  </si>
  <si>
    <t>10562.0</t>
  </si>
  <si>
    <t>347084.0</t>
  </si>
  <si>
    <t>13.575</t>
  </si>
  <si>
    <t>359691.0</t>
  </si>
  <si>
    <t>12607.0</t>
  </si>
  <si>
    <t>13.705</t>
  </si>
  <si>
    <t>372222.0</t>
  </si>
  <si>
    <t>12531.0</t>
  </si>
  <si>
    <t>9.756</t>
  </si>
  <si>
    <t>13.653</t>
  </si>
  <si>
    <t>386119.0</t>
  </si>
  <si>
    <t>399762.0</t>
  </si>
  <si>
    <t>13643.0</t>
  </si>
  <si>
    <t>10.477</t>
  </si>
  <si>
    <t>415678.0</t>
  </si>
  <si>
    <t>15916.0</t>
  </si>
  <si>
    <t>10.894</t>
  </si>
  <si>
    <t>-153.599999999999</t>
  </si>
  <si>
    <t>-0.16</t>
  </si>
  <si>
    <t>-3.99434882856357</t>
  </si>
  <si>
    <t>13.783</t>
  </si>
  <si>
    <t>438683.0</t>
  </si>
  <si>
    <t>23005.0</t>
  </si>
  <si>
    <t>11.497</t>
  </si>
  <si>
    <t>460055.0</t>
  </si>
  <si>
    <t>21372.0</t>
  </si>
  <si>
    <t>12.058</t>
  </si>
  <si>
    <t>16139.0</t>
  </si>
  <si>
    <t>13.419</t>
  </si>
  <si>
    <t>66.572</t>
  </si>
  <si>
    <t>481180.0</t>
  </si>
  <si>
    <t>12.611</t>
  </si>
  <si>
    <t>17356.0</t>
  </si>
  <si>
    <t>14.069</t>
  </si>
  <si>
    <t>505372.0</t>
  </si>
  <si>
    <t>24192.0</t>
  </si>
  <si>
    <t>13.245</t>
  </si>
  <si>
    <t>530351.0</t>
  </si>
  <si>
    <t>20605.0</t>
  </si>
  <si>
    <t>559114.0</t>
  </si>
  <si>
    <t>28763.0</t>
  </si>
  <si>
    <t>22765.0</t>
  </si>
  <si>
    <t>586081.0</t>
  </si>
  <si>
    <t>26967.0</t>
  </si>
  <si>
    <t>15.361</t>
  </si>
  <si>
    <t>24343.0</t>
  </si>
  <si>
    <t>1169.3</t>
  </si>
  <si>
    <t>30.4075005549441</t>
  </si>
  <si>
    <t>613599.0</t>
  </si>
  <si>
    <t>27518.0</t>
  </si>
  <si>
    <t>16.082</t>
  </si>
  <si>
    <t>24988.0</t>
  </si>
  <si>
    <t>75.388</t>
  </si>
  <si>
    <t>640576.0</t>
  </si>
  <si>
    <t>26977.0</t>
  </si>
  <si>
    <t>16.789</t>
  </si>
  <si>
    <t>664330.0</t>
  </si>
  <si>
    <t>17.411</t>
  </si>
  <si>
    <t>26164.0</t>
  </si>
  <si>
    <t>692108.0</t>
  </si>
  <si>
    <t>27778.0</t>
  </si>
  <si>
    <t>18.139</t>
  </si>
  <si>
    <t>12.924</t>
  </si>
  <si>
    <t>722784.0</t>
  </si>
  <si>
    <t>18.943</t>
  </si>
  <si>
    <t>27490.0</t>
  </si>
  <si>
    <t>757028.0</t>
  </si>
  <si>
    <t>34244.0</t>
  </si>
  <si>
    <t>19.841</t>
  </si>
  <si>
    <t>28273.0</t>
  </si>
  <si>
    <t>12.768</t>
  </si>
  <si>
    <t>789350.0</t>
  </si>
  <si>
    <t>32322.0</t>
  </si>
  <si>
    <t>20.688</t>
  </si>
  <si>
    <t>29038.0</t>
  </si>
  <si>
    <t>2428.2</t>
  </si>
  <si>
    <t>63.1450379265502</t>
  </si>
  <si>
    <t>823469.0</t>
  </si>
  <si>
    <t>34119.0</t>
  </si>
  <si>
    <t>21.582</t>
  </si>
  <si>
    <t>29981.0</t>
  </si>
  <si>
    <t>12.534</t>
  </si>
  <si>
    <t>852042.0</t>
  </si>
  <si>
    <t>22.331</t>
  </si>
  <si>
    <t>874055.0</t>
  </si>
  <si>
    <t>22013.0</t>
  </si>
  <si>
    <t>22.908</t>
  </si>
  <si>
    <t>29961.0</t>
  </si>
  <si>
    <t>12.118</t>
  </si>
  <si>
    <t>902008.0</t>
  </si>
  <si>
    <t>27953.0</t>
  </si>
  <si>
    <t>23.641</t>
  </si>
  <si>
    <t>933526.0</t>
  </si>
  <si>
    <t>31518.0</t>
  </si>
  <si>
    <t>24.467</t>
  </si>
  <si>
    <t>30106.0</t>
  </si>
  <si>
    <t>967073.0</t>
  </si>
  <si>
    <t>33547.0</t>
  </si>
  <si>
    <t>25.346</t>
  </si>
  <si>
    <t>1003372.0</t>
  </si>
  <si>
    <t>36299.0</t>
  </si>
  <si>
    <t>26.297</t>
  </si>
  <si>
    <t>30575.0</t>
  </si>
  <si>
    <t>3342.1</t>
  </si>
  <si>
    <t>86.9108933589998</t>
  </si>
  <si>
    <t>1037402.0</t>
  </si>
  <si>
    <t>34030.0</t>
  </si>
  <si>
    <t>27.189</t>
  </si>
  <si>
    <t>1065122.0</t>
  </si>
  <si>
    <t>27720.0</t>
  </si>
  <si>
    <t>27.916</t>
  </si>
  <si>
    <t>30440.0</t>
  </si>
  <si>
    <t>1089235.0</t>
  </si>
  <si>
    <t>28.548</t>
  </si>
  <si>
    <t>30740.0</t>
  </si>
  <si>
    <t>1120608.0</t>
  </si>
  <si>
    <t>31229.0</t>
  </si>
  <si>
    <t>1155817.0</t>
  </si>
  <si>
    <t>35209.0</t>
  </si>
  <si>
    <t>30.293</t>
  </si>
  <si>
    <t>31756.0</t>
  </si>
  <si>
    <t>1193389.0</t>
  </si>
  <si>
    <t>37572.0</t>
  </si>
  <si>
    <t>31.277</t>
  </si>
  <si>
    <t>76.714</t>
  </si>
  <si>
    <t>1231243.0</t>
  </si>
  <si>
    <t>37854.0</t>
  </si>
  <si>
    <t>32.269</t>
  </si>
  <si>
    <t>105.085700626468</t>
  </si>
  <si>
    <t>9.726</t>
  </si>
  <si>
    <t>1266322.0</t>
  </si>
  <si>
    <t>33.189</t>
  </si>
  <si>
    <t>32703.0</t>
  </si>
  <si>
    <t>1290260.0</t>
  </si>
  <si>
    <t>23938.0</t>
  </si>
  <si>
    <t>33.816</t>
  </si>
  <si>
    <t>32163.0</t>
  </si>
  <si>
    <t>1308948.0</t>
  </si>
  <si>
    <t>18688.0</t>
  </si>
  <si>
    <t>34.306</t>
  </si>
  <si>
    <t>8.998</t>
  </si>
  <si>
    <t>68.497</t>
  </si>
  <si>
    <t>1330479.0</t>
  </si>
  <si>
    <t>21531.0</t>
  </si>
  <si>
    <t>29982.0</t>
  </si>
  <si>
    <t>8.738</t>
  </si>
  <si>
    <t>66.755</t>
  </si>
  <si>
    <t>1358522.0</t>
  </si>
  <si>
    <t>35.605</t>
  </si>
  <si>
    <t>28958.0</t>
  </si>
  <si>
    <t>1389533.0</t>
  </si>
  <si>
    <t>36.418</t>
  </si>
  <si>
    <t>28021.0</t>
  </si>
  <si>
    <t>1420798.0</t>
  </si>
  <si>
    <t>37.238</t>
  </si>
  <si>
    <t>27079.0</t>
  </si>
  <si>
    <t>4589.9</t>
  </si>
  <si>
    <t>119.359776616042</t>
  </si>
  <si>
    <t>1452296.0</t>
  </si>
  <si>
    <t>31498.0</t>
  </si>
  <si>
    <t>38.063</t>
  </si>
  <si>
    <t>26568.0</t>
  </si>
  <si>
    <t>9.102</t>
  </si>
  <si>
    <t>1477996.0</t>
  </si>
  <si>
    <t>38.737</t>
  </si>
  <si>
    <t>1501086.0</t>
  </si>
  <si>
    <t>23090.0</t>
  </si>
  <si>
    <t>39.342</t>
  </si>
  <si>
    <t>27448.0</t>
  </si>
  <si>
    <t>8.296</t>
  </si>
  <si>
    <t>1533862.0</t>
  </si>
  <si>
    <t>32776.0</t>
  </si>
  <si>
    <t>40.201</t>
  </si>
  <si>
    <t>29055.0</t>
  </si>
  <si>
    <t>7.905</t>
  </si>
  <si>
    <t>1572747.0</t>
  </si>
  <si>
    <t>38885.0</t>
  </si>
  <si>
    <t>30604.0</t>
  </si>
  <si>
    <t>1613063.0</t>
  </si>
  <si>
    <t>40316.0</t>
  </si>
  <si>
    <t>42.277</t>
  </si>
  <si>
    <t>31933.0</t>
  </si>
  <si>
    <t>58.355</t>
  </si>
  <si>
    <t>1655117.0</t>
  </si>
  <si>
    <t>42054.0</t>
  </si>
  <si>
    <t>43.379</t>
  </si>
  <si>
    <t>33474.0</t>
  </si>
  <si>
    <t>5158.8</t>
  </si>
  <si>
    <t>134.153950109335</t>
  </si>
  <si>
    <t>1693572.0</t>
  </si>
  <si>
    <t>38455.0</t>
  </si>
  <si>
    <t>44.387</t>
  </si>
  <si>
    <t>34468.0</t>
  </si>
  <si>
    <t>7.827</t>
  </si>
  <si>
    <t>1725035.0</t>
  </si>
  <si>
    <t>31463.0</t>
  </si>
  <si>
    <t>45.211</t>
  </si>
  <si>
    <t>35291.0</t>
  </si>
  <si>
    <t>7.385</t>
  </si>
  <si>
    <t>54.298</t>
  </si>
  <si>
    <t>1754561.0</t>
  </si>
  <si>
    <t>29526.0</t>
  </si>
  <si>
    <t>36211.0</t>
  </si>
  <si>
    <t>1790252.0</t>
  </si>
  <si>
    <t>35691.0</t>
  </si>
  <si>
    <t>6.787</t>
  </si>
  <si>
    <t>1831447.0</t>
  </si>
  <si>
    <t>41195.0</t>
  </si>
  <si>
    <t>36957.0</t>
  </si>
  <si>
    <t>1873869.0</t>
  </si>
  <si>
    <t>49.112</t>
  </si>
  <si>
    <t>37258.0</t>
  </si>
  <si>
    <t>1918112.0</t>
  </si>
  <si>
    <t>5441.7</t>
  </si>
  <si>
    <t>141.510729299443</t>
  </si>
  <si>
    <t>6.475</t>
  </si>
  <si>
    <t>1956236.0</t>
  </si>
  <si>
    <t>38124.0</t>
  </si>
  <si>
    <t>51.271</t>
  </si>
  <si>
    <t>37523.0</t>
  </si>
  <si>
    <t>1986224.0</t>
  </si>
  <si>
    <t>29988.0</t>
  </si>
  <si>
    <t>52.057</t>
  </si>
  <si>
    <t>37313.0</t>
  </si>
  <si>
    <t>2013633.0</t>
  </si>
  <si>
    <t>27409.0</t>
  </si>
  <si>
    <t>52.775</t>
  </si>
  <si>
    <t>37010.0</t>
  </si>
  <si>
    <t>6.163</t>
  </si>
  <si>
    <t>2052798.0</t>
  </si>
  <si>
    <t>39165.0</t>
  </si>
  <si>
    <t>53.802</t>
  </si>
  <si>
    <t>37507.0</t>
  </si>
  <si>
    <t>2096926.0</t>
  </si>
  <si>
    <t>44128.0</t>
  </si>
  <si>
    <t>54.958</t>
  </si>
  <si>
    <t>37926.0</t>
  </si>
  <si>
    <t>5.279</t>
  </si>
  <si>
    <t>2146743.0</t>
  </si>
  <si>
    <t>38982.0</t>
  </si>
  <si>
    <t>5.175</t>
  </si>
  <si>
    <t>2194241.0</t>
  </si>
  <si>
    <t>47498.0</t>
  </si>
  <si>
    <t>57.509</t>
  </si>
  <si>
    <t>39447.0</t>
  </si>
  <si>
    <t>5387.6</t>
  </si>
  <si>
    <t>140.103865551883</t>
  </si>
  <si>
    <t>2236719.0</t>
  </si>
  <si>
    <t>42478.0</t>
  </si>
  <si>
    <t>58.622</t>
  </si>
  <si>
    <t>40069.0</t>
  </si>
  <si>
    <t>4.733</t>
  </si>
  <si>
    <t>31.934</t>
  </si>
  <si>
    <t>2274339.0</t>
  </si>
  <si>
    <t>37620.0</t>
  </si>
  <si>
    <t>59.608</t>
  </si>
  <si>
    <t>41159.0</t>
  </si>
  <si>
    <t>2311002.0</t>
  </si>
  <si>
    <t>36663.0</t>
  </si>
  <si>
    <t>60.569</t>
  </si>
  <si>
    <t>42481.0</t>
  </si>
  <si>
    <t>2354977.0</t>
  </si>
  <si>
    <t>43975.0</t>
  </si>
  <si>
    <t>61.721</t>
  </si>
  <si>
    <t>43168.0</t>
  </si>
  <si>
    <t>2402050.0</t>
  </si>
  <si>
    <t>47073.0</t>
  </si>
  <si>
    <t>62.955</t>
  </si>
  <si>
    <t>43589.0</t>
  </si>
  <si>
    <t>119.1</t>
  </si>
  <si>
    <t>2452379.0</t>
  </si>
  <si>
    <t>64.274</t>
  </si>
  <si>
    <t>43662.0</t>
  </si>
  <si>
    <t>120.6</t>
  </si>
  <si>
    <t>2500508.0</t>
  </si>
  <si>
    <t>48129.0</t>
  </si>
  <si>
    <t>65.536</t>
  </si>
  <si>
    <t>43752.0</t>
  </si>
  <si>
    <t>120.5</t>
  </si>
  <si>
    <t>5472.5</t>
  </si>
  <si>
    <t>142.311679455171</t>
  </si>
  <si>
    <t>24.471</t>
  </si>
  <si>
    <t>2544303.0</t>
  </si>
  <si>
    <t>66.683</t>
  </si>
  <si>
    <t>43941.0</t>
  </si>
  <si>
    <t>3.693</t>
  </si>
  <si>
    <t>2581509.0</t>
  </si>
  <si>
    <t>37206.0</t>
  </si>
  <si>
    <t>67.658</t>
  </si>
  <si>
    <t>43881.0</t>
  </si>
  <si>
    <t>2612757.0</t>
  </si>
  <si>
    <t>31248.0</t>
  </si>
  <si>
    <t>68.477</t>
  </si>
  <si>
    <t>43108.0</t>
  </si>
  <si>
    <t>22.65</t>
  </si>
  <si>
    <t>2654415.0</t>
  </si>
  <si>
    <t>69.569</t>
  </si>
  <si>
    <t>42777.0</t>
  </si>
  <si>
    <t>2701589.0</t>
  </si>
  <si>
    <t>70.806</t>
  </si>
  <si>
    <t>21.454</t>
  </si>
  <si>
    <t>2750374.0</t>
  </si>
  <si>
    <t>48785.0</t>
  </si>
  <si>
    <t>72.084</t>
  </si>
  <si>
    <t>2.783</t>
  </si>
  <si>
    <t>2803892.0</t>
  </si>
  <si>
    <t>53518.0</t>
  </si>
  <si>
    <t>73.487</t>
  </si>
  <si>
    <t>43341.0</t>
  </si>
  <si>
    <t>5525.4</t>
  </si>
  <si>
    <t>143.687337352508</t>
  </si>
  <si>
    <t>2851641.0</t>
  </si>
  <si>
    <t>47749.0</t>
  </si>
  <si>
    <t>74.738</t>
  </si>
  <si>
    <t>18.541</t>
  </si>
  <si>
    <t>2894567.0</t>
  </si>
  <si>
    <t>42926.0</t>
  </si>
  <si>
    <t>75.863</t>
  </si>
  <si>
    <t>136.9</t>
  </si>
  <si>
    <t>18.307</t>
  </si>
  <si>
    <t>2934155.0</t>
  </si>
  <si>
    <t>39588.0</t>
  </si>
  <si>
    <t>76.901</t>
  </si>
  <si>
    <t>45914.0</t>
  </si>
  <si>
    <t>2979417.0</t>
  </si>
  <si>
    <t>45262.0</t>
  </si>
  <si>
    <t>78.087</t>
  </si>
  <si>
    <t>46429.0</t>
  </si>
  <si>
    <t>144.9</t>
  </si>
  <si>
    <t>3023932.0</t>
  </si>
  <si>
    <t>44515.0</t>
  </si>
  <si>
    <t>79.254</t>
  </si>
  <si>
    <t>46049.0</t>
  </si>
  <si>
    <t>3065271.0</t>
  </si>
  <si>
    <t>41339.0</t>
  </si>
  <si>
    <t>80.337</t>
  </si>
  <si>
    <t>44985.0</t>
  </si>
  <si>
    <t>3104518.0</t>
  </si>
  <si>
    <t>39247.0</t>
  </si>
  <si>
    <t>42947.0</t>
  </si>
  <si>
    <t>5424.3</t>
  </si>
  <si>
    <t>-1.92</t>
  </si>
  <si>
    <t>141.058244471208</t>
  </si>
  <si>
    <t>15.629</t>
  </si>
  <si>
    <t>3145104.0</t>
  </si>
  <si>
    <t>40586.0</t>
  </si>
  <si>
    <t>41923.0</t>
  </si>
  <si>
    <t>149.7</t>
  </si>
  <si>
    <t>3177228.0</t>
  </si>
  <si>
    <t>32124.0</t>
  </si>
  <si>
    <t>83.272</t>
  </si>
  <si>
    <t>3208097.0</t>
  </si>
  <si>
    <t>30869.0</t>
  </si>
  <si>
    <t>84.081</t>
  </si>
  <si>
    <t>134.4</t>
  </si>
  <si>
    <t>14.667</t>
  </si>
  <si>
    <t>3250149.0</t>
  </si>
  <si>
    <t>85.183</t>
  </si>
  <si>
    <t>38676.0</t>
  </si>
  <si>
    <t>13.939</t>
  </si>
  <si>
    <t>3298898.0</t>
  </si>
  <si>
    <t>48749.0</t>
  </si>
  <si>
    <t>39281.0</t>
  </si>
  <si>
    <t>3351758.0</t>
  </si>
  <si>
    <t>52860.0</t>
  </si>
  <si>
    <t>87.846</t>
  </si>
  <si>
    <t>14.329</t>
  </si>
  <si>
    <t>3405241.0</t>
  </si>
  <si>
    <t>53483.0</t>
  </si>
  <si>
    <t>89.248</t>
  </si>
  <si>
    <t>42960.0</t>
  </si>
  <si>
    <t>5600.2</t>
  </si>
  <si>
    <t>145.632502016418</t>
  </si>
  <si>
    <t>13.601</t>
  </si>
  <si>
    <t>3457060.0</t>
  </si>
  <si>
    <t>51819.0</t>
  </si>
  <si>
    <t>90.606</t>
  </si>
  <si>
    <t>44565.0</t>
  </si>
  <si>
    <t>13.288</t>
  </si>
  <si>
    <t>3497651.0</t>
  </si>
  <si>
    <t>91.67</t>
  </si>
  <si>
    <t>45775.0</t>
  </si>
  <si>
    <t>3532695.0</t>
  </si>
  <si>
    <t>35044.0</t>
  </si>
  <si>
    <t>92.588</t>
  </si>
  <si>
    <t>46371.0</t>
  </si>
  <si>
    <t>129.3</t>
  </si>
  <si>
    <t>12.898</t>
  </si>
  <si>
    <t>3580120.0</t>
  </si>
  <si>
    <t>93.831</t>
  </si>
  <si>
    <t>47139.0</t>
  </si>
  <si>
    <t>3634898.0</t>
  </si>
  <si>
    <t>54778.0</t>
  </si>
  <si>
    <t>95.267</t>
  </si>
  <si>
    <t>48000.0</t>
  </si>
  <si>
    <t>3693362.0</t>
  </si>
  <si>
    <t>58464.0</t>
  </si>
  <si>
    <t>96.799</t>
  </si>
  <si>
    <t>3753607.0</t>
  </si>
  <si>
    <t>60245.0</t>
  </si>
  <si>
    <t>98.378</t>
  </si>
  <si>
    <t>115.3</t>
  </si>
  <si>
    <t>5724.1</t>
  </si>
  <si>
    <t>148.854506051959</t>
  </si>
  <si>
    <t>3808126.0</t>
  </si>
  <si>
    <t>54519.0</t>
  </si>
  <si>
    <t>99.807</t>
  </si>
  <si>
    <t>50152.0</t>
  </si>
  <si>
    <t>14.199</t>
  </si>
  <si>
    <t>3852126.0</t>
  </si>
  <si>
    <t>44000.0</t>
  </si>
  <si>
    <t>50639.0</t>
  </si>
  <si>
    <t>3898127.0</t>
  </si>
  <si>
    <t>46001.0</t>
  </si>
  <si>
    <t>102.166</t>
  </si>
  <si>
    <t>52205.0</t>
  </si>
  <si>
    <t>3951025.0</t>
  </si>
  <si>
    <t>52898.0</t>
  </si>
  <si>
    <t>52986.0</t>
  </si>
  <si>
    <t>104.8</t>
  </si>
  <si>
    <t>4008172.0</t>
  </si>
  <si>
    <t>105.05</t>
  </si>
  <si>
    <t>4070037.0</t>
  </si>
  <si>
    <t>61865.0</t>
  </si>
  <si>
    <t>106.671</t>
  </si>
  <si>
    <t>53811.0</t>
  </si>
  <si>
    <t>4132139.0</t>
  </si>
  <si>
    <t>62102.0</t>
  </si>
  <si>
    <t>108.299</t>
  </si>
  <si>
    <t>54076.0</t>
  </si>
  <si>
    <t>5806.0</t>
  </si>
  <si>
    <t>150.984305329689</t>
  </si>
  <si>
    <t>4188015.0</t>
  </si>
  <si>
    <t>55876.0</t>
  </si>
  <si>
    <t>109.763</t>
  </si>
  <si>
    <t>54270.0</t>
  </si>
  <si>
    <t>115.5</t>
  </si>
  <si>
    <t>4237258.0</t>
  </si>
  <si>
    <t>111.054</t>
  </si>
  <si>
    <t>55019.0</t>
  </si>
  <si>
    <t>10.792</t>
  </si>
  <si>
    <t>4279312.0</t>
  </si>
  <si>
    <t>112.156</t>
  </si>
  <si>
    <t>9.934</t>
  </si>
  <si>
    <t>4335747.0</t>
  </si>
  <si>
    <t>56435.0</t>
  </si>
  <si>
    <t>113.635</t>
  </si>
  <si>
    <t>54960.0</t>
  </si>
  <si>
    <t>4398108.0</t>
  </si>
  <si>
    <t>115.269</t>
  </si>
  <si>
    <t>4460821.0</t>
  </si>
  <si>
    <t>62713.0</t>
  </si>
  <si>
    <t>116.913</t>
  </si>
  <si>
    <t>55826.0</t>
  </si>
  <si>
    <t>131.7</t>
  </si>
  <si>
    <t>1.976</t>
  </si>
  <si>
    <t>4529169.0</t>
  </si>
  <si>
    <t>68348.0</t>
  </si>
  <si>
    <t>118.704</t>
  </si>
  <si>
    <t>5850.9</t>
  </si>
  <si>
    <t>152.151924225538</t>
  </si>
  <si>
    <t>4590402.0</t>
  </si>
  <si>
    <t>61233.0</t>
  </si>
  <si>
    <t>120.309</t>
  </si>
  <si>
    <t>57484.0</t>
  </si>
  <si>
    <t>4635750.0</t>
  </si>
  <si>
    <t>121.498</t>
  </si>
  <si>
    <t>56927.0</t>
  </si>
  <si>
    <t>8.582</t>
  </si>
  <si>
    <t>4677949.0</t>
  </si>
  <si>
    <t>42199.0</t>
  </si>
  <si>
    <t>122.604</t>
  </si>
  <si>
    <t>56948.0</t>
  </si>
  <si>
    <t>4723937.0</t>
  </si>
  <si>
    <t>45988.0</t>
  </si>
  <si>
    <t>123.809</t>
  </si>
  <si>
    <t>55456.0</t>
  </si>
  <si>
    <t>4781013.0</t>
  </si>
  <si>
    <t>57076.0</t>
  </si>
  <si>
    <t>125.305</t>
  </si>
  <si>
    <t>54701.0</t>
  </si>
  <si>
    <t>151.5</t>
  </si>
  <si>
    <t>4839800.0</t>
  </si>
  <si>
    <t>126.846</t>
  </si>
  <si>
    <t>54140.0</t>
  </si>
  <si>
    <t>4898783.0</t>
  </si>
  <si>
    <t>58983.0</t>
  </si>
  <si>
    <t>128.392</t>
  </si>
  <si>
    <t>52802.0</t>
  </si>
  <si>
    <t>5878.8</t>
  </si>
  <si>
    <t>152.877460243227</t>
  </si>
  <si>
    <t>4958570.0</t>
  </si>
  <si>
    <t>59787.0</t>
  </si>
  <si>
    <t>129.959</t>
  </si>
  <si>
    <t>128.4</t>
  </si>
  <si>
    <t>5005681.0</t>
  </si>
  <si>
    <t>47111.0</t>
  </si>
  <si>
    <t>131.193</t>
  </si>
  <si>
    <t>52847.0</t>
  </si>
  <si>
    <t>145.6</t>
  </si>
  <si>
    <t>5049821.0</t>
  </si>
  <si>
    <t>44140.0</t>
  </si>
  <si>
    <t>5104825.0</t>
  </si>
  <si>
    <t>55004.0</t>
  </si>
  <si>
    <t>133.792</t>
  </si>
  <si>
    <t>54413.0</t>
  </si>
  <si>
    <t>5167879.0</t>
  </si>
  <si>
    <t>63054.0</t>
  </si>
  <si>
    <t>135.444</t>
  </si>
  <si>
    <t>55267.0</t>
  </si>
  <si>
    <t>146.2</t>
  </si>
  <si>
    <t>6.839</t>
  </si>
  <si>
    <t>5232301.0</t>
  </si>
  <si>
    <t>137.133</t>
  </si>
  <si>
    <t>56072.0</t>
  </si>
  <si>
    <t>5298207.0</t>
  </si>
  <si>
    <t>65906.0</t>
  </si>
  <si>
    <t>138.86</t>
  </si>
  <si>
    <t>57061.0</t>
  </si>
  <si>
    <t>155.5</t>
  </si>
  <si>
    <t>6106.7</t>
  </si>
  <si>
    <t>158.803971298107</t>
  </si>
  <si>
    <t>5351934.0</t>
  </si>
  <si>
    <t>53727.0</t>
  </si>
  <si>
    <t>140.268</t>
  </si>
  <si>
    <t>56195.0</t>
  </si>
  <si>
    <t>5402380.0</t>
  </si>
  <si>
    <t>50446.0</t>
  </si>
  <si>
    <t>141.59</t>
  </si>
  <si>
    <t>56671.0</t>
  </si>
  <si>
    <t>145.3</t>
  </si>
  <si>
    <t>5450573.0</t>
  </si>
  <si>
    <t>48193.0</t>
  </si>
  <si>
    <t>142.853</t>
  </si>
  <si>
    <t>57250.0</t>
  </si>
  <si>
    <t>5507747.0</t>
  </si>
  <si>
    <t>57174.0</t>
  </si>
  <si>
    <t>144.352</t>
  </si>
  <si>
    <t>57560.0</t>
  </si>
  <si>
    <t>5568435.0</t>
  </si>
  <si>
    <t>145.942</t>
  </si>
  <si>
    <t>57222.0</t>
  </si>
  <si>
    <t>5632757.0</t>
  </si>
  <si>
    <t>64322.0</t>
  </si>
  <si>
    <t>147.628</t>
  </si>
  <si>
    <t>57208.0</t>
  </si>
  <si>
    <t>5.877</t>
  </si>
  <si>
    <t>5694345.0</t>
  </si>
  <si>
    <t>61588.0</t>
  </si>
  <si>
    <t>149.242</t>
  </si>
  <si>
    <t>56591.0</t>
  </si>
  <si>
    <t>6329.6</t>
  </si>
  <si>
    <t>164.600457977058</t>
  </si>
  <si>
    <t>5749324.0</t>
  </si>
  <si>
    <t>54979.0</t>
  </si>
  <si>
    <t>150.683</t>
  </si>
  <si>
    <t>56770.0</t>
  </si>
  <si>
    <t>116.3</t>
  </si>
  <si>
    <t>5791993.0</t>
  </si>
  <si>
    <t>151.802</t>
  </si>
  <si>
    <t>55659.0</t>
  </si>
  <si>
    <t>135.1</t>
  </si>
  <si>
    <t>5835264.0</t>
  </si>
  <si>
    <t>43271.0</t>
  </si>
  <si>
    <t>5889923.0</t>
  </si>
  <si>
    <t>154.368</t>
  </si>
  <si>
    <t>54597.0</t>
  </si>
  <si>
    <t>5952708.0</t>
  </si>
  <si>
    <t>62785.0</t>
  </si>
  <si>
    <t>156.014</t>
  </si>
  <si>
    <t>54896.0</t>
  </si>
  <si>
    <t>6.345</t>
  </si>
  <si>
    <t>6021277.0</t>
  </si>
  <si>
    <t>68569.0</t>
  </si>
  <si>
    <t>157.811</t>
  </si>
  <si>
    <t>55503.0</t>
  </si>
  <si>
    <t>6088912.0</t>
  </si>
  <si>
    <t>67635.0</t>
  </si>
  <si>
    <t>159.584</t>
  </si>
  <si>
    <t>56367.0</t>
  </si>
  <si>
    <t>6345.5</t>
  </si>
  <si>
    <t>165.013935492515</t>
  </si>
  <si>
    <t>6.969</t>
  </si>
  <si>
    <t>6146834.0</t>
  </si>
  <si>
    <t>57922.0</t>
  </si>
  <si>
    <t>161.102</t>
  </si>
  <si>
    <t>56787.0</t>
  </si>
  <si>
    <t>6.995</t>
  </si>
  <si>
    <t>6201792.0</t>
  </si>
  <si>
    <t>162.542</t>
  </si>
  <si>
    <t>6.865</t>
  </si>
  <si>
    <t>6250262.0</t>
  </si>
  <si>
    <t>48470.0</t>
  </si>
  <si>
    <t>163.812</t>
  </si>
  <si>
    <t>59285.0</t>
  </si>
  <si>
    <t>109.8</t>
  </si>
  <si>
    <t>6308657.0</t>
  </si>
  <si>
    <t>58395.0</t>
  </si>
  <si>
    <t>165.343</t>
  </si>
  <si>
    <t>59819.0</t>
  </si>
  <si>
    <t>6.449</t>
  </si>
  <si>
    <t>6371047.0</t>
  </si>
  <si>
    <t>62390.0</t>
  </si>
  <si>
    <t>166.978</t>
  </si>
  <si>
    <t>59763.0</t>
  </si>
  <si>
    <t>6440078.0</t>
  </si>
  <si>
    <t>168.787</t>
  </si>
  <si>
    <t>59829.0</t>
  </si>
  <si>
    <t>102.5</t>
  </si>
  <si>
    <t>6509289.0</t>
  </si>
  <si>
    <t>170.601</t>
  </si>
  <si>
    <t>60054.0</t>
  </si>
  <si>
    <t>6514.4</t>
  </si>
  <si>
    <t>169.406158911423</t>
  </si>
  <si>
    <t>6575400.0</t>
  </si>
  <si>
    <t>66111.0</t>
  </si>
  <si>
    <t>172.334</t>
  </si>
  <si>
    <t>61224.0</t>
  </si>
  <si>
    <t>6632575.0</t>
  </si>
  <si>
    <t>57175.0</t>
  </si>
  <si>
    <t>173.832</t>
  </si>
  <si>
    <t>6686286.0</t>
  </si>
  <si>
    <t>53711.0</t>
  </si>
  <si>
    <t>175.24</t>
  </si>
  <si>
    <t>62289.0</t>
  </si>
  <si>
    <t>6737627.0</t>
  </si>
  <si>
    <t>51341.0</t>
  </si>
  <si>
    <t>176.586</t>
  </si>
  <si>
    <t>61281.0</t>
  </si>
  <si>
    <t>6803382.0</t>
  </si>
  <si>
    <t>65755.0</t>
  </si>
  <si>
    <t>178.309</t>
  </si>
  <si>
    <t>61762.0</t>
  </si>
  <si>
    <t>86.3</t>
  </si>
  <si>
    <t>7.359</t>
  </si>
  <si>
    <t>6882899.0</t>
  </si>
  <si>
    <t>79517.0</t>
  </si>
  <si>
    <t>180.393</t>
  </si>
  <si>
    <t>6966164.0</t>
  </si>
  <si>
    <t>83265.0</t>
  </si>
  <si>
    <t>182.575</t>
  </si>
  <si>
    <t>65268.0</t>
  </si>
  <si>
    <t>6574.3</t>
  </si>
  <si>
    <t>170.963850935062</t>
  </si>
  <si>
    <t>7048721.0</t>
  </si>
  <si>
    <t>82557.0</t>
  </si>
  <si>
    <t>184.739</t>
  </si>
  <si>
    <t>67617.0</t>
  </si>
  <si>
    <t>7.983</t>
  </si>
  <si>
    <t>7121386.0</t>
  </si>
  <si>
    <t>186.644</t>
  </si>
  <si>
    <t>69830.0</t>
  </si>
  <si>
    <t>7189611.0</t>
  </si>
  <si>
    <t>68225.0</t>
  </si>
  <si>
    <t>188.432</t>
  </si>
  <si>
    <t>71904.0</t>
  </si>
  <si>
    <t>7265614.0</t>
  </si>
  <si>
    <t>76003.0</t>
  </si>
  <si>
    <t>190.424</t>
  </si>
  <si>
    <t>75427.0</t>
  </si>
  <si>
    <t>2.132</t>
  </si>
  <si>
    <t>8.608</t>
  </si>
  <si>
    <t>7358275.0</t>
  </si>
  <si>
    <t>192.852</t>
  </si>
  <si>
    <t>79270.0</t>
  </si>
  <si>
    <t>7443935.0</t>
  </si>
  <si>
    <t>85660.0</t>
  </si>
  <si>
    <t>195.097</t>
  </si>
  <si>
    <t>80148.0</t>
  </si>
  <si>
    <t>9.596</t>
  </si>
  <si>
    <t>7540462.0</t>
  </si>
  <si>
    <t>96527.0</t>
  </si>
  <si>
    <t>197.627</t>
  </si>
  <si>
    <t>6737.2</t>
  </si>
  <si>
    <t>175.200045102855</t>
  </si>
  <si>
    <t>7629201.0</t>
  </si>
  <si>
    <t>88739.0</t>
  </si>
  <si>
    <t>199.953</t>
  </si>
  <si>
    <t>82926.0</t>
  </si>
  <si>
    <t>2.173</t>
  </si>
  <si>
    <t>7711178.0</t>
  </si>
  <si>
    <t>81977.0</t>
  </si>
  <si>
    <t>202.101</t>
  </si>
  <si>
    <t>84256.0</t>
  </si>
  <si>
    <t>11.286</t>
  </si>
  <si>
    <t>7790037.0</t>
  </si>
  <si>
    <t>204.168</t>
  </si>
  <si>
    <t>85775.0</t>
  </si>
  <si>
    <t>12.014</t>
  </si>
  <si>
    <t>7875649.0</t>
  </si>
  <si>
    <t>85612.0</t>
  </si>
  <si>
    <t>206.412</t>
  </si>
  <si>
    <t>87148.0</t>
  </si>
  <si>
    <t>7961189.0</t>
  </si>
  <si>
    <t>85540.0</t>
  </si>
  <si>
    <t>208.654</t>
  </si>
  <si>
    <t>86131.0</t>
  </si>
  <si>
    <t>8065962.0</t>
  </si>
  <si>
    <t>104773.0</t>
  </si>
  <si>
    <t>88861.0</t>
  </si>
  <si>
    <t>8167515.0</t>
  </si>
  <si>
    <t>101553.0</t>
  </si>
  <si>
    <t>214.061</t>
  </si>
  <si>
    <t>2.662</t>
  </si>
  <si>
    <t>89579.0</t>
  </si>
  <si>
    <t>2.348</t>
  </si>
  <si>
    <t>7051.1</t>
  </si>
  <si>
    <t>183.362975423729</t>
  </si>
  <si>
    <t>8270610.0</t>
  </si>
  <si>
    <t>216.763</t>
  </si>
  <si>
    <t>91630.0</t>
  </si>
  <si>
    <t>15.187</t>
  </si>
  <si>
    <t>8360339.0</t>
  </si>
  <si>
    <t>89729.0</t>
  </si>
  <si>
    <t>219.115</t>
  </si>
  <si>
    <t>92737.0</t>
  </si>
  <si>
    <t>15.863</t>
  </si>
  <si>
    <t>8446021.0</t>
  </si>
  <si>
    <t>221.361</t>
  </si>
  <si>
    <t>2.246</t>
  </si>
  <si>
    <t>93712.0</t>
  </si>
  <si>
    <t>8541588.0</t>
  </si>
  <si>
    <t>95567.0</t>
  </si>
  <si>
    <t>223.865</t>
  </si>
  <si>
    <t>95134.0</t>
  </si>
  <si>
    <t>8643554.0</t>
  </si>
  <si>
    <t>226.538</t>
  </si>
  <si>
    <t>97481.0</t>
  </si>
  <si>
    <t>2.555</t>
  </si>
  <si>
    <t>17.033</t>
  </si>
  <si>
    <t>8744541.0</t>
  </si>
  <si>
    <t>100987.0</t>
  </si>
  <si>
    <t>229.185</t>
  </si>
  <si>
    <t>96940.0</t>
  </si>
  <si>
    <t>8855895.0</t>
  </si>
  <si>
    <t>111354.0</t>
  </si>
  <si>
    <t>232.103</t>
  </si>
  <si>
    <t>98340.0</t>
  </si>
  <si>
    <t>188.093262220055</t>
  </si>
  <si>
    <t>3.797</t>
  </si>
  <si>
    <t>19.114</t>
  </si>
  <si>
    <t>8954787.0</t>
  </si>
  <si>
    <t>98892.0</t>
  </si>
  <si>
    <t>234.695</t>
  </si>
  <si>
    <t>97740.0</t>
  </si>
  <si>
    <t>3.719</t>
  </si>
  <si>
    <t>19.868</t>
  </si>
  <si>
    <t>9045978.0</t>
  </si>
  <si>
    <t>91191.0</t>
  </si>
  <si>
    <t>237.085</t>
  </si>
  <si>
    <t>97948.0</t>
  </si>
  <si>
    <t>9141759.0</t>
  </si>
  <si>
    <t>95781.0</t>
  </si>
  <si>
    <t>239.595</t>
  </si>
  <si>
    <t>99391.0</t>
  </si>
  <si>
    <t>3.901</t>
  </si>
  <si>
    <t>9238881.0</t>
  </si>
  <si>
    <t>97122.0</t>
  </si>
  <si>
    <t>242.141</t>
  </si>
  <si>
    <t>2.545</t>
  </si>
  <si>
    <t>99613.0</t>
  </si>
  <si>
    <t>9346434.0</t>
  </si>
  <si>
    <t>107553.0</t>
  </si>
  <si>
    <t>244.96</t>
  </si>
  <si>
    <t>100411.0</t>
  </si>
  <si>
    <t>4.187</t>
  </si>
  <si>
    <t>9457407.0</t>
  </si>
  <si>
    <t>110973.0</t>
  </si>
  <si>
    <t>247.868</t>
  </si>
  <si>
    <t>9564007.0</t>
  </si>
  <si>
    <t>106600.0</t>
  </si>
  <si>
    <t>250.662</t>
  </si>
  <si>
    <t>2.794</t>
  </si>
  <si>
    <t>101159.0</t>
  </si>
  <si>
    <t>7463.89999999999</t>
  </si>
  <si>
    <t>194.097787900493</t>
  </si>
  <si>
    <t>4.837</t>
  </si>
  <si>
    <t>22.728</t>
  </si>
  <si>
    <t>9664380.0</t>
  </si>
  <si>
    <t>100373.0</t>
  </si>
  <si>
    <t>253.293</t>
  </si>
  <si>
    <t>4.967</t>
  </si>
  <si>
    <t>24.211</t>
  </si>
  <si>
    <t>9753793.0</t>
  </si>
  <si>
    <t>89413.0</t>
  </si>
  <si>
    <t>255.636</t>
  </si>
  <si>
    <t>101116.0</t>
  </si>
  <si>
    <t>9824759.0</t>
  </si>
  <si>
    <t>70966.0</t>
  </si>
  <si>
    <t>257.496</t>
  </si>
  <si>
    <t>97571.0</t>
  </si>
  <si>
    <t>5.149</t>
  </si>
  <si>
    <t>9905469.0</t>
  </si>
  <si>
    <t>80710.0</t>
  </si>
  <si>
    <t>95227.0</t>
  </si>
  <si>
    <t>5.357</t>
  </si>
  <si>
    <t>10002301.0</t>
  </si>
  <si>
    <t>96832.0</t>
  </si>
  <si>
    <t>262.149</t>
  </si>
  <si>
    <t>93695.0</t>
  </si>
  <si>
    <t>5.435</t>
  </si>
  <si>
    <t>10100418.0</t>
  </si>
  <si>
    <t>264.721</t>
  </si>
  <si>
    <t>91859.0</t>
  </si>
  <si>
    <t>10202508.0</t>
  </si>
  <si>
    <t>102090.0</t>
  </si>
  <si>
    <t>267.396</t>
  </si>
  <si>
    <t>91214.0</t>
  </si>
  <si>
    <t>7528.79999999999</t>
  </si>
  <si>
    <t>195.785504300062</t>
  </si>
  <si>
    <t>5.669</t>
  </si>
  <si>
    <t>10295050.0</t>
  </si>
  <si>
    <t>92542.0</t>
  </si>
  <si>
    <t>269.822</t>
  </si>
  <si>
    <t>2.425</t>
  </si>
  <si>
    <t>90096.0</t>
  </si>
  <si>
    <t>5.461</t>
  </si>
  <si>
    <t>26.993</t>
  </si>
  <si>
    <t>10371639.0</t>
  </si>
  <si>
    <t>76589.0</t>
  </si>
  <si>
    <t>271.829</t>
  </si>
  <si>
    <t>88264.0</t>
  </si>
  <si>
    <t>2.313</t>
  </si>
  <si>
    <t>26.889</t>
  </si>
  <si>
    <t>10439112.0</t>
  </si>
  <si>
    <t>67473.0</t>
  </si>
  <si>
    <t>273.597</t>
  </si>
  <si>
    <t>87765.0</t>
  </si>
  <si>
    <t>10528083.0</t>
  </si>
  <si>
    <t>275.929</t>
  </si>
  <si>
    <t>88945.0</t>
  </si>
  <si>
    <t>10625080.0</t>
  </si>
  <si>
    <t>96997.0</t>
  </si>
  <si>
    <t>278.471</t>
  </si>
  <si>
    <t>88968.0</t>
  </si>
  <si>
    <t>10720643.0</t>
  </si>
  <si>
    <t>95563.0</t>
  </si>
  <si>
    <t>280.976</t>
  </si>
  <si>
    <t>10824708.0</t>
  </si>
  <si>
    <t>104065.0</t>
  </si>
  <si>
    <t>283.703</t>
  </si>
  <si>
    <t>2.727</t>
  </si>
  <si>
    <t>88886.0</t>
  </si>
  <si>
    <t>7641.69999999999</t>
  </si>
  <si>
    <t>198.721454708557</t>
  </si>
  <si>
    <t>10919294.0</t>
  </si>
  <si>
    <t>94586.0</t>
  </si>
  <si>
    <t>286.182</t>
  </si>
  <si>
    <t>89178.0</t>
  </si>
  <si>
    <t>30.686</t>
  </si>
  <si>
    <t>10993171.0</t>
  </si>
  <si>
    <t>73877.0</t>
  </si>
  <si>
    <t>288.119</t>
  </si>
  <si>
    <t>88790.0</t>
  </si>
  <si>
    <t>5.799</t>
  </si>
  <si>
    <t>30.322</t>
  </si>
  <si>
    <t>11055901.0</t>
  </si>
  <si>
    <t>62730.0</t>
  </si>
  <si>
    <t>289.763</t>
  </si>
  <si>
    <t>88113.0</t>
  </si>
  <si>
    <t>2.309</t>
  </si>
  <si>
    <t>11139581.0</t>
  </si>
  <si>
    <t>83680.0</t>
  </si>
  <si>
    <t>291.956</t>
  </si>
  <si>
    <t>87357.0</t>
  </si>
  <si>
    <t>11231881.0</t>
  </si>
  <si>
    <t>92300.0</t>
  </si>
  <si>
    <t>294.375</t>
  </si>
  <si>
    <t>86686.0</t>
  </si>
  <si>
    <t>5.825</t>
  </si>
  <si>
    <t>11329993.0</t>
  </si>
  <si>
    <t>98112.0</t>
  </si>
  <si>
    <t>296.946</t>
  </si>
  <si>
    <t>87050.0</t>
  </si>
  <si>
    <t>11426963.0</t>
  </si>
  <si>
    <t>96970.0</t>
  </si>
  <si>
    <t>299.488</t>
  </si>
  <si>
    <t>86036.0</t>
  </si>
  <si>
    <t>7831.59999999999</t>
  </si>
  <si>
    <t>203.659780506371</t>
  </si>
  <si>
    <t>11516627.0</t>
  </si>
  <si>
    <t>89664.0</t>
  </si>
  <si>
    <t>301.838</t>
  </si>
  <si>
    <t>85333.0</t>
  </si>
  <si>
    <t>11586165.0</t>
  </si>
  <si>
    <t>69538.0</t>
  </si>
  <si>
    <t>303.66</t>
  </si>
  <si>
    <t>84713.0</t>
  </si>
  <si>
    <t>11649796.0</t>
  </si>
  <si>
    <t>63631.0</t>
  </si>
  <si>
    <t>305.328</t>
  </si>
  <si>
    <t>84842.0</t>
  </si>
  <si>
    <t>11729364.0</t>
  </si>
  <si>
    <t>79568.0</t>
  </si>
  <si>
    <t>307.413</t>
  </si>
  <si>
    <t>84255.0</t>
  </si>
  <si>
    <t>11826258.0</t>
  </si>
  <si>
    <t>96894.0</t>
  </si>
  <si>
    <t>309.953</t>
  </si>
  <si>
    <t>84911.0</t>
  </si>
  <si>
    <t>36.277</t>
  </si>
  <si>
    <t>11928609.0</t>
  </si>
  <si>
    <t>102351.0</t>
  </si>
  <si>
    <t>312.635</t>
  </si>
  <si>
    <t>2.683</t>
  </si>
  <si>
    <t>85517.0</t>
  </si>
  <si>
    <t>38.721</t>
  </si>
  <si>
    <t>12028151.0</t>
  </si>
  <si>
    <t>99542.0</t>
  </si>
  <si>
    <t>315.244</t>
  </si>
  <si>
    <t>85884.0</t>
  </si>
  <si>
    <t>8435.49999999999</t>
  </si>
  <si>
    <t>219.364124631173</t>
  </si>
  <si>
    <t>7.255</t>
  </si>
  <si>
    <t>12116510.0</t>
  </si>
  <si>
    <t>88359.0</t>
  </si>
  <si>
    <t>317.56</t>
  </si>
  <si>
    <t>85698.0</t>
  </si>
  <si>
    <t>12192838.0</t>
  </si>
  <si>
    <t>76328.0</t>
  </si>
  <si>
    <t>319.561</t>
  </si>
  <si>
    <t>86668.0</t>
  </si>
  <si>
    <t>12264295.0</t>
  </si>
  <si>
    <t>71457.0</t>
  </si>
  <si>
    <t>321.433</t>
  </si>
  <si>
    <t>87786.0</t>
  </si>
  <si>
    <t>12358240.0</t>
  </si>
  <si>
    <t>93945.0</t>
  </si>
  <si>
    <t>323.896</t>
  </si>
  <si>
    <t>89839.0</t>
  </si>
  <si>
    <t>12460757.0</t>
  </si>
  <si>
    <t>102517.0</t>
  </si>
  <si>
    <t>326.582</t>
  </si>
  <si>
    <t>12562354.0</t>
  </si>
  <si>
    <t>329.245</t>
  </si>
  <si>
    <t>90535.0</t>
  </si>
  <si>
    <t>9.804</t>
  </si>
  <si>
    <t>47.719</t>
  </si>
  <si>
    <t>12670682.0</t>
  </si>
  <si>
    <t>332.084</t>
  </si>
  <si>
    <t>91790.0</t>
  </si>
  <si>
    <t>8902.39999999999</t>
  </si>
  <si>
    <t>231.505800855498</t>
  </si>
  <si>
    <t>12773233.0</t>
  </si>
  <si>
    <t>102551.0</t>
  </si>
  <si>
    <t>334.772</t>
  </si>
  <si>
    <t>93818.0</t>
  </si>
  <si>
    <t>12857284.0</t>
  </si>
  <si>
    <t>336.975</t>
  </si>
  <si>
    <t>94921.0</t>
  </si>
  <si>
    <t>51.828</t>
  </si>
  <si>
    <t>12931224.0</t>
  </si>
  <si>
    <t>73940.0</t>
  </si>
  <si>
    <t>338.913</t>
  </si>
  <si>
    <t>95276.0</t>
  </si>
  <si>
    <t>13025678.0</t>
  </si>
  <si>
    <t>94454.0</t>
  </si>
  <si>
    <t>341.388</t>
  </si>
  <si>
    <t>95348.0</t>
  </si>
  <si>
    <t>2004.0</t>
  </si>
  <si>
    <t>13136367.0</t>
  </si>
  <si>
    <t>110689.0</t>
  </si>
  <si>
    <t>344.289</t>
  </si>
  <si>
    <t>96516.0</t>
  </si>
  <si>
    <t>10.974</t>
  </si>
  <si>
    <t>13252042.0</t>
  </si>
  <si>
    <t>115675.0</t>
  </si>
  <si>
    <t>347.321</t>
  </si>
  <si>
    <t>98527.0</t>
  </si>
  <si>
    <t>13373339.0</t>
  </si>
  <si>
    <t>121297.0</t>
  </si>
  <si>
    <t>350.5</t>
  </si>
  <si>
    <t>100380.0</t>
  </si>
  <si>
    <t>9336.29999999999</t>
  </si>
  <si>
    <t>242.789316198686</t>
  </si>
  <si>
    <t>11.702</t>
  </si>
  <si>
    <t>13486536.0</t>
  </si>
  <si>
    <t>113197.0</t>
  </si>
  <si>
    <t>353.467</t>
  </si>
  <si>
    <t>101900.0</t>
  </si>
  <si>
    <t>13583460.0</t>
  </si>
  <si>
    <t>96924.0</t>
  </si>
  <si>
    <t>356.007</t>
  </si>
  <si>
    <t>103739.0</t>
  </si>
  <si>
    <t>13664747.0</t>
  </si>
  <si>
    <t>358.138</t>
  </si>
  <si>
    <t>104789.0</t>
  </si>
  <si>
    <t>11.832</t>
  </si>
  <si>
    <t>63.686</t>
  </si>
  <si>
    <t>101069.0</t>
  </si>
  <si>
    <t>360.787</t>
  </si>
  <si>
    <t>2.649</t>
  </si>
  <si>
    <t>105734.0</t>
  </si>
  <si>
    <t>13883888.0</t>
  </si>
  <si>
    <t>118072.0</t>
  </si>
  <si>
    <t>363.881</t>
  </si>
  <si>
    <t>3.095</t>
  </si>
  <si>
    <t>106789.0</t>
  </si>
  <si>
    <t>12.222</t>
  </si>
  <si>
    <t>14016273.0</t>
  </si>
  <si>
    <t>132385.0</t>
  </si>
  <si>
    <t>367.351</t>
  </si>
  <si>
    <t>109176.0</t>
  </si>
  <si>
    <t>12.664</t>
  </si>
  <si>
    <t>67.561</t>
  </si>
  <si>
    <t>14149766.0</t>
  </si>
  <si>
    <t>133493.0</t>
  </si>
  <si>
    <t>370.849</t>
  </si>
  <si>
    <t>110918.0</t>
  </si>
  <si>
    <t>9894.19999999999</t>
  </si>
  <si>
    <t>257.297436064934</t>
  </si>
  <si>
    <t>14277692.0</t>
  </si>
  <si>
    <t>127926.0</t>
  </si>
  <si>
    <t>374.202</t>
  </si>
  <si>
    <t>14381174.0</t>
  </si>
  <si>
    <t>103482.0</t>
  </si>
  <si>
    <t>376.914</t>
  </si>
  <si>
    <t>113959.0</t>
  </si>
  <si>
    <t>14473250.0</t>
  </si>
  <si>
    <t>92076.0</t>
  </si>
  <si>
    <t>379.328</t>
  </si>
  <si>
    <t>115500.0</t>
  </si>
  <si>
    <t>14591325.0</t>
  </si>
  <si>
    <t>118075.0</t>
  </si>
  <si>
    <t>382.422</t>
  </si>
  <si>
    <t>117930.0</t>
  </si>
  <si>
    <t>14719207.0</t>
  </si>
  <si>
    <t>127882.0</t>
  </si>
  <si>
    <t>385.774</t>
  </si>
  <si>
    <t>119331.0</t>
  </si>
  <si>
    <t>14852779.0</t>
  </si>
  <si>
    <t>133572.0</t>
  </si>
  <si>
    <t>389.275</t>
  </si>
  <si>
    <t>119501.0</t>
  </si>
  <si>
    <t>14.901</t>
  </si>
  <si>
    <t>14985423.0</t>
  </si>
  <si>
    <t>132644.0</t>
  </si>
  <si>
    <t>392.751</t>
  </si>
  <si>
    <t>119380.0</t>
  </si>
  <si>
    <t>10623.1</t>
  </si>
  <si>
    <t>276.252389587981</t>
  </si>
  <si>
    <t>15.317</t>
  </si>
  <si>
    <t>15122337.0</t>
  </si>
  <si>
    <t>136914.0</t>
  </si>
  <si>
    <t>396.339</t>
  </si>
  <si>
    <t>3.588</t>
  </si>
  <si>
    <t>120664.0</t>
  </si>
  <si>
    <t>82.669</t>
  </si>
  <si>
    <t>15230658.0</t>
  </si>
  <si>
    <t>108321.0</t>
  </si>
  <si>
    <t>399.178</t>
  </si>
  <si>
    <t>121355.0</t>
  </si>
  <si>
    <t>3.181</t>
  </si>
  <si>
    <t>15.759</t>
  </si>
  <si>
    <t>15328313.0</t>
  </si>
  <si>
    <t>97655.0</t>
  </si>
  <si>
    <t>401.738</t>
  </si>
  <si>
    <t>122152.0</t>
  </si>
  <si>
    <t>15449032.0</t>
  </si>
  <si>
    <t>120719.0</t>
  </si>
  <si>
    <t>404.902</t>
  </si>
  <si>
    <t>83.398</t>
  </si>
  <si>
    <t>15584772.0</t>
  </si>
  <si>
    <t>135740.0</t>
  </si>
  <si>
    <t>408.459</t>
  </si>
  <si>
    <t>123652.0</t>
  </si>
  <si>
    <t>15728238.0</t>
  </si>
  <si>
    <t>143466.0</t>
  </si>
  <si>
    <t>412.219</t>
  </si>
  <si>
    <t>125066.0</t>
  </si>
  <si>
    <t>3.278</t>
  </si>
  <si>
    <t>16.929</t>
  </si>
  <si>
    <t>15877256.0</t>
  </si>
  <si>
    <t>149018.0</t>
  </si>
  <si>
    <t>416.125</t>
  </si>
  <si>
    <t>3.906</t>
  </si>
  <si>
    <t>127405.0</t>
  </si>
  <si>
    <t>11326.0</t>
  </si>
  <si>
    <t>294.531216356193</t>
  </si>
  <si>
    <t>16008664.0</t>
  </si>
  <si>
    <t>131408.0</t>
  </si>
  <si>
    <t>419.569</t>
  </si>
  <si>
    <t>3.444</t>
  </si>
  <si>
    <t>126618.0</t>
  </si>
  <si>
    <t>89.665</t>
  </si>
  <si>
    <t>16132400.0</t>
  </si>
  <si>
    <t>422.812</t>
  </si>
  <si>
    <t>128820.0</t>
  </si>
  <si>
    <t>16229379.0</t>
  </si>
  <si>
    <t>96979.0</t>
  </si>
  <si>
    <t>425.354</t>
  </si>
  <si>
    <t>128724.0</t>
  </si>
  <si>
    <t>3.374</t>
  </si>
  <si>
    <t>16356624.0</t>
  </si>
  <si>
    <t>127245.0</t>
  </si>
  <si>
    <t>428.689</t>
  </si>
  <si>
    <t>129656.0</t>
  </si>
  <si>
    <t>7282.0</t>
  </si>
  <si>
    <t>16493272.0</t>
  </si>
  <si>
    <t>136648.0</t>
  </si>
  <si>
    <t>432.27</t>
  </si>
  <si>
    <t>129786.0</t>
  </si>
  <si>
    <t>16640503.0</t>
  </si>
  <si>
    <t>147231.0</t>
  </si>
  <si>
    <t>436.129</t>
  </si>
  <si>
    <t>130324.0</t>
  </si>
  <si>
    <t>18.229</t>
  </si>
  <si>
    <t>94.58</t>
  </si>
  <si>
    <t>16783349.0</t>
  </si>
  <si>
    <t>142846.0</t>
  </si>
  <si>
    <t>439.873</t>
  </si>
  <si>
    <t>129442.0</t>
  </si>
  <si>
    <t>13236.0</t>
  </si>
  <si>
    <t>11824.9</t>
  </si>
  <si>
    <t>307.505048586468</t>
  </si>
  <si>
    <t>95.1</t>
  </si>
  <si>
    <t>16922977.0</t>
  </si>
  <si>
    <t>139628.0</t>
  </si>
  <si>
    <t>443.532</t>
  </si>
  <si>
    <t>130616.0</t>
  </si>
  <si>
    <t>21085.0</t>
  </si>
  <si>
    <t>17037732.0</t>
  </si>
  <si>
    <t>114755.0</t>
  </si>
  <si>
    <t>446.54</t>
  </si>
  <si>
    <t>129333.0</t>
  </si>
  <si>
    <t>26877.0</t>
  </si>
  <si>
    <t>26876.0</t>
  </si>
  <si>
    <t>5792.0</t>
  </si>
  <si>
    <t>18.177</t>
  </si>
  <si>
    <t>17140068.0</t>
  </si>
  <si>
    <t>449.222</t>
  </si>
  <si>
    <t>130098.0</t>
  </si>
  <si>
    <t>35570.0</t>
  </si>
  <si>
    <t>35569.0</t>
  </si>
  <si>
    <t>8693.0</t>
  </si>
  <si>
    <t>18.047</t>
  </si>
  <si>
    <t>17269154.0</t>
  </si>
  <si>
    <t>129086.0</t>
  </si>
  <si>
    <t>452.605</t>
  </si>
  <si>
    <t>130361.0</t>
  </si>
  <si>
    <t>45773.0</t>
  </si>
  <si>
    <t>45772.0</t>
  </si>
  <si>
    <t>17405025.0</t>
  </si>
  <si>
    <t>135871.0</t>
  </si>
  <si>
    <t>456.166</t>
  </si>
  <si>
    <t>130250.0</t>
  </si>
  <si>
    <t>48826.0</t>
  </si>
  <si>
    <t>48825.0</t>
  </si>
  <si>
    <t>98.689</t>
  </si>
  <si>
    <t>17533075.0</t>
  </si>
  <si>
    <t>128050.0</t>
  </si>
  <si>
    <t>459.522</t>
  </si>
  <si>
    <t>127510.0</t>
  </si>
  <si>
    <t>48841.0</t>
  </si>
  <si>
    <t>48840.0</t>
  </si>
  <si>
    <t>5210.0</t>
  </si>
  <si>
    <t>17632876.0</t>
  </si>
  <si>
    <t>99801.0</t>
  </si>
  <si>
    <t>462.138</t>
  </si>
  <si>
    <t>121361.0</t>
  </si>
  <si>
    <t>52453.0</t>
  </si>
  <si>
    <t>52452.0</t>
  </si>
  <si>
    <t>12447.8</t>
  </si>
  <si>
    <t>323.703485339803</t>
  </si>
  <si>
    <t>19.348</t>
  </si>
  <si>
    <t>104.67</t>
  </si>
  <si>
    <t>17708419.0</t>
  </si>
  <si>
    <t>75543.0</t>
  </si>
  <si>
    <t>464.118</t>
  </si>
  <si>
    <t>112206.0</t>
  </si>
  <si>
    <t>59079.0</t>
  </si>
  <si>
    <t>59078.0</t>
  </si>
  <si>
    <t>17786792.0</t>
  </si>
  <si>
    <t>466.172</t>
  </si>
  <si>
    <t>107009.0</t>
  </si>
  <si>
    <t>2.805</t>
  </si>
  <si>
    <t>72092.0</t>
  </si>
  <si>
    <t>72090.0</t>
  </si>
  <si>
    <t>6459.0</t>
  </si>
  <si>
    <t>20.622</t>
  </si>
  <si>
    <t>17864192.0</t>
  </si>
  <si>
    <t>77400.0</t>
  </si>
  <si>
    <t>468.2</t>
  </si>
  <si>
    <t>103446.0</t>
  </si>
  <si>
    <t>80641.0</t>
  </si>
  <si>
    <t>80639.0</t>
  </si>
  <si>
    <t>20.466</t>
  </si>
  <si>
    <t>17965095.0</t>
  </si>
  <si>
    <t>100903.0</t>
  </si>
  <si>
    <t>470.845</t>
  </si>
  <si>
    <t>99420.0</t>
  </si>
  <si>
    <t>96170.0</t>
  </si>
  <si>
    <t>96168.0</t>
  </si>
  <si>
    <t>15529.0</t>
  </si>
  <si>
    <t>20.232</t>
  </si>
  <si>
    <t>18097623.0</t>
  </si>
  <si>
    <t>132528.0</t>
  </si>
  <si>
    <t>474.318</t>
  </si>
  <si>
    <t>98943.0</t>
  </si>
  <si>
    <t>2.593</t>
  </si>
  <si>
    <t>105461.0</t>
  </si>
  <si>
    <t>105458.0</t>
  </si>
  <si>
    <t>9291.0</t>
  </si>
  <si>
    <t>18229970.0</t>
  </si>
  <si>
    <t>132347.0</t>
  </si>
  <si>
    <t>477.787</t>
  </si>
  <si>
    <t>99556.0</t>
  </si>
  <si>
    <t>110115.0</t>
  </si>
  <si>
    <t>18342575.0</t>
  </si>
  <si>
    <t>480.738</t>
  </si>
  <si>
    <t>115339.0</t>
  </si>
  <si>
    <t>115336.0</t>
  </si>
  <si>
    <t>8983.0</t>
  </si>
  <si>
    <t>13185.7</t>
  </si>
  <si>
    <t>342.892482739524</t>
  </si>
  <si>
    <t>119.44</t>
  </si>
  <si>
    <t>18430711.0</t>
  </si>
  <si>
    <t>88136.0</t>
  </si>
  <si>
    <t>483.048</t>
  </si>
  <si>
    <t>103185.0</t>
  </si>
  <si>
    <t>2.704</t>
  </si>
  <si>
    <t>138966.0</t>
  </si>
  <si>
    <t>138963.0</t>
  </si>
  <si>
    <t>22.156</t>
  </si>
  <si>
    <t>18514140.0</t>
  </si>
  <si>
    <t>83429.0</t>
  </si>
  <si>
    <t>485.235</t>
  </si>
  <si>
    <t>103907.0</t>
  </si>
  <si>
    <t>156845.0</t>
  </si>
  <si>
    <t>17879.0</t>
  </si>
  <si>
    <t>18597612.0</t>
  </si>
  <si>
    <t>83472.0</t>
  </si>
  <si>
    <t>487.423</t>
  </si>
  <si>
    <t>104774.0</t>
  </si>
  <si>
    <t>184957.0</t>
  </si>
  <si>
    <t>184509.0</t>
  </si>
  <si>
    <t>28112.0</t>
  </si>
  <si>
    <t>14902.0</t>
  </si>
  <si>
    <t>18716320.0</t>
  </si>
  <si>
    <t>118708.0</t>
  </si>
  <si>
    <t>490.534</t>
  </si>
  <si>
    <t>107318.0</t>
  </si>
  <si>
    <t>222125.0</t>
  </si>
  <si>
    <t>220700.0</t>
  </si>
  <si>
    <t>17994.0</t>
  </si>
  <si>
    <t>17790.0</t>
  </si>
  <si>
    <t>18851810.0</t>
  </si>
  <si>
    <t>135490.0</t>
  </si>
  <si>
    <t>494.085</t>
  </si>
  <si>
    <t>107741.0</t>
  </si>
  <si>
    <t>264017.0</t>
  </si>
  <si>
    <t>22651.0</t>
  </si>
  <si>
    <t>18998073.0</t>
  </si>
  <si>
    <t>146263.0</t>
  </si>
  <si>
    <t>497.918</t>
  </si>
  <si>
    <t>109729.0</t>
  </si>
  <si>
    <t>300249.0</t>
  </si>
  <si>
    <t>296308.0</t>
  </si>
  <si>
    <t>27162.0</t>
  </si>
  <si>
    <t>19139670.0</t>
  </si>
  <si>
    <t>141597.0</t>
  </si>
  <si>
    <t>501.629</t>
  </si>
  <si>
    <t>113871.0</t>
  </si>
  <si>
    <t>323781.0</t>
  </si>
  <si>
    <t>319819.0</t>
  </si>
  <si>
    <t>23532.0</t>
  </si>
  <si>
    <t>29777.0</t>
  </si>
  <si>
    <t>29212.0</t>
  </si>
  <si>
    <t>13462.2</t>
  </si>
  <si>
    <t>350.082830728442</t>
  </si>
  <si>
    <t>22.91</t>
  </si>
  <si>
    <t>19260709.0</t>
  </si>
  <si>
    <t>504.802</t>
  </si>
  <si>
    <t>3.172</t>
  </si>
  <si>
    <t>118571.0</t>
  </si>
  <si>
    <t>3.108</t>
  </si>
  <si>
    <t>362166.0</t>
  </si>
  <si>
    <t>358193.0</t>
  </si>
  <si>
    <t>38385.0</t>
  </si>
  <si>
    <t>31886.0</t>
  </si>
  <si>
    <t>31319.0</t>
  </si>
  <si>
    <t>19355884.0</t>
  </si>
  <si>
    <t>95175.0</t>
  </si>
  <si>
    <t>507.296</t>
  </si>
  <si>
    <t>120249.0</t>
  </si>
  <si>
    <t>393400.0</t>
  </si>
  <si>
    <t>387870.0</t>
  </si>
  <si>
    <t>33794.0</t>
  </si>
  <si>
    <t>19449427.0</t>
  </si>
  <si>
    <t>93543.0</t>
  </si>
  <si>
    <t>509.748</t>
  </si>
  <si>
    <t>121688.0</t>
  </si>
  <si>
    <t>423711.0</t>
  </si>
  <si>
    <t>410409.0</t>
  </si>
  <si>
    <t>34108.0</t>
  </si>
  <si>
    <t>32271.0</t>
  </si>
  <si>
    <t>126.67</t>
  </si>
  <si>
    <t>19569464.0</t>
  </si>
  <si>
    <t>120037.0</t>
  </si>
  <si>
    <t>512.894</t>
  </si>
  <si>
    <t>466390.0</t>
  </si>
  <si>
    <t>450017.0</t>
  </si>
  <si>
    <t>16373.0</t>
  </si>
  <si>
    <t>42679.0</t>
  </si>
  <si>
    <t>32760.0</t>
  </si>
  <si>
    <t>4778.0</t>
  </si>
  <si>
    <t>19713708.0</t>
  </si>
  <si>
    <t>144244.0</t>
  </si>
  <si>
    <t>516.674</t>
  </si>
  <si>
    <t>123128.0</t>
  </si>
  <si>
    <t>515888.0</t>
  </si>
  <si>
    <t>496457.0</t>
  </si>
  <si>
    <t>35982.0</t>
  </si>
  <si>
    <t>33591.0</t>
  </si>
  <si>
    <t>19860051.0</t>
  </si>
  <si>
    <t>146343.0</t>
  </si>
  <si>
    <t>520.51</t>
  </si>
  <si>
    <t>123140.0</t>
  </si>
  <si>
    <t>553819.0</t>
  </si>
  <si>
    <t>533199.0</t>
  </si>
  <si>
    <t>20620.0</t>
  </si>
  <si>
    <t>36224.0</t>
  </si>
  <si>
    <t>22.832</t>
  </si>
  <si>
    <t>20001761.0</t>
  </si>
  <si>
    <t>141710.0</t>
  </si>
  <si>
    <t>524.224</t>
  </si>
  <si>
    <t>123156.0</t>
  </si>
  <si>
    <t>3.228</t>
  </si>
  <si>
    <t>582416.0</t>
  </si>
  <si>
    <t>560529.0</t>
  </si>
  <si>
    <t>21887.0</t>
  </si>
  <si>
    <t>28597.0</t>
  </si>
  <si>
    <t>36948.0</t>
  </si>
  <si>
    <t>34387.0</t>
  </si>
  <si>
    <t>13669.7</t>
  </si>
  <si>
    <t>355.478842329529</t>
  </si>
  <si>
    <t>20122360.0</t>
  </si>
  <si>
    <t>120599.0</t>
  </si>
  <si>
    <t>527.384</t>
  </si>
  <si>
    <t>123093.0</t>
  </si>
  <si>
    <t>623715.0</t>
  </si>
  <si>
    <t>601092.0</t>
  </si>
  <si>
    <t>22623.0</t>
  </si>
  <si>
    <t>41299.0</t>
  </si>
  <si>
    <t>37364.0</t>
  </si>
  <si>
    <t>34700.0</t>
  </si>
  <si>
    <t>22.78</t>
  </si>
  <si>
    <t>20205977.0</t>
  </si>
  <si>
    <t>529.576</t>
  </si>
  <si>
    <t>121442.0</t>
  </si>
  <si>
    <t>663128.0</t>
  </si>
  <si>
    <t>638248.0</t>
  </si>
  <si>
    <t>24880.0</t>
  </si>
  <si>
    <t>39413.0</t>
  </si>
  <si>
    <t>20285433.0</t>
  </si>
  <si>
    <t>531.658</t>
  </si>
  <si>
    <t>119429.0</t>
  </si>
  <si>
    <t>706501.0</t>
  </si>
  <si>
    <t>668458.0</t>
  </si>
  <si>
    <t>38043.0</t>
  </si>
  <si>
    <t>43373.0</t>
  </si>
  <si>
    <t>40399.0</t>
  </si>
  <si>
    <t>36864.0</t>
  </si>
  <si>
    <t>22.078</t>
  </si>
  <si>
    <t>20407889.0</t>
  </si>
  <si>
    <t>122456.0</t>
  </si>
  <si>
    <t>534.868</t>
  </si>
  <si>
    <t>119775.0</t>
  </si>
  <si>
    <t>749604.0</t>
  </si>
  <si>
    <t>705753.0</t>
  </si>
  <si>
    <t>43851.0</t>
  </si>
  <si>
    <t>40459.0</t>
  </si>
  <si>
    <t>36534.0</t>
  </si>
  <si>
    <t>114.499</t>
  </si>
  <si>
    <t>20546199.0</t>
  </si>
  <si>
    <t>138310.0</t>
  </si>
  <si>
    <t>538.493</t>
  </si>
  <si>
    <t>118927.0</t>
  </si>
  <si>
    <t>3.117</t>
  </si>
  <si>
    <t>787695.0</t>
  </si>
  <si>
    <t>737495.0</t>
  </si>
  <si>
    <t>38091.0</t>
  </si>
  <si>
    <t>38830.0</t>
  </si>
  <si>
    <t>34434.0</t>
  </si>
  <si>
    <t>20688427.0</t>
  </si>
  <si>
    <t>142228.0</t>
  </si>
  <si>
    <t>542.22</t>
  </si>
  <si>
    <t>3.728</t>
  </si>
  <si>
    <t>118339.0</t>
  </si>
  <si>
    <t>815195.0</t>
  </si>
  <si>
    <t>760602.0</t>
  </si>
  <si>
    <t>54593.0</t>
  </si>
  <si>
    <t>27500.0</t>
  </si>
  <si>
    <t>37339.0</t>
  </si>
  <si>
    <t>32486.0</t>
  </si>
  <si>
    <t>111.457</t>
  </si>
  <si>
    <t>20817447.0</t>
  </si>
  <si>
    <t>129020.0</t>
  </si>
  <si>
    <t>545.602</t>
  </si>
  <si>
    <t>3.054</t>
  </si>
  <si>
    <t>829872.0</t>
  </si>
  <si>
    <t>772619.0</t>
  </si>
  <si>
    <t>57253.0</t>
  </si>
  <si>
    <t>35351.0</t>
  </si>
  <si>
    <t>13898.2</t>
  </si>
  <si>
    <t>361.420956309521</t>
  </si>
  <si>
    <t>109.324</t>
  </si>
  <si>
    <t>20924370.0</t>
  </si>
  <si>
    <t>106923.0</t>
  </si>
  <si>
    <t>548.404</t>
  </si>
  <si>
    <t>114573.0</t>
  </si>
  <si>
    <t>853343.0</t>
  </si>
  <si>
    <t>787850.0</t>
  </si>
  <si>
    <t>65493.0</t>
  </si>
  <si>
    <t>32804.0</t>
  </si>
  <si>
    <t>26680.0</t>
  </si>
  <si>
    <t>21001832.0</t>
  </si>
  <si>
    <t>77462.0</t>
  </si>
  <si>
    <t>550.434</t>
  </si>
  <si>
    <t>113694.0</t>
  </si>
  <si>
    <t>883025.0</t>
  </si>
  <si>
    <t>809303.0</t>
  </si>
  <si>
    <t>73722.0</t>
  </si>
  <si>
    <t>24436.0</t>
  </si>
  <si>
    <t>21.662</t>
  </si>
  <si>
    <t>21078482.0</t>
  </si>
  <si>
    <t>76650.0</t>
  </si>
  <si>
    <t>552.443</t>
  </si>
  <si>
    <t>113293.0</t>
  </si>
  <si>
    <t>2.969</t>
  </si>
  <si>
    <t>906169.0</t>
  </si>
  <si>
    <t>822886.0</t>
  </si>
  <si>
    <t>28524.0</t>
  </si>
  <si>
    <t>21201895.0</t>
  </si>
  <si>
    <t>123413.0</t>
  </si>
  <si>
    <t>555.678</t>
  </si>
  <si>
    <t>3.235</t>
  </si>
  <si>
    <t>113429.0</t>
  </si>
  <si>
    <t>2.973</t>
  </si>
  <si>
    <t>931218.0</t>
  </si>
  <si>
    <t>837986.0</t>
  </si>
  <si>
    <t>93232.0</t>
  </si>
  <si>
    <t>25945.0</t>
  </si>
  <si>
    <t>21334846.0</t>
  </si>
  <si>
    <t>132951.0</t>
  </si>
  <si>
    <t>559.162</t>
  </si>
  <si>
    <t>3.484</t>
  </si>
  <si>
    <t>112664.0</t>
  </si>
  <si>
    <t>2.953</t>
  </si>
  <si>
    <t>953030.0</t>
  </si>
  <si>
    <t>850343.0</t>
  </si>
  <si>
    <t>102687.0</t>
  </si>
  <si>
    <t>23619.0</t>
  </si>
  <si>
    <t>96.27</t>
  </si>
  <si>
    <t>21471772.0</t>
  </si>
  <si>
    <t>136926.0</t>
  </si>
  <si>
    <t>562.751</t>
  </si>
  <si>
    <t>3.589</t>
  </si>
  <si>
    <t>111906.0</t>
  </si>
  <si>
    <t>968205.0</t>
  </si>
  <si>
    <t>857000.0</t>
  </si>
  <si>
    <t>111205.0</t>
  </si>
  <si>
    <t>21593178.0</t>
  </si>
  <si>
    <t>121406.0</t>
  </si>
  <si>
    <t>565.933</t>
  </si>
  <si>
    <t>110819.0</t>
  </si>
  <si>
    <t>2.904</t>
  </si>
  <si>
    <t>973390.0</t>
  </si>
  <si>
    <t>859625.0</t>
  </si>
  <si>
    <t>113765.0</t>
  </si>
  <si>
    <t>20503.0</t>
  </si>
  <si>
    <t>12429.0</t>
  </si>
  <si>
    <t>14128.7</t>
  </si>
  <si>
    <t>367.415080039885</t>
  </si>
  <si>
    <t>21695238.0</t>
  </si>
  <si>
    <t>102060.0</t>
  </si>
  <si>
    <t>568.608</t>
  </si>
  <si>
    <t>110124.0</t>
  </si>
  <si>
    <t>991721.0</t>
  </si>
  <si>
    <t>873360.0</t>
  </si>
  <si>
    <t>118361.0</t>
  </si>
  <si>
    <t>18331.0</t>
  </si>
  <si>
    <t>19768.0</t>
  </si>
  <si>
    <t>19.738</t>
  </si>
  <si>
    <t>21765562.0</t>
  </si>
  <si>
    <t>70324.0</t>
  </si>
  <si>
    <t>570.451</t>
  </si>
  <si>
    <t>109104.0</t>
  </si>
  <si>
    <t>1003370.0</t>
  </si>
  <si>
    <t>880067.0</t>
  </si>
  <si>
    <t>123303.0</t>
  </si>
  <si>
    <t>11649.0</t>
  </si>
  <si>
    <t>21837984.0</t>
  </si>
  <si>
    <t>72422.0</t>
  </si>
  <si>
    <t>572.349</t>
  </si>
  <si>
    <t>1017059.0</t>
  </si>
  <si>
    <t>884394.0</t>
  </si>
  <si>
    <t>132665.0</t>
  </si>
  <si>
    <t>13689.0</t>
  </si>
  <si>
    <t>18.906</t>
  </si>
  <si>
    <t>21947836.0</t>
  </si>
  <si>
    <t>109852.0</t>
  </si>
  <si>
    <t>575.228</t>
  </si>
  <si>
    <t>2.879</t>
  </si>
  <si>
    <t>106563.0</t>
  </si>
  <si>
    <t>2.793</t>
  </si>
  <si>
    <t>1036680.0</t>
  </si>
  <si>
    <t>891446.0</t>
  </si>
  <si>
    <t>145234.0</t>
  </si>
  <si>
    <t>19621.0</t>
  </si>
  <si>
    <t>15066.0</t>
  </si>
  <si>
    <t>7637.0</t>
  </si>
  <si>
    <t>22072745.0</t>
  </si>
  <si>
    <t>124909.0</t>
  </si>
  <si>
    <t>578.502</t>
  </si>
  <si>
    <t>105414.0</t>
  </si>
  <si>
    <t>1060322.0</t>
  </si>
  <si>
    <t>901757.0</t>
  </si>
  <si>
    <t>158565.0</t>
  </si>
  <si>
    <t>15327.0</t>
  </si>
  <si>
    <t>18.645</t>
  </si>
  <si>
    <t>22196761.0</t>
  </si>
  <si>
    <t>124016.0</t>
  </si>
  <si>
    <t>581.752</t>
  </si>
  <si>
    <t>103570.0</t>
  </si>
  <si>
    <t>2.714</t>
  </si>
  <si>
    <t>1081963.0</t>
  </si>
  <si>
    <t>909624.0</t>
  </si>
  <si>
    <t>172339.0</t>
  </si>
  <si>
    <t>21641.0</t>
  </si>
  <si>
    <t>16251.0</t>
  </si>
  <si>
    <t>22318959.0</t>
  </si>
  <si>
    <t>122198.0</t>
  </si>
  <si>
    <t>584.955</t>
  </si>
  <si>
    <t>103683.0</t>
  </si>
  <si>
    <t>1095843.0</t>
  </si>
  <si>
    <t>915702.0</t>
  </si>
  <si>
    <t>180141.0</t>
  </si>
  <si>
    <t>14382.2</t>
  </si>
  <si>
    <t>374.007315899526</t>
  </si>
  <si>
    <t>22418263.0</t>
  </si>
  <si>
    <t>99304.0</t>
  </si>
  <si>
    <t>587.557</t>
  </si>
  <si>
    <t>103289.0</t>
  </si>
  <si>
    <t>1117279.0</t>
  </si>
  <si>
    <t>926179.0</t>
  </si>
  <si>
    <t>191100.0</t>
  </si>
  <si>
    <t>21436.0</t>
  </si>
  <si>
    <t>22484611.0</t>
  </si>
  <si>
    <t>589.296</t>
  </si>
  <si>
    <t>102721.0</t>
  </si>
  <si>
    <t>1144125.0</t>
  </si>
  <si>
    <t>935643.0</t>
  </si>
  <si>
    <t>208482.0</t>
  </si>
  <si>
    <t>20108.0</t>
  </si>
  <si>
    <t>16.747</t>
  </si>
  <si>
    <t>22557097.0</t>
  </si>
  <si>
    <t>72486.0</t>
  </si>
  <si>
    <t>591.196</t>
  </si>
  <si>
    <t>102730.0</t>
  </si>
  <si>
    <t>1174091.0</t>
  </si>
  <si>
    <t>945358.0</t>
  </si>
  <si>
    <t>228733.0</t>
  </si>
  <si>
    <t>29966.0</t>
  </si>
  <si>
    <t>22433.0</t>
  </si>
  <si>
    <t>16.201</t>
  </si>
  <si>
    <t>70.395</t>
  </si>
  <si>
    <t>22671229.0</t>
  </si>
  <si>
    <t>114132.0</t>
  </si>
  <si>
    <t>594.187</t>
  </si>
  <si>
    <t>103342.0</t>
  </si>
  <si>
    <t>1207876.0</t>
  </si>
  <si>
    <t>958044.0</t>
  </si>
  <si>
    <t>249829.0</t>
  </si>
  <si>
    <t>33785.0</t>
  </si>
  <si>
    <t>24457.0</t>
  </si>
  <si>
    <t>9514.0</t>
  </si>
  <si>
    <t>68.159</t>
  </si>
  <si>
    <t>22800850.0</t>
  </si>
  <si>
    <t>129621.0</t>
  </si>
  <si>
    <t>597.585</t>
  </si>
  <si>
    <t>104015.0</t>
  </si>
  <si>
    <t>1245419.0</t>
  </si>
  <si>
    <t>972124.0</t>
  </si>
  <si>
    <t>273290.0</t>
  </si>
  <si>
    <t>37543.0</t>
  </si>
  <si>
    <t>26442.0</t>
  </si>
  <si>
    <t>22922404.0</t>
  </si>
  <si>
    <t>121554.0</t>
  </si>
  <si>
    <t>600.77</t>
  </si>
  <si>
    <t>3.186</t>
  </si>
  <si>
    <t>103663.0</t>
  </si>
  <si>
    <t>1279527.0</t>
  </si>
  <si>
    <t>984842.0</t>
  </si>
  <si>
    <t>294680.0</t>
  </si>
  <si>
    <t>23040160.0</t>
  </si>
  <si>
    <t>117756.0</t>
  </si>
  <si>
    <t>603.857</t>
  </si>
  <si>
    <t>103029.0</t>
  </si>
  <si>
    <t>0.0298</t>
  </si>
  <si>
    <t>1295796.0</t>
  </si>
  <si>
    <t>987215.0</t>
  </si>
  <si>
    <t>308576.0</t>
  </si>
  <si>
    <t>16269.0</t>
  </si>
  <si>
    <t>28565.0</t>
  </si>
  <si>
    <t>14277.7</t>
  </si>
  <si>
    <t>-1.68</t>
  </si>
  <si>
    <t>371.289806442593</t>
  </si>
  <si>
    <t>23138775.0</t>
  </si>
  <si>
    <t>98615.0</t>
  </si>
  <si>
    <t>606.441</t>
  </si>
  <si>
    <t>102930.0</t>
  </si>
  <si>
    <t>1306465.0</t>
  </si>
  <si>
    <t>988945.0</t>
  </si>
  <si>
    <t>317515.0</t>
  </si>
  <si>
    <t>10669.0</t>
  </si>
  <si>
    <t>66.703</t>
  </si>
  <si>
    <t>23209222.0</t>
  </si>
  <si>
    <t>70447.0</t>
  </si>
  <si>
    <t>608.288</t>
  </si>
  <si>
    <t>103516.0</t>
  </si>
  <si>
    <t>1332467.0</t>
  </si>
  <si>
    <t>997521.0</t>
  </si>
  <si>
    <t>334940.0</t>
  </si>
  <si>
    <t>26002.0</t>
  </si>
  <si>
    <t>26906.0</t>
  </si>
  <si>
    <t>8840.0</t>
  </si>
  <si>
    <t>14.979</t>
  </si>
  <si>
    <t>23277743.0</t>
  </si>
  <si>
    <t>68521.0</t>
  </si>
  <si>
    <t>610.083</t>
  </si>
  <si>
    <t>102949.0</t>
  </si>
  <si>
    <t>1353970.0</t>
  </si>
  <si>
    <t>1002496.0</t>
  </si>
  <si>
    <t>351468.0</t>
  </si>
  <si>
    <t>25697.0</t>
  </si>
  <si>
    <t>23366022.0</t>
  </si>
  <si>
    <t>88279.0</t>
  </si>
  <si>
    <t>612.397</t>
  </si>
  <si>
    <t>99256.0</t>
  </si>
  <si>
    <t>1381563.0</t>
  </si>
  <si>
    <t>1010313.0</t>
  </si>
  <si>
    <t>371244.0</t>
  </si>
  <si>
    <t>27593.0</t>
  </si>
  <si>
    <t>24812.0</t>
  </si>
  <si>
    <t>23486748.0</t>
  </si>
  <si>
    <t>120726.0</t>
  </si>
  <si>
    <t>615.561</t>
  </si>
  <si>
    <t>97985.0</t>
  </si>
  <si>
    <t>1432123.0</t>
  </si>
  <si>
    <t>1036133.0</t>
  </si>
  <si>
    <t>395982.0</t>
  </si>
  <si>
    <t>26672.0</t>
  </si>
  <si>
    <t>14.641</t>
  </si>
  <si>
    <t>23616086.0</t>
  </si>
  <si>
    <t>129338.0</t>
  </si>
  <si>
    <t>618.951</t>
  </si>
  <si>
    <t>99097.0</t>
  </si>
  <si>
    <t>1484005.0</t>
  </si>
  <si>
    <t>1070212.0</t>
  </si>
  <si>
    <t>413781.0</t>
  </si>
  <si>
    <t>51882.0</t>
  </si>
  <si>
    <t>29211.0</t>
  </si>
  <si>
    <t>12196.0</t>
  </si>
  <si>
    <t>23728396.0</t>
  </si>
  <si>
    <t>112310.0</t>
  </si>
  <si>
    <t>621.895</t>
  </si>
  <si>
    <t>98319.0</t>
  </si>
  <si>
    <t>1525354.0</t>
  </si>
  <si>
    <t>1099018.0</t>
  </si>
  <si>
    <t>426323.0</t>
  </si>
  <si>
    <t>41349.0</t>
  </si>
  <si>
    <t>32794.0</t>
  </si>
  <si>
    <t>14129.2</t>
  </si>
  <si>
    <t>367.428082477478</t>
  </si>
  <si>
    <t>14.745</t>
  </si>
  <si>
    <t>23823141.0</t>
  </si>
  <si>
    <t>94745.0</t>
  </si>
  <si>
    <t>624.378</t>
  </si>
  <si>
    <t>97767.0</t>
  </si>
  <si>
    <t>1587607.0</t>
  </si>
  <si>
    <t>1129049.0</t>
  </si>
  <si>
    <t>458544.0</t>
  </si>
  <si>
    <t>62253.0</t>
  </si>
  <si>
    <t>40163.0</t>
  </si>
  <si>
    <t>20015.0</t>
  </si>
  <si>
    <t>15.265</t>
  </si>
  <si>
    <t>23892820.0</t>
  </si>
  <si>
    <t>69679.0</t>
  </si>
  <si>
    <t>626.204</t>
  </si>
  <si>
    <t>97657.0</t>
  </si>
  <si>
    <t>1637325.0</t>
  </si>
  <si>
    <t>1159857.0</t>
  </si>
  <si>
    <t>477453.0</t>
  </si>
  <si>
    <t>49718.0</t>
  </si>
  <si>
    <t>43551.0</t>
  </si>
  <si>
    <t>23191.0</t>
  </si>
  <si>
    <t>23961860.0</t>
  </si>
  <si>
    <t>69040.0</t>
  </si>
  <si>
    <t>628.013</t>
  </si>
  <si>
    <t>97731.0</t>
  </si>
  <si>
    <t>1683944.0</t>
  </si>
  <si>
    <t>1191700.0</t>
  </si>
  <si>
    <t>492229.0</t>
  </si>
  <si>
    <t>46619.0</t>
  </si>
  <si>
    <t>27029.0</t>
  </si>
  <si>
    <t>14.823</t>
  </si>
  <si>
    <t>24077706.0</t>
  </si>
  <si>
    <t>115846.0</t>
  </si>
  <si>
    <t>631.05</t>
  </si>
  <si>
    <t>101669.0</t>
  </si>
  <si>
    <t>1742878.0</t>
  </si>
  <si>
    <t>1233502.0</t>
  </si>
  <si>
    <t>509361.0</t>
  </si>
  <si>
    <t>58934.0</t>
  </si>
  <si>
    <t>51616.0</t>
  </si>
  <si>
    <t>31884.0</t>
  </si>
  <si>
    <t>14.407</t>
  </si>
  <si>
    <t>2191.0</t>
  </si>
  <si>
    <t>24205430.0</t>
  </si>
  <si>
    <t>127724.0</t>
  </si>
  <si>
    <t>634.397</t>
  </si>
  <si>
    <t>102669.0</t>
  </si>
  <si>
    <t>2.691</t>
  </si>
  <si>
    <t>1289093.0</t>
  </si>
  <si>
    <t>522249.0</t>
  </si>
  <si>
    <t>54176.0</t>
  </si>
  <si>
    <t>36137.0</t>
  </si>
  <si>
    <t>14.797</t>
  </si>
  <si>
    <t>24328417.0</t>
  </si>
  <si>
    <t>122987.0</t>
  </si>
  <si>
    <t>637.62</t>
  </si>
  <si>
    <t>3.223</t>
  </si>
  <si>
    <t>2.667</t>
  </si>
  <si>
    <t>1873761.0</t>
  </si>
  <si>
    <t>1343377.0</t>
  </si>
  <si>
    <t>530369.0</t>
  </si>
  <si>
    <t>62404.0</t>
  </si>
  <si>
    <t>55679.0</t>
  </si>
  <si>
    <t>39024.0</t>
  </si>
  <si>
    <t>57.445</t>
  </si>
  <si>
    <t>24444017.0</t>
  </si>
  <si>
    <t>115600.0</t>
  </si>
  <si>
    <t>640.65</t>
  </si>
  <si>
    <t>102232.0</t>
  </si>
  <si>
    <t>1919773.0</t>
  </si>
  <si>
    <t>1383659.0</t>
  </si>
  <si>
    <t>536098.0</t>
  </si>
  <si>
    <t>46012.0</t>
  </si>
  <si>
    <t>40663.0</t>
  </si>
  <si>
    <t>13949.7</t>
  </si>
  <si>
    <t>-2.91</t>
  </si>
  <si>
    <t>362.760207381598</t>
  </si>
  <si>
    <t>15.005</t>
  </si>
  <si>
    <t>56.821</t>
  </si>
  <si>
    <t>24545470.0</t>
  </si>
  <si>
    <t>101453.0</t>
  </si>
  <si>
    <t>643.309</t>
  </si>
  <si>
    <t>103190.0</t>
  </si>
  <si>
    <t>1979597.0</t>
  </si>
  <si>
    <t>1430036.0</t>
  </si>
  <si>
    <t>549545.0</t>
  </si>
  <si>
    <t>59824.0</t>
  </si>
  <si>
    <t>55999.0</t>
  </si>
  <si>
    <t>24621134.0</t>
  </si>
  <si>
    <t>75664.0</t>
  </si>
  <si>
    <t>645.292</t>
  </si>
  <si>
    <t>104045.0</t>
  </si>
  <si>
    <t>2055232.0</t>
  </si>
  <si>
    <t>1494965.0</t>
  </si>
  <si>
    <t>560251.0</t>
  </si>
  <si>
    <t>75635.0</t>
  </si>
  <si>
    <t>59701.0</t>
  </si>
  <si>
    <t>47873.0</t>
  </si>
  <si>
    <t>55.936</t>
  </si>
  <si>
    <t>24698266.0</t>
  </si>
  <si>
    <t>77132.0</t>
  </si>
  <si>
    <t>647.314</t>
  </si>
  <si>
    <t>105201.0</t>
  </si>
  <si>
    <t>2130551.0</t>
  </si>
  <si>
    <t>1563164.0</t>
  </si>
  <si>
    <t>567371.0</t>
  </si>
  <si>
    <t>75319.0</t>
  </si>
  <si>
    <t>63801.0</t>
  </si>
  <si>
    <t>53066.0</t>
  </si>
  <si>
    <t>14.225</t>
  </si>
  <si>
    <t>24813290.0</t>
  </si>
  <si>
    <t>115024.0</t>
  </si>
  <si>
    <t>650.328</t>
  </si>
  <si>
    <t>105083.0</t>
  </si>
  <si>
    <t>2210365.0</t>
  </si>
  <si>
    <t>1637701.0</t>
  </si>
  <si>
    <t>572648.0</t>
  </si>
  <si>
    <t>79814.0</t>
  </si>
  <si>
    <t>66784.0</t>
  </si>
  <si>
    <t>57743.0</t>
  </si>
  <si>
    <t>24939113.0</t>
  </si>
  <si>
    <t>125823.0</t>
  </si>
  <si>
    <t>653.626</t>
  </si>
  <si>
    <t>104812.0</t>
  </si>
  <si>
    <t>2297090.0</t>
  </si>
  <si>
    <t>1720843.0</t>
  </si>
  <si>
    <t>576231.0</t>
  </si>
  <si>
    <t>86725.0</t>
  </si>
  <si>
    <t>69390.0</t>
  </si>
  <si>
    <t>61679.0</t>
  </si>
  <si>
    <t>25067769.0</t>
  </si>
  <si>
    <t>128656.0</t>
  </si>
  <si>
    <t>656.998</t>
  </si>
  <si>
    <t>105622.0</t>
  </si>
  <si>
    <t>2.768</t>
  </si>
  <si>
    <t>2371024.0</t>
  </si>
  <si>
    <t>1792300.0</t>
  </si>
  <si>
    <t>578708.0</t>
  </si>
  <si>
    <t>73934.0</t>
  </si>
  <si>
    <t>71038.0</t>
  </si>
  <si>
    <t>64132.0</t>
  </si>
  <si>
    <t>25180543.0</t>
  </si>
  <si>
    <t>112774.0</t>
  </si>
  <si>
    <t>659.954</t>
  </si>
  <si>
    <t>105218.0</t>
  </si>
  <si>
    <t>2428322.0</t>
  </si>
  <si>
    <t>1847941.0</t>
  </si>
  <si>
    <t>580365.0</t>
  </si>
  <si>
    <t>57298.0</t>
  </si>
  <si>
    <t>72650.0</t>
  </si>
  <si>
    <t>66326.0</t>
  </si>
  <si>
    <t>13850.2</t>
  </si>
  <si>
    <t>-1.63</t>
  </si>
  <si>
    <t>360.172722300595</t>
  </si>
  <si>
    <t>25277398.0</t>
  </si>
  <si>
    <t>96855.0</t>
  </si>
  <si>
    <t>662.492</t>
  </si>
  <si>
    <t>104561.0</t>
  </si>
  <si>
    <t>2515041.0</t>
  </si>
  <si>
    <t>1924607.0</t>
  </si>
  <si>
    <t>590418.0</t>
  </si>
  <si>
    <t>86719.0</t>
  </si>
  <si>
    <t>76492.0</t>
  </si>
  <si>
    <t>70653.0</t>
  </si>
  <si>
    <t>25353457.0</t>
  </si>
  <si>
    <t>76059.0</t>
  </si>
  <si>
    <t>664.486</t>
  </si>
  <si>
    <t>104618.0</t>
  </si>
  <si>
    <t>2586011.0</t>
  </si>
  <si>
    <t>1991453.0</t>
  </si>
  <si>
    <t>594540.0</t>
  </si>
  <si>
    <t>70970.0</t>
  </si>
  <si>
    <t>75826.0</t>
  </si>
  <si>
    <t>70927.0</t>
  </si>
  <si>
    <t>54.662</t>
  </si>
  <si>
    <t>25430035.0</t>
  </si>
  <si>
    <t>76578.0</t>
  </si>
  <si>
    <t>666.493</t>
  </si>
  <si>
    <t>104538.0</t>
  </si>
  <si>
    <t>2665604.0</t>
  </si>
  <si>
    <t>2065607.0</t>
  </si>
  <si>
    <t>599979.0</t>
  </si>
  <si>
    <t>79593.0</t>
  </si>
  <si>
    <t>76436.0</t>
  </si>
  <si>
    <t>71778.0</t>
  </si>
  <si>
    <t>25543898.0</t>
  </si>
  <si>
    <t>113863.0</t>
  </si>
  <si>
    <t>669.477</t>
  </si>
  <si>
    <t>104373.0</t>
  </si>
  <si>
    <t>2764593.0</t>
  </si>
  <si>
    <t>2159483.0</t>
  </si>
  <si>
    <t>605091.0</t>
  </si>
  <si>
    <t>98989.0</t>
  </si>
  <si>
    <t>79175.0</t>
  </si>
  <si>
    <t>74540.0</t>
  </si>
  <si>
    <t>25664264.0</t>
  </si>
  <si>
    <t>120366.0</t>
  </si>
  <si>
    <t>672.632</t>
  </si>
  <si>
    <t>103593.0</t>
  </si>
  <si>
    <t>2877128.0</t>
  </si>
  <si>
    <t>2268494.0</t>
  </si>
  <si>
    <t>608615.0</t>
  </si>
  <si>
    <t>112535.0</t>
  </si>
  <si>
    <t>82863.0</t>
  </si>
  <si>
    <t>78236.0</t>
  </si>
  <si>
    <t>25787862.0</t>
  </si>
  <si>
    <t>123598.0</t>
  </si>
  <si>
    <t>675.871</t>
  </si>
  <si>
    <t>102870.0</t>
  </si>
  <si>
    <t>2983627.0</t>
  </si>
  <si>
    <t>2371954.0</t>
  </si>
  <si>
    <t>611653.0</t>
  </si>
  <si>
    <t>106499.0</t>
  </si>
  <si>
    <t>87515.0</t>
  </si>
  <si>
    <t>82808.0</t>
  </si>
  <si>
    <t>25901412.0</t>
  </si>
  <si>
    <t>113550.0</t>
  </si>
  <si>
    <t>678.847</t>
  </si>
  <si>
    <t>2.976</t>
  </si>
  <si>
    <t>102981.0</t>
  </si>
  <si>
    <t>3076737.0</t>
  </si>
  <si>
    <t>2463087.0</t>
  </si>
  <si>
    <t>613630.0</t>
  </si>
  <si>
    <t>93110.0</t>
  </si>
  <si>
    <t>92631.0</t>
  </si>
  <si>
    <t>87878.0</t>
  </si>
  <si>
    <t>13537.7</t>
  </si>
  <si>
    <t>352.046198804982</t>
  </si>
  <si>
    <t>25996238.0</t>
  </si>
  <si>
    <t>94826.0</t>
  </si>
  <si>
    <t>681.332</t>
  </si>
  <si>
    <t>102691.0</t>
  </si>
  <si>
    <t>3201603.0</t>
  </si>
  <si>
    <t>2582555.0</t>
  </si>
  <si>
    <t>619028.0</t>
  </si>
  <si>
    <t>124866.0</t>
  </si>
  <si>
    <t>98080.0</t>
  </si>
  <si>
    <t>93993.0</t>
  </si>
  <si>
    <t>15.343</t>
  </si>
  <si>
    <t>26068778.0</t>
  </si>
  <si>
    <t>72540.0</t>
  </si>
  <si>
    <t>683.233</t>
  </si>
  <si>
    <t>102189.0</t>
  </si>
  <si>
    <t>2.678</t>
  </si>
  <si>
    <t>3323659.0</t>
  </si>
  <si>
    <t>2700064.0</t>
  </si>
  <si>
    <t>623573.0</t>
  </si>
  <si>
    <t>122056.0</t>
  </si>
  <si>
    <t>105378.0</t>
  </si>
  <si>
    <t>101230.0</t>
  </si>
  <si>
    <t>57.757</t>
  </si>
  <si>
    <t>26141455.0</t>
  </si>
  <si>
    <t>685.138</t>
  </si>
  <si>
    <t>101631.0</t>
  </si>
  <si>
    <t>3465196.0</t>
  </si>
  <si>
    <t>2836087.0</t>
  </si>
  <si>
    <t>629086.0</t>
  </si>
  <si>
    <t>141537.0</t>
  </si>
  <si>
    <t>114227.0</t>
  </si>
  <si>
    <t>110069.0</t>
  </si>
  <si>
    <t>15.291</t>
  </si>
  <si>
    <t>26250640.0</t>
  </si>
  <si>
    <t>109185.0</t>
  </si>
  <si>
    <t>2.862</t>
  </si>
  <si>
    <t>100963.0</t>
  </si>
  <si>
    <t>3622950.0</t>
  </si>
  <si>
    <t>2988123.0</t>
  </si>
  <si>
    <t>634804.0</t>
  </si>
  <si>
    <t>157754.0</t>
  </si>
  <si>
    <t>122622.0</t>
  </si>
  <si>
    <t>118377.0</t>
  </si>
  <si>
    <t>26371705.0</t>
  </si>
  <si>
    <t>121065.0</t>
  </si>
  <si>
    <t>691.173</t>
  </si>
  <si>
    <t>101063.0</t>
  </si>
  <si>
    <t>3788523.0</t>
  </si>
  <si>
    <t>3147124.0</t>
  </si>
  <si>
    <t>641376.0</t>
  </si>
  <si>
    <t>165573.0</t>
  </si>
  <si>
    <t>130199.0</t>
  </si>
  <si>
    <t>125519.0</t>
  </si>
  <si>
    <t>26492049.0</t>
  </si>
  <si>
    <t>120344.0</t>
  </si>
  <si>
    <t>694.327</t>
  </si>
  <si>
    <t>100598.0</t>
  </si>
  <si>
    <t>2.637</t>
  </si>
  <si>
    <t>3922570.0</t>
  </si>
  <si>
    <t>3275989.0</t>
  </si>
  <si>
    <t>646557.0</t>
  </si>
  <si>
    <t>134047.0</t>
  </si>
  <si>
    <t>134135.0</t>
  </si>
  <si>
    <t>129148.0</t>
  </si>
  <si>
    <t>15.369</t>
  </si>
  <si>
    <t>26592828.0</t>
  </si>
  <si>
    <t>100779.0</t>
  </si>
  <si>
    <t>696.968</t>
  </si>
  <si>
    <t>2.641</t>
  </si>
  <si>
    <t>98774.0</t>
  </si>
  <si>
    <t>4013233.0</t>
  </si>
  <si>
    <t>3363438.0</t>
  </si>
  <si>
    <t>649771.0</t>
  </si>
  <si>
    <t>90663.0</t>
  </si>
  <si>
    <t>133785.0</t>
  </si>
  <si>
    <t>8.75</t>
  </si>
  <si>
    <t>13171.2</t>
  </si>
  <si>
    <t>-6.11</t>
  </si>
  <si>
    <t>342.515412049327</t>
  </si>
  <si>
    <t>16.175</t>
  </si>
  <si>
    <t>26704383.0</t>
  </si>
  <si>
    <t>111555.0</t>
  </si>
  <si>
    <t>699.892</t>
  </si>
  <si>
    <t>101164.0</t>
  </si>
  <si>
    <t>4159672.0</t>
  </si>
  <si>
    <t>3506426.0</t>
  </si>
  <si>
    <t>653222.0</t>
  </si>
  <si>
    <t>146439.0</t>
  </si>
  <si>
    <t>136867.0</t>
  </si>
  <si>
    <t>131982.0</t>
  </si>
  <si>
    <t>16.591</t>
  </si>
  <si>
    <t>26778301.0</t>
  </si>
  <si>
    <t>73918.0</t>
  </si>
  <si>
    <t>701.829</t>
  </si>
  <si>
    <t>101360.0</t>
  </si>
  <si>
    <t>4286653.0</t>
  </si>
  <si>
    <t>3628731.0</t>
  </si>
  <si>
    <t>657896.0</t>
  </si>
  <si>
    <t>126981.0</t>
  </si>
  <si>
    <t>137571.0</t>
  </si>
  <si>
    <t>132667.0</t>
  </si>
  <si>
    <t>62.88</t>
  </si>
  <si>
    <t>26858481.0</t>
  </si>
  <si>
    <t>80180.0</t>
  </si>
  <si>
    <t>703.931</t>
  </si>
  <si>
    <t>102432.0</t>
  </si>
  <si>
    <t>4459696.0</t>
  </si>
  <si>
    <t>3796639.0</t>
  </si>
  <si>
    <t>663031.0</t>
  </si>
  <si>
    <t>142071.0</t>
  </si>
  <si>
    <t>137222.0</t>
  </si>
  <si>
    <t>26977663.0</t>
  </si>
  <si>
    <t>119182.0</t>
  </si>
  <si>
    <t>707.054</t>
  </si>
  <si>
    <t>3.124</t>
  </si>
  <si>
    <t>103860.0</t>
  </si>
  <si>
    <t>2.722</t>
  </si>
  <si>
    <t>4651445.0</t>
  </si>
  <si>
    <t>3981395.0</t>
  </si>
  <si>
    <t>670024.0</t>
  </si>
  <si>
    <t>191749.0</t>
  </si>
  <si>
    <t>146928.0</t>
  </si>
  <si>
    <t>141896.0</t>
  </si>
  <si>
    <t>27110501.0</t>
  </si>
  <si>
    <t>132838.0</t>
  </si>
  <si>
    <t>710.536</t>
  </si>
  <si>
    <t>3.482</t>
  </si>
  <si>
    <t>105542.0</t>
  </si>
  <si>
    <t>4870682.0</t>
  </si>
  <si>
    <t>4191959.0</t>
  </si>
  <si>
    <t>678697.0</t>
  </si>
  <si>
    <t>219237.0</t>
  </si>
  <si>
    <t>154594.0</t>
  </si>
  <si>
    <t>12.67</t>
  </si>
  <si>
    <t>149262.0</t>
  </si>
  <si>
    <t>27233666.0</t>
  </si>
  <si>
    <t>123165.0</t>
  </si>
  <si>
    <t>713.764</t>
  </si>
  <si>
    <t>105945.0</t>
  </si>
  <si>
    <t>5041203.0</t>
  </si>
  <si>
    <t>4355937.0</t>
  </si>
  <si>
    <t>685239.0</t>
  </si>
  <si>
    <t>170521.0</t>
  </si>
  <si>
    <t>159805.0</t>
  </si>
  <si>
    <t>18.021</t>
  </si>
  <si>
    <t>27357887.0</t>
  </si>
  <si>
    <t>124221.0</t>
  </si>
  <si>
    <t>717.019</t>
  </si>
  <si>
    <t>109294.0</t>
  </si>
  <si>
    <t>2.864</t>
  </si>
  <si>
    <t>5189814.0</t>
  </si>
  <si>
    <t>4500345.0</t>
  </si>
  <si>
    <t>689442.0</t>
  </si>
  <si>
    <t>148611.0</t>
  </si>
  <si>
    <t>162415.0</t>
  </si>
  <si>
    <t>12938.7</t>
  </si>
  <si>
    <t>-3.89</t>
  </si>
  <si>
    <t>336.469278568592</t>
  </si>
  <si>
    <t>18.333</t>
  </si>
  <si>
    <t>27466380.0</t>
  </si>
  <si>
    <t>108493.0</t>
  </si>
  <si>
    <t>719.863</t>
  </si>
  <si>
    <t>108857.0</t>
  </si>
  <si>
    <t>2.853</t>
  </si>
  <si>
    <t>5378647.0</t>
  </si>
  <si>
    <t>4683202.0</t>
  </si>
  <si>
    <t>695418.0</t>
  </si>
  <si>
    <t>188833.0</t>
  </si>
  <si>
    <t>174139.0</t>
  </si>
  <si>
    <t>168111.0</t>
  </si>
  <si>
    <t>27550308.0</t>
  </si>
  <si>
    <t>83928.0</t>
  </si>
  <si>
    <t>722.063</t>
  </si>
  <si>
    <t>110287.0</t>
  </si>
  <si>
    <t>5553879.0</t>
  </si>
  <si>
    <t>4850007.0</t>
  </si>
  <si>
    <t>703845.0</t>
  </si>
  <si>
    <t>175232.0</t>
  </si>
  <si>
    <t>181032.0</t>
  </si>
  <si>
    <t>174468.0</t>
  </si>
  <si>
    <t>27644520.0</t>
  </si>
  <si>
    <t>94212.0</t>
  </si>
  <si>
    <t>724.532</t>
  </si>
  <si>
    <t>2.469</t>
  </si>
  <si>
    <t>112291.0</t>
  </si>
  <si>
    <t>5778911.0</t>
  </si>
  <si>
    <t>5066452.0</t>
  </si>
  <si>
    <t>712432.0</t>
  </si>
  <si>
    <t>225032.0</t>
  </si>
  <si>
    <t>188459.0</t>
  </si>
  <si>
    <t>15.03</t>
  </si>
  <si>
    <t>181402.0</t>
  </si>
  <si>
    <t>27772855.0</t>
  </si>
  <si>
    <t>128335.0</t>
  </si>
  <si>
    <t>727.895</t>
  </si>
  <si>
    <t>3.364</t>
  </si>
  <si>
    <t>113599.0</t>
  </si>
  <si>
    <t>5988868.0</t>
  </si>
  <si>
    <t>5265563.0</t>
  </si>
  <si>
    <t>723277.0</t>
  </si>
  <si>
    <t>209957.0</t>
  </si>
  <si>
    <t>191060.0</t>
  </si>
  <si>
    <t>183453.0</t>
  </si>
  <si>
    <t>19.608</t>
  </si>
  <si>
    <t>27912267.0</t>
  </si>
  <si>
    <t>139412.0</t>
  </si>
  <si>
    <t>731.549</t>
  </si>
  <si>
    <t>114538.0</t>
  </si>
  <si>
    <t>3.002</t>
  </si>
  <si>
    <t>6160599.0</t>
  </si>
  <si>
    <t>5430869.0</t>
  </si>
  <si>
    <t>729699.0</t>
  </si>
  <si>
    <t>171731.0</t>
  </si>
  <si>
    <t>184274.0</t>
  </si>
  <si>
    <t>176987.0</t>
  </si>
  <si>
    <t>28046932.0</t>
  </si>
  <si>
    <t>134665.0</t>
  </si>
  <si>
    <t>735.079</t>
  </si>
  <si>
    <t>3.529</t>
  </si>
  <si>
    <t>116181.0</t>
  </si>
  <si>
    <t>6355667.0</t>
  </si>
  <si>
    <t>5622317.0</t>
  </si>
  <si>
    <t>733317.0</t>
  </si>
  <si>
    <t>195068.0</t>
  </si>
  <si>
    <t>187781.0</t>
  </si>
  <si>
    <t>180911.0</t>
  </si>
  <si>
    <t>21.298</t>
  </si>
  <si>
    <t>28175556.0</t>
  </si>
  <si>
    <t>128624.0</t>
  </si>
  <si>
    <t>738.45</t>
  </si>
  <si>
    <t>116810.0</t>
  </si>
  <si>
    <t>3.061</t>
  </si>
  <si>
    <t>6477214.0</t>
  </si>
  <si>
    <t>5742389.0</t>
  </si>
  <si>
    <t>734791.0</t>
  </si>
  <si>
    <t>121547.0</t>
  </si>
  <si>
    <t>183914.0</t>
  </si>
  <si>
    <t>177435.0</t>
  </si>
  <si>
    <t>12686.2</t>
  </si>
  <si>
    <t>-4.26</t>
  </si>
  <si>
    <t>329.903047584136</t>
  </si>
  <si>
    <t>28278838.0</t>
  </si>
  <si>
    <t>103282.0</t>
  </si>
  <si>
    <t>741.157</t>
  </si>
  <si>
    <t>116065.0</t>
  </si>
  <si>
    <t>6659443.0</t>
  </si>
  <si>
    <t>5911840.0</t>
  </si>
  <si>
    <t>747569.0</t>
  </si>
  <si>
    <t>182229.0</t>
  </si>
  <si>
    <t>182971.0</t>
  </si>
  <si>
    <t>4758.0</t>
  </si>
  <si>
    <t>175520.0</t>
  </si>
  <si>
    <t>28364201.0</t>
  </si>
  <si>
    <t>85363.0</t>
  </si>
  <si>
    <t>743.394</t>
  </si>
  <si>
    <t>116270.0</t>
  </si>
  <si>
    <t>3.047</t>
  </si>
  <si>
    <t>6862531.0</t>
  </si>
  <si>
    <t>6102868.0</t>
  </si>
  <si>
    <t>759627.0</t>
  </si>
  <si>
    <t>203088.0</t>
  </si>
  <si>
    <t>186950.0</t>
  </si>
  <si>
    <t>178980.0</t>
  </si>
  <si>
    <t>23.326</t>
  </si>
  <si>
    <t>28454447.0</t>
  </si>
  <si>
    <t>90246.0</t>
  </si>
  <si>
    <t>745.759</t>
  </si>
  <si>
    <t>115704.0</t>
  </si>
  <si>
    <t>7098368.0</t>
  </si>
  <si>
    <t>6320852.0</t>
  </si>
  <si>
    <t>777480.0</t>
  </si>
  <si>
    <t>235837.0</t>
  </si>
  <si>
    <t>188494.0</t>
  </si>
  <si>
    <t>179200.0</t>
  </si>
  <si>
    <t>85.01</t>
  </si>
  <si>
    <t>28578085.0</t>
  </si>
  <si>
    <t>123638.0</t>
  </si>
  <si>
    <t>115033.0</t>
  </si>
  <si>
    <t>7358458.0</t>
  </si>
  <si>
    <t>6562592.0</t>
  </si>
  <si>
    <t>795830.0</t>
  </si>
  <si>
    <t>260090.0</t>
  </si>
  <si>
    <t>195656.0</t>
  </si>
  <si>
    <t>185290.0</t>
  </si>
  <si>
    <t>87.714</t>
  </si>
  <si>
    <t>28725342.0</t>
  </si>
  <si>
    <t>147257.0</t>
  </si>
  <si>
    <t>752.859</t>
  </si>
  <si>
    <t>116154.0</t>
  </si>
  <si>
    <t>7663135.0</t>
  </si>
  <si>
    <t>6847855.0</t>
  </si>
  <si>
    <t>815241.0</t>
  </si>
  <si>
    <t>304677.0</t>
  </si>
  <si>
    <t>214648.0</t>
  </si>
  <si>
    <t>202427.0</t>
  </si>
  <si>
    <t>25.901</t>
  </si>
  <si>
    <t>28876246.0</t>
  </si>
  <si>
    <t>150904.0</t>
  </si>
  <si>
    <t>756.814</t>
  </si>
  <si>
    <t>118473.0</t>
  </si>
  <si>
    <t>7907018.0</t>
  </si>
  <si>
    <t>7075006.0</t>
  </si>
  <si>
    <t>831973.0</t>
  </si>
  <si>
    <t>243883.0</t>
  </si>
  <si>
    <t>221622.0</t>
  </si>
  <si>
    <t>207527.0</t>
  </si>
  <si>
    <t>29017883.0</t>
  </si>
  <si>
    <t>141637.0</t>
  </si>
  <si>
    <t>760.526</t>
  </si>
  <si>
    <t>120332.0</t>
  </si>
  <si>
    <t>8090586.0</t>
  </si>
  <si>
    <t>7253552.0</t>
  </si>
  <si>
    <t>836994.0</t>
  </si>
  <si>
    <t>183568.0</t>
  </si>
  <si>
    <t>230482.0</t>
  </si>
  <si>
    <t>215880.0</t>
  </si>
  <si>
    <t>12695.7</t>
  </si>
  <si>
    <t>330.150093898403</t>
  </si>
  <si>
    <t>29147591.0</t>
  </si>
  <si>
    <t>129708.0</t>
  </si>
  <si>
    <t>763.926</t>
  </si>
  <si>
    <t>124108.0</t>
  </si>
  <si>
    <t>8427987.0</t>
  </si>
  <si>
    <t>7571743.0</t>
  </si>
  <si>
    <t>856201.0</t>
  </si>
  <si>
    <t>337401.0</t>
  </si>
  <si>
    <t>252649.0</t>
  </si>
  <si>
    <t>237129.0</t>
  </si>
  <si>
    <t>27.175</t>
  </si>
  <si>
    <t>29257856.0</t>
  </si>
  <si>
    <t>110265.0</t>
  </si>
  <si>
    <t>766.816</t>
  </si>
  <si>
    <t>127665.0</t>
  </si>
  <si>
    <t>8701144.0</t>
  </si>
  <si>
    <t>7829880.0</t>
  </si>
  <si>
    <t>871220.0</t>
  </si>
  <si>
    <t>273157.0</t>
  </si>
  <si>
    <t>262659.0</t>
  </si>
  <si>
    <t>29364607.0</t>
  </si>
  <si>
    <t>106751.0</t>
  </si>
  <si>
    <t>769.613</t>
  </si>
  <si>
    <t>130023.0</t>
  </si>
  <si>
    <t>9000691.0</t>
  </si>
  <si>
    <t>8115424.0</t>
  </si>
  <si>
    <t>885222.0</t>
  </si>
  <si>
    <t>299547.0</t>
  </si>
  <si>
    <t>271760.0</t>
  </si>
  <si>
    <t>256367.0</t>
  </si>
  <si>
    <t>29498439.0</t>
  </si>
  <si>
    <t>133832.0</t>
  </si>
  <si>
    <t>773.121</t>
  </si>
  <si>
    <t>131479.0</t>
  </si>
  <si>
    <t>9310518.0</t>
  </si>
  <si>
    <t>8408387.0</t>
  </si>
  <si>
    <t>902084.0</t>
  </si>
  <si>
    <t>309827.0</t>
  </si>
  <si>
    <t>278866.0</t>
  </si>
  <si>
    <t>7252.0</t>
  </si>
  <si>
    <t>263685.0</t>
  </si>
  <si>
    <t>29658759.0</t>
  </si>
  <si>
    <t>160320.0</t>
  </si>
  <si>
    <t>777.323</t>
  </si>
  <si>
    <t>133345.0</t>
  </si>
  <si>
    <t>9633501.0</t>
  </si>
  <si>
    <t>8723638.0</t>
  </si>
  <si>
    <t>909814.0</t>
  </si>
  <si>
    <t>322983.0</t>
  </si>
  <si>
    <t>281481.0</t>
  </si>
  <si>
    <t>267969.0</t>
  </si>
  <si>
    <t>29810138.0</t>
  </si>
  <si>
    <t>151379.0</t>
  </si>
  <si>
    <t>781.29</t>
  </si>
  <si>
    <t>133413.0</t>
  </si>
  <si>
    <t>3.497</t>
  </si>
  <si>
    <t>9888945.0</t>
  </si>
  <si>
    <t>8954975.0</t>
  </si>
  <si>
    <t>933919.0</t>
  </si>
  <si>
    <t>255444.0</t>
  </si>
  <si>
    <t>283132.0</t>
  </si>
  <si>
    <t>23.29</t>
  </si>
  <si>
    <t>7363.0</t>
  </si>
  <si>
    <t>268567.0</t>
  </si>
  <si>
    <t>29950139.0</t>
  </si>
  <si>
    <t>140001.0</t>
  </si>
  <si>
    <t>784.959</t>
  </si>
  <si>
    <t>133179.0</t>
  </si>
  <si>
    <t>10090092.0</t>
  </si>
  <si>
    <t>9150490.0</t>
  </si>
  <si>
    <t>939549.0</t>
  </si>
  <si>
    <t>201147.0</t>
  </si>
  <si>
    <t>285644.0</t>
  </si>
  <si>
    <t>270991.0</t>
  </si>
  <si>
    <t>12667.2</t>
  </si>
  <si>
    <t>-0.49</t>
  </si>
  <si>
    <t>329.408954955603</t>
  </si>
  <si>
    <t>30073460.0</t>
  </si>
  <si>
    <t>123321.0</t>
  </si>
  <si>
    <t>788.192</t>
  </si>
  <si>
    <t>10353135.0</t>
  </si>
  <si>
    <t>9393143.0</t>
  </si>
  <si>
    <t>959937.0</t>
  </si>
  <si>
    <t>263043.0</t>
  </si>
  <si>
    <t>275021.0</t>
  </si>
  <si>
    <t>260200.0</t>
  </si>
  <si>
    <t>30175632.0</t>
  </si>
  <si>
    <t>102172.0</t>
  </si>
  <si>
    <t>790.869</t>
  </si>
  <si>
    <t>131111.0</t>
  </si>
  <si>
    <t>10592735.0</t>
  </si>
  <si>
    <t>9620789.0</t>
  </si>
  <si>
    <t>971889.0</t>
  </si>
  <si>
    <t>239600.0</t>
  </si>
  <si>
    <t>270227.0</t>
  </si>
  <si>
    <t>7027.0</t>
  </si>
  <si>
    <t>255844.0</t>
  </si>
  <si>
    <t>4500.0</t>
  </si>
  <si>
    <t>30281436.0</t>
  </si>
  <si>
    <t>105804.0</t>
  </si>
  <si>
    <t>793.642</t>
  </si>
  <si>
    <t>10912033.0</t>
  </si>
  <si>
    <t>9926414.0</t>
  </si>
  <si>
    <t>985558.0</t>
  </si>
  <si>
    <t>319298.0</t>
  </si>
  <si>
    <t>273049.0</t>
  </si>
  <si>
    <t>258713.0</t>
  </si>
  <si>
    <t>30418457.0</t>
  </si>
  <si>
    <t>137021.0</t>
  </si>
  <si>
    <t>797.234</t>
  </si>
  <si>
    <t>131431.0</t>
  </si>
  <si>
    <t>11278447.0</t>
  </si>
  <si>
    <t>10274785.0</t>
  </si>
  <si>
    <t>1003600.0</t>
  </si>
  <si>
    <t>366414.0</t>
  </si>
  <si>
    <t>281133.0</t>
  </si>
  <si>
    <t>29.33</t>
  </si>
  <si>
    <t>266628.0</t>
  </si>
  <si>
    <t>115.93</t>
  </si>
  <si>
    <t>30559306.0</t>
  </si>
  <si>
    <t>140849.0</t>
  </si>
  <si>
    <t>800.925</t>
  </si>
  <si>
    <t>128650.0</t>
  </si>
  <si>
    <t>11643399.0</t>
  </si>
  <si>
    <t>10620564.0</t>
  </si>
  <si>
    <t>1022765.0</t>
  </si>
  <si>
    <t>364952.0</t>
  </si>
  <si>
    <t>287128.0</t>
  </si>
  <si>
    <t>270989.0</t>
  </si>
  <si>
    <t>30705297.0</t>
  </si>
  <si>
    <t>145991.0</t>
  </si>
  <si>
    <t>804.751</t>
  </si>
  <si>
    <t>127880.0</t>
  </si>
  <si>
    <t>11932958.0</t>
  </si>
  <si>
    <t>10894195.0</t>
  </si>
  <si>
    <t>1038690.0</t>
  </si>
  <si>
    <t>289559.0</t>
  </si>
  <si>
    <t>292002.0</t>
  </si>
  <si>
    <t>7593.0</t>
  </si>
  <si>
    <t>277031.0</t>
  </si>
  <si>
    <t>30840738.0</t>
  </si>
  <si>
    <t>135441.0</t>
  </si>
  <si>
    <t>808.301</t>
  </si>
  <si>
    <t>127228.0</t>
  </si>
  <si>
    <t>12165868.0</t>
  </si>
  <si>
    <t>11117279.0</t>
  </si>
  <si>
    <t>1048514.0</t>
  </si>
  <si>
    <t>232910.0</t>
  </si>
  <si>
    <t>296539.0</t>
  </si>
  <si>
    <t>12652.7</t>
  </si>
  <si>
    <t>329.031884265407</t>
  </si>
  <si>
    <t>35.497</t>
  </si>
  <si>
    <t>30960379.0</t>
  </si>
  <si>
    <t>119641.0</t>
  </si>
  <si>
    <t>811.437</t>
  </si>
  <si>
    <t>126703.0</t>
  </si>
  <si>
    <t>12429594.0</t>
  </si>
  <si>
    <t>11371899.0</t>
  </si>
  <si>
    <t>1057617.0</t>
  </si>
  <si>
    <t>263726.0</t>
  </si>
  <si>
    <t>296637.0</t>
  </si>
  <si>
    <t>282679.0</t>
  </si>
  <si>
    <t>31064387.0</t>
  </si>
  <si>
    <t>104008.0</t>
  </si>
  <si>
    <t>814.163</t>
  </si>
  <si>
    <t>126965.0</t>
  </si>
  <si>
    <t>12692222.0</t>
  </si>
  <si>
    <t>11613679.0</t>
  </si>
  <si>
    <t>1078460.0</t>
  </si>
  <si>
    <t>262628.0</t>
  </si>
  <si>
    <t>299927.0</t>
  </si>
  <si>
    <t>284699.0</t>
  </si>
  <si>
    <t>115.124</t>
  </si>
  <si>
    <t>31173221.0</t>
  </si>
  <si>
    <t>108834.0</t>
  </si>
  <si>
    <t>817.015</t>
  </si>
  <si>
    <t>127398.0</t>
  </si>
  <si>
    <t>12958291.0</t>
  </si>
  <si>
    <t>11863197.0</t>
  </si>
  <si>
    <t>1095005.0</t>
  </si>
  <si>
    <t>266069.0</t>
  </si>
  <si>
    <t>292323.0</t>
  </si>
  <si>
    <t>276683.0</t>
  </si>
  <si>
    <t>31325175.0</t>
  </si>
  <si>
    <t>151954.0</t>
  </si>
  <si>
    <t>820.998</t>
  </si>
  <si>
    <t>3.983</t>
  </si>
  <si>
    <t>129531.0</t>
  </si>
  <si>
    <t>13265191.0</t>
  </si>
  <si>
    <t>12148992.0</t>
  </si>
  <si>
    <t>1116109.0</t>
  </si>
  <si>
    <t>306900.0</t>
  </si>
  <si>
    <t>283821.0</t>
  </si>
  <si>
    <t>7381.0</t>
  </si>
  <si>
    <t>267744.0</t>
  </si>
  <si>
    <t>36.043</t>
  </si>
  <si>
    <t>31479292.0</t>
  </si>
  <si>
    <t>154117.0</t>
  </si>
  <si>
    <t>825.037</t>
  </si>
  <si>
    <t>131427.0</t>
  </si>
  <si>
    <t>13547975.0</t>
  </si>
  <si>
    <t>12413669.0</t>
  </si>
  <si>
    <t>1134213.0</t>
  </si>
  <si>
    <t>282784.0</t>
  </si>
  <si>
    <t>272082.0</t>
  </si>
  <si>
    <t>256158.0</t>
  </si>
  <si>
    <t>36.069</t>
  </si>
  <si>
    <t>31629802.0</t>
  </si>
  <si>
    <t>150510.0</t>
  </si>
  <si>
    <t>828.982</t>
  </si>
  <si>
    <t>3.945</t>
  </si>
  <si>
    <t>132072.0</t>
  </si>
  <si>
    <t>13782804.0</t>
  </si>
  <si>
    <t>12629297.0</t>
  </si>
  <si>
    <t>1153405.0</t>
  </si>
  <si>
    <t>234829.0</t>
  </si>
  <si>
    <t>264264.0</t>
  </si>
  <si>
    <t>247872.0</t>
  </si>
  <si>
    <t>31756698.0</t>
  </si>
  <si>
    <t>832.307</t>
  </si>
  <si>
    <t>130851.0</t>
  </si>
  <si>
    <t>13956433.0</t>
  </si>
  <si>
    <t>12791366.0</t>
  </si>
  <si>
    <t>1164960.0</t>
  </si>
  <si>
    <t>173629.0</t>
  </si>
  <si>
    <t>255795.0</t>
  </si>
  <si>
    <t>239155.0</t>
  </si>
  <si>
    <t>12902.2</t>
  </si>
  <si>
    <t>335.520100624304</t>
  </si>
  <si>
    <t>35.991</t>
  </si>
  <si>
    <t>31897888.0</t>
  </si>
  <si>
    <t>141190.0</t>
  </si>
  <si>
    <t>836.008</t>
  </si>
  <si>
    <t>14183784.0</t>
  </si>
  <si>
    <t>13009931.0</t>
  </si>
  <si>
    <t>1173744.0</t>
  </si>
  <si>
    <t>227351.0</t>
  </si>
  <si>
    <t>250599.0</t>
  </si>
  <si>
    <t>6517.0</t>
  </si>
  <si>
    <t>234005.0</t>
  </si>
  <si>
    <t>32009489.0</t>
  </si>
  <si>
    <t>111601.0</t>
  </si>
  <si>
    <t>838.933</t>
  </si>
  <si>
    <t>135015.0</t>
  </si>
  <si>
    <t>14418992.0</t>
  </si>
  <si>
    <t>13225162.0</t>
  </si>
  <si>
    <t>1193713.0</t>
  </si>
  <si>
    <t>235208.0</t>
  </si>
  <si>
    <t>246681.0</t>
  </si>
  <si>
    <t>230212.0</t>
  </si>
  <si>
    <t>108.31</t>
  </si>
  <si>
    <t>32127668.0</t>
  </si>
  <si>
    <t>118179.0</t>
  </si>
  <si>
    <t>842.03</t>
  </si>
  <si>
    <t>3.097</t>
  </si>
  <si>
    <t>136350.0</t>
  </si>
  <si>
    <t>14706130.0</t>
  </si>
  <si>
    <t>13493734.0</t>
  </si>
  <si>
    <t>1212273.0</t>
  </si>
  <si>
    <t>287138.0</t>
  </si>
  <si>
    <t>249691.0</t>
  </si>
  <si>
    <t>232934.0</t>
  </si>
  <si>
    <t>34.326</t>
  </si>
  <si>
    <t>32266260.0</t>
  </si>
  <si>
    <t>845.662</t>
  </si>
  <si>
    <t>134441.0</t>
  </si>
  <si>
    <t>3.524</t>
  </si>
  <si>
    <t>15066362.0</t>
  </si>
  <si>
    <t>13830886.0</t>
  </si>
  <si>
    <t>1235348.0</t>
  </si>
  <si>
    <t>360232.0</t>
  </si>
  <si>
    <t>257310.0</t>
  </si>
  <si>
    <t>35.97</t>
  </si>
  <si>
    <t>6691.0</t>
  </si>
  <si>
    <t>240271.0</t>
  </si>
  <si>
    <t>34.066</t>
  </si>
  <si>
    <t>32408919.0</t>
  </si>
  <si>
    <t>142659.0</t>
  </si>
  <si>
    <t>849.401</t>
  </si>
  <si>
    <t>3.739</t>
  </si>
  <si>
    <t>132804.0</t>
  </si>
  <si>
    <t>15466836.0</t>
  </si>
  <si>
    <t>14205400.0</t>
  </si>
  <si>
    <t>1261300.0</t>
  </si>
  <si>
    <t>400474.0</t>
  </si>
  <si>
    <t>274123.0</t>
  </si>
  <si>
    <t>7129.0</t>
  </si>
  <si>
    <t>255962.0</t>
  </si>
  <si>
    <t>32549753.0</t>
  </si>
  <si>
    <t>140834.0</t>
  </si>
  <si>
    <t>853.092</t>
  </si>
  <si>
    <t>131422.0</t>
  </si>
  <si>
    <t>15797041.0</t>
  </si>
  <si>
    <t>14514883.0</t>
  </si>
  <si>
    <t>1282020.0</t>
  </si>
  <si>
    <t>330205.0</t>
  </si>
  <si>
    <t>287748.0</t>
  </si>
  <si>
    <t>7483.0</t>
  </si>
  <si>
    <t>269369.0</t>
  </si>
  <si>
    <t>32656754.0</t>
  </si>
  <si>
    <t>107001.0</t>
  </si>
  <si>
    <t>855.897</t>
  </si>
  <si>
    <t>128579.0</t>
  </si>
  <si>
    <t>16070213.0</t>
  </si>
  <si>
    <t>14779555.0</t>
  </si>
  <si>
    <t>1290516.0</t>
  </si>
  <si>
    <t>273172.0</t>
  </si>
  <si>
    <t>301969.0</t>
  </si>
  <si>
    <t>284027.0</t>
  </si>
  <si>
    <t>13067.7</t>
  </si>
  <si>
    <t>339.82390746758</t>
  </si>
  <si>
    <t>32746783.0</t>
  </si>
  <si>
    <t>858.256</t>
  </si>
  <si>
    <t>121271.0</t>
  </si>
  <si>
    <t>16407106.0</t>
  </si>
  <si>
    <t>15098218.0</t>
  </si>
  <si>
    <t>1308745.0</t>
  </si>
  <si>
    <t>336893.0</t>
  </si>
  <si>
    <t>317617.0</t>
  </si>
  <si>
    <t>298327.0</t>
  </si>
  <si>
    <t>32867352.0</t>
  </si>
  <si>
    <t>120569.0</t>
  </si>
  <si>
    <t>861.416</t>
  </si>
  <si>
    <t>122552.0</t>
  </si>
  <si>
    <t>16711362.0</t>
  </si>
  <si>
    <t>15382557.0</t>
  </si>
  <si>
    <t>1328657.0</t>
  </si>
  <si>
    <t>304256.0</t>
  </si>
  <si>
    <t>327481.0</t>
  </si>
  <si>
    <t>308199.0</t>
  </si>
  <si>
    <t>33001128.0</t>
  </si>
  <si>
    <t>133776.0</t>
  </si>
  <si>
    <t>864.922</t>
  </si>
  <si>
    <t>124780.0</t>
  </si>
  <si>
    <t>17062381.0</t>
  </si>
  <si>
    <t>15709283.0</t>
  </si>
  <si>
    <t>1352948.0</t>
  </si>
  <si>
    <t>351019.0</t>
  </si>
  <si>
    <t>336607.0</t>
  </si>
  <si>
    <t>8753.0</t>
  </si>
  <si>
    <t>33130218.0</t>
  </si>
  <si>
    <t>129090.0</t>
  </si>
  <si>
    <t>868.306</t>
  </si>
  <si>
    <t>123423.0</t>
  </si>
  <si>
    <t>17460045.0</t>
  </si>
  <si>
    <t>16077829.0</t>
  </si>
  <si>
    <t>1382060.0</t>
  </si>
  <si>
    <t>397664.0</t>
  </si>
  <si>
    <t>341955.0</t>
  </si>
  <si>
    <t>8892.0</t>
  </si>
  <si>
    <t>320992.0</t>
  </si>
  <si>
    <t>33260624.0</t>
  </si>
  <si>
    <t>130406.0</t>
  </si>
  <si>
    <t>871.724</t>
  </si>
  <si>
    <t>3.418</t>
  </si>
  <si>
    <t>121672.0</t>
  </si>
  <si>
    <t>17895409.0</t>
  </si>
  <si>
    <t>16477755.0</t>
  </si>
  <si>
    <t>1417495.0</t>
  </si>
  <si>
    <t>435364.0</t>
  </si>
  <si>
    <t>346939.0</t>
  </si>
  <si>
    <t>324622.0</t>
  </si>
  <si>
    <t>33383698.0</t>
  </si>
  <si>
    <t>123074.0</t>
  </si>
  <si>
    <t>874.949</t>
  </si>
  <si>
    <t>119135.0</t>
  </si>
  <si>
    <t>18262722.0</t>
  </si>
  <si>
    <t>16819703.0</t>
  </si>
  <si>
    <t>1442851.0</t>
  </si>
  <si>
    <t>367313.0</t>
  </si>
  <si>
    <t>352240.0</t>
  </si>
  <si>
    <t>47.49</t>
  </si>
  <si>
    <t>329260.0</t>
  </si>
  <si>
    <t>33482165.0</t>
  </si>
  <si>
    <t>98467.0</t>
  </si>
  <si>
    <t>877.53</t>
  </si>
  <si>
    <t>117916.0</t>
  </si>
  <si>
    <t>18582158.0</t>
  </si>
  <si>
    <t>17123404.0</t>
  </si>
  <si>
    <t>1458585.0</t>
  </si>
  <si>
    <t>319436.0</t>
  </si>
  <si>
    <t>358849.0</t>
  </si>
  <si>
    <t>334836.0</t>
  </si>
  <si>
    <t>13228.2</t>
  </si>
  <si>
    <t>343.997689934927</t>
  </si>
  <si>
    <t>32.428</t>
  </si>
  <si>
    <t>33592273.0</t>
  </si>
  <si>
    <t>110108.0</t>
  </si>
  <si>
    <t>880.416</t>
  </si>
  <si>
    <t>120784.0</t>
  </si>
  <si>
    <t>18974621.0</t>
  </si>
  <si>
    <t>17501156.0</t>
  </si>
  <si>
    <t>1473295.0</t>
  </si>
  <si>
    <t>392463.0</t>
  </si>
  <si>
    <t>366788.0</t>
  </si>
  <si>
    <t>343277.0</t>
  </si>
  <si>
    <t>31.076</t>
  </si>
  <si>
    <t>33668274.0</t>
  </si>
  <si>
    <t>76001.0</t>
  </si>
  <si>
    <t>882.408</t>
  </si>
  <si>
    <t>114417.0</t>
  </si>
  <si>
    <t>19261805.0</t>
  </si>
  <si>
    <t>17760088.0</t>
  </si>
  <si>
    <t>1501540.0</t>
  </si>
  <si>
    <t>364349.0</t>
  </si>
  <si>
    <t>339647.0</t>
  </si>
  <si>
    <t>33754111.0</t>
  </si>
  <si>
    <t>85837.0</t>
  </si>
  <si>
    <t>884.657</t>
  </si>
  <si>
    <t>107569.0</t>
  </si>
  <si>
    <t>19621971.0</t>
  </si>
  <si>
    <t>18083562.0</t>
  </si>
  <si>
    <t>1538229.0</t>
  </si>
  <si>
    <t>360166.0</t>
  </si>
  <si>
    <t>365656.0</t>
  </si>
  <si>
    <t>47.03</t>
  </si>
  <si>
    <t>339183.0</t>
  </si>
  <si>
    <t>33863629.0</t>
  </si>
  <si>
    <t>109518.0</t>
  </si>
  <si>
    <t>887.528</t>
  </si>
  <si>
    <t>20023476.0</t>
  </si>
  <si>
    <t>18440492.0</t>
  </si>
  <si>
    <t>1582794.0</t>
  </si>
  <si>
    <t>401505.0</t>
  </si>
  <si>
    <t>366204.0</t>
  </si>
  <si>
    <t>337523.0</t>
  </si>
  <si>
    <t>33979043.0</t>
  </si>
  <si>
    <t>115414.0</t>
  </si>
  <si>
    <t>890.553</t>
  </si>
  <si>
    <t>102631.0</t>
  </si>
  <si>
    <t>20509343.0</t>
  </si>
  <si>
    <t>18872008.0</t>
  </si>
  <si>
    <t>1637132.0</t>
  </si>
  <si>
    <t>485867.0</t>
  </si>
  <si>
    <t>373419.0</t>
  </si>
  <si>
    <t>342036.0</t>
  </si>
  <si>
    <t>28.293</t>
  </si>
  <si>
    <t>34083113.0</t>
  </si>
  <si>
    <t>104070.0</t>
  </si>
  <si>
    <t>893.28</t>
  </si>
  <si>
    <t>2.728</t>
  </si>
  <si>
    <t>99916.0</t>
  </si>
  <si>
    <t>20901862.0</t>
  </si>
  <si>
    <t>19214056.0</t>
  </si>
  <si>
    <t>1687596.0</t>
  </si>
  <si>
    <t>392519.0</t>
  </si>
  <si>
    <t>377020.0</t>
  </si>
  <si>
    <t>9804.0</t>
  </si>
  <si>
    <t>342050.0</t>
  </si>
  <si>
    <t>34156885.0</t>
  </si>
  <si>
    <t>73772.0</t>
  </si>
  <si>
    <t>895.214</t>
  </si>
  <si>
    <t>96389.0</t>
  </si>
  <si>
    <t>21212765.0</t>
  </si>
  <si>
    <t>19500908.0</t>
  </si>
  <si>
    <t>1711646.0</t>
  </si>
  <si>
    <t>310903.0</t>
  </si>
  <si>
    <t>375801.0</t>
  </si>
  <si>
    <t>339643.0</t>
  </si>
  <si>
    <t>13518.7</t>
  </si>
  <si>
    <t>351.552106176449</t>
  </si>
  <si>
    <t>34218813.0</t>
  </si>
  <si>
    <t>61928.0</t>
  </si>
  <si>
    <t>896.837</t>
  </si>
  <si>
    <t>89506.0</t>
  </si>
  <si>
    <t>21570598.0</t>
  </si>
  <si>
    <t>19838774.0</t>
  </si>
  <si>
    <t>1731607.0</t>
  </si>
  <si>
    <t>357833.0</t>
  </si>
  <si>
    <t>370854.0</t>
  </si>
  <si>
    <t>333945.0</t>
  </si>
  <si>
    <t>34315351.0</t>
  </si>
  <si>
    <t>96538.0</t>
  </si>
  <si>
    <t>899.367</t>
  </si>
  <si>
    <t>92440.0</t>
  </si>
  <si>
    <t>21826504.0</t>
  </si>
  <si>
    <t>20071572.0</t>
  </si>
  <si>
    <t>1754713.0</t>
  </si>
  <si>
    <t>255906.0</t>
  </si>
  <si>
    <t>366386.0</t>
  </si>
  <si>
    <t>9528.0</t>
  </si>
  <si>
    <t>330212.0</t>
  </si>
  <si>
    <t>34372343.0</t>
  </si>
  <si>
    <t>56992.0</t>
  </si>
  <si>
    <t>900.86</t>
  </si>
  <si>
    <t>88319.0</t>
  </si>
  <si>
    <t>22150571.0</t>
  </si>
  <si>
    <t>20342013.0</t>
  </si>
  <si>
    <t>1808328.0</t>
  </si>
  <si>
    <t>324067.0</t>
  </si>
  <si>
    <t>361229.0</t>
  </si>
  <si>
    <t>322636.0</t>
  </si>
  <si>
    <t>26.005</t>
  </si>
  <si>
    <t>34449561.0</t>
  </si>
  <si>
    <t>77218.0</t>
  </si>
  <si>
    <t>902.884</t>
  </si>
  <si>
    <t>83705.0</t>
  </si>
  <si>
    <t>22544930.0</t>
  </si>
  <si>
    <t>20673036.0</t>
  </si>
  <si>
    <t>1871656.0</t>
  </si>
  <si>
    <t>394359.0</t>
  </si>
  <si>
    <t>360208.0</t>
  </si>
  <si>
    <t>53.76</t>
  </si>
  <si>
    <t>318935.0</t>
  </si>
  <si>
    <t>34550157.0</t>
  </si>
  <si>
    <t>100596.0</t>
  </si>
  <si>
    <t>905.521</t>
  </si>
  <si>
    <t>81588.0</t>
  </si>
  <si>
    <t>23004782.0</t>
  </si>
  <si>
    <t>21060894.0</t>
  </si>
  <si>
    <t>1943636.0</t>
  </si>
  <si>
    <t>459852.0</t>
  </si>
  <si>
    <t>312698.0</t>
  </si>
  <si>
    <t>34650354.0</t>
  </si>
  <si>
    <t>908.147</t>
  </si>
  <si>
    <t>81034.0</t>
  </si>
  <si>
    <t>23353297.0</t>
  </si>
  <si>
    <t>21339414.0</t>
  </si>
  <si>
    <t>2013619.0</t>
  </si>
  <si>
    <t>348515.0</t>
  </si>
  <si>
    <t>350205.0</t>
  </si>
  <si>
    <t>303623.0</t>
  </si>
  <si>
    <t>24.419</t>
  </si>
  <si>
    <t>34717353.0</t>
  </si>
  <si>
    <t>66999.0</t>
  </si>
  <si>
    <t>909.903</t>
  </si>
  <si>
    <t>80067.0</t>
  </si>
  <si>
    <t>2.098</t>
  </si>
  <si>
    <t>23672716.0</t>
  </si>
  <si>
    <t>21592623.0</t>
  </si>
  <si>
    <t>2079822.0</t>
  </si>
  <si>
    <t>319419.0</t>
  </si>
  <si>
    <t>351422.0</t>
  </si>
  <si>
    <t>56.15</t>
  </si>
  <si>
    <t>298816.0</t>
  </si>
  <si>
    <t>13384.2</t>
  </si>
  <si>
    <t>-2.45</t>
  </si>
  <si>
    <t>348.054450463937</t>
  </si>
  <si>
    <t>34790069.0</t>
  </si>
  <si>
    <t>72716.0</t>
  </si>
  <si>
    <t>911.809</t>
  </si>
  <si>
    <t>81608.0</t>
  </si>
  <si>
    <t>24063314.0</t>
  </si>
  <si>
    <t>21917627.0</t>
  </si>
  <si>
    <t>2145412.0</t>
  </si>
  <si>
    <t>356102.0</t>
  </si>
  <si>
    <t>296979.0</t>
  </si>
  <si>
    <t>34862859.0</t>
  </si>
  <si>
    <t>72790.0</t>
  </si>
  <si>
    <t>913.716</t>
  </si>
  <si>
    <t>24379043.0</t>
  </si>
  <si>
    <t>22149654.0</t>
  </si>
  <si>
    <t>2229100.0</t>
  </si>
  <si>
    <t>315729.0</t>
  </si>
  <si>
    <t>364648.0</t>
  </si>
  <si>
    <t>296869.0</t>
  </si>
  <si>
    <t>57.835</t>
  </si>
  <si>
    <t>34927927.0</t>
  </si>
  <si>
    <t>65068.0</t>
  </si>
  <si>
    <t>915.422</t>
  </si>
  <si>
    <t>79369.0</t>
  </si>
  <si>
    <t>24726546.0</t>
  </si>
  <si>
    <t>22395594.0</t>
  </si>
  <si>
    <t>2330626.0</t>
  </si>
  <si>
    <t>347503.0</t>
  </si>
  <si>
    <t>367996.0</t>
  </si>
  <si>
    <t>58.24</t>
  </si>
  <si>
    <t>293369.0</t>
  </si>
  <si>
    <t>35017704.0</t>
  </si>
  <si>
    <t>917.775</t>
  </si>
  <si>
    <t>81163.0</t>
  </si>
  <si>
    <t>25141962.0</t>
  </si>
  <si>
    <t>22670722.0</t>
  </si>
  <si>
    <t>2470891.0</t>
  </si>
  <si>
    <t>415416.0</t>
  </si>
  <si>
    <t>371005.0</t>
  </si>
  <si>
    <t>65.38</t>
  </si>
  <si>
    <t>285384.0</t>
  </si>
  <si>
    <t>19.322</t>
  </si>
  <si>
    <t>35104681.0</t>
  </si>
  <si>
    <t>86977.0</t>
  </si>
  <si>
    <t>920.054</t>
  </si>
  <si>
    <t>79218.0</t>
  </si>
  <si>
    <t>25603511.0</t>
  </si>
  <si>
    <t>22961892.0</t>
  </si>
  <si>
    <t>2641239.0</t>
  </si>
  <si>
    <t>461549.0</t>
  </si>
  <si>
    <t>371247.0</t>
  </si>
  <si>
    <t>271571.0</t>
  </si>
  <si>
    <t>18.932</t>
  </si>
  <si>
    <t>52.66</t>
  </si>
  <si>
    <t>35162931.0</t>
  </si>
  <si>
    <t>921.581</t>
  </si>
  <si>
    <t>25983643.0</t>
  </si>
  <si>
    <t>23196645.0</t>
  </si>
  <si>
    <t>2786610.0</t>
  </si>
  <si>
    <t>380132.0</t>
  </si>
  <si>
    <t>375764.0</t>
  </si>
  <si>
    <t>265319.0</t>
  </si>
  <si>
    <t>18.463</t>
  </si>
  <si>
    <t>35171179.0</t>
  </si>
  <si>
    <t>8248.0</t>
  </si>
  <si>
    <t>921.797</t>
  </si>
  <si>
    <t>64832.0</t>
  </si>
  <si>
    <t>26307993.0</t>
  </si>
  <si>
    <t>23394313.0</t>
  </si>
  <si>
    <t>2913277.0</t>
  </si>
  <si>
    <t>324350.0</t>
  </si>
  <si>
    <t>376468.0</t>
  </si>
  <si>
    <t>9790.0</t>
  </si>
  <si>
    <t>257384.0</t>
  </si>
  <si>
    <t>13619.7</t>
  </si>
  <si>
    <t>354.178598570231</t>
  </si>
  <si>
    <t>35317305.0</t>
  </si>
  <si>
    <t>146126.0</t>
  </si>
  <si>
    <t>925.627</t>
  </si>
  <si>
    <t>26716956.0</t>
  </si>
  <si>
    <t>23648903.0</t>
  </si>
  <si>
    <t>3067644.0</t>
  </si>
  <si>
    <t>408963.0</t>
  </si>
  <si>
    <t>379092.0</t>
  </si>
  <si>
    <t>247325.0</t>
  </si>
  <si>
    <t>35364353.0</t>
  </si>
  <si>
    <t>47048.0</t>
  </si>
  <si>
    <t>926.86</t>
  </si>
  <si>
    <t>71642.0</t>
  </si>
  <si>
    <t>27070453.0</t>
  </si>
  <si>
    <t>23812080.0</t>
  </si>
  <si>
    <t>3257944.0</t>
  </si>
  <si>
    <t>353497.0</t>
  </si>
  <si>
    <t>384487.0</t>
  </si>
  <si>
    <t>237489.0</t>
  </si>
  <si>
    <t>17.059</t>
  </si>
  <si>
    <t>46.419</t>
  </si>
  <si>
    <t>35422973.0</t>
  </si>
  <si>
    <t>58620.0</t>
  </si>
  <si>
    <t>928.396</t>
  </si>
  <si>
    <t>70721.0</t>
  </si>
  <si>
    <t>27475608.0</t>
  </si>
  <si>
    <t>23977606.0</t>
  </si>
  <si>
    <t>3497555.0</t>
  </si>
  <si>
    <t>405155.0</t>
  </si>
  <si>
    <t>392723.0</t>
  </si>
  <si>
    <t>226002.0</t>
  </si>
  <si>
    <t>16.643</t>
  </si>
  <si>
    <t>35504029.0</t>
  </si>
  <si>
    <t>930.521</t>
  </si>
  <si>
    <t>69475.0</t>
  </si>
  <si>
    <t>1.821</t>
  </si>
  <si>
    <t>27954010.0</t>
  </si>
  <si>
    <t>24155384.0</t>
  </si>
  <si>
    <t>3798153.0</t>
  </si>
  <si>
    <t>478402.0</t>
  </si>
  <si>
    <t>401721.0</t>
  </si>
  <si>
    <t>212095.0</t>
  </si>
  <si>
    <t>35581916.0</t>
  </si>
  <si>
    <t>77887.0</t>
  </si>
  <si>
    <t>932.562</t>
  </si>
  <si>
    <t>28457391.0</t>
  </si>
  <si>
    <t>24329488.0</t>
  </si>
  <si>
    <t>4127406.0</t>
  </si>
  <si>
    <t>503381.0</t>
  </si>
  <si>
    <t>407697.0</t>
  </si>
  <si>
    <t>195371.0</t>
  </si>
  <si>
    <t>35639265.0</t>
  </si>
  <si>
    <t>57349.0</t>
  </si>
  <si>
    <t>934.065</t>
  </si>
  <si>
    <t>68048.0</t>
  </si>
  <si>
    <t>28877658.0</t>
  </si>
  <si>
    <t>24457466.0</t>
  </si>
  <si>
    <t>4419661.0</t>
  </si>
  <si>
    <t>420267.0</t>
  </si>
  <si>
    <t>413431.0</t>
  </si>
  <si>
    <t>180117.0</t>
  </si>
  <si>
    <t>35647517.0</t>
  </si>
  <si>
    <t>934.281</t>
  </si>
  <si>
    <t>29256661.0</t>
  </si>
  <si>
    <t>24574571.0</t>
  </si>
  <si>
    <t>4681529.0</t>
  </si>
  <si>
    <t>379003.0</t>
  </si>
  <si>
    <t>421238.0</t>
  </si>
  <si>
    <t>168608.0</t>
  </si>
  <si>
    <t>13599.2</t>
  </si>
  <si>
    <t>353.645498628919</t>
  </si>
  <si>
    <t>35785462.0</t>
  </si>
  <si>
    <t>137945.0</t>
  </si>
  <si>
    <t>937.897</t>
  </si>
  <si>
    <t>66880.0</t>
  </si>
  <si>
    <t>29704543.0</t>
  </si>
  <si>
    <t>24705348.0</t>
  </si>
  <si>
    <t>4998600.0</t>
  </si>
  <si>
    <t>447882.0</t>
  </si>
  <si>
    <t>426798.0</t>
  </si>
  <si>
    <t>11099.0</t>
  </si>
  <si>
    <t>150921.0</t>
  </si>
  <si>
    <t>35830746.0</t>
  </si>
  <si>
    <t>45284.0</t>
  </si>
  <si>
    <t>939.084</t>
  </si>
  <si>
    <t>66628.0</t>
  </si>
  <si>
    <t>30153730.0</t>
  </si>
  <si>
    <t>24823238.0</t>
  </si>
  <si>
    <t>5329870.0</t>
  </si>
  <si>
    <t>449187.0</t>
  </si>
  <si>
    <t>440468.0</t>
  </si>
  <si>
    <t>144451.0</t>
  </si>
  <si>
    <t>35889917.0</t>
  </si>
  <si>
    <t>59171.0</t>
  </si>
  <si>
    <t>940.634</t>
  </si>
  <si>
    <t>66706.0</t>
  </si>
  <si>
    <t>30619299.0</t>
  </si>
  <si>
    <t>24921327.0</t>
  </si>
  <si>
    <t>5697315.0</t>
  </si>
  <si>
    <t>465569.0</t>
  </si>
  <si>
    <t>449099.0</t>
  </si>
  <si>
    <t>14.82</t>
  </si>
  <si>
    <t>134817.0</t>
  </si>
  <si>
    <t>35974549.0</t>
  </si>
  <si>
    <t>84632.0</t>
  </si>
  <si>
    <t>942.853</t>
  </si>
  <si>
    <t>67217.0</t>
  </si>
  <si>
    <t>31127384.0</t>
  </si>
  <si>
    <t>25025706.0</t>
  </si>
  <si>
    <t>6100980.0</t>
  </si>
  <si>
    <t>508085.0</t>
  </si>
  <si>
    <t>453339.0</t>
  </si>
  <si>
    <t>11789.0</t>
  </si>
  <si>
    <t>36052705.0</t>
  </si>
  <si>
    <t>78156.0</t>
  </si>
  <si>
    <t>944.901</t>
  </si>
  <si>
    <t>67256.0</t>
  </si>
  <si>
    <t>31663711.0</t>
  </si>
  <si>
    <t>25123823.0</t>
  </si>
  <si>
    <t>6539145.0</t>
  </si>
  <si>
    <t>536327.0</t>
  </si>
  <si>
    <t>458046.0</t>
  </si>
  <si>
    <t>11911.0</t>
  </si>
  <si>
    <t>113476.0</t>
  </si>
  <si>
    <t>32.168</t>
  </si>
  <si>
    <t>36104847.0</t>
  </si>
  <si>
    <t>52142.0</t>
  </si>
  <si>
    <t>946.267</t>
  </si>
  <si>
    <t>66512.0</t>
  </si>
  <si>
    <t>32086233.0</t>
  </si>
  <si>
    <t>25191559.0</t>
  </si>
  <si>
    <t>6893862.0</t>
  </si>
  <si>
    <t>422522.0</t>
  </si>
  <si>
    <t>458368.0</t>
  </si>
  <si>
    <t>11920.0</t>
  </si>
  <si>
    <t>104870.0</t>
  </si>
  <si>
    <t>12.43</t>
  </si>
  <si>
    <t>32.636</t>
  </si>
  <si>
    <t>36111298.0</t>
  </si>
  <si>
    <t>946.437</t>
  </si>
  <si>
    <t>66254.0</t>
  </si>
  <si>
    <t>32437156.0</t>
  </si>
  <si>
    <t>25251921.0</t>
  </si>
  <si>
    <t>7184406.0</t>
  </si>
  <si>
    <t>350923.0</t>
  </si>
  <si>
    <t>454356.0</t>
  </si>
  <si>
    <t>11815.0</t>
  </si>
  <si>
    <t>96764.0</t>
  </si>
  <si>
    <t>13626.7</t>
  </si>
  <si>
    <t>354.360632696533</t>
  </si>
  <si>
    <t>12.248</t>
  </si>
  <si>
    <t>36243642.0</t>
  </si>
  <si>
    <t>949.905</t>
  </si>
  <si>
    <t>65454.0</t>
  </si>
  <si>
    <t>32843784.0</t>
  </si>
  <si>
    <t>25332241.0</t>
  </si>
  <si>
    <t>7510699.0</t>
  </si>
  <si>
    <t>406628.0</t>
  </si>
  <si>
    <t>448463.0</t>
  </si>
  <si>
    <t>89556.0</t>
  </si>
  <si>
    <t>11.962</t>
  </si>
  <si>
    <t>36287490.0</t>
  </si>
  <si>
    <t>951.054</t>
  </si>
  <si>
    <t>65249.0</t>
  </si>
  <si>
    <t>33316781.0</t>
  </si>
  <si>
    <t>25395597.0</t>
  </si>
  <si>
    <t>7920298.0</t>
  </si>
  <si>
    <t>472997.0</t>
  </si>
  <si>
    <t>451864.0</t>
  </si>
  <si>
    <t>11751.0</t>
  </si>
  <si>
    <t>81766.0</t>
  </si>
  <si>
    <t>11.676</t>
  </si>
  <si>
    <t>28.267</t>
  </si>
  <si>
    <t>36344745.0</t>
  </si>
  <si>
    <t>57255.0</t>
  </si>
  <si>
    <t>952.555</t>
  </si>
  <si>
    <t>64975.0</t>
  </si>
  <si>
    <t>33834073.0</t>
  </si>
  <si>
    <t>25454951.0</t>
  </si>
  <si>
    <t>8378186.0</t>
  </si>
  <si>
    <t>517292.0</t>
  </si>
  <si>
    <t>459253.0</t>
  </si>
  <si>
    <t>87.99</t>
  </si>
  <si>
    <t>76232.0</t>
  </si>
  <si>
    <t>36415725.0</t>
  </si>
  <si>
    <t>70980.0</t>
  </si>
  <si>
    <t>954.415</t>
  </si>
  <si>
    <t>63025.0</t>
  </si>
  <si>
    <t>34427204.0</t>
  </si>
  <si>
    <t>25523807.0</t>
  </si>
  <si>
    <t>8902381.0</t>
  </si>
  <si>
    <t>593131.0</t>
  </si>
  <si>
    <t>471403.0</t>
  </si>
  <si>
    <t>89.53</t>
  </si>
  <si>
    <t>12259.0</t>
  </si>
  <si>
    <t>71157.0</t>
  </si>
  <si>
    <t>36484663.0</t>
  </si>
  <si>
    <t>68938.0</t>
  </si>
  <si>
    <t>956.222</t>
  </si>
  <si>
    <t>61708.0</t>
  </si>
  <si>
    <t>34949615.0</t>
  </si>
  <si>
    <t>25580626.0</t>
  </si>
  <si>
    <t>9367939.0</t>
  </si>
  <si>
    <t>522411.0</t>
  </si>
  <si>
    <t>469415.0</t>
  </si>
  <si>
    <t>65258.0</t>
  </si>
  <si>
    <t>10.662</t>
  </si>
  <si>
    <t>36527044.0</t>
  </si>
  <si>
    <t>42381.0</t>
  </si>
  <si>
    <t>957.333</t>
  </si>
  <si>
    <t>60314.0</t>
  </si>
  <si>
    <t>35394551.0</t>
  </si>
  <si>
    <t>25625240.0</t>
  </si>
  <si>
    <t>9768213.0</t>
  </si>
  <si>
    <t>444936.0</t>
  </si>
  <si>
    <t>472617.0</t>
  </si>
  <si>
    <t>61954.0</t>
  </si>
  <si>
    <t>10.298</t>
  </si>
  <si>
    <t>36533130.0</t>
  </si>
  <si>
    <t>957.492</t>
  </si>
  <si>
    <t>60262.0</t>
  </si>
  <si>
    <t>35754400.0</t>
  </si>
  <si>
    <t>25666907.0</t>
  </si>
  <si>
    <t>10086344.0</t>
  </si>
  <si>
    <t>359849.0</t>
  </si>
  <si>
    <t>92.98</t>
  </si>
  <si>
    <t>59284.0</t>
  </si>
  <si>
    <t>13623.2</t>
  </si>
  <si>
    <t>-0.07</t>
  </si>
  <si>
    <t>354.269615633382</t>
  </si>
  <si>
    <t>36643986.0</t>
  </si>
  <si>
    <t>110856.0</t>
  </si>
  <si>
    <t>960.398</t>
  </si>
  <si>
    <t>57192.0</t>
  </si>
  <si>
    <t>92.2</t>
  </si>
  <si>
    <t>36459494.0</t>
  </si>
  <si>
    <t>25750187.0</t>
  </si>
  <si>
    <t>10708137.0</t>
  </si>
  <si>
    <t>705094.0</t>
  </si>
  <si>
    <t>516530.0</t>
  </si>
  <si>
    <t>94.81</t>
  </si>
  <si>
    <t>59707.0</t>
  </si>
  <si>
    <t>36705571.0</t>
  </si>
  <si>
    <t>61585.0</t>
  </si>
  <si>
    <t>962.012</t>
  </si>
  <si>
    <t>59726.0</t>
  </si>
  <si>
    <t>37047793.0</t>
  </si>
  <si>
    <t>25807690.0</t>
  </si>
  <si>
    <t>11238868.0</t>
  </si>
  <si>
    <t>588299.0</t>
  </si>
  <si>
    <t>533002.0</t>
  </si>
  <si>
    <t>96.34</t>
  </si>
  <si>
    <t>58870.0</t>
  </si>
  <si>
    <t>9.362</t>
  </si>
  <si>
    <t>36768392.0</t>
  </si>
  <si>
    <t>62821.0</t>
  </si>
  <si>
    <t>963.658</t>
  </si>
  <si>
    <t>60521.0</t>
  </si>
  <si>
    <t>37655078.0</t>
  </si>
  <si>
    <t>25864127.0</t>
  </si>
  <si>
    <t>11789641.0</t>
  </si>
  <si>
    <t>607285.0</t>
  </si>
  <si>
    <t>545858.0</t>
  </si>
  <si>
    <t>97.92</t>
  </si>
  <si>
    <t>14195.0</t>
  </si>
  <si>
    <t>58454.0</t>
  </si>
  <si>
    <t>36834559.0</t>
  </si>
  <si>
    <t>66167.0</t>
  </si>
  <si>
    <t>965.392</t>
  </si>
  <si>
    <t>59833.0</t>
  </si>
  <si>
    <t>38118095.0</t>
  </si>
  <si>
    <t>25905261.0</t>
  </si>
  <si>
    <t>12211404.0</t>
  </si>
  <si>
    <t>463017.0</t>
  </si>
  <si>
    <t>527270.0</t>
  </si>
  <si>
    <t>54493.0</t>
  </si>
  <si>
    <t>36897574.0</t>
  </si>
  <si>
    <t>63015.0</t>
  </si>
  <si>
    <t>967.044</t>
  </si>
  <si>
    <t>58987.0</t>
  </si>
  <si>
    <t>38685867.0</t>
  </si>
  <si>
    <t>25961638.0</t>
  </si>
  <si>
    <t>12722724.0</t>
  </si>
  <si>
    <t>567772.0</t>
  </si>
  <si>
    <t>533750.0</t>
  </si>
  <si>
    <t>54430.0</t>
  </si>
  <si>
    <t>36942317.0</t>
  </si>
  <si>
    <t>44743.0</t>
  </si>
  <si>
    <t>968.217</t>
  </si>
  <si>
    <t>59325.0</t>
  </si>
  <si>
    <t>39047671.0</t>
  </si>
  <si>
    <t>25992345.0</t>
  </si>
  <si>
    <t>13053759.0</t>
  </si>
  <si>
    <t>361804.0</t>
  </si>
  <si>
    <t>521874.0</t>
  </si>
  <si>
    <t>52444.0</t>
  </si>
  <si>
    <t>8.036</t>
  </si>
  <si>
    <t>36946410.0</t>
  </si>
  <si>
    <t>968.324</t>
  </si>
  <si>
    <t>59040.0</t>
  </si>
  <si>
    <t>118.1</t>
  </si>
  <si>
    <t>39369074.0</t>
  </si>
  <si>
    <t>26022699.0</t>
  </si>
  <si>
    <t>13344763.0</t>
  </si>
  <si>
    <t>321403.0</t>
  </si>
  <si>
    <t>516382.0</t>
  </si>
  <si>
    <t>50827.0</t>
  </si>
  <si>
    <t>14417.7</t>
  </si>
  <si>
    <t>374.930488968628</t>
  </si>
  <si>
    <t>37043785.0</t>
  </si>
  <si>
    <t>97375.0</t>
  </si>
  <si>
    <t>970.876</t>
  </si>
  <si>
    <t>57114.0</t>
  </si>
  <si>
    <t>39970899.0</t>
  </si>
  <si>
    <t>26078871.0</t>
  </si>
  <si>
    <t>13889860.0</t>
  </si>
  <si>
    <t>601825.0</t>
  </si>
  <si>
    <t>501629.0</t>
  </si>
  <si>
    <t>103.94</t>
  </si>
  <si>
    <t>13045.0</t>
  </si>
  <si>
    <t>46955.0</t>
  </si>
  <si>
    <t>7.489</t>
  </si>
  <si>
    <t>37086569.0</t>
  </si>
  <si>
    <t>971.997</t>
  </si>
  <si>
    <t>54428.0</t>
  </si>
  <si>
    <t>40453839.0</t>
  </si>
  <si>
    <t>26121110.0</t>
  </si>
  <si>
    <t>14330027.0</t>
  </si>
  <si>
    <t>482940.0</t>
  </si>
  <si>
    <t>486578.0</t>
  </si>
  <si>
    <t>105.2</t>
  </si>
  <si>
    <t>44774.0</t>
  </si>
  <si>
    <t>20.284</t>
  </si>
  <si>
    <t>37148758.0</t>
  </si>
  <si>
    <t>62189.0</t>
  </si>
  <si>
    <t>973.627</t>
  </si>
  <si>
    <t>54338.0</t>
  </si>
  <si>
    <t>40957721.0</t>
  </si>
  <si>
    <t>26164313.0</t>
  </si>
  <si>
    <t>14790602.0</t>
  </si>
  <si>
    <t>503882.0</t>
  </si>
  <si>
    <t>471806.0</t>
  </si>
  <si>
    <t>12269.0</t>
  </si>
  <si>
    <t>42884.0</t>
  </si>
  <si>
    <t>7.151</t>
  </si>
  <si>
    <t>18.802</t>
  </si>
  <si>
    <t>37215006.0</t>
  </si>
  <si>
    <t>66248.0</t>
  </si>
  <si>
    <t>975.363</t>
  </si>
  <si>
    <t>41579958.0</t>
  </si>
  <si>
    <t>26224382.0</t>
  </si>
  <si>
    <t>15352673.0</t>
  </si>
  <si>
    <t>622237.0</t>
  </si>
  <si>
    <t>494552.0</t>
  </si>
  <si>
    <t>108.13</t>
  </si>
  <si>
    <t>39.92</t>
  </si>
  <si>
    <t>45589.0</t>
  </si>
  <si>
    <t>37279413.0</t>
  </si>
  <si>
    <t>64407.0</t>
  </si>
  <si>
    <t>977.052</t>
  </si>
  <si>
    <t>54548.0</t>
  </si>
  <si>
    <t>42126651.0</t>
  </si>
  <si>
    <t>26275379.0</t>
  </si>
  <si>
    <t>15848288.0</t>
  </si>
  <si>
    <t>546693.0</t>
  </si>
  <si>
    <t>491541.0</t>
  </si>
  <si>
    <t>37328076.0</t>
  </si>
  <si>
    <t>48663.0</t>
  </si>
  <si>
    <t>978.327</t>
  </si>
  <si>
    <t>55108.0</t>
  </si>
  <si>
    <t>42492957.0</t>
  </si>
  <si>
    <t>26309545.0</t>
  </si>
  <si>
    <t>16180347.0</t>
  </si>
  <si>
    <t>366306.0</t>
  </si>
  <si>
    <t>492184.0</t>
  </si>
  <si>
    <t>45314.0</t>
  </si>
  <si>
    <t>37332815.0</t>
  </si>
  <si>
    <t>978.451</t>
  </si>
  <si>
    <t>55201.0</t>
  </si>
  <si>
    <t>120.3</t>
  </si>
  <si>
    <t>42779071.0</t>
  </si>
  <si>
    <t>26337072.0</t>
  </si>
  <si>
    <t>16438882.0</t>
  </si>
  <si>
    <t>286114.0</t>
  </si>
  <si>
    <t>487142.0</t>
  </si>
  <si>
    <t>111.25</t>
  </si>
  <si>
    <t>44910.0</t>
  </si>
  <si>
    <t>14463.2</t>
  </si>
  <si>
    <t>376.113710789589</t>
  </si>
  <si>
    <t>17.683</t>
  </si>
  <si>
    <t>37454055.0</t>
  </si>
  <si>
    <t>121240.0</t>
  </si>
  <si>
    <t>981.629</t>
  </si>
  <si>
    <t>58610.0</t>
  </si>
  <si>
    <t>132.7</t>
  </si>
  <si>
    <t>43284059.0</t>
  </si>
  <si>
    <t>26390857.0</t>
  </si>
  <si>
    <t>16890050.0</t>
  </si>
  <si>
    <t>504988.0</t>
  </si>
  <si>
    <t>473309.0</t>
  </si>
  <si>
    <t>68.63</t>
  </si>
  <si>
    <t>12308.0</t>
  </si>
  <si>
    <t>44569.0</t>
  </si>
  <si>
    <t>37564476.0</t>
  </si>
  <si>
    <t>110421.0</t>
  </si>
  <si>
    <t>984.523</t>
  </si>
  <si>
    <t>2.894</t>
  </si>
  <si>
    <t>68272.0</t>
  </si>
  <si>
    <t>156.6</t>
  </si>
  <si>
    <t>43700000.0</t>
  </si>
  <si>
    <t>26429380.0</t>
  </si>
  <si>
    <t>17267411.0</t>
  </si>
  <si>
    <t>415941.0</t>
  </si>
  <si>
    <t>463737.0</t>
  </si>
  <si>
    <t>113.64</t>
  </si>
  <si>
    <t>44039.0</t>
  </si>
  <si>
    <t>37613760.0</t>
  </si>
  <si>
    <t>49284.0</t>
  </si>
  <si>
    <t>985.814</t>
  </si>
  <si>
    <t>66429.0</t>
  </si>
  <si>
    <t>44126923.0</t>
  </si>
  <si>
    <t>26473371.0</t>
  </si>
  <si>
    <t>17650271.0</t>
  </si>
  <si>
    <t>426923.0</t>
  </si>
  <si>
    <t>452743.0</t>
  </si>
  <si>
    <t>114.75</t>
  </si>
  <si>
    <t>44151.0</t>
  </si>
  <si>
    <t>37679387.0</t>
  </si>
  <si>
    <t>65627.0</t>
  </si>
  <si>
    <t>987.534</t>
  </si>
  <si>
    <t>66340.0</t>
  </si>
  <si>
    <t>44565898.0</t>
  </si>
  <si>
    <t>26519006.0</t>
  </si>
  <si>
    <t>18043538.0</t>
  </si>
  <si>
    <t>438975.0</t>
  </si>
  <si>
    <t>426563.0</t>
  </si>
  <si>
    <t>115.89</t>
  </si>
  <si>
    <t>42089.0</t>
  </si>
  <si>
    <t>5.487</t>
  </si>
  <si>
    <t>37747547.0</t>
  </si>
  <si>
    <t>68160.0</t>
  </si>
  <si>
    <t>989.321</t>
  </si>
  <si>
    <t>66876.0</t>
  </si>
  <si>
    <t>44998433.0</t>
  </si>
  <si>
    <t>26565104.0</t>
  </si>
  <si>
    <t>18429910.0</t>
  </si>
  <si>
    <t>432535.0</t>
  </si>
  <si>
    <t>410255.0</t>
  </si>
  <si>
    <t>117.02</t>
  </si>
  <si>
    <t>41389.0</t>
  </si>
  <si>
    <t>37794221.0</t>
  </si>
  <si>
    <t>990.544</t>
  </si>
  <si>
    <t>45300763.0</t>
  </si>
  <si>
    <t>26598014.0</t>
  </si>
  <si>
    <t>18699268.0</t>
  </si>
  <si>
    <t>3481.0</t>
  </si>
  <si>
    <t>302330.0</t>
  </si>
  <si>
    <t>401115.0</t>
  </si>
  <si>
    <t>41210.0</t>
  </si>
  <si>
    <t>37798244.0</t>
  </si>
  <si>
    <t>990.65</t>
  </si>
  <si>
    <t>66490.0</t>
  </si>
  <si>
    <t>45526474.0</t>
  </si>
  <si>
    <t>26621964.0</t>
  </si>
  <si>
    <t>18900966.0</t>
  </si>
  <si>
    <t>225711.0</t>
  </si>
  <si>
    <t>392486.0</t>
  </si>
  <si>
    <t>118.39</t>
  </si>
  <si>
    <t>40699.0</t>
  </si>
  <si>
    <t>14520.7</t>
  </si>
  <si>
    <t>377.608991112782</t>
  </si>
  <si>
    <t>5.331</t>
  </si>
  <si>
    <t>15.239</t>
  </si>
  <si>
    <t>37907486.0</t>
  </si>
  <si>
    <t>109242.0</t>
  </si>
  <si>
    <t>993.513</t>
  </si>
  <si>
    <t>64776.0</t>
  </si>
  <si>
    <t>167.6</t>
  </si>
  <si>
    <t>45952918.0</t>
  </si>
  <si>
    <t>26665017.0</t>
  </si>
  <si>
    <t>19284338.0</t>
  </si>
  <si>
    <t>426444.0</t>
  </si>
  <si>
    <t>381266.0</t>
  </si>
  <si>
    <t>119.5</t>
  </si>
  <si>
    <t>39166.0</t>
  </si>
  <si>
    <t>37947701.0</t>
  </si>
  <si>
    <t>994.567</t>
  </si>
  <si>
    <t>54746.0</t>
  </si>
  <si>
    <t>46288480.0</t>
  </si>
  <si>
    <t>26701409.0</t>
  </si>
  <si>
    <t>19583446.0</t>
  </si>
  <si>
    <t>335562.0</t>
  </si>
  <si>
    <t>369783.0</t>
  </si>
  <si>
    <t>120.37</t>
  </si>
  <si>
    <t>38861.0</t>
  </si>
  <si>
    <t>14.693</t>
  </si>
  <si>
    <t>37994540.0</t>
  </si>
  <si>
    <t>46839.0</t>
  </si>
  <si>
    <t>995.794</t>
  </si>
  <si>
    <t>54397.0</t>
  </si>
  <si>
    <t>46674353.0</t>
  </si>
  <si>
    <t>26741309.0</t>
  </si>
  <si>
    <t>19929355.0</t>
  </si>
  <si>
    <t>385873.0</t>
  </si>
  <si>
    <t>363919.0</t>
  </si>
  <si>
    <t>121.38</t>
  </si>
  <si>
    <t>38277.0</t>
  </si>
  <si>
    <t>38054565.0</t>
  </si>
  <si>
    <t>60025.0</t>
  </si>
  <si>
    <t>997.367</t>
  </si>
  <si>
    <t>53597.0</t>
  </si>
  <si>
    <t>47056217.0</t>
  </si>
  <si>
    <t>26783674.0</t>
  </si>
  <si>
    <t>20268756.0</t>
  </si>
  <si>
    <t>381864.0</t>
  </si>
  <si>
    <t>355760.0</t>
  </si>
  <si>
    <t>122.37</t>
  </si>
  <si>
    <t>9251.0</t>
  </si>
  <si>
    <t>37810.0</t>
  </si>
  <si>
    <t>5.097</t>
  </si>
  <si>
    <t>38111273.0</t>
  </si>
  <si>
    <t>56708.0</t>
  </si>
  <si>
    <t>998.854</t>
  </si>
  <si>
    <t>51961.0</t>
  </si>
  <si>
    <t>47411775.0</t>
  </si>
  <si>
    <t>26824692.0</t>
  </si>
  <si>
    <t>20583203.0</t>
  </si>
  <si>
    <t>355558.0</t>
  </si>
  <si>
    <t>344763.0</t>
  </si>
  <si>
    <t>37084.0</t>
  </si>
  <si>
    <t>4.889</t>
  </si>
  <si>
    <t>38147318.0</t>
  </si>
  <si>
    <t>36045.0</t>
  </si>
  <si>
    <t>999.798</t>
  </si>
  <si>
    <t>50442.0</t>
  </si>
  <si>
    <t>47661261.0</t>
  </si>
  <si>
    <t>26855543.0</t>
  </si>
  <si>
    <t>20801744.0</t>
  </si>
  <si>
    <t>249486.0</t>
  </si>
  <si>
    <t>337214.0</t>
  </si>
  <si>
    <t>123.94</t>
  </si>
  <si>
    <t>36790.0</t>
  </si>
  <si>
    <t>13.731</t>
  </si>
  <si>
    <t>38151412.0</t>
  </si>
  <si>
    <t>999.906</t>
  </si>
  <si>
    <t>50453.0</t>
  </si>
  <si>
    <t>113.4</t>
  </si>
  <si>
    <t>47858487.0</t>
  </si>
  <si>
    <t>26878864.0</t>
  </si>
  <si>
    <t>20975511.0</t>
  </si>
  <si>
    <t>197226.0</t>
  </si>
  <si>
    <t>333145.0</t>
  </si>
  <si>
    <t>124.46</t>
  </si>
  <si>
    <t>36700.0</t>
  </si>
  <si>
    <t>14686.2</t>
  </si>
  <si>
    <t>381.912797956058</t>
  </si>
  <si>
    <t>4.915</t>
  </si>
  <si>
    <t>38267346.0</t>
  </si>
  <si>
    <t>115934.0</t>
  </si>
  <si>
    <t>1002.944</t>
  </si>
  <si>
    <t>3.038</t>
  </si>
  <si>
    <t>51409.0</t>
  </si>
  <si>
    <t>48249836.0</t>
  </si>
  <si>
    <t>26920580.0</t>
  </si>
  <si>
    <t>21324842.0</t>
  </si>
  <si>
    <t>4414.0</t>
  </si>
  <si>
    <t>391349.0</t>
  </si>
  <si>
    <t>328131.0</t>
  </si>
  <si>
    <t>125.47</t>
  </si>
  <si>
    <t>70.01</t>
  </si>
  <si>
    <t>8533.0</t>
  </si>
  <si>
    <t>38306209.0</t>
  </si>
  <si>
    <t>38863.0</t>
  </si>
  <si>
    <t>1003.963</t>
  </si>
  <si>
    <t>48529333.0</t>
  </si>
  <si>
    <t>26957277.0</t>
  </si>
  <si>
    <t>21567210.0</t>
  </si>
  <si>
    <t>279497.0</t>
  </si>
  <si>
    <t>320122.0</t>
  </si>
  <si>
    <t>70.1</t>
  </si>
  <si>
    <t>8325.0</t>
  </si>
  <si>
    <t>36553.0</t>
  </si>
  <si>
    <t>38351116.0</t>
  </si>
  <si>
    <t>44907.0</t>
  </si>
  <si>
    <t>1005.14</t>
  </si>
  <si>
    <t>48805138.0</t>
  </si>
  <si>
    <t>26996532.0</t>
  </si>
  <si>
    <t>21803352.0</t>
  </si>
  <si>
    <t>275805.0</t>
  </si>
  <si>
    <t>304398.0</t>
  </si>
  <si>
    <t>36460.0</t>
  </si>
  <si>
    <t>38409370.0</t>
  </si>
  <si>
    <t>1006.666</t>
  </si>
  <si>
    <t>49075741.0</t>
  </si>
  <si>
    <t>27036151.0</t>
  </si>
  <si>
    <t>22033994.0</t>
  </si>
  <si>
    <t>270603.0</t>
  </si>
  <si>
    <t>288503.0</t>
  </si>
  <si>
    <t>127.62</t>
  </si>
  <si>
    <t>36068.0</t>
  </si>
  <si>
    <t>4.447</t>
  </si>
  <si>
    <t>38466868.0</t>
  </si>
  <si>
    <t>1008.173</t>
  </si>
  <si>
    <t>49333787.0</t>
  </si>
  <si>
    <t>27074917.0</t>
  </si>
  <si>
    <t>22252954.0</t>
  </si>
  <si>
    <t>258046.0</t>
  </si>
  <si>
    <t>274573.0</t>
  </si>
  <si>
    <t>128.29</t>
  </si>
  <si>
    <t>7140.0</t>
  </si>
  <si>
    <t>35746.0</t>
  </si>
  <si>
    <t>12.352</t>
  </si>
  <si>
    <t>38529118.0</t>
  </si>
  <si>
    <t>62250.0</t>
  </si>
  <si>
    <t>1009.805</t>
  </si>
  <si>
    <t>54543.0</t>
  </si>
  <si>
    <t>49515689.0</t>
  </si>
  <si>
    <t>27101086.0</t>
  </si>
  <si>
    <t>22408293.0</t>
  </si>
  <si>
    <t>181902.0</t>
  </si>
  <si>
    <t>264918.0</t>
  </si>
  <si>
    <t>128.76</t>
  </si>
  <si>
    <t>35078.0</t>
  </si>
  <si>
    <t>4.213</t>
  </si>
  <si>
    <t>38577856.0</t>
  </si>
  <si>
    <t>1011.082</t>
  </si>
  <si>
    <t>60921.0</t>
  </si>
  <si>
    <t>49661157.0</t>
  </si>
  <si>
    <t>27121797.0</t>
  </si>
  <si>
    <t>22532796.0</t>
  </si>
  <si>
    <t>145468.0</t>
  </si>
  <si>
    <t>257524.0</t>
  </si>
  <si>
    <t>34705.0</t>
  </si>
  <si>
    <t>14899.7</t>
  </si>
  <si>
    <t>387.464838808261</t>
  </si>
  <si>
    <t>38617593.0</t>
  </si>
  <si>
    <t>39737.0</t>
  </si>
  <si>
    <t>1012.124</t>
  </si>
  <si>
    <t>50035.0</t>
  </si>
  <si>
    <t>49755397.0</t>
  </si>
  <si>
    <t>27134276.0</t>
  </si>
  <si>
    <t>22614320.0</t>
  </si>
  <si>
    <t>94240.0</t>
  </si>
  <si>
    <t>129.39</t>
  </si>
  <si>
    <t>70.56</t>
  </si>
  <si>
    <t>30528.0</t>
  </si>
  <si>
    <t>38652288.0</t>
  </si>
  <si>
    <t>34695.0</t>
  </si>
  <si>
    <t>1013.033</t>
  </si>
  <si>
    <t>49440.0</t>
  </si>
  <si>
    <t>50034283.0</t>
  </si>
  <si>
    <t>27173383.0</t>
  </si>
  <si>
    <t>22853758.0</t>
  </si>
  <si>
    <t>7142.0</t>
  </si>
  <si>
    <t>278886.0</t>
  </si>
  <si>
    <t>214993.0</t>
  </si>
  <si>
    <t>4.577</t>
  </si>
  <si>
    <t>38713636.0</t>
  </si>
  <si>
    <t>61348.0</t>
  </si>
  <si>
    <t>1014.641</t>
  </si>
  <si>
    <t>51789.0</t>
  </si>
  <si>
    <t>50201694.0</t>
  </si>
  <si>
    <t>27202311.0</t>
  </si>
  <si>
    <t>22991889.0</t>
  </si>
  <si>
    <t>167411.0</t>
  </si>
  <si>
    <t>199508.0</t>
  </si>
  <si>
    <t>130.55</t>
  </si>
  <si>
    <t>29397.0</t>
  </si>
  <si>
    <t>38767873.0</t>
  </si>
  <si>
    <t>54237.0</t>
  </si>
  <si>
    <t>1016.062</t>
  </si>
  <si>
    <t>50391400.0</t>
  </si>
  <si>
    <t>27236780.0</t>
  </si>
  <si>
    <t>23146737.0</t>
  </si>
  <si>
    <t>189706.0</t>
  </si>
  <si>
    <t>187951.0</t>
  </si>
  <si>
    <t>38835904.0</t>
  </si>
  <si>
    <t>68031.0</t>
  </si>
  <si>
    <t>1017.845</t>
  </si>
  <si>
    <t>52719.0</t>
  </si>
  <si>
    <t>50567095.0</t>
  </si>
  <si>
    <t>27269140.0</t>
  </si>
  <si>
    <t>23289584.0</t>
  </si>
  <si>
    <t>175695.0</t>
  </si>
  <si>
    <t>176187.0</t>
  </si>
  <si>
    <t>27746.0</t>
  </si>
  <si>
    <t>4.551</t>
  </si>
  <si>
    <t>38888507.0</t>
  </si>
  <si>
    <t>52603.0</t>
  </si>
  <si>
    <t>1019.224</t>
  </si>
  <si>
    <t>50695024.0</t>
  </si>
  <si>
    <t>27292269.0</t>
  </si>
  <si>
    <t>23393792.0</t>
  </si>
  <si>
    <t>8963.0</t>
  </si>
  <si>
    <t>127929.0</t>
  </si>
  <si>
    <t>168476.0</t>
  </si>
  <si>
    <t>131.83</t>
  </si>
  <si>
    <t>27312.0</t>
  </si>
  <si>
    <t>4.473</t>
  </si>
  <si>
    <t>38893417.0</t>
  </si>
  <si>
    <t>1019.353</t>
  </si>
  <si>
    <t>45080.0</t>
  </si>
  <si>
    <t>50795327.0</t>
  </si>
  <si>
    <t>27309092.0</t>
  </si>
  <si>
    <t>23476938.0</t>
  </si>
  <si>
    <t>9297.0</t>
  </si>
  <si>
    <t>100303.0</t>
  </si>
  <si>
    <t>162024.0</t>
  </si>
  <si>
    <t>132.09</t>
  </si>
  <si>
    <t>61.05</t>
  </si>
  <si>
    <t>15161.2</t>
  </si>
  <si>
    <t>394.26511366939</t>
  </si>
  <si>
    <t>4.655</t>
  </si>
  <si>
    <t>14.251</t>
  </si>
  <si>
    <t>39024434.0</t>
  </si>
  <si>
    <t>131017.0</t>
  </si>
  <si>
    <t>1022.787</t>
  </si>
  <si>
    <t>3.434</t>
  </si>
  <si>
    <t>58120.0</t>
  </si>
  <si>
    <t>1.523</t>
  </si>
  <si>
    <t>50980931.0</t>
  </si>
  <si>
    <t>27342041.0</t>
  </si>
  <si>
    <t>23629348.0</t>
  </si>
  <si>
    <t>185604.0</t>
  </si>
  <si>
    <t>175076.0</t>
  </si>
  <si>
    <t>132.58</t>
  </si>
  <si>
    <t>39070051.0</t>
  </si>
  <si>
    <t>45617.0</t>
  </si>
  <si>
    <t>1023.982</t>
  </si>
  <si>
    <t>59680.0</t>
  </si>
  <si>
    <t>51117763.0</t>
  </si>
  <si>
    <t>27368534.0</t>
  </si>
  <si>
    <t>23739217.0</t>
  </si>
  <si>
    <t>136832.0</t>
  </si>
  <si>
    <t>154783.0</t>
  </si>
  <si>
    <t>132.93</t>
  </si>
  <si>
    <t>27879.0</t>
  </si>
  <si>
    <t>39125185.0</t>
  </si>
  <si>
    <t>55134.0</t>
  </si>
  <si>
    <t>1025.427</t>
  </si>
  <si>
    <t>51255056.0</t>
  </si>
  <si>
    <t>27396297.0</t>
  </si>
  <si>
    <t>23848299.0</t>
  </si>
  <si>
    <t>137293.0</t>
  </si>
  <si>
    <t>150480.0</t>
  </si>
  <si>
    <t>133.29</t>
  </si>
  <si>
    <t>5.305</t>
  </si>
  <si>
    <t>39199157.0</t>
  </si>
  <si>
    <t>73972.0</t>
  </si>
  <si>
    <t>1027.366</t>
  </si>
  <si>
    <t>51407722.0</t>
  </si>
  <si>
    <t>27428713.0</t>
  </si>
  <si>
    <t>23968110.0</t>
  </si>
  <si>
    <t>152666.0</t>
  </si>
  <si>
    <t>145189.0</t>
  </si>
  <si>
    <t>27419.0</t>
  </si>
  <si>
    <t>39271289.0</t>
  </si>
  <si>
    <t>72132.0</t>
  </si>
  <si>
    <t>1029.256</t>
  </si>
  <si>
    <t>62198.0</t>
  </si>
  <si>
    <t>51555262.0</t>
  </si>
  <si>
    <t>27462274.0</t>
  </si>
  <si>
    <t>24081529.0</t>
  </si>
  <si>
    <t>147540.0</t>
  </si>
  <si>
    <t>141167.0</t>
  </si>
  <si>
    <t>134.07</t>
  </si>
  <si>
    <t>62.62</t>
  </si>
  <si>
    <t>27591.0</t>
  </si>
  <si>
    <t>39325874.0</t>
  </si>
  <si>
    <t>54585.0</t>
  </si>
  <si>
    <t>1030.687</t>
  </si>
  <si>
    <t>62481.0</t>
  </si>
  <si>
    <t>51671716.0</t>
  </si>
  <si>
    <t>27485861.0</t>
  </si>
  <si>
    <t>24173839.0</t>
  </si>
  <si>
    <t>12016.0</t>
  </si>
  <si>
    <t>116454.0</t>
  </si>
  <si>
    <t>134.37</t>
  </si>
  <si>
    <t>39330648.0</t>
  </si>
  <si>
    <t>4774.0</t>
  </si>
  <si>
    <t>1030.812</t>
  </si>
  <si>
    <t>62462.0</t>
  </si>
  <si>
    <t>51769704.0</t>
  </si>
  <si>
    <t>27504592.0</t>
  </si>
  <si>
    <t>24252725.0</t>
  </si>
  <si>
    <t>12387.0</t>
  </si>
  <si>
    <t>97988.0</t>
  </si>
  <si>
    <t>139197.0</t>
  </si>
  <si>
    <t>134.63</t>
  </si>
  <si>
    <t>27929.0</t>
  </si>
  <si>
    <t>15320.7</t>
  </si>
  <si>
    <t>398.41289126155</t>
  </si>
  <si>
    <t>18.489</t>
  </si>
  <si>
    <t>39453066.0</t>
  </si>
  <si>
    <t>122418.0</t>
  </si>
  <si>
    <t>1034.021</t>
  </si>
  <si>
    <t>51934258.0</t>
  </si>
  <si>
    <t>27537586.0</t>
  </si>
  <si>
    <t>24384045.0</t>
  </si>
  <si>
    <t>12627.0</t>
  </si>
  <si>
    <t>164554.0</t>
  </si>
  <si>
    <t>136190.0</t>
  </si>
  <si>
    <t>135.05</t>
  </si>
  <si>
    <t>27935.0</t>
  </si>
  <si>
    <t>19.088</t>
  </si>
  <si>
    <t>39519480.0</t>
  </si>
  <si>
    <t>66414.0</t>
  </si>
  <si>
    <t>1035.761</t>
  </si>
  <si>
    <t>64204.0</t>
  </si>
  <si>
    <t>52071328.0</t>
  </si>
  <si>
    <t>27566421.0</t>
  </si>
  <si>
    <t>24491860.0</t>
  </si>
  <si>
    <t>137070.0</t>
  </si>
  <si>
    <t>136224.0</t>
  </si>
  <si>
    <t>28270.0</t>
  </si>
  <si>
    <t>39577444.0</t>
  </si>
  <si>
    <t>57964.0</t>
  </si>
  <si>
    <t>1037.28</t>
  </si>
  <si>
    <t>64608.0</t>
  </si>
  <si>
    <t>52196161.0</t>
  </si>
  <si>
    <t>27596573.0</t>
  </si>
  <si>
    <t>24586061.0</t>
  </si>
  <si>
    <t>124833.0</t>
  </si>
  <si>
    <t>134444.0</t>
  </si>
  <si>
    <t>39653674.0</t>
  </si>
  <si>
    <t>76230.0</t>
  </si>
  <si>
    <t>1039.278</t>
  </si>
  <si>
    <t>64931.0</t>
  </si>
  <si>
    <t>52333544.0</t>
  </si>
  <si>
    <t>27633698.0</t>
  </si>
  <si>
    <t>24685766.0</t>
  </si>
  <si>
    <t>14080.0</t>
  </si>
  <si>
    <t>137383.0</t>
  </si>
  <si>
    <t>132260.0</t>
  </si>
  <si>
    <t>39731231.0</t>
  </si>
  <si>
    <t>1041.311</t>
  </si>
  <si>
    <t>65706.0</t>
  </si>
  <si>
    <t>52461684.0</t>
  </si>
  <si>
    <t>27670465.0</t>
  </si>
  <si>
    <t>24776703.0</t>
  </si>
  <si>
    <t>14516.0</t>
  </si>
  <si>
    <t>128140.0</t>
  </si>
  <si>
    <t>129489.0</t>
  </si>
  <si>
    <t>136.43</t>
  </si>
  <si>
    <t>29742.0</t>
  </si>
  <si>
    <t>39810642.0</t>
  </si>
  <si>
    <t>79411.0</t>
  </si>
  <si>
    <t>1043.392</t>
  </si>
  <si>
    <t>69253.0</t>
  </si>
  <si>
    <t>52563038.0</t>
  </si>
  <si>
    <t>27696205.0</t>
  </si>
  <si>
    <t>24851771.0</t>
  </si>
  <si>
    <t>101354.0</t>
  </si>
  <si>
    <t>127332.0</t>
  </si>
  <si>
    <t>30049.0</t>
  </si>
  <si>
    <t>39875242.0</t>
  </si>
  <si>
    <t>64600.0</t>
  </si>
  <si>
    <t>1045.085</t>
  </si>
  <si>
    <t>77799.0</t>
  </si>
  <si>
    <t>52640976.0</t>
  </si>
  <si>
    <t>27714705.0</t>
  </si>
  <si>
    <t>24910906.0</t>
  </si>
  <si>
    <t>124467.0</t>
  </si>
  <si>
    <t>136.89</t>
  </si>
  <si>
    <t>30016.0</t>
  </si>
  <si>
    <t>15770.2</t>
  </si>
  <si>
    <t>410.10208265764</t>
  </si>
  <si>
    <t>39932569.0</t>
  </si>
  <si>
    <t>57327.0</t>
  </si>
  <si>
    <t>1046.588</t>
  </si>
  <si>
    <t>68500.0</t>
  </si>
  <si>
    <t>52762056.0</t>
  </si>
  <si>
    <t>27744683.0</t>
  </si>
  <si>
    <t>25001757.0</t>
  </si>
  <si>
    <t>121080.0</t>
  </si>
  <si>
    <t>118257.0</t>
  </si>
  <si>
    <t>137.21</t>
  </si>
  <si>
    <t>40004893.0</t>
  </si>
  <si>
    <t>72324.0</t>
  </si>
  <si>
    <t>1048.483</t>
  </si>
  <si>
    <t>69345.0</t>
  </si>
  <si>
    <t>52878470.0</t>
  </si>
  <si>
    <t>27776339.0</t>
  </si>
  <si>
    <t>25086071.0</t>
  </si>
  <si>
    <t>16060.0</t>
  </si>
  <si>
    <t>116414.0</t>
  </si>
  <si>
    <t>115306.0</t>
  </si>
  <si>
    <t>137.51</t>
  </si>
  <si>
    <t>40067104.0</t>
  </si>
  <si>
    <t>62211.0</t>
  </si>
  <si>
    <t>1050.114</t>
  </si>
  <si>
    <t>52983704.0</t>
  </si>
  <si>
    <t>27811447.0</t>
  </si>
  <si>
    <t>25155742.0</t>
  </si>
  <si>
    <t>16515.0</t>
  </si>
  <si>
    <t>112506.0</t>
  </si>
  <si>
    <t>137.78</t>
  </si>
  <si>
    <t>30696.0</t>
  </si>
  <si>
    <t>9.492</t>
  </si>
  <si>
    <t>40150588.0</t>
  </si>
  <si>
    <t>83484.0</t>
  </si>
  <si>
    <t>1052.302</t>
  </si>
  <si>
    <t>70988.0</t>
  </si>
  <si>
    <t>53106652.0</t>
  </si>
  <si>
    <t>27851712.0</t>
  </si>
  <si>
    <t>25237909.0</t>
  </si>
  <si>
    <t>17031.0</t>
  </si>
  <si>
    <t>122948.0</t>
  </si>
  <si>
    <t>110444.0</t>
  </si>
  <si>
    <t>31145.0</t>
  </si>
  <si>
    <t>40235533.0</t>
  </si>
  <si>
    <t>84945.0</t>
  </si>
  <si>
    <t>1054.528</t>
  </si>
  <si>
    <t>72043.0</t>
  </si>
  <si>
    <t>1.888</t>
  </si>
  <si>
    <t>53222204.0</t>
  </si>
  <si>
    <t>27891472.0</t>
  </si>
  <si>
    <t>25313178.0</t>
  </si>
  <si>
    <t>115552.0</t>
  </si>
  <si>
    <t>108646.0</t>
  </si>
  <si>
    <t>31572.0</t>
  </si>
  <si>
    <t>40325147.0</t>
  </si>
  <si>
    <t>89614.0</t>
  </si>
  <si>
    <t>1056.877</t>
  </si>
  <si>
    <t>73501.0</t>
  </si>
  <si>
    <t>53303118.0</t>
  </si>
  <si>
    <t>27916627.0</t>
  </si>
  <si>
    <t>25368333.0</t>
  </si>
  <si>
    <t>18158.0</t>
  </si>
  <si>
    <t>80914.0</t>
  </si>
  <si>
    <t>105726.0</t>
  </si>
  <si>
    <t>31489.0</t>
  </si>
  <si>
    <t>10.246</t>
  </si>
  <si>
    <t>40405800.0</t>
  </si>
  <si>
    <t>80653.0</t>
  </si>
  <si>
    <t>1058.991</t>
  </si>
  <si>
    <t>53370982.0</t>
  </si>
  <si>
    <t>27936148.0</t>
  </si>
  <si>
    <t>25416172.0</t>
  </si>
  <si>
    <t>18662.0</t>
  </si>
  <si>
    <t>67864.0</t>
  </si>
  <si>
    <t>104287.0</t>
  </si>
  <si>
    <t>138.79</t>
  </si>
  <si>
    <t>31635.0</t>
  </si>
  <si>
    <t>16124.7</t>
  </si>
  <si>
    <t>419.320810911063</t>
  </si>
  <si>
    <t>10.688</t>
  </si>
  <si>
    <t>40476190.0</t>
  </si>
  <si>
    <t>1060.835</t>
  </si>
  <si>
    <t>77660.0</t>
  </si>
  <si>
    <t>2.035</t>
  </si>
  <si>
    <t>53494537.0</t>
  </si>
  <si>
    <t>27979312.0</t>
  </si>
  <si>
    <t>25496241.0</t>
  </si>
  <si>
    <t>18984.0</t>
  </si>
  <si>
    <t>104640.0</t>
  </si>
  <si>
    <t>139.11</t>
  </si>
  <si>
    <t>33518.0</t>
  </si>
  <si>
    <t>34.821</t>
  </si>
  <si>
    <t>40539628.0</t>
  </si>
  <si>
    <t>63438.0</t>
  </si>
  <si>
    <t>1062.498</t>
  </si>
  <si>
    <t>53576522.0</t>
  </si>
  <si>
    <t>28008670.0</t>
  </si>
  <si>
    <t>25548423.0</t>
  </si>
  <si>
    <t>19429.0</t>
  </si>
  <si>
    <t>81985.0</t>
  </si>
  <si>
    <t>99722.0</t>
  </si>
  <si>
    <t>139.33</t>
  </si>
  <si>
    <t>40605632.0</t>
  </si>
  <si>
    <t>66004.0</t>
  </si>
  <si>
    <t>1064.228</t>
  </si>
  <si>
    <t>76933.0</t>
  </si>
  <si>
    <t>53674534.0</t>
  </si>
  <si>
    <t>28043415.0</t>
  </si>
  <si>
    <t>25610919.0</t>
  </si>
  <si>
    <t>20200.0</t>
  </si>
  <si>
    <t>98012.0</t>
  </si>
  <si>
    <t>98690.0</t>
  </si>
  <si>
    <t>139.58</t>
  </si>
  <si>
    <t>33138.0</t>
  </si>
  <si>
    <t>40693199.0</t>
  </si>
  <si>
    <t>87567.0</t>
  </si>
  <si>
    <t>1066.523</t>
  </si>
  <si>
    <t>77516.0</t>
  </si>
  <si>
    <t>53768926.0</t>
  </si>
  <si>
    <t>28081896.0</t>
  </si>
  <si>
    <t>25665723.0</t>
  </si>
  <si>
    <t>94392.0</t>
  </si>
  <si>
    <t>94611.0</t>
  </si>
  <si>
    <t>139.83</t>
  </si>
  <si>
    <t>32883.0</t>
  </si>
  <si>
    <t>40781599.0</t>
  </si>
  <si>
    <t>88400.0</t>
  </si>
  <si>
    <t>1068.84</t>
  </si>
  <si>
    <t>78009.0</t>
  </si>
  <si>
    <t>53878364.0</t>
  </si>
  <si>
    <t>28128369.0</t>
  </si>
  <si>
    <t>25727006.0</t>
  </si>
  <si>
    <t>22989.0</t>
  </si>
  <si>
    <t>109438.0</t>
  </si>
  <si>
    <t>93737.0</t>
  </si>
  <si>
    <t>140.11</t>
  </si>
  <si>
    <t>40870304.0</t>
  </si>
  <si>
    <t>88705.0</t>
  </si>
  <si>
    <t>1071.165</t>
  </si>
  <si>
    <t>77880.0</t>
  </si>
  <si>
    <t>53960676.0</t>
  </si>
  <si>
    <t>28161852.0</t>
  </si>
  <si>
    <t>25774085.0</t>
  </si>
  <si>
    <t>24739.0</t>
  </si>
  <si>
    <t>82312.0</t>
  </si>
  <si>
    <t>93937.0</t>
  </si>
  <si>
    <t>140.32</t>
  </si>
  <si>
    <t>35032.0</t>
  </si>
  <si>
    <t>40949451.0</t>
  </si>
  <si>
    <t>79147.0</t>
  </si>
  <si>
    <t>1073.239</t>
  </si>
  <si>
    <t>54022913.0</t>
  </si>
  <si>
    <t>28185371.0</t>
  </si>
  <si>
    <t>25811575.0</t>
  </si>
  <si>
    <t>25967.0</t>
  </si>
  <si>
    <t>62237.0</t>
  </si>
  <si>
    <t>93133.0</t>
  </si>
  <si>
    <t>140.49</t>
  </si>
  <si>
    <t>35603.0</t>
  </si>
  <si>
    <t>16612.2</t>
  </si>
  <si>
    <t>431.998187564219</t>
  </si>
  <si>
    <t>13.913</t>
  </si>
  <si>
    <t>41023323.0</t>
  </si>
  <si>
    <t>73872.0</t>
  </si>
  <si>
    <t>1075.175</t>
  </si>
  <si>
    <t>78162.0</t>
  </si>
  <si>
    <t>54059574.0</t>
  </si>
  <si>
    <t>28200000.0</t>
  </si>
  <si>
    <t>25832809.0</t>
  </si>
  <si>
    <t>36661.0</t>
  </si>
  <si>
    <t>80720.0</t>
  </si>
  <si>
    <t>140.58</t>
  </si>
  <si>
    <t>31527.0</t>
  </si>
  <si>
    <t>41085040.0</t>
  </si>
  <si>
    <t>1076.793</t>
  </si>
  <si>
    <t>77916.0</t>
  </si>
  <si>
    <t>54162227.0</t>
  </si>
  <si>
    <t>28242017.0</t>
  </si>
  <si>
    <t>25892804.0</t>
  </si>
  <si>
    <t>27406.0</t>
  </si>
  <si>
    <t>102653.0</t>
  </si>
  <si>
    <t>83672.0</t>
  </si>
  <si>
    <t>140.85</t>
  </si>
  <si>
    <t>33335.0</t>
  </si>
  <si>
    <t>46.627</t>
  </si>
  <si>
    <t>41151117.0</t>
  </si>
  <si>
    <t>66077.0</t>
  </si>
  <si>
    <t>1078.525</t>
  </si>
  <si>
    <t>77926.0</t>
  </si>
  <si>
    <t>54246980.0</t>
  </si>
  <si>
    <t>28277972.0</t>
  </si>
  <si>
    <t>25939972.0</t>
  </si>
  <si>
    <t>29036.0</t>
  </si>
  <si>
    <t>84753.0</t>
  </si>
  <si>
    <t>81778.0</t>
  </si>
  <si>
    <t>141.07</t>
  </si>
  <si>
    <t>33508.0</t>
  </si>
  <si>
    <t>15.057</t>
  </si>
  <si>
    <t>41228302.0</t>
  </si>
  <si>
    <t>77185.0</t>
  </si>
  <si>
    <t>1080.547</t>
  </si>
  <si>
    <t>76443.0</t>
  </si>
  <si>
    <t>54344974.0</t>
  </si>
  <si>
    <t>28320118.0</t>
  </si>
  <si>
    <t>25993948.0</t>
  </si>
  <si>
    <t>30908.0</t>
  </si>
  <si>
    <t>97994.0</t>
  </si>
  <si>
    <t>82293.0</t>
  </si>
  <si>
    <t>141.32</t>
  </si>
  <si>
    <t>34032.0</t>
  </si>
  <si>
    <t>41324700.0</t>
  </si>
  <si>
    <t>96398.0</t>
  </si>
  <si>
    <t>1083.074</t>
  </si>
  <si>
    <t>77586.0</t>
  </si>
  <si>
    <t>54443410.0</t>
  </si>
  <si>
    <t>28362095.0</t>
  </si>
  <si>
    <t>26048482.0</t>
  </si>
  <si>
    <t>32833.0</t>
  </si>
  <si>
    <t>98436.0</t>
  </si>
  <si>
    <t>80721.0</t>
  </si>
  <si>
    <t>141.58</t>
  </si>
  <si>
    <t>33389.0</t>
  </si>
  <si>
    <t>40.698</t>
  </si>
  <si>
    <t>41422407.0</t>
  </si>
  <si>
    <t>1085.635</t>
  </si>
  <si>
    <t>78872.0</t>
  </si>
  <si>
    <t>54516547.0</t>
  </si>
  <si>
    <t>28390004.0</t>
  </si>
  <si>
    <t>26091857.0</t>
  </si>
  <si>
    <t>79410.0</t>
  </si>
  <si>
    <t>141.77</t>
  </si>
  <si>
    <t>41513340.0</t>
  </si>
  <si>
    <t>90933.0</t>
  </si>
  <si>
    <t>1088.018</t>
  </si>
  <si>
    <t>80556.0</t>
  </si>
  <si>
    <t>54573823.0</t>
  </si>
  <si>
    <t>28410261.0</t>
  </si>
  <si>
    <t>26127447.0</t>
  </si>
  <si>
    <t>57276.0</t>
  </si>
  <si>
    <t>78701.0</t>
  </si>
  <si>
    <t>73.88</t>
  </si>
  <si>
    <t>17322.7</t>
  </si>
  <si>
    <t>450.474651383844</t>
  </si>
  <si>
    <t>41593358.0</t>
  </si>
  <si>
    <t>1090.115</t>
  </si>
  <si>
    <t>81434.0</t>
  </si>
  <si>
    <t>54673374.0</t>
  </si>
  <si>
    <t>28453637.0</t>
  </si>
  <si>
    <t>26182735.0</t>
  </si>
  <si>
    <t>37002.0</t>
  </si>
  <si>
    <t>99551.0</t>
  </si>
  <si>
    <t>87686.0</t>
  </si>
  <si>
    <t>142.18</t>
  </si>
  <si>
    <t>36234.0</t>
  </si>
  <si>
    <t>54.688</t>
  </si>
  <si>
    <t>41668860.0</t>
  </si>
  <si>
    <t>75502.0</t>
  </si>
  <si>
    <t>1092.094</t>
  </si>
  <si>
    <t>1.979</t>
  </si>
  <si>
    <t>54746714.0</t>
  </si>
  <si>
    <t>28486247.0</t>
  </si>
  <si>
    <t>26222246.0</t>
  </si>
  <si>
    <t>73340.0</t>
  </si>
  <si>
    <t>142.37</t>
  </si>
  <si>
    <t>34890.0</t>
  </si>
  <si>
    <t>41752512.0</t>
  </si>
  <si>
    <t>83652.0</t>
  </si>
  <si>
    <t>1094.286</t>
  </si>
  <si>
    <t>54830358.0</t>
  </si>
  <si>
    <t>28522883.0</t>
  </si>
  <si>
    <t>26267955.0</t>
  </si>
  <si>
    <t>39520.0</t>
  </si>
  <si>
    <t>83644.0</t>
  </si>
  <si>
    <t>83340.0</t>
  </si>
  <si>
    <t>55.234</t>
  </si>
  <si>
    <t>41861477.0</t>
  </si>
  <si>
    <t>108965.0</t>
  </si>
  <si>
    <t>1097.142</t>
  </si>
  <si>
    <t>2.856</t>
  </si>
  <si>
    <t>90454.0</t>
  </si>
  <si>
    <t>54926655.0</t>
  </si>
  <si>
    <t>28563271.0</t>
  </si>
  <si>
    <t>26321925.0</t>
  </si>
  <si>
    <t>41459.0</t>
  </si>
  <si>
    <t>96297.0</t>
  </si>
  <si>
    <t>83097.0</t>
  </si>
  <si>
    <t>142.84</t>
  </si>
  <si>
    <t>34736.0</t>
  </si>
  <si>
    <t>17.475</t>
  </si>
  <si>
    <t>55.702</t>
  </si>
  <si>
    <t>41973569.0</t>
  </si>
  <si>
    <t>112092.0</t>
  </si>
  <si>
    <t>1100.08</t>
  </si>
  <si>
    <t>92696.0</t>
  </si>
  <si>
    <t>55085874.0</t>
  </si>
  <si>
    <t>28618603.0</t>
  </si>
  <si>
    <t>26380792.0</t>
  </si>
  <si>
    <t>86479.0</t>
  </si>
  <si>
    <t>159219.0</t>
  </si>
  <si>
    <t>91781.0</t>
  </si>
  <si>
    <t>143.25</t>
  </si>
  <si>
    <t>36644.0</t>
  </si>
  <si>
    <t>42088413.0</t>
  </si>
  <si>
    <t>114844.0</t>
  </si>
  <si>
    <t>1103.09</t>
  </si>
  <si>
    <t>95144.0</t>
  </si>
  <si>
    <t>55154715.0</t>
  </si>
  <si>
    <t>28644462.0</t>
  </si>
  <si>
    <t>26421787.0</t>
  </si>
  <si>
    <t>88466.0</t>
  </si>
  <si>
    <t>68841.0</t>
  </si>
  <si>
    <t>91167.0</t>
  </si>
  <si>
    <t>143.43</t>
  </si>
  <si>
    <t>36351.0</t>
  </si>
  <si>
    <t>42190807.0</t>
  </si>
  <si>
    <t>102394.0</t>
  </si>
  <si>
    <t>1105.774</t>
  </si>
  <si>
    <t>96781.0</t>
  </si>
  <si>
    <t>55210649.0</t>
  </si>
  <si>
    <t>28664578.0</t>
  </si>
  <si>
    <t>26456344.0</t>
  </si>
  <si>
    <t>89727.0</t>
  </si>
  <si>
    <t>55934.0</t>
  </si>
  <si>
    <t>90975.0</t>
  </si>
  <si>
    <t>143.57</t>
  </si>
  <si>
    <t>36331.0</t>
  </si>
  <si>
    <t>17919.2</t>
  </si>
  <si>
    <t>465.98655943227</t>
  </si>
  <si>
    <t>18.411</t>
  </si>
  <si>
    <t>42287266.0</t>
  </si>
  <si>
    <t>96459.0</t>
  </si>
  <si>
    <t>1108.302</t>
  </si>
  <si>
    <t>99130.0</t>
  </si>
  <si>
    <t>55350441.0</t>
  </si>
  <si>
    <t>28731719.0</t>
  </si>
  <si>
    <t>26522703.0</t>
  </si>
  <si>
    <t>96019.0</t>
  </si>
  <si>
    <t>139792.0</t>
  </si>
  <si>
    <t>96724.0</t>
  </si>
  <si>
    <t>42370518.0</t>
  </si>
  <si>
    <t>83252.0</t>
  </si>
  <si>
    <t>1110.484</t>
  </si>
  <si>
    <t>2.627</t>
  </si>
  <si>
    <t>55449587.0</t>
  </si>
  <si>
    <t>28775759.0</t>
  </si>
  <si>
    <t>26573669.0</t>
  </si>
  <si>
    <t>100159.0</t>
  </si>
  <si>
    <t>99146.0</t>
  </si>
  <si>
    <t>100410.0</t>
  </si>
  <si>
    <t>41359.0</t>
  </si>
  <si>
    <t>19.036</t>
  </si>
  <si>
    <t>42461133.0</t>
  </si>
  <si>
    <t>90615.0</t>
  </si>
  <si>
    <t>1112.859</t>
  </si>
  <si>
    <t>101232.0</t>
  </si>
  <si>
    <t>55550039.0</t>
  </si>
  <si>
    <t>28820960.0</t>
  </si>
  <si>
    <t>26625022.0</t>
  </si>
  <si>
    <t>104057.0</t>
  </si>
  <si>
    <t>100452.0</t>
  </si>
  <si>
    <t>102812.0</t>
  </si>
  <si>
    <t>42582.0</t>
  </si>
  <si>
    <t>42578032.0</t>
  </si>
  <si>
    <t>116899.0</t>
  </si>
  <si>
    <t>1115.922</t>
  </si>
  <si>
    <t>102365.0</t>
  </si>
  <si>
    <t>55665766.0</t>
  </si>
  <si>
    <t>28870273.0</t>
  </si>
  <si>
    <t>26685926.0</t>
  </si>
  <si>
    <t>109567.0</t>
  </si>
  <si>
    <t>115727.0</t>
  </si>
  <si>
    <t>105587.0</t>
  </si>
  <si>
    <t>42704817.0</t>
  </si>
  <si>
    <t>126785.0</t>
  </si>
  <si>
    <t>1119.245</t>
  </si>
  <si>
    <t>104464.0</t>
  </si>
  <si>
    <t>55831938.0</t>
  </si>
  <si>
    <t>28920816.0</t>
  </si>
  <si>
    <t>26751261.0</t>
  </si>
  <si>
    <t>159861.0</t>
  </si>
  <si>
    <t>166172.0</t>
  </si>
  <si>
    <t>106581.0</t>
  </si>
  <si>
    <t>145.19</t>
  </si>
  <si>
    <t>43173.0</t>
  </si>
  <si>
    <t>42825153.0</t>
  </si>
  <si>
    <t>120336.0</t>
  </si>
  <si>
    <t>1122.399</t>
  </si>
  <si>
    <t>105249.0</t>
  </si>
  <si>
    <t>55906674.0</t>
  </si>
  <si>
    <t>28947287.0</t>
  </si>
  <si>
    <t>26797552.0</t>
  </si>
  <si>
    <t>161835.0</t>
  </si>
  <si>
    <t>74736.0</t>
  </si>
  <si>
    <t>107423.0</t>
  </si>
  <si>
    <t>145.38</t>
  </si>
  <si>
    <t>43261.0</t>
  </si>
  <si>
    <t>42921513.0</t>
  </si>
  <si>
    <t>96360.0</t>
  </si>
  <si>
    <t>1124.925</t>
  </si>
  <si>
    <t>104387.0</t>
  </si>
  <si>
    <t>55975379.0</t>
  </si>
  <si>
    <t>28972005.0</t>
  </si>
  <si>
    <t>26840339.0</t>
  </si>
  <si>
    <t>163035.0</t>
  </si>
  <si>
    <t>68705.0</t>
  </si>
  <si>
    <t>109247.0</t>
  </si>
  <si>
    <t>145.56</t>
  </si>
  <si>
    <t>43918.0</t>
  </si>
  <si>
    <t>18478.7</t>
  </si>
  <si>
    <t>480.536287098815</t>
  </si>
  <si>
    <t>43006019.0</t>
  </si>
  <si>
    <t>84506.0</t>
  </si>
  <si>
    <t>1127.139</t>
  </si>
  <si>
    <t>102679.0</t>
  </si>
  <si>
    <t>56096797.0</t>
  </si>
  <si>
    <t>29022229.0</t>
  </si>
  <si>
    <t>26901593.0</t>
  </si>
  <si>
    <t>172975.0</t>
  </si>
  <si>
    <t>106622.0</t>
  </si>
  <si>
    <t>145.88</t>
  </si>
  <si>
    <t>41501.0</t>
  </si>
  <si>
    <t>65.142</t>
  </si>
  <si>
    <t>43124516.0</t>
  </si>
  <si>
    <t>118497.0</t>
  </si>
  <si>
    <t>1130.245</t>
  </si>
  <si>
    <t>107714.0</t>
  </si>
  <si>
    <t>2.823</t>
  </si>
  <si>
    <t>56175147.0</t>
  </si>
  <si>
    <t>29054239.0</t>
  </si>
  <si>
    <t>26942791.0</t>
  </si>
  <si>
    <t>178117.0</t>
  </si>
  <si>
    <t>78350.0</t>
  </si>
  <si>
    <t>103651.0</t>
  </si>
  <si>
    <t>146.08</t>
  </si>
  <si>
    <t>39783.0</t>
  </si>
  <si>
    <t>43215201.0</t>
  </si>
  <si>
    <t>90685.0</t>
  </si>
  <si>
    <t>1132.622</t>
  </si>
  <si>
    <t>107724.0</t>
  </si>
  <si>
    <t>56273625.0</t>
  </si>
  <si>
    <t>29096348.0</t>
  </si>
  <si>
    <t>26993623.0</t>
  </si>
  <si>
    <t>183654.0</t>
  </si>
  <si>
    <t>98478.0</t>
  </si>
  <si>
    <t>103369.0</t>
  </si>
  <si>
    <t>43332881.0</t>
  </si>
  <si>
    <t>117680.0</t>
  </si>
  <si>
    <t>1135.706</t>
  </si>
  <si>
    <t>107836.0</t>
  </si>
  <si>
    <t>56373296.0</t>
  </si>
  <si>
    <t>29133625.0</t>
  </si>
  <si>
    <t>27049954.0</t>
  </si>
  <si>
    <t>189717.0</t>
  </si>
  <si>
    <t>99671.0</t>
  </si>
  <si>
    <t>101076.0</t>
  </si>
  <si>
    <t>37622.0</t>
  </si>
  <si>
    <t>43456266.0</t>
  </si>
  <si>
    <t>123385.0</t>
  </si>
  <si>
    <t>1138.94</t>
  </si>
  <si>
    <t>3.234</t>
  </si>
  <si>
    <t>107350.0</t>
  </si>
  <si>
    <t>56467855.0</t>
  </si>
  <si>
    <t>29163885.0</t>
  </si>
  <si>
    <t>27103004.0</t>
  </si>
  <si>
    <t>200966.0</t>
  </si>
  <si>
    <t>94559.0</t>
  </si>
  <si>
    <t>90845.0</t>
  </si>
  <si>
    <t>146.84</t>
  </si>
  <si>
    <t>34724.0</t>
  </si>
  <si>
    <t>15.733</t>
  </si>
  <si>
    <t>43577069.0</t>
  </si>
  <si>
    <t>120803.0</t>
  </si>
  <si>
    <t>1142.106</t>
  </si>
  <si>
    <t>107417.0</t>
  </si>
  <si>
    <t>56528483.0</t>
  </si>
  <si>
    <t>29184187.0</t>
  </si>
  <si>
    <t>27141343.0</t>
  </si>
  <si>
    <t>202953.0</t>
  </si>
  <si>
    <t>60628.0</t>
  </si>
  <si>
    <t>88830.0</t>
  </si>
  <si>
    <t>70.58</t>
  </si>
  <si>
    <t>15.681</t>
  </si>
  <si>
    <t>43676750.0</t>
  </si>
  <si>
    <t>99681.0</t>
  </si>
  <si>
    <t>1144.719</t>
  </si>
  <si>
    <t>107891.0</t>
  </si>
  <si>
    <t>56578297.0</t>
  </si>
  <si>
    <t>29201636.0</t>
  </si>
  <si>
    <t>27172649.0</t>
  </si>
  <si>
    <t>204012.0</t>
  </si>
  <si>
    <t>49814.0</t>
  </si>
  <si>
    <t>18994.2</t>
  </si>
  <si>
    <t>493.941800257178</t>
  </si>
  <si>
    <t>43775201.0</t>
  </si>
  <si>
    <t>98451.0</t>
  </si>
  <si>
    <t>1147.299</t>
  </si>
  <si>
    <t>109883.0</t>
  </si>
  <si>
    <t>56683039.0</t>
  </si>
  <si>
    <t>29240321.0</t>
  </si>
  <si>
    <t>27231470.0</t>
  </si>
  <si>
    <t>211248.0</t>
  </si>
  <si>
    <t>104742.0</t>
  </si>
  <si>
    <t>83749.0</t>
  </si>
  <si>
    <t>31156.0</t>
  </si>
  <si>
    <t>43857667.0</t>
  </si>
  <si>
    <t>1149.46</t>
  </si>
  <si>
    <t>104736.0</t>
  </si>
  <si>
    <t>56761614.0</t>
  </si>
  <si>
    <t>29271346.0</t>
  </si>
  <si>
    <t>27274654.0</t>
  </si>
  <si>
    <t>215614.0</t>
  </si>
  <si>
    <t>78575.0</t>
  </si>
  <si>
    <t>83781.0</t>
  </si>
  <si>
    <t>147.61</t>
  </si>
  <si>
    <t>31015.0</t>
  </si>
  <si>
    <t>43945130.0</t>
  </si>
  <si>
    <t>87463.0</t>
  </si>
  <si>
    <t>1151.752</t>
  </si>
  <si>
    <t>56885044.0</t>
  </si>
  <si>
    <t>29303757.0</t>
  </si>
  <si>
    <t>27321189.0</t>
  </si>
  <si>
    <t>260098.0</t>
  </si>
  <si>
    <t>123430.0</t>
  </si>
  <si>
    <t>87346.0</t>
  </si>
  <si>
    <t>147.93</t>
  </si>
  <si>
    <t>29630.0</t>
  </si>
  <si>
    <t>18.958</t>
  </si>
  <si>
    <t>67.431</t>
  </si>
  <si>
    <t>44067861.0</t>
  </si>
  <si>
    <t>122731.0</t>
  </si>
  <si>
    <t>1154.969</t>
  </si>
  <si>
    <t>104997.0</t>
  </si>
  <si>
    <t>56971624.0</t>
  </si>
  <si>
    <t>29335088.0</t>
  </si>
  <si>
    <t>27366137.0</t>
  </si>
  <si>
    <t>270399.0</t>
  </si>
  <si>
    <t>86580.0</t>
  </si>
  <si>
    <t>85475.0</t>
  </si>
  <si>
    <t>148.15</t>
  </si>
  <si>
    <t>28780.0</t>
  </si>
  <si>
    <t>44186056.0</t>
  </si>
  <si>
    <t>118195.0</t>
  </si>
  <si>
    <t>1158.067</t>
  </si>
  <si>
    <t>104256.0</t>
  </si>
  <si>
    <t>57070267.0</t>
  </si>
  <si>
    <t>29368687.0</t>
  </si>
  <si>
    <t>27416022.0</t>
  </si>
  <si>
    <t>285558.0</t>
  </si>
  <si>
    <t>98643.0</t>
  </si>
  <si>
    <t>86059.0</t>
  </si>
  <si>
    <t>148.41</t>
  </si>
  <si>
    <t>29257.0</t>
  </si>
  <si>
    <t>44307047.0</t>
  </si>
  <si>
    <t>120991.0</t>
  </si>
  <si>
    <t>1161.238</t>
  </si>
  <si>
    <t>104283.0</t>
  </si>
  <si>
    <t>57134408.0</t>
  </si>
  <si>
    <t>29391595.0</t>
  </si>
  <si>
    <t>27453884.0</t>
  </si>
  <si>
    <t>288929.0</t>
  </si>
  <si>
    <t>64141.0</t>
  </si>
  <si>
    <t>86561.0</t>
  </si>
  <si>
    <t>148.58</t>
  </si>
  <si>
    <t>2508.0</t>
  </si>
  <si>
    <t>44411929.0</t>
  </si>
  <si>
    <t>104882.0</t>
  </si>
  <si>
    <t>1163.987</t>
  </si>
  <si>
    <t>105026.0</t>
  </si>
  <si>
    <t>57186335.0</t>
  </si>
  <si>
    <t>29409325.0</t>
  </si>
  <si>
    <t>27485840.0</t>
  </si>
  <si>
    <t>291170.0</t>
  </si>
  <si>
    <t>51927.0</t>
  </si>
  <si>
    <t>86863.0</t>
  </si>
  <si>
    <t>148.71</t>
  </si>
  <si>
    <t>29670.0</t>
  </si>
  <si>
    <t>19377.7</t>
  </si>
  <si>
    <t>503.914669890994</t>
  </si>
  <si>
    <t>64.986</t>
  </si>
  <si>
    <t>44502130.0</t>
  </si>
  <si>
    <t>90201.0</t>
  </si>
  <si>
    <t>1166.351</t>
  </si>
  <si>
    <t>103847.0</t>
  </si>
  <si>
    <t>57212930.0</t>
  </si>
  <si>
    <t>29419888.0</t>
  </si>
  <si>
    <t>27501265.0</t>
  </si>
  <si>
    <t>291777.0</t>
  </si>
  <si>
    <t>26595.0</t>
  </si>
  <si>
    <t>75699.0</t>
  </si>
  <si>
    <t>148.78</t>
  </si>
  <si>
    <t>25652.0</t>
  </si>
  <si>
    <t>44572076.0</t>
  </si>
  <si>
    <t>69946.0</t>
  </si>
  <si>
    <t>1168.184</t>
  </si>
  <si>
    <t>102058.0</t>
  </si>
  <si>
    <t>57324758.0</t>
  </si>
  <si>
    <t>29463320.0</t>
  </si>
  <si>
    <t>27551054.0</t>
  </si>
  <si>
    <t>310384.0</t>
  </si>
  <si>
    <t>111828.0</t>
  </si>
  <si>
    <t>80449.0</t>
  </si>
  <si>
    <t>149.07</t>
  </si>
  <si>
    <t>44641851.0</t>
  </si>
  <si>
    <t>1170.013</t>
  </si>
  <si>
    <t>99532.0</t>
  </si>
  <si>
    <t>57415403.0</t>
  </si>
  <si>
    <t>29478681.0</t>
  </si>
  <si>
    <t>27598675.0</t>
  </si>
  <si>
    <t>338047.0</t>
  </si>
  <si>
    <t>90645.0</t>
  </si>
  <si>
    <t>75766.0</t>
  </si>
  <si>
    <t>24989.0</t>
  </si>
  <si>
    <t>44725696.0</t>
  </si>
  <si>
    <t>83845.0</t>
  </si>
  <si>
    <t>1172.21</t>
  </si>
  <si>
    <t>93976.0</t>
  </si>
  <si>
    <t>57515772.0</t>
  </si>
  <si>
    <t>29510276.0</t>
  </si>
  <si>
    <t>27649781.0</t>
  </si>
  <si>
    <t>355715.0</t>
  </si>
  <si>
    <t>100369.0</t>
  </si>
  <si>
    <t>77735.0</t>
  </si>
  <si>
    <t>149.57</t>
  </si>
  <si>
    <t>25027.0</t>
  </si>
  <si>
    <t>44836340.0</t>
  </si>
  <si>
    <t>110644.0</t>
  </si>
  <si>
    <t>1175.11</t>
  </si>
  <si>
    <t>92898.0</t>
  </si>
  <si>
    <t>2.435</t>
  </si>
  <si>
    <t>57617280.0</t>
  </si>
  <si>
    <t>29543810.0</t>
  </si>
  <si>
    <t>27699978.0</t>
  </si>
  <si>
    <t>373492.0</t>
  </si>
  <si>
    <t>101508.0</t>
  </si>
  <si>
    <t>149.83</t>
  </si>
  <si>
    <t>25018.0</t>
  </si>
  <si>
    <t>44950458.0</t>
  </si>
  <si>
    <t>114118.0</t>
  </si>
  <si>
    <t>1178.101</t>
  </si>
  <si>
    <t>91916.0</t>
  </si>
  <si>
    <t>2.409</t>
  </si>
  <si>
    <t>57671217.0</t>
  </si>
  <si>
    <t>29560915.0</t>
  </si>
  <si>
    <t>27732389.0</t>
  </si>
  <si>
    <t>377913.0</t>
  </si>
  <si>
    <t>53937.0</t>
  </si>
  <si>
    <t>76687.0</t>
  </si>
  <si>
    <t>45052678.0</t>
  </si>
  <si>
    <t>102220.0</t>
  </si>
  <si>
    <t>1180.78</t>
  </si>
  <si>
    <t>91536.0</t>
  </si>
  <si>
    <t>57717569.0</t>
  </si>
  <si>
    <t>29576369.0</t>
  </si>
  <si>
    <t>27761065.0</t>
  </si>
  <si>
    <t>380135.0</t>
  </si>
  <si>
    <t>46352.0</t>
  </si>
  <si>
    <t>75891.0</t>
  </si>
  <si>
    <t>19920.2</t>
  </si>
  <si>
    <t>518.022314679377</t>
  </si>
  <si>
    <t>45140412.0</t>
  </si>
  <si>
    <t>87734.0</t>
  </si>
  <si>
    <t>1183.079</t>
  </si>
  <si>
    <t>91183.0</t>
  </si>
  <si>
    <t>57827798.0</t>
  </si>
  <si>
    <t>29602771.0</t>
  </si>
  <si>
    <t>27819127.0</t>
  </si>
  <si>
    <t>405900.0</t>
  </si>
  <si>
    <t>110229.0</t>
  </si>
  <si>
    <t>87838.0</t>
  </si>
  <si>
    <t>26126.0</t>
  </si>
  <si>
    <t>17.579</t>
  </si>
  <si>
    <t>45212799.0</t>
  </si>
  <si>
    <t>72387.0</t>
  </si>
  <si>
    <t>1184.977</t>
  </si>
  <si>
    <t>91532.0</t>
  </si>
  <si>
    <t>57903164.0</t>
  </si>
  <si>
    <t>29621983.0</t>
  </si>
  <si>
    <t>27855590.0</t>
  </si>
  <si>
    <t>425591.0</t>
  </si>
  <si>
    <t>82629.0</t>
  </si>
  <si>
    <t>22666.0</t>
  </si>
  <si>
    <t>45290975.0</t>
  </si>
  <si>
    <t>78176.0</t>
  </si>
  <si>
    <t>1187.026</t>
  </si>
  <si>
    <t>92732.0</t>
  </si>
  <si>
    <t>57985619.0</t>
  </si>
  <si>
    <t>29644513.0</t>
  </si>
  <si>
    <t>27900451.0</t>
  </si>
  <si>
    <t>440655.0</t>
  </si>
  <si>
    <t>81459.0</t>
  </si>
  <si>
    <t>150.79</t>
  </si>
  <si>
    <t>23690.0</t>
  </si>
  <si>
    <t>45394437.0</t>
  </si>
  <si>
    <t>103462.0</t>
  </si>
  <si>
    <t>1189.737</t>
  </si>
  <si>
    <t>95534.0</t>
  </si>
  <si>
    <t>58073388.0</t>
  </si>
  <si>
    <t>29671014.0</t>
  </si>
  <si>
    <t>27943793.0</t>
  </si>
  <si>
    <t>458581.0</t>
  </si>
  <si>
    <t>87769.0</t>
  </si>
  <si>
    <t>79659.0</t>
  </si>
  <si>
    <t>22963.0</t>
  </si>
  <si>
    <t>58.667</t>
  </si>
  <si>
    <t>45496284.0</t>
  </si>
  <si>
    <t>101847.0</t>
  </si>
  <si>
    <t>1192.406</t>
  </si>
  <si>
    <t>94278.0</t>
  </si>
  <si>
    <t>58166682.0</t>
  </si>
  <si>
    <t>29696355.0</t>
  </si>
  <si>
    <t>27992400.0</t>
  </si>
  <si>
    <t>477927.0</t>
  </si>
  <si>
    <t>93294.0</t>
  </si>
  <si>
    <t>78486.0</t>
  </si>
  <si>
    <t>21792.0</t>
  </si>
  <si>
    <t>16.487</t>
  </si>
  <si>
    <t>57.575</t>
  </si>
  <si>
    <t>45589866.0</t>
  </si>
  <si>
    <t>93582.0</t>
  </si>
  <si>
    <t>1194.859</t>
  </si>
  <si>
    <t>91344.0</t>
  </si>
  <si>
    <t>58215150.0</t>
  </si>
  <si>
    <t>29711024.0</t>
  </si>
  <si>
    <t>28020899.0</t>
  </si>
  <si>
    <t>483227.0</t>
  </si>
  <si>
    <t>48468.0</t>
  </si>
  <si>
    <t>77705.0</t>
  </si>
  <si>
    <t>151.39</t>
  </si>
  <si>
    <t>45676990.0</t>
  </si>
  <si>
    <t>1197.143</t>
  </si>
  <si>
    <t>89187.0</t>
  </si>
  <si>
    <t>58254388.0</t>
  </si>
  <si>
    <t>29723597.0</t>
  </si>
  <si>
    <t>28045698.0</t>
  </si>
  <si>
    <t>485093.0</t>
  </si>
  <si>
    <t>21033.0</t>
  </si>
  <si>
    <t>20401.7</t>
  </si>
  <si>
    <t>530.543662081418</t>
  </si>
  <si>
    <t>45754874.0</t>
  </si>
  <si>
    <t>77884.0</t>
  </si>
  <si>
    <t>1199.184</t>
  </si>
  <si>
    <t>87780.0</t>
  </si>
  <si>
    <t>58356732.0</t>
  </si>
  <si>
    <t>29744453.0</t>
  </si>
  <si>
    <t>28105253.0</t>
  </si>
  <si>
    <t>507026.0</t>
  </si>
  <si>
    <t>102344.0</t>
  </si>
  <si>
    <t>75562.0</t>
  </si>
  <si>
    <t>20240.0</t>
  </si>
  <si>
    <t>15.993</t>
  </si>
  <si>
    <t>45819418.0</t>
  </si>
  <si>
    <t>64544.0</t>
  </si>
  <si>
    <t>1200.875</t>
  </si>
  <si>
    <t>86660.0</t>
  </si>
  <si>
    <t>58439633.0</t>
  </si>
  <si>
    <t>29763399.0</t>
  </si>
  <si>
    <t>28146045.0</t>
  </si>
  <si>
    <t>530189.0</t>
  </si>
  <si>
    <t>82901.0</t>
  </si>
  <si>
    <t>76638.0</t>
  </si>
  <si>
    <t>151.97</t>
  </si>
  <si>
    <t>20202.0</t>
  </si>
  <si>
    <t>45883647.0</t>
  </si>
  <si>
    <t>64229.0</t>
  </si>
  <si>
    <t>1202.559</t>
  </si>
  <si>
    <t>84667.0</t>
  </si>
  <si>
    <t>58514479.0</t>
  </si>
  <si>
    <t>29781374.0</t>
  </si>
  <si>
    <t>28186080.0</t>
  </si>
  <si>
    <t>547025.0</t>
  </si>
  <si>
    <t>74846.0</t>
  </si>
  <si>
    <t>152.17</t>
  </si>
  <si>
    <t>19552.0</t>
  </si>
  <si>
    <t>45995324.0</t>
  </si>
  <si>
    <t>111677.0</t>
  </si>
  <si>
    <t>1205.486</t>
  </si>
  <si>
    <t>85841.0</t>
  </si>
  <si>
    <t>58596904.0</t>
  </si>
  <si>
    <t>29804413.0</t>
  </si>
  <si>
    <t>28226509.0</t>
  </si>
  <si>
    <t>565982.0</t>
  </si>
  <si>
    <t>82425.0</t>
  </si>
  <si>
    <t>152.38</t>
  </si>
  <si>
    <t>19057.0</t>
  </si>
  <si>
    <t>46092312.0</t>
  </si>
  <si>
    <t>96988.0</t>
  </si>
  <si>
    <t>1208.028</t>
  </si>
  <si>
    <t>85147.0</t>
  </si>
  <si>
    <t>58673608.0</t>
  </si>
  <si>
    <t>29829246.0</t>
  </si>
  <si>
    <t>28266198.0</t>
  </si>
  <si>
    <t>578164.0</t>
  </si>
  <si>
    <t>76704.0</t>
  </si>
  <si>
    <t>72418.0</t>
  </si>
  <si>
    <t>152.58</t>
  </si>
  <si>
    <t>52.296</t>
  </si>
  <si>
    <t>46185114.0</t>
  </si>
  <si>
    <t>92802.0</t>
  </si>
  <si>
    <t>1210.46</t>
  </si>
  <si>
    <t>85035.0</t>
  </si>
  <si>
    <t>58717091.0</t>
  </si>
  <si>
    <t>29840903.0</t>
  </si>
  <si>
    <t>28291344.0</t>
  </si>
  <si>
    <t>584844.0</t>
  </si>
  <si>
    <t>43483.0</t>
  </si>
  <si>
    <t>71706.0</t>
  </si>
  <si>
    <t>152.69</t>
  </si>
  <si>
    <t>46257864.0</t>
  </si>
  <si>
    <t>72750.0</t>
  </si>
  <si>
    <t>1212.367</t>
  </si>
  <si>
    <t>82982.0</t>
  </si>
  <si>
    <t>58751900.0</t>
  </si>
  <si>
    <t>29851094.0</t>
  </si>
  <si>
    <t>28313942.0</t>
  </si>
  <si>
    <t>586864.0</t>
  </si>
  <si>
    <t>71073.0</t>
  </si>
  <si>
    <t>152.78</t>
  </si>
  <si>
    <t>73.63</t>
  </si>
  <si>
    <t>18214.0</t>
  </si>
  <si>
    <t>20686.2</t>
  </si>
  <si>
    <t>537.942049071823</t>
  </si>
  <si>
    <t>15.031</t>
  </si>
  <si>
    <t>46323948.0</t>
  </si>
  <si>
    <t>66084.0</t>
  </si>
  <si>
    <t>1214.099</t>
  </si>
  <si>
    <t>81296.0</t>
  </si>
  <si>
    <t>58838665.0</t>
  </si>
  <si>
    <t>29863809.0</t>
  </si>
  <si>
    <t>28358622.0</t>
  </si>
  <si>
    <t>616234.0</t>
  </si>
  <si>
    <t>86765.0</t>
  </si>
  <si>
    <t>68848.0</t>
  </si>
  <si>
    <t>17051.0</t>
  </si>
  <si>
    <t>46407041.0</t>
  </si>
  <si>
    <t>1216.276</t>
  </si>
  <si>
    <t>83946.0</t>
  </si>
  <si>
    <t>58894305.0</t>
  </si>
  <si>
    <t>29871265.0</t>
  </si>
  <si>
    <t>28379260.0</t>
  </si>
  <si>
    <t>643780.0</t>
  </si>
  <si>
    <t>55640.0</t>
  </si>
  <si>
    <t>64953.0</t>
  </si>
  <si>
    <t>15409.0</t>
  </si>
  <si>
    <t>50.866</t>
  </si>
  <si>
    <t>46478368.0</t>
  </si>
  <si>
    <t>71327.0</t>
  </si>
  <si>
    <t>1218.146</t>
  </si>
  <si>
    <t>84960.0</t>
  </si>
  <si>
    <t>58970064.0</t>
  </si>
  <si>
    <t>29888388.0</t>
  </si>
  <si>
    <t>28413466.0</t>
  </si>
  <si>
    <t>668210.0</t>
  </si>
  <si>
    <t>75759.0</t>
  </si>
  <si>
    <t>65084.0</t>
  </si>
  <si>
    <t>153.35</t>
  </si>
  <si>
    <t>15288.0</t>
  </si>
  <si>
    <t>46580546.0</t>
  </si>
  <si>
    <t>102178.0</t>
  </si>
  <si>
    <t>1220.824</t>
  </si>
  <si>
    <t>83603.0</t>
  </si>
  <si>
    <t>2.191</t>
  </si>
  <si>
    <t>59048468.0</t>
  </si>
  <si>
    <t>29907282.0</t>
  </si>
  <si>
    <t>28448770.0</t>
  </si>
  <si>
    <t>692416.0</t>
  </si>
  <si>
    <t>78404.0</t>
  </si>
  <si>
    <t>64509.0</t>
  </si>
  <si>
    <t>153.55</t>
  </si>
  <si>
    <t>14696.0</t>
  </si>
  <si>
    <t>46679607.0</t>
  </si>
  <si>
    <t>99061.0</t>
  </si>
  <si>
    <t>1223.42</t>
  </si>
  <si>
    <t>83899.0</t>
  </si>
  <si>
    <t>59119274.0</t>
  </si>
  <si>
    <t>29922746.0</t>
  </si>
  <si>
    <t>28481088.0</t>
  </si>
  <si>
    <t>715440.0</t>
  </si>
  <si>
    <t>70806.0</t>
  </si>
  <si>
    <t>63667.0</t>
  </si>
  <si>
    <t>13357.0</t>
  </si>
  <si>
    <t>46777726.0</t>
  </si>
  <si>
    <t>98119.0</t>
  </si>
  <si>
    <t>1225.992</t>
  </si>
  <si>
    <t>84659.0</t>
  </si>
  <si>
    <t>59150324.0</t>
  </si>
  <si>
    <t>29930112.0</t>
  </si>
  <si>
    <t>28495260.0</t>
  </si>
  <si>
    <t>724952.0</t>
  </si>
  <si>
    <t>31050.0</t>
  </si>
  <si>
    <t>61890.0</t>
  </si>
  <si>
    <t>12744.0</t>
  </si>
  <si>
    <t>46868480.0</t>
  </si>
  <si>
    <t>90754.0</t>
  </si>
  <si>
    <t>1228.37</t>
  </si>
  <si>
    <t>87231.0</t>
  </si>
  <si>
    <t>59178682.0</t>
  </si>
  <si>
    <t>29938547.0</t>
  </si>
  <si>
    <t>28512871.0</t>
  </si>
  <si>
    <t>727264.0</t>
  </si>
  <si>
    <t>28358.0</t>
  </si>
  <si>
    <t>60969.0</t>
  </si>
  <si>
    <t>20957.7</t>
  </si>
  <si>
    <t>545.002372684812</t>
  </si>
  <si>
    <t>46950290.0</t>
  </si>
  <si>
    <t>81810.0</t>
  </si>
  <si>
    <t>1230.514</t>
  </si>
  <si>
    <t>2.144</t>
  </si>
  <si>
    <t>89477.0</t>
  </si>
  <si>
    <t>59270706.0</t>
  </si>
  <si>
    <t>29956922.0</t>
  </si>
  <si>
    <t>28556777.0</t>
  </si>
  <si>
    <t>757007.0</t>
  </si>
  <si>
    <t>92024.0</t>
  </si>
  <si>
    <t>61720.0</t>
  </si>
  <si>
    <t>154.13</t>
  </si>
  <si>
    <t>13.028</t>
  </si>
  <si>
    <t>47022347.0</t>
  </si>
  <si>
    <t>72057.0</t>
  </si>
  <si>
    <t>1232.403</t>
  </si>
  <si>
    <t>87901.0</t>
  </si>
  <si>
    <t>2.304</t>
  </si>
  <si>
    <t>59341862.0</t>
  </si>
  <si>
    <t>29965808.0</t>
  </si>
  <si>
    <t>28580237.0</t>
  </si>
  <si>
    <t>795817.0</t>
  </si>
  <si>
    <t>71156.0</t>
  </si>
  <si>
    <t>63937.0</t>
  </si>
  <si>
    <t>13506.0</t>
  </si>
  <si>
    <t>47095842.0</t>
  </si>
  <si>
    <t>73495.0</t>
  </si>
  <si>
    <t>1234.329</t>
  </si>
  <si>
    <t>59429132.0</t>
  </si>
  <si>
    <t>29989662.0</t>
  </si>
  <si>
    <t>28615271.0</t>
  </si>
  <si>
    <t>824199.0</t>
  </si>
  <si>
    <t>87270.0</t>
  </si>
  <si>
    <t>65581.0</t>
  </si>
  <si>
    <t>154.54</t>
  </si>
  <si>
    <t>74.41</t>
  </si>
  <si>
    <t>47200157.0</t>
  </si>
  <si>
    <t>104315.0</t>
  </si>
  <si>
    <t>1237.063</t>
  </si>
  <si>
    <t>88516.0</t>
  </si>
  <si>
    <t>59469958.0</t>
  </si>
  <si>
    <t>30000099.0</t>
  </si>
  <si>
    <t>28634804.0</t>
  </si>
  <si>
    <t>835055.0</t>
  </si>
  <si>
    <t>40826.0</t>
  </si>
  <si>
    <t>13260.0</t>
  </si>
  <si>
    <t>12.274</t>
  </si>
  <si>
    <t>47295997.0</t>
  </si>
  <si>
    <t>95840.0</t>
  </si>
  <si>
    <t>1239.575</t>
  </si>
  <si>
    <t>88056.0</t>
  </si>
  <si>
    <t>59560137.0</t>
  </si>
  <si>
    <t>30018029.0</t>
  </si>
  <si>
    <t>28672215.0</t>
  </si>
  <si>
    <t>869893.0</t>
  </si>
  <si>
    <t>90179.0</t>
  </si>
  <si>
    <t>62980.0</t>
  </si>
  <si>
    <t>154.89</t>
  </si>
  <si>
    <t>47385514.0</t>
  </si>
  <si>
    <t>1241.921</t>
  </si>
  <si>
    <t>59595626.0</t>
  </si>
  <si>
    <t>30027241.0</t>
  </si>
  <si>
    <t>28689876.0</t>
  </si>
  <si>
    <t>878509.0</t>
  </si>
  <si>
    <t>35489.0</t>
  </si>
  <si>
    <t>154.98</t>
  </si>
  <si>
    <t>47466188.0</t>
  </si>
  <si>
    <t>80674.0</t>
  </si>
  <si>
    <t>1244.035</t>
  </si>
  <si>
    <t>85387.0</t>
  </si>
  <si>
    <t>59623333.0</t>
  </si>
  <si>
    <t>30035316.0</t>
  </si>
  <si>
    <t>28707158.0</t>
  </si>
  <si>
    <t>880859.0</t>
  </si>
  <si>
    <t>63522.0</t>
  </si>
  <si>
    <t>155.05</t>
  </si>
  <si>
    <t>21338.2</t>
  </si>
  <si>
    <t>554.89722769307</t>
  </si>
  <si>
    <t>47540334.0</t>
  </si>
  <si>
    <t>74146.0</t>
  </si>
  <si>
    <t>1245.979</t>
  </si>
  <si>
    <t>84292.0</t>
  </si>
  <si>
    <t>59713994.0</t>
  </si>
  <si>
    <t>30051086.0</t>
  </si>
  <si>
    <t>28741900.0</t>
  </si>
  <si>
    <t>921008.0</t>
  </si>
  <si>
    <t>90661.0</t>
  </si>
  <si>
    <t>63327.0</t>
  </si>
  <si>
    <t>155.29</t>
  </si>
  <si>
    <t>47608467.0</t>
  </si>
  <si>
    <t>68133.0</t>
  </si>
  <si>
    <t>1247.764</t>
  </si>
  <si>
    <t>83731.0</t>
  </si>
  <si>
    <t>59777869.0</t>
  </si>
  <si>
    <t>30062435.0</t>
  </si>
  <si>
    <t>28766684.0</t>
  </si>
  <si>
    <t>948750.0</t>
  </si>
  <si>
    <t>62287.0</t>
  </si>
  <si>
    <t>155.45</t>
  </si>
  <si>
    <t>47678781.0</t>
  </si>
  <si>
    <t>1249.607</t>
  </si>
  <si>
    <t>83277.0</t>
  </si>
  <si>
    <t>59853701.0</t>
  </si>
  <si>
    <t>30080964.0</t>
  </si>
  <si>
    <t>28799600.0</t>
  </si>
  <si>
    <t>973137.0</t>
  </si>
  <si>
    <t>75832.0</t>
  </si>
  <si>
    <t>60653.0</t>
  </si>
  <si>
    <t>13043.0</t>
  </si>
  <si>
    <t>47790440.0</t>
  </si>
  <si>
    <t>111659.0</t>
  </si>
  <si>
    <t>84326.0</t>
  </si>
  <si>
    <t>59928324.0</t>
  </si>
  <si>
    <t>30098115.0</t>
  </si>
  <si>
    <t>28830000.0</t>
  </si>
  <si>
    <t>1000209.0</t>
  </si>
  <si>
    <t>74623.0</t>
  </si>
  <si>
    <t>65481.0</t>
  </si>
  <si>
    <t>155.84</t>
  </si>
  <si>
    <t>47889820.0</t>
  </si>
  <si>
    <t>99380.0</t>
  </si>
  <si>
    <t>1255.138</t>
  </si>
  <si>
    <t>84832.0</t>
  </si>
  <si>
    <t>59993506.0</t>
  </si>
  <si>
    <t>30110872.0</t>
  </si>
  <si>
    <t>28855561.0</t>
  </si>
  <si>
    <t>1027073.0</t>
  </si>
  <si>
    <t>65182.0</t>
  </si>
  <si>
    <t>61910.0</t>
  </si>
  <si>
    <t>156.01</t>
  </si>
  <si>
    <t>47983902.0</t>
  </si>
  <si>
    <t>94082.0</t>
  </si>
  <si>
    <t>1257.604</t>
  </si>
  <si>
    <t>85484.0</t>
  </si>
  <si>
    <t>60024969.0</t>
  </si>
  <si>
    <t>30119878.0</t>
  </si>
  <si>
    <t>28871830.0</t>
  </si>
  <si>
    <t>1033261.0</t>
  </si>
  <si>
    <t>61335.0</t>
  </si>
  <si>
    <t>156.09</t>
  </si>
  <si>
    <t>48068518.0</t>
  </si>
  <si>
    <t>84616.0</t>
  </si>
  <si>
    <t>1259.822</t>
  </si>
  <si>
    <t>86047.0</t>
  </si>
  <si>
    <t>60047205.0</t>
  </si>
  <si>
    <t>30127171.0</t>
  </si>
  <si>
    <t>28884908.0</t>
  </si>
  <si>
    <t>1035126.0</t>
  </si>
  <si>
    <t>22236.0</t>
  </si>
  <si>
    <t>21491.7</t>
  </si>
  <si>
    <t>558.888976034115</t>
  </si>
  <si>
    <t>48148527.0</t>
  </si>
  <si>
    <t>1261.919</t>
  </si>
  <si>
    <t>86885.0</t>
  </si>
  <si>
    <t>60138477.0</t>
  </si>
  <si>
    <t>30142171.0</t>
  </si>
  <si>
    <t>28918081.0</t>
  </si>
  <si>
    <t>1078225.0</t>
  </si>
  <si>
    <t>91272.0</t>
  </si>
  <si>
    <t>60640.0</t>
  </si>
  <si>
    <t>156.39</t>
  </si>
  <si>
    <t>48215038.0</t>
  </si>
  <si>
    <t>66511.0</t>
  </si>
  <si>
    <t>1263.662</t>
  </si>
  <si>
    <t>86653.0</t>
  </si>
  <si>
    <t>60174325.0</t>
  </si>
  <si>
    <t>30150377.0</t>
  </si>
  <si>
    <t>28933120.0</t>
  </si>
  <si>
    <t>1090828.0</t>
  </si>
  <si>
    <t>35848.0</t>
  </si>
  <si>
    <t>56637.0</t>
  </si>
  <si>
    <t>156.48</t>
  </si>
  <si>
    <t>48289085.0</t>
  </si>
  <si>
    <t>74047.0</t>
  </si>
  <si>
    <t>1265.603</t>
  </si>
  <si>
    <t>87186.0</t>
  </si>
  <si>
    <t>60226588.0</t>
  </si>
  <si>
    <t>30150704.0</t>
  </si>
  <si>
    <t>28945458.0</t>
  </si>
  <si>
    <t>1130426.0</t>
  </si>
  <si>
    <t>52263.0</t>
  </si>
  <si>
    <t>53270.0</t>
  </si>
  <si>
    <t>9963.0</t>
  </si>
  <si>
    <t>41.192</t>
  </si>
  <si>
    <t>48388185.0</t>
  </si>
  <si>
    <t>99100.0</t>
  </si>
  <si>
    <t>1268.2</t>
  </si>
  <si>
    <t>85392.0</t>
  </si>
  <si>
    <t>60296552.0</t>
  </si>
  <si>
    <t>30167839.0</t>
  </si>
  <si>
    <t>28969418.0</t>
  </si>
  <si>
    <t>1159295.0</t>
  </si>
  <si>
    <t>69964.0</t>
  </si>
  <si>
    <t>52604.0</t>
  </si>
  <si>
    <t>156.8</t>
  </si>
  <si>
    <t>48485587.0</t>
  </si>
  <si>
    <t>1270.753</t>
  </si>
  <si>
    <t>85110.0</t>
  </si>
  <si>
    <t>2.231</t>
  </si>
  <si>
    <t>60383316.0</t>
  </si>
  <si>
    <t>30200920.0</t>
  </si>
  <si>
    <t>28994619.0</t>
  </si>
  <si>
    <t>1187777.0</t>
  </si>
  <si>
    <t>86764.0</t>
  </si>
  <si>
    <t>55687.0</t>
  </si>
  <si>
    <t>157.03</t>
  </si>
  <si>
    <t>11.312</t>
  </si>
  <si>
    <t>41.504</t>
  </si>
  <si>
    <t>48582806.0</t>
  </si>
  <si>
    <t>97219.0</t>
  </si>
  <si>
    <t>1273.301</t>
  </si>
  <si>
    <t>85558.0</t>
  </si>
  <si>
    <t>60450747.0</t>
  </si>
  <si>
    <t>30249523.0</t>
  </si>
  <si>
    <t>29007074.0</t>
  </si>
  <si>
    <t>1194150.0</t>
  </si>
  <si>
    <t>67431.0</t>
  </si>
  <si>
    <t>60825.0</t>
  </si>
  <si>
    <t>48666978.0</t>
  </si>
  <si>
    <t>84172.0</t>
  </si>
  <si>
    <t>1275.507</t>
  </si>
  <si>
    <t>85494.0</t>
  </si>
  <si>
    <t>60525310.0</t>
  </si>
  <si>
    <t>30310605.0</t>
  </si>
  <si>
    <t>29017554.0</t>
  </si>
  <si>
    <t>1197151.0</t>
  </si>
  <si>
    <t>74563.0</t>
  </si>
  <si>
    <t>68301.0</t>
  </si>
  <si>
    <t>26205.0</t>
  </si>
  <si>
    <t>21677.2</t>
  </si>
  <si>
    <t>563.712880381111</t>
  </si>
  <si>
    <t>42.492</t>
  </si>
  <si>
    <t>48740327.0</t>
  </si>
  <si>
    <t>73349.0</t>
  </si>
  <si>
    <t>1277.429</t>
  </si>
  <si>
    <t>84543.0</t>
  </si>
  <si>
    <t>60661030.0</t>
  </si>
  <si>
    <t>30379510.0</t>
  </si>
  <si>
    <t>29040256.0</t>
  </si>
  <si>
    <t>1241264.0</t>
  </si>
  <si>
    <t>135720.0</t>
  </si>
  <si>
    <t>74650.0</t>
  </si>
  <si>
    <t>157.75</t>
  </si>
  <si>
    <t>42.752</t>
  </si>
  <si>
    <t>48807147.0</t>
  </si>
  <si>
    <t>1279.18</t>
  </si>
  <si>
    <t>84587.0</t>
  </si>
  <si>
    <t>60772951.0</t>
  </si>
  <si>
    <t>30448716.0</t>
  </si>
  <si>
    <t>29054220.0</t>
  </si>
  <si>
    <t>1270015.0</t>
  </si>
  <si>
    <t>111921.0</t>
  </si>
  <si>
    <t>85518.0</t>
  </si>
  <si>
    <t>42620.0</t>
  </si>
  <si>
    <t>42.258</t>
  </si>
  <si>
    <t>48895595.0</t>
  </si>
  <si>
    <t>88448.0</t>
  </si>
  <si>
    <t>1281.499</t>
  </si>
  <si>
    <t>86644.0</t>
  </si>
  <si>
    <t>60890284.0</t>
  </si>
  <si>
    <t>30502030.0</t>
  </si>
  <si>
    <t>29076406.0</t>
  </si>
  <si>
    <t>1311848.0</t>
  </si>
  <si>
    <t>117333.0</t>
  </si>
  <si>
    <t>94814.0</t>
  </si>
  <si>
    <t>158.34</t>
  </si>
  <si>
    <t>50189.0</t>
  </si>
  <si>
    <t>49000664.0</t>
  </si>
  <si>
    <t>105069.0</t>
  </si>
  <si>
    <t>1284.252</t>
  </si>
  <si>
    <t>87497.0</t>
  </si>
  <si>
    <t>61016522.0</t>
  </si>
  <si>
    <t>30571013.0</t>
  </si>
  <si>
    <t>29094679.0</t>
  </si>
  <si>
    <t>1350830.0</t>
  </si>
  <si>
    <t>126238.0</t>
  </si>
  <si>
    <t>102853.0</t>
  </si>
  <si>
    <t>158.67</t>
  </si>
  <si>
    <t>57596.0</t>
  </si>
  <si>
    <t>49099908.0</t>
  </si>
  <si>
    <t>99244.0</t>
  </si>
  <si>
    <t>1286.853</t>
  </si>
  <si>
    <t>87760.0</t>
  </si>
  <si>
    <t>61896262.0</t>
  </si>
  <si>
    <t>30641152.0</t>
  </si>
  <si>
    <t>29111481.0</t>
  </si>
  <si>
    <t>2143629.0</t>
  </si>
  <si>
    <t>879740.0</t>
  </si>
  <si>
    <t>216135.0</t>
  </si>
  <si>
    <t>62890.0</t>
  </si>
  <si>
    <t>49239892.0</t>
  </si>
  <si>
    <t>139984.0</t>
  </si>
  <si>
    <t>1290.522</t>
  </si>
  <si>
    <t>93869.0</t>
  </si>
  <si>
    <t>62020386.0</t>
  </si>
  <si>
    <t>30698347.0</t>
  </si>
  <si>
    <t>29122031.0</t>
  </si>
  <si>
    <t>2200008.0</t>
  </si>
  <si>
    <t>124124.0</t>
  </si>
  <si>
    <t>224234.0</t>
  </si>
  <si>
    <t>161.28</t>
  </si>
  <si>
    <t>64118.0</t>
  </si>
  <si>
    <t>11.884</t>
  </si>
  <si>
    <t>41.244</t>
  </si>
  <si>
    <t>49332335.0</t>
  </si>
  <si>
    <t>92443.0</t>
  </si>
  <si>
    <t>1292.945</t>
  </si>
  <si>
    <t>62125338.0</t>
  </si>
  <si>
    <t>30761545.0</t>
  </si>
  <si>
    <t>29130351.0</t>
  </si>
  <si>
    <t>2233442.0</t>
  </si>
  <si>
    <t>104952.0</t>
  </si>
  <si>
    <t>228575.0</t>
  </si>
  <si>
    <t>21976.7</t>
  </si>
  <si>
    <t>571.501340499306</t>
  </si>
  <si>
    <t>49415557.0</t>
  </si>
  <si>
    <t>83222.0</t>
  </si>
  <si>
    <t>1295.126</t>
  </si>
  <si>
    <t>96461.0</t>
  </si>
  <si>
    <t>62305372.0</t>
  </si>
  <si>
    <t>30848451.0</t>
  </si>
  <si>
    <t>29151325.0</t>
  </si>
  <si>
    <t>2305596.0</t>
  </si>
  <si>
    <t>180034.0</t>
  </si>
  <si>
    <t>234906.0</t>
  </si>
  <si>
    <t>162.02</t>
  </si>
  <si>
    <t>66992.0</t>
  </si>
  <si>
    <t>49518440.0</t>
  </si>
  <si>
    <t>102883.0</t>
  </si>
  <si>
    <t>1297.823</t>
  </si>
  <si>
    <t>101613.0</t>
  </si>
  <si>
    <t>62487929.0</t>
  </si>
  <si>
    <t>30905870.0</t>
  </si>
  <si>
    <t>29165287.0</t>
  </si>
  <si>
    <t>2416772.0</t>
  </si>
  <si>
    <t>182557.0</t>
  </si>
  <si>
    <t>244997.0</t>
  </si>
  <si>
    <t>162.5</t>
  </si>
  <si>
    <t>65308.0</t>
  </si>
  <si>
    <t>49600916.0</t>
  </si>
  <si>
    <t>82476.0</t>
  </si>
  <si>
    <t>1299.984</t>
  </si>
  <si>
    <t>62670792.0</t>
  </si>
  <si>
    <t>30964457.0</t>
  </si>
  <si>
    <t>29185218.0</t>
  </si>
  <si>
    <t>2521117.0</t>
  </si>
  <si>
    <t>182863.0</t>
  </si>
  <si>
    <t>254358.0</t>
  </si>
  <si>
    <t>66061.0</t>
  </si>
  <si>
    <t>11.052</t>
  </si>
  <si>
    <t>49711113.0</t>
  </si>
  <si>
    <t>110197.0</t>
  </si>
  <si>
    <t>1302.872</t>
  </si>
  <si>
    <t>101493.0</t>
  </si>
  <si>
    <t>62846083.0</t>
  </si>
  <si>
    <t>31022656.0</t>
  </si>
  <si>
    <t>29195877.0</t>
  </si>
  <si>
    <t>2627550.0</t>
  </si>
  <si>
    <t>175291.0</t>
  </si>
  <si>
    <t>261366.0</t>
  </si>
  <si>
    <t>64520.0</t>
  </si>
  <si>
    <t>49829014.0</t>
  </si>
  <si>
    <t>117901.0</t>
  </si>
  <si>
    <t>1305.962</t>
  </si>
  <si>
    <t>104158.0</t>
  </si>
  <si>
    <t>63086507.0</t>
  </si>
  <si>
    <t>31066250.0</t>
  </si>
  <si>
    <t>29208711.0</t>
  </si>
  <si>
    <t>2811546.0</t>
  </si>
  <si>
    <t>240424.0</t>
  </si>
  <si>
    <t>170035.0</t>
  </si>
  <si>
    <t>164.06</t>
  </si>
  <si>
    <t>4422.0</t>
  </si>
  <si>
    <t>60728.0</t>
  </si>
  <si>
    <t>11.026</t>
  </si>
  <si>
    <t>49946184.0</t>
  </si>
  <si>
    <t>117170.0</t>
  </si>
  <si>
    <t>1309.033</t>
  </si>
  <si>
    <t>3.071</t>
  </si>
  <si>
    <t>100899.0</t>
  </si>
  <si>
    <t>63224242.0</t>
  </si>
  <si>
    <t>31107970.0</t>
  </si>
  <si>
    <t>29219075.0</t>
  </si>
  <si>
    <t>2897197.0</t>
  </si>
  <si>
    <t>137735.0</t>
  </si>
  <si>
    <t>171979.0</t>
  </si>
  <si>
    <t>164.41</t>
  </si>
  <si>
    <t>50051754.0</t>
  </si>
  <si>
    <t>105570.0</t>
  </si>
  <si>
    <t>1311.8</t>
  </si>
  <si>
    <t>2.767</t>
  </si>
  <si>
    <t>2.694</t>
  </si>
  <si>
    <t>63331782.0</t>
  </si>
  <si>
    <t>31153192.0</t>
  </si>
  <si>
    <t>29226517.0</t>
  </si>
  <si>
    <t>2952073.0</t>
  </si>
  <si>
    <t>107540.0</t>
  </si>
  <si>
    <t>172349.0</t>
  </si>
  <si>
    <t>164.69</t>
  </si>
  <si>
    <t>55950.0</t>
  </si>
  <si>
    <t>22122.2</t>
  </si>
  <si>
    <t>575.285049838863</t>
  </si>
  <si>
    <t>50147977.0</t>
  </si>
  <si>
    <t>96223.0</t>
  </si>
  <si>
    <t>1314.322</t>
  </si>
  <si>
    <t>104631.0</t>
  </si>
  <si>
    <t>63530256.0</t>
  </si>
  <si>
    <t>31225262.0</t>
  </si>
  <si>
    <t>29244420.0</t>
  </si>
  <si>
    <t>3060574.0</t>
  </si>
  <si>
    <t>198474.0</t>
  </si>
  <si>
    <t>174983.0</t>
  </si>
  <si>
    <t>165.21</t>
  </si>
  <si>
    <t>53830.0</t>
  </si>
  <si>
    <t>50263570.0</t>
  </si>
  <si>
    <t>115593.0</t>
  </si>
  <si>
    <t>1317.352</t>
  </si>
  <si>
    <t>106447.0</t>
  </si>
  <si>
    <t>63791300.0</t>
  </si>
  <si>
    <t>31261111.0</t>
  </si>
  <si>
    <t>29256054.0</t>
  </si>
  <si>
    <t>3274135.0</t>
  </si>
  <si>
    <t>261044.0</t>
  </si>
  <si>
    <t>186196.0</t>
  </si>
  <si>
    <t>165.89</t>
  </si>
  <si>
    <t>50749.0</t>
  </si>
  <si>
    <t>50364181.0</t>
  </si>
  <si>
    <t>100611.0</t>
  </si>
  <si>
    <t>1319.989</t>
  </si>
  <si>
    <t>109038.0</t>
  </si>
  <si>
    <t>64052987.0</t>
  </si>
  <si>
    <t>31308314.0</t>
  </si>
  <si>
    <t>29271114.0</t>
  </si>
  <si>
    <t>3473559.0</t>
  </si>
  <si>
    <t>261687.0</t>
  </si>
  <si>
    <t>197456.0</t>
  </si>
  <si>
    <t>166.57</t>
  </si>
  <si>
    <t>49122.0</t>
  </si>
  <si>
    <t>50492289.0</t>
  </si>
  <si>
    <t>128108.0</t>
  </si>
  <si>
    <t>1323.346</t>
  </si>
  <si>
    <t>3.358</t>
  </si>
  <si>
    <t>111597.0</t>
  </si>
  <si>
    <t>64346927.0</t>
  </si>
  <si>
    <t>31354553.0</t>
  </si>
  <si>
    <t>29281042.0</t>
  </si>
  <si>
    <t>3711332.0</t>
  </si>
  <si>
    <t>293940.0</t>
  </si>
  <si>
    <t>214406.0</t>
  </si>
  <si>
    <t>167.33</t>
  </si>
  <si>
    <t>5576.0</t>
  </si>
  <si>
    <t>47414.0</t>
  </si>
  <si>
    <t>41.01</t>
  </si>
  <si>
    <t>50635831.0</t>
  </si>
  <si>
    <t>143542.0</t>
  </si>
  <si>
    <t>1327.108</t>
  </si>
  <si>
    <t>115260.0</t>
  </si>
  <si>
    <t>64672531.0</t>
  </si>
  <si>
    <t>31395123.0</t>
  </si>
  <si>
    <t>29295979.0</t>
  </si>
  <si>
    <t>3981429.0</t>
  </si>
  <si>
    <t>325604.0</t>
  </si>
  <si>
    <t>226575.0</t>
  </si>
  <si>
    <t>168.18</t>
  </si>
  <si>
    <t>46982.0</t>
  </si>
  <si>
    <t>41.322</t>
  </si>
  <si>
    <t>50781760.0</t>
  </si>
  <si>
    <t>145929.0</t>
  </si>
  <si>
    <t>1330.933</t>
  </si>
  <si>
    <t>119368.0</t>
  </si>
  <si>
    <t>64937274.0</t>
  </si>
  <si>
    <t>31424468.0</t>
  </si>
  <si>
    <t>29305421.0</t>
  </si>
  <si>
    <t>4207385.0</t>
  </si>
  <si>
    <t>264743.0</t>
  </si>
  <si>
    <t>244719.0</t>
  </si>
  <si>
    <t>45214.0</t>
  </si>
  <si>
    <t>50923671.0</t>
  </si>
  <si>
    <t>141911.0</t>
  </si>
  <si>
    <t>1334.652</t>
  </si>
  <si>
    <t>124560.0</t>
  </si>
  <si>
    <t>65148658.0</t>
  </si>
  <si>
    <t>31457277.0</t>
  </si>
  <si>
    <t>29312597.0</t>
  </si>
  <si>
    <t>4378784.0</t>
  </si>
  <si>
    <t>211384.0</t>
  </si>
  <si>
    <t>259554.0</t>
  </si>
  <si>
    <t>169.42</t>
  </si>
  <si>
    <t>43441.0</t>
  </si>
  <si>
    <t>22376.7</t>
  </si>
  <si>
    <t>581.90329057369</t>
  </si>
  <si>
    <t>51062934.0</t>
  </si>
  <si>
    <t>139263.0</t>
  </si>
  <si>
    <t>1338.302</t>
  </si>
  <si>
    <t>130708.0</t>
  </si>
  <si>
    <t>65473588.0</t>
  </si>
  <si>
    <t>31510712.0</t>
  </si>
  <si>
    <t>29334263.0</t>
  </si>
  <si>
    <t>4628613.0</t>
  </si>
  <si>
    <t>324930.0</t>
  </si>
  <si>
    <t>277619.0</t>
  </si>
  <si>
    <t>170.26</t>
  </si>
  <si>
    <t>40779.0</t>
  </si>
  <si>
    <t>51200748.0</t>
  </si>
  <si>
    <t>137814.0</t>
  </si>
  <si>
    <t>1341.914</t>
  </si>
  <si>
    <t>133883.0</t>
  </si>
  <si>
    <t>3.509</t>
  </si>
  <si>
    <t>65912883.0</t>
  </si>
  <si>
    <t>31553419.0</t>
  </si>
  <si>
    <t>29341976.0</t>
  </si>
  <si>
    <t>5017488.0</t>
  </si>
  <si>
    <t>439295.0</t>
  </si>
  <si>
    <t>303083.0</t>
  </si>
  <si>
    <t>171.41</t>
  </si>
  <si>
    <t>7882.0</t>
  </si>
  <si>
    <t>41758.0</t>
  </si>
  <si>
    <t>51335354.0</t>
  </si>
  <si>
    <t>134606.0</t>
  </si>
  <si>
    <t>1345.442</t>
  </si>
  <si>
    <t>138739.0</t>
  </si>
  <si>
    <t>3.636</t>
  </si>
  <si>
    <t>66345775.0</t>
  </si>
  <si>
    <t>31587466.0</t>
  </si>
  <si>
    <t>29361736.0</t>
  </si>
  <si>
    <t>5396573.0</t>
  </si>
  <si>
    <t>432892.0</t>
  </si>
  <si>
    <t>327541.0</t>
  </si>
  <si>
    <t>172.53</t>
  </si>
  <si>
    <t>39879.0</t>
  </si>
  <si>
    <t>51486352.0</t>
  </si>
  <si>
    <t>150998.0</t>
  </si>
  <si>
    <t>1349.399</t>
  </si>
  <si>
    <t>142009.0</t>
  </si>
  <si>
    <t>66815496.0</t>
  </si>
  <si>
    <t>31621400.0</t>
  </si>
  <si>
    <t>29376902.0</t>
  </si>
  <si>
    <t>5817194.0</t>
  </si>
  <si>
    <t>469721.0</t>
  </si>
  <si>
    <t>352653.0</t>
  </si>
  <si>
    <t>173.75</t>
  </si>
  <si>
    <t>38121.0</t>
  </si>
  <si>
    <t>47.771</t>
  </si>
  <si>
    <t>51664665.0</t>
  </si>
  <si>
    <t>178313.0</t>
  </si>
  <si>
    <t>1354.073</t>
  </si>
  <si>
    <t>4.673</t>
  </si>
  <si>
    <t>146976.0</t>
  </si>
  <si>
    <t>67173183.0</t>
  </si>
  <si>
    <t>29385242.0</t>
  </si>
  <si>
    <t>6133785.0</t>
  </si>
  <si>
    <t>357687.0</t>
  </si>
  <si>
    <t>357236.0</t>
  </si>
  <si>
    <t>174.68</t>
  </si>
  <si>
    <t>51845879.0</t>
  </si>
  <si>
    <t>181214.0</t>
  </si>
  <si>
    <t>1358.822</t>
  </si>
  <si>
    <t>152017.0</t>
  </si>
  <si>
    <t>67290029.0</t>
  </si>
  <si>
    <t>31649467.0</t>
  </si>
  <si>
    <t>29390929.0</t>
  </si>
  <si>
    <t>6249633.0</t>
  </si>
  <si>
    <t>116846.0</t>
  </si>
  <si>
    <t>336108.0</t>
  </si>
  <si>
    <t>32143.0</t>
  </si>
  <si>
    <t>52022712.0</t>
  </si>
  <si>
    <t>176833.0</t>
  </si>
  <si>
    <t>1363.457</t>
  </si>
  <si>
    <t>157006.0</t>
  </si>
  <si>
    <t>67304053.0</t>
  </si>
  <si>
    <t>31649977.0</t>
  </si>
  <si>
    <t>29391202.0</t>
  </si>
  <si>
    <t>6262874.0</t>
  </si>
  <si>
    <t>307914.0</t>
  </si>
  <si>
    <t>175.02</t>
  </si>
  <si>
    <t>27529.0</t>
  </si>
  <si>
    <t>22562.2</t>
  </si>
  <si>
    <t>586.727194920686</t>
  </si>
  <si>
    <t>52158753.0</t>
  </si>
  <si>
    <t>136041.0</t>
  </si>
  <si>
    <t>1367.022</t>
  </si>
  <si>
    <t>3.565</t>
  </si>
  <si>
    <t>156546.0</t>
  </si>
  <si>
    <t>4.103</t>
  </si>
  <si>
    <t>67366693.0</t>
  </si>
  <si>
    <t>31652630.0</t>
  </si>
  <si>
    <t>29392851.0</t>
  </si>
  <si>
    <t>6321212.0</t>
  </si>
  <si>
    <t>62640.0</t>
  </si>
  <si>
    <t>270444.0</t>
  </si>
  <si>
    <t>20274.0</t>
  </si>
  <si>
    <t>52277276.0</t>
  </si>
  <si>
    <t>118523.0</t>
  </si>
  <si>
    <t>1370.129</t>
  </si>
  <si>
    <t>153790.0</t>
  </si>
  <si>
    <t>4.031</t>
  </si>
  <si>
    <t>0.1465</t>
  </si>
  <si>
    <t>67651591.0</t>
  </si>
  <si>
    <t>31665961.0</t>
  </si>
  <si>
    <t>29401905.0</t>
  </si>
  <si>
    <t>6583725.0</t>
  </si>
  <si>
    <t>284898.0</t>
  </si>
  <si>
    <t>248387.0</t>
  </si>
  <si>
    <t>16077.0</t>
  </si>
  <si>
    <t>77.989</t>
  </si>
  <si>
    <t>52408105.0</t>
  </si>
  <si>
    <t>130829.0</t>
  </si>
  <si>
    <t>1373.558</t>
  </si>
  <si>
    <t>68167603.0</t>
  </si>
  <si>
    <t>31705383.0</t>
  </si>
  <si>
    <t>29415414.0</t>
  </si>
  <si>
    <t>7046806.0</t>
  </si>
  <si>
    <t>516012.0</t>
  </si>
  <si>
    <t>260261.0</t>
  </si>
  <si>
    <t>177.27</t>
  </si>
  <si>
    <t>16845.0</t>
  </si>
  <si>
    <t>52560743.0</t>
  </si>
  <si>
    <t>152638.0</t>
  </si>
  <si>
    <t>1377.558</t>
  </si>
  <si>
    <t>153484.0</t>
  </si>
  <si>
    <t>0.1963</t>
  </si>
  <si>
    <t>68508996.0</t>
  </si>
  <si>
    <t>31725902.0</t>
  </si>
  <si>
    <t>29426006.0</t>
  </si>
  <si>
    <t>7357088.0</t>
  </si>
  <si>
    <t>341393.0</t>
  </si>
  <si>
    <t>241929.0</t>
  </si>
  <si>
    <t>178.16</t>
  </si>
  <si>
    <t>14.303</t>
  </si>
  <si>
    <t>86.83</t>
  </si>
  <si>
    <t>52662229.0</t>
  </si>
  <si>
    <t>101486.0</t>
  </si>
  <si>
    <t>1380.218</t>
  </si>
  <si>
    <t>142509.0</t>
  </si>
  <si>
    <t>3.735</t>
  </si>
  <si>
    <t>68836546.0</t>
  </si>
  <si>
    <t>31746146.0</t>
  </si>
  <si>
    <t>29437317.0</t>
  </si>
  <si>
    <t>7653083.0</t>
  </si>
  <si>
    <t>327550.0</t>
  </si>
  <si>
    <t>237623.0</t>
  </si>
  <si>
    <t>179.01</t>
  </si>
  <si>
    <t>15816.0</t>
  </si>
  <si>
    <t>100.509</t>
  </si>
  <si>
    <t>52758293.0</t>
  </si>
  <si>
    <t>96064.0</t>
  </si>
  <si>
    <t>1382.736</t>
  </si>
  <si>
    <t>130345.0</t>
  </si>
  <si>
    <t>68969997.0</t>
  </si>
  <si>
    <t>31754134.0</t>
  </si>
  <si>
    <t>29442935.0</t>
  </si>
  <si>
    <t>7772928.0</t>
  </si>
  <si>
    <t>133451.0</t>
  </si>
  <si>
    <t>239995.0</t>
  </si>
  <si>
    <t>20.21</t>
  </si>
  <si>
    <t>14952.0</t>
  </si>
  <si>
    <t>52773950.0</t>
  </si>
  <si>
    <t>15657.0</t>
  </si>
  <si>
    <t>1383.146</t>
  </si>
  <si>
    <t>107320.0</t>
  </si>
  <si>
    <t>0.3387</t>
  </si>
  <si>
    <t>68992326.0</t>
  </si>
  <si>
    <t>31755471.0</t>
  </si>
  <si>
    <t>29444099.0</t>
  </si>
  <si>
    <t>7792756.0</t>
  </si>
  <si>
    <t>22329.0</t>
  </si>
  <si>
    <t>241182.0</t>
  </si>
  <si>
    <t>22631.7</t>
  </si>
  <si>
    <t>588.53453374611</t>
  </si>
  <si>
    <t>52788460.0</t>
  </si>
  <si>
    <t>1383.526</t>
  </si>
  <si>
    <t>89958.0</t>
  </si>
  <si>
    <t>69106851.0</t>
  </si>
  <si>
    <t>31763212.0</t>
  </si>
  <si>
    <t>29450620.0</t>
  </si>
  <si>
    <t>7893019.0</t>
  </si>
  <si>
    <t>114525.0</t>
  </si>
  <si>
    <t>248594.0</t>
  </si>
  <si>
    <t>179.71</t>
  </si>
  <si>
    <t>15797.0</t>
  </si>
  <si>
    <t>53389738.0</t>
  </si>
  <si>
    <t>601278.0</t>
  </si>
  <si>
    <t>1399.285</t>
  </si>
  <si>
    <t>158923.0</t>
  </si>
  <si>
    <t>69638768.0</t>
  </si>
  <si>
    <t>31797596.0</t>
  </si>
  <si>
    <t>29472992.0</t>
  </si>
  <si>
    <t>8368180.0</t>
  </si>
  <si>
    <t>531917.0</t>
  </si>
  <si>
    <t>283882.0</t>
  </si>
  <si>
    <t>181.09</t>
  </si>
  <si>
    <t>18805.0</t>
  </si>
  <si>
    <t>53527515.0</t>
  </si>
  <si>
    <t>137777.0</t>
  </si>
  <si>
    <t>1402.896</t>
  </si>
  <si>
    <t>3.611</t>
  </si>
  <si>
    <t>159916.0</t>
  </si>
  <si>
    <t>4.191</t>
  </si>
  <si>
    <t>0.2451</t>
  </si>
  <si>
    <t>70031151.0</t>
  </si>
  <si>
    <t>31818961.0</t>
  </si>
  <si>
    <t>29489571.0</t>
  </si>
  <si>
    <t>8722619.0</t>
  </si>
  <si>
    <t>392383.0</t>
  </si>
  <si>
    <t>266221.0</t>
  </si>
  <si>
    <t>182.12</t>
  </si>
  <si>
    <t>6923.0</t>
  </si>
  <si>
    <t>159.436</t>
  </si>
  <si>
    <t>53673329.0</t>
  </si>
  <si>
    <t>145814.0</t>
  </si>
  <si>
    <t>1406.718</t>
  </si>
  <si>
    <t>158941.0</t>
  </si>
  <si>
    <t>70450195.0</t>
  </si>
  <si>
    <t>31837073.0</t>
  </si>
  <si>
    <t>29512418.0</t>
  </si>
  <si>
    <t>9100704.0</t>
  </si>
  <si>
    <t>419044.0</t>
  </si>
  <si>
    <t>277314.0</t>
  </si>
  <si>
    <t>183.2</t>
  </si>
  <si>
    <t>15882.0</t>
  </si>
  <si>
    <t>53826002.0</t>
  </si>
  <si>
    <t>152673.0</t>
  </si>
  <si>
    <t>1410.719</t>
  </si>
  <si>
    <t>166253.0</t>
  </si>
  <si>
    <t>70872487.0</t>
  </si>
  <si>
    <t>31866038.0</t>
  </si>
  <si>
    <t>29525577.0</t>
  </si>
  <si>
    <t>9480872.0</t>
  </si>
  <si>
    <t>422292.0</t>
  </si>
  <si>
    <t>290849.0</t>
  </si>
  <si>
    <t>17127.0</t>
  </si>
  <si>
    <t>53926601.0</t>
  </si>
  <si>
    <t>100599.0</t>
  </si>
  <si>
    <t>1413.356</t>
  </si>
  <si>
    <t>166901.0</t>
  </si>
  <si>
    <t>4.374</t>
  </si>
  <si>
    <t>71173617.0</t>
  </si>
  <si>
    <t>31882770.0</t>
  </si>
  <si>
    <t>29538581.0</t>
  </si>
  <si>
    <t>9752266.0</t>
  </si>
  <si>
    <t>301130.0</t>
  </si>
  <si>
    <t>314803.0</t>
  </si>
  <si>
    <t>185.09</t>
  </si>
  <si>
    <t>53944481.0</t>
  </si>
  <si>
    <t>17880.0</t>
  </si>
  <si>
    <t>1413.824</t>
  </si>
  <si>
    <t>167219.0</t>
  </si>
  <si>
    <t>71394370.0</t>
  </si>
  <si>
    <t>31899426.0</t>
  </si>
  <si>
    <t>29549899.0</t>
  </si>
  <si>
    <t>9945045.0</t>
  </si>
  <si>
    <t>220753.0</t>
  </si>
  <si>
    <t>343149.0</t>
  </si>
  <si>
    <t>185.66</t>
  </si>
  <si>
    <t>20565.0</t>
  </si>
  <si>
    <t>22854.8</t>
  </si>
  <si>
    <t>594.336221400098</t>
  </si>
  <si>
    <t>25.303</t>
  </si>
  <si>
    <t>54289765.0</t>
  </si>
  <si>
    <t>345284.0</t>
  </si>
  <si>
    <t>1422.874</t>
  </si>
  <si>
    <t>214472.0</t>
  </si>
  <si>
    <t>5.621</t>
  </si>
  <si>
    <t>71796155.0</t>
  </si>
  <si>
    <t>31927118.0</t>
  </si>
  <si>
    <t>29572643.0</t>
  </si>
  <si>
    <t>10296394.0</t>
  </si>
  <si>
    <t>401785.0</t>
  </si>
  <si>
    <t>384186.0</t>
  </si>
  <si>
    <t>186.71</t>
  </si>
  <si>
    <t>23415.0</t>
  </si>
  <si>
    <t>54405632.0</t>
  </si>
  <si>
    <t>115867.0</t>
  </si>
  <si>
    <t>1425.91</t>
  </si>
  <si>
    <t>145128.0</t>
  </si>
  <si>
    <t>0.2696</t>
  </si>
  <si>
    <t>72218206.0</t>
  </si>
  <si>
    <t>31948456.0</t>
  </si>
  <si>
    <t>29591259.0</t>
  </si>
  <si>
    <t>10678491.0</t>
  </si>
  <si>
    <t>422051.0</t>
  </si>
  <si>
    <t>368491.0</t>
  </si>
  <si>
    <t>187.8</t>
  </si>
  <si>
    <t>9583.0</t>
  </si>
  <si>
    <t>21551.0</t>
  </si>
  <si>
    <t>54573342.0</t>
  </si>
  <si>
    <t>167710.0</t>
  </si>
  <si>
    <t>1430.306</t>
  </si>
  <si>
    <t>4.395</t>
  </si>
  <si>
    <t>149404.0</t>
  </si>
  <si>
    <t>3.916</t>
  </si>
  <si>
    <t>0.2571</t>
  </si>
  <si>
    <t>72621357.0</t>
  </si>
  <si>
    <t>31971354.0</t>
  </si>
  <si>
    <t>29610961.0</t>
  </si>
  <si>
    <t>11039042.0</t>
  </si>
  <si>
    <t>403151.0</t>
  </si>
  <si>
    <t>370029.0</t>
  </si>
  <si>
    <t>188.85</t>
  </si>
  <si>
    <t>9623.0</t>
  </si>
  <si>
    <t>21770.0</t>
  </si>
  <si>
    <t>54722072.0</t>
  </si>
  <si>
    <t>148730.0</t>
  </si>
  <si>
    <t>1434.204</t>
  </si>
  <si>
    <t>3.898</t>
  </si>
  <si>
    <t>149820.0</t>
  </si>
  <si>
    <t>73045646.0</t>
  </si>
  <si>
    <t>31998826.0</t>
  </si>
  <si>
    <t>29632772.0</t>
  </si>
  <si>
    <t>11414048.0</t>
  </si>
  <si>
    <t>424289.0</t>
  </si>
  <si>
    <t>370779.0</t>
  </si>
  <si>
    <t>23108.0</t>
  </si>
  <si>
    <t>54865536.0</t>
  </si>
  <si>
    <t>143464.0</t>
  </si>
  <si>
    <t>1437.964</t>
  </si>
  <si>
    <t>3.892</t>
  </si>
  <si>
    <t>73444341.0</t>
  </si>
  <si>
    <t>32026464.0</t>
  </si>
  <si>
    <t>29656284.0</t>
  </si>
  <si>
    <t>11761593.0</t>
  </si>
  <si>
    <t>398695.0</t>
  </si>
  <si>
    <t>367408.0</t>
  </si>
  <si>
    <t>190.99</t>
  </si>
  <si>
    <t>22918.0</t>
  </si>
  <si>
    <t>9986.0</t>
  </si>
  <si>
    <t>54955555.0</t>
  </si>
  <si>
    <t>90019.0</t>
  </si>
  <si>
    <t>1440.323</t>
  </si>
  <si>
    <t>146993.0</t>
  </si>
  <si>
    <t>73723271.0</t>
  </si>
  <si>
    <t>32045856.0</t>
  </si>
  <si>
    <t>29675326.0</t>
  </si>
  <si>
    <t>12002089.0</t>
  </si>
  <si>
    <t>278930.0</t>
  </si>
  <si>
    <t>364236.0</t>
  </si>
  <si>
    <t>23298.0</t>
  </si>
  <si>
    <t>54965957.0</t>
  </si>
  <si>
    <t>1440.596</t>
  </si>
  <si>
    <t>145925.0</t>
  </si>
  <si>
    <t>73939872.0</t>
  </si>
  <si>
    <t>32064938.0</t>
  </si>
  <si>
    <t>29691615.0</t>
  </si>
  <si>
    <t>12183319.0</t>
  </si>
  <si>
    <t>216601.0</t>
  </si>
  <si>
    <t>363643.0</t>
  </si>
  <si>
    <t>192.28</t>
  </si>
  <si>
    <t>83.38</t>
  </si>
  <si>
    <t>23645.0</t>
  </si>
  <si>
    <t>23733.9</t>
  </si>
  <si>
    <t>617.197107176076</t>
  </si>
  <si>
    <t>55234662.0</t>
  </si>
  <si>
    <t>1447.638</t>
  </si>
  <si>
    <t>134985.0</t>
  </si>
  <si>
    <t>74369628.0</t>
  </si>
  <si>
    <t>32096752.0</t>
  </si>
  <si>
    <t>29711188.0</t>
  </si>
  <si>
    <t>12561688.0</t>
  </si>
  <si>
    <t>429756.0</t>
  </si>
  <si>
    <t>367639.0</t>
  </si>
  <si>
    <t>9560.0</t>
  </si>
  <si>
    <t>24233.0</t>
  </si>
  <si>
    <t>55395805.0</t>
  </si>
  <si>
    <t>161143.0</t>
  </si>
  <si>
    <t>1451.862</t>
  </si>
  <si>
    <t>4.223</t>
  </si>
  <si>
    <t>141453.0</t>
  </si>
  <si>
    <t>3.707</t>
  </si>
  <si>
    <t>74636751.0</t>
  </si>
  <si>
    <t>32108350.0</t>
  </si>
  <si>
    <t>29720761.0</t>
  </si>
  <si>
    <t>12807640.0</t>
  </si>
  <si>
    <t>267123.0</t>
  </si>
  <si>
    <t>345506.0</t>
  </si>
  <si>
    <t>194.09</t>
  </si>
  <si>
    <t>83.5</t>
  </si>
  <si>
    <t>55492076.0</t>
  </si>
  <si>
    <t>96271.0</t>
  </si>
  <si>
    <t>1454.385</t>
  </si>
  <si>
    <t>131248.0</t>
  </si>
  <si>
    <t>0.2082</t>
  </si>
  <si>
    <t>74989065.0</t>
  </si>
  <si>
    <t>32135262.0</t>
  </si>
  <si>
    <t>29734409.0</t>
  </si>
  <si>
    <t>13119394.0</t>
  </si>
  <si>
    <t>352314.0</t>
  </si>
  <si>
    <t>338244.0</t>
  </si>
  <si>
    <t>195.01</t>
  </si>
  <si>
    <t>31.154</t>
  </si>
  <si>
    <t>55602784.0</t>
  </si>
  <si>
    <t>110708.0</t>
  </si>
  <si>
    <t>1457.287</t>
  </si>
  <si>
    <t>125816.0</t>
  </si>
  <si>
    <t>75302695.0</t>
  </si>
  <si>
    <t>32142361.0</t>
  </si>
  <si>
    <t>29749148.0</t>
  </si>
  <si>
    <t>13411186.0</t>
  </si>
  <si>
    <t>313630.0</t>
  </si>
  <si>
    <t>322436.0</t>
  </si>
  <si>
    <t>20505.0</t>
  </si>
  <si>
    <t>10651.0</t>
  </si>
  <si>
    <t>55710499.0</t>
  </si>
  <si>
    <t>107715.0</t>
  </si>
  <si>
    <t>1460.11</t>
  </si>
  <si>
    <t>120709.0</t>
  </si>
  <si>
    <t>75614633.0</t>
  </si>
  <si>
    <t>32155449.0</t>
  </si>
  <si>
    <t>29780537.0</t>
  </si>
  <si>
    <t>13678647.0</t>
  </si>
  <si>
    <t>311938.0</t>
  </si>
  <si>
    <t>196.63</t>
  </si>
  <si>
    <t>83.62</t>
  </si>
  <si>
    <t>31.414</t>
  </si>
  <si>
    <t>10673.0</t>
  </si>
  <si>
    <t>55770366.0</t>
  </si>
  <si>
    <t>59867.0</t>
  </si>
  <si>
    <t>1461.679</t>
  </si>
  <si>
    <t>116402.0</t>
  </si>
  <si>
    <t>0.1951</t>
  </si>
  <si>
    <t>75828249.0</t>
  </si>
  <si>
    <t>32171177.0</t>
  </si>
  <si>
    <t>29808707.0</t>
  </si>
  <si>
    <t>13848365.0</t>
  </si>
  <si>
    <t>213616.0</t>
  </si>
  <si>
    <t>300711.0</t>
  </si>
  <si>
    <t>197.19</t>
  </si>
  <si>
    <t>17903.0</t>
  </si>
  <si>
    <t>10836.0</t>
  </si>
  <si>
    <t>55781376.0</t>
  </si>
  <si>
    <t>1461.967</t>
  </si>
  <si>
    <t>116488.0</t>
  </si>
  <si>
    <t>3.053</t>
  </si>
  <si>
    <t>0.1827</t>
  </si>
  <si>
    <t>76005682.0</t>
  </si>
  <si>
    <t>32185597.0</t>
  </si>
  <si>
    <t>29844662.0</t>
  </si>
  <si>
    <t>13975423.0</t>
  </si>
  <si>
    <t>177433.0</t>
  </si>
  <si>
    <t>295116.0</t>
  </si>
  <si>
    <t>36.34</t>
  </si>
  <si>
    <t>17237.0</t>
  </si>
  <si>
    <t>649.835826021976</t>
  </si>
  <si>
    <t>32.064</t>
  </si>
  <si>
    <t>11022.0</t>
  </si>
  <si>
    <t>55992406.0</t>
  </si>
  <si>
    <t>211030.0</t>
  </si>
  <si>
    <t>1467.498</t>
  </si>
  <si>
    <t>5.531</t>
  </si>
  <si>
    <t>108249.0</t>
  </si>
  <si>
    <t>0.1677</t>
  </si>
  <si>
    <t>76324615.0</t>
  </si>
  <si>
    <t>32210568.0</t>
  </si>
  <si>
    <t>29872596.0</t>
  </si>
  <si>
    <t>14241451.0</t>
  </si>
  <si>
    <t>318933.0</t>
  </si>
  <si>
    <t>279284.0</t>
  </si>
  <si>
    <t>198.48</t>
  </si>
  <si>
    <t>30.998</t>
  </si>
  <si>
    <t>10734.0</t>
  </si>
  <si>
    <t>56063326.0</t>
  </si>
  <si>
    <t>70920.0</t>
  </si>
  <si>
    <t>1469.357</t>
  </si>
  <si>
    <t>95360.0</t>
  </si>
  <si>
    <t>0.2025</t>
  </si>
  <si>
    <t>76656070.0</t>
  </si>
  <si>
    <t>32234630.0</t>
  </si>
  <si>
    <t>29919785.0</t>
  </si>
  <si>
    <t>14501655.0</t>
  </si>
  <si>
    <t>331455.0</t>
  </si>
  <si>
    <t>288474.0</t>
  </si>
  <si>
    <t>18040.0</t>
  </si>
  <si>
    <t>56138985.0</t>
  </si>
  <si>
    <t>75659.0</t>
  </si>
  <si>
    <t>1471.34</t>
  </si>
  <si>
    <t>92416.0</t>
  </si>
  <si>
    <t>76914692.0</t>
  </si>
  <si>
    <t>32250148.0</t>
  </si>
  <si>
    <t>29956064.0</t>
  </si>
  <si>
    <t>14708480.0</t>
  </si>
  <si>
    <t>258622.0</t>
  </si>
  <si>
    <t>275090.0</t>
  </si>
  <si>
    <t>10448.0</t>
  </si>
  <si>
    <t>56237733.0</t>
  </si>
  <si>
    <t>98748.0</t>
  </si>
  <si>
    <t>1473.928</t>
  </si>
  <si>
    <t>90707.0</t>
  </si>
  <si>
    <t>77168750.0</t>
  </si>
  <si>
    <t>32266840.0</t>
  </si>
  <si>
    <t>29995764.0</t>
  </si>
  <si>
    <t>14906146.0</t>
  </si>
  <si>
    <t>254058.0</t>
  </si>
  <si>
    <t>266579.0</t>
  </si>
  <si>
    <t>200.68</t>
  </si>
  <si>
    <t>17783.0</t>
  </si>
  <si>
    <t>56325678.0</t>
  </si>
  <si>
    <t>87945.0</t>
  </si>
  <si>
    <t>1476.233</t>
  </si>
  <si>
    <t>2.305</t>
  </si>
  <si>
    <t>87883.0</t>
  </si>
  <si>
    <t>77418082.0</t>
  </si>
  <si>
    <t>32282826.0</t>
  </si>
  <si>
    <t>30034764.0</t>
  </si>
  <si>
    <t>15100492.0</t>
  </si>
  <si>
    <t>249332.0</t>
  </si>
  <si>
    <t>257636.0</t>
  </si>
  <si>
    <t>201.32</t>
  </si>
  <si>
    <t>56382732.0</t>
  </si>
  <si>
    <t>57054.0</t>
  </si>
  <si>
    <t>1477.728</t>
  </si>
  <si>
    <t>87481.0</t>
  </si>
  <si>
    <t>77588951.0</t>
  </si>
  <si>
    <t>32294584.0</t>
  </si>
  <si>
    <t>30069550.0</t>
  </si>
  <si>
    <t>15224817.0</t>
  </si>
  <si>
    <t>170869.0</t>
  </si>
  <si>
    <t>251529.0</t>
  </si>
  <si>
    <t>201.77</t>
  </si>
  <si>
    <t>17630.0</t>
  </si>
  <si>
    <t>29.62</t>
  </si>
  <si>
    <t>56389990.0</t>
  </si>
  <si>
    <t>1477.918</t>
  </si>
  <si>
    <t>86945.0</t>
  </si>
  <si>
    <t>2.279</t>
  </si>
  <si>
    <t>0.1919</t>
  </si>
  <si>
    <t>77731817.0</t>
  </si>
  <si>
    <t>32304788.0</t>
  </si>
  <si>
    <t>30112932.0</t>
  </si>
  <si>
    <t>15314097.0</t>
  </si>
  <si>
    <t>142866.0</t>
  </si>
  <si>
    <t>246591.0</t>
  </si>
  <si>
    <t>26161.1</t>
  </si>
  <si>
    <t>680.31614022744</t>
  </si>
  <si>
    <t>56587195.0</t>
  </si>
  <si>
    <t>197205.0</t>
  </si>
  <si>
    <t>1483.087</t>
  </si>
  <si>
    <t>78058871.0</t>
  </si>
  <si>
    <t>32331655.0</t>
  </si>
  <si>
    <t>30164340.0</t>
  </si>
  <si>
    <t>15562876.0</t>
  </si>
  <si>
    <t>327054.0</t>
  </si>
  <si>
    <t>247751.0</t>
  </si>
  <si>
    <t>40.47</t>
  </si>
  <si>
    <t>9708.0</t>
  </si>
  <si>
    <t>56645902.0</t>
  </si>
  <si>
    <t>58707.0</t>
  </si>
  <si>
    <t>1484.625</t>
  </si>
  <si>
    <t>78256877.0</t>
  </si>
  <si>
    <t>32344680.0</t>
  </si>
  <si>
    <t>30195191.0</t>
  </si>
  <si>
    <t>15717006.0</t>
  </si>
  <si>
    <t>198006.0</t>
  </si>
  <si>
    <t>228687.0</t>
  </si>
  <si>
    <t>203.51</t>
  </si>
  <si>
    <t>40.87</t>
  </si>
  <si>
    <t>15721.0</t>
  </si>
  <si>
    <t>244.29</t>
  </si>
  <si>
    <t>56710521.0</t>
  </si>
  <si>
    <t>64619.0</t>
  </si>
  <si>
    <t>1486.319</t>
  </si>
  <si>
    <t>81648.0</t>
  </si>
  <si>
    <t>78448376.0</t>
  </si>
  <si>
    <t>32351791.0</t>
  </si>
  <si>
    <t>30239599.0</t>
  </si>
  <si>
    <t>15856986.0</t>
  </si>
  <si>
    <t>191499.0</t>
  </si>
  <si>
    <t>219098.0</t>
  </si>
  <si>
    <t>14520.0</t>
  </si>
  <si>
    <t>9149.0</t>
  </si>
  <si>
    <t>56795249.0</t>
  </si>
  <si>
    <t>84728.0</t>
  </si>
  <si>
    <t>1488.54</t>
  </si>
  <si>
    <t>79645.0</t>
  </si>
  <si>
    <t>0.1686</t>
  </si>
  <si>
    <t>78628083.0</t>
  </si>
  <si>
    <t>32362574.0</t>
  </si>
  <si>
    <t>30274840.0</t>
  </si>
  <si>
    <t>15990669.0</t>
  </si>
  <si>
    <t>179707.0</t>
  </si>
  <si>
    <t>208476.0</t>
  </si>
  <si>
    <t>56876432.0</t>
  </si>
  <si>
    <t>81183.0</t>
  </si>
  <si>
    <t>1490.667</t>
  </si>
  <si>
    <t>78679.0</t>
  </si>
  <si>
    <t>78788023.0</t>
  </si>
  <si>
    <t>32374354.0</t>
  </si>
  <si>
    <t>30312861.0</t>
  </si>
  <si>
    <t>16100808.0</t>
  </si>
  <si>
    <t>159940.0</t>
  </si>
  <si>
    <t>195706.0</t>
  </si>
  <si>
    <t>204.89</t>
  </si>
  <si>
    <t>41.87</t>
  </si>
  <si>
    <t>56922667.0</t>
  </si>
  <si>
    <t>46235.0</t>
  </si>
  <si>
    <t>1491.879</t>
  </si>
  <si>
    <t>77134.0</t>
  </si>
  <si>
    <t>78902627.0</t>
  </si>
  <si>
    <t>32382918.0</t>
  </si>
  <si>
    <t>30341791.0</t>
  </si>
  <si>
    <t>16177918.0</t>
  </si>
  <si>
    <t>114604.0</t>
  </si>
  <si>
    <t>187668.0</t>
  </si>
  <si>
    <t>205.19</t>
  </si>
  <si>
    <t>12619.0</t>
  </si>
  <si>
    <t>56931592.0</t>
  </si>
  <si>
    <t>1492.113</t>
  </si>
  <si>
    <t>77372.0</t>
  </si>
  <si>
    <t>78999803.0</t>
  </si>
  <si>
    <t>32390105.0</t>
  </si>
  <si>
    <t>30375109.0</t>
  </si>
  <si>
    <t>16234589.0</t>
  </si>
  <si>
    <t>97176.0</t>
  </si>
  <si>
    <t>181141.0</t>
  </si>
  <si>
    <t>205.44</t>
  </si>
  <si>
    <t>27251.2</t>
  </si>
  <si>
    <t>708.664054667656</t>
  </si>
  <si>
    <t>57089153.0</t>
  </si>
  <si>
    <t>157561.0</t>
  </si>
  <si>
    <t>1496.243</t>
  </si>
  <si>
    <t>71708.0</t>
  </si>
  <si>
    <t>0.1626</t>
  </si>
  <si>
    <t>79198701.0</t>
  </si>
  <si>
    <t>32396613.0</t>
  </si>
  <si>
    <t>30431703.0</t>
  </si>
  <si>
    <t>16370385.0</t>
  </si>
  <si>
    <t>198898.0</t>
  </si>
  <si>
    <t>162833.0</t>
  </si>
  <si>
    <t>57137952.0</t>
  </si>
  <si>
    <t>48799.0</t>
  </si>
  <si>
    <t>1497.522</t>
  </si>
  <si>
    <t>70293.0</t>
  </si>
  <si>
    <t>79317565.0</t>
  </si>
  <si>
    <t>32411426.0</t>
  </si>
  <si>
    <t>30452525.0</t>
  </si>
  <si>
    <t>16453614.0</t>
  </si>
  <si>
    <t>118864.0</t>
  </si>
  <si>
    <t>151527.0</t>
  </si>
  <si>
    <t>206.26</t>
  </si>
  <si>
    <t>24.861</t>
  </si>
  <si>
    <t>57195710.0</t>
  </si>
  <si>
    <t>1499.035</t>
  </si>
  <si>
    <t>69313.0</t>
  </si>
  <si>
    <t>79442808.0</t>
  </si>
  <si>
    <t>32420521.0</t>
  </si>
  <si>
    <t>30483485.0</t>
  </si>
  <si>
    <t>16538802.0</t>
  </si>
  <si>
    <t>125243.0</t>
  </si>
  <si>
    <t>142062.0</t>
  </si>
  <si>
    <t>202.838</t>
  </si>
  <si>
    <t>57270143.0</t>
  </si>
  <si>
    <t>74433.0</t>
  </si>
  <si>
    <t>1500.986</t>
  </si>
  <si>
    <t>79576467.0</t>
  </si>
  <si>
    <t>32431176.0</t>
  </si>
  <si>
    <t>30518036.0</t>
  </si>
  <si>
    <t>16627255.0</t>
  </si>
  <si>
    <t>133659.0</t>
  </si>
  <si>
    <t>135483.0</t>
  </si>
  <si>
    <t>206.94</t>
  </si>
  <si>
    <t>57311862.0</t>
  </si>
  <si>
    <t>41719.0</t>
  </si>
  <si>
    <t>1502.08</t>
  </si>
  <si>
    <t>79700924.0</t>
  </si>
  <si>
    <t>32434220.0</t>
  </si>
  <si>
    <t>30557667.0</t>
  </si>
  <si>
    <t>16709037.0</t>
  </si>
  <si>
    <t>124457.0</t>
  </si>
  <si>
    <t>130414.0</t>
  </si>
  <si>
    <t>8552.0</t>
  </si>
  <si>
    <t>7247.0</t>
  </si>
  <si>
    <t>57351760.0</t>
  </si>
  <si>
    <t>39898.0</t>
  </si>
  <si>
    <t>1503.125</t>
  </si>
  <si>
    <t>61299.0</t>
  </si>
  <si>
    <t>79783888.0</t>
  </si>
  <si>
    <t>32441011.0</t>
  </si>
  <si>
    <t>30579792.0</t>
  </si>
  <si>
    <t>16763085.0</t>
  </si>
  <si>
    <t>82964.0</t>
  </si>
  <si>
    <t>125894.0</t>
  </si>
  <si>
    <t>57357225.0</t>
  </si>
  <si>
    <t>1503.268</t>
  </si>
  <si>
    <t>60805.0</t>
  </si>
  <si>
    <t>79853280.0</t>
  </si>
  <si>
    <t>32446189.0</t>
  </si>
  <si>
    <t>30603823.0</t>
  </si>
  <si>
    <t>16803268.0</t>
  </si>
  <si>
    <t>69392.0</t>
  </si>
  <si>
    <t>121925.0</t>
  </si>
  <si>
    <t>207.66</t>
  </si>
  <si>
    <t>8012.0</t>
  </si>
  <si>
    <t>27993.3</t>
  </si>
  <si>
    <t>727.962272543158</t>
  </si>
  <si>
    <t>57519466.0</t>
  </si>
  <si>
    <t>162241.0</t>
  </si>
  <si>
    <t>1507.521</t>
  </si>
  <si>
    <t>4.252</t>
  </si>
  <si>
    <t>61473.0</t>
  </si>
  <si>
    <t>79920095.0</t>
  </si>
  <si>
    <t>32451128.0</t>
  </si>
  <si>
    <t>30627133.0</t>
  </si>
  <si>
    <t>16841834.0</t>
  </si>
  <si>
    <t>66815.0</t>
  </si>
  <si>
    <t>103056.0</t>
  </si>
  <si>
    <t>207.83</t>
  </si>
  <si>
    <t>57559026.0</t>
  </si>
  <si>
    <t>1508.557</t>
  </si>
  <si>
    <t>60153.0</t>
  </si>
  <si>
    <t>80074659.0</t>
  </si>
  <si>
    <t>30660253.0</t>
  </si>
  <si>
    <t>16946314.0</t>
  </si>
  <si>
    <t>154564.0</t>
  </si>
  <si>
    <t>108156.0</t>
  </si>
  <si>
    <t>208.23</t>
  </si>
  <si>
    <t>19.946</t>
  </si>
  <si>
    <t>57627190.0</t>
  </si>
  <si>
    <t>68164.0</t>
  </si>
  <si>
    <t>1510.344</t>
  </si>
  <si>
    <t>61640.0</t>
  </si>
  <si>
    <t>80161597.0</t>
  </si>
  <si>
    <t>32468054.0</t>
  </si>
  <si>
    <t>30692709.0</t>
  </si>
  <si>
    <t>17000834.0</t>
  </si>
  <si>
    <t>102684.0</t>
  </si>
  <si>
    <t>57686902.0</t>
  </si>
  <si>
    <t>59712.0</t>
  </si>
  <si>
    <t>1511.909</t>
  </si>
  <si>
    <t>59537.0</t>
  </si>
  <si>
    <t>80255393.0</t>
  </si>
  <si>
    <t>32475426.0</t>
  </si>
  <si>
    <t>30722889.0</t>
  </si>
  <si>
    <t>17057078.0</t>
  </si>
  <si>
    <t>93796.0</t>
  </si>
  <si>
    <t>96989.0</t>
  </si>
  <si>
    <t>208.7</t>
  </si>
  <si>
    <t>57745443.0</t>
  </si>
  <si>
    <t>58541.0</t>
  </si>
  <si>
    <t>1513.443</t>
  </si>
  <si>
    <t>61940.0</t>
  </si>
  <si>
    <t>80338798.0</t>
  </si>
  <si>
    <t>32481159.0</t>
  </si>
  <si>
    <t>30747256.0</t>
  </si>
  <si>
    <t>17110383.0</t>
  </si>
  <si>
    <t>83405.0</t>
  </si>
  <si>
    <t>91125.0</t>
  </si>
  <si>
    <t>208.92</t>
  </si>
  <si>
    <t>57771312.0</t>
  </si>
  <si>
    <t>25869.0</t>
  </si>
  <si>
    <t>1514.121</t>
  </si>
  <si>
    <t>59936.0</t>
  </si>
  <si>
    <t>80399443.0</t>
  </si>
  <si>
    <t>32485236.0</t>
  </si>
  <si>
    <t>30760426.0</t>
  </si>
  <si>
    <t>17153781.0</t>
  </si>
  <si>
    <t>60645.0</t>
  </si>
  <si>
    <t>87936.0</t>
  </si>
  <si>
    <t>209.08</t>
  </si>
  <si>
    <t>57774463.0</t>
  </si>
  <si>
    <t>1514.204</t>
  </si>
  <si>
    <t>59605.0</t>
  </si>
  <si>
    <t>80452340.0</t>
  </si>
  <si>
    <t>32487789.0</t>
  </si>
  <si>
    <t>30772537.0</t>
  </si>
  <si>
    <t>17192014.0</t>
  </si>
  <si>
    <t>52897.0</t>
  </si>
  <si>
    <t>85580.0</t>
  </si>
  <si>
    <t>209.22</t>
  </si>
  <si>
    <t>28341.4</t>
  </si>
  <si>
    <t>737.014569595391</t>
  </si>
  <si>
    <t>6177.0</t>
  </si>
  <si>
    <t>57831597.0</t>
  </si>
  <si>
    <t>57134.0</t>
  </si>
  <si>
    <t>1515.701</t>
  </si>
  <si>
    <t>44590.0</t>
  </si>
  <si>
    <t>80482255.0</t>
  </si>
  <si>
    <t>32489360.0</t>
  </si>
  <si>
    <t>30778416.0</t>
  </si>
  <si>
    <t>17214479.0</t>
  </si>
  <si>
    <t>29915.0</t>
  </si>
  <si>
    <t>80309.0</t>
  </si>
  <si>
    <t>44.77</t>
  </si>
  <si>
    <t>6041.0</t>
  </si>
  <si>
    <t>57920795.0</t>
  </si>
  <si>
    <t>1518.039</t>
  </si>
  <si>
    <t>51681.0</t>
  </si>
  <si>
    <t>80617865.0</t>
  </si>
  <si>
    <t>30808178.0</t>
  </si>
  <si>
    <t>17304126.0</t>
  </si>
  <si>
    <t>135610.0</t>
  </si>
  <si>
    <t>77601.0</t>
  </si>
  <si>
    <t>209.65</t>
  </si>
  <si>
    <t>57981634.0</t>
  </si>
  <si>
    <t>60839.0</t>
  </si>
  <si>
    <t>1519.633</t>
  </si>
  <si>
    <t>80684862.0</t>
  </si>
  <si>
    <t>32504553.0</t>
  </si>
  <si>
    <t>30834207.0</t>
  </si>
  <si>
    <t>17346102.0</t>
  </si>
  <si>
    <t>66997.0</t>
  </si>
  <si>
    <t>74752.0</t>
  </si>
  <si>
    <t>209.82</t>
  </si>
  <si>
    <t>58032175.0</t>
  </si>
  <si>
    <t>50541.0</t>
  </si>
  <si>
    <t>1520.958</t>
  </si>
  <si>
    <t>49325.0</t>
  </si>
  <si>
    <t>80746882.0</t>
  </si>
  <si>
    <t>30844339.0</t>
  </si>
  <si>
    <t>17386156.0</t>
  </si>
  <si>
    <t>70213.0</t>
  </si>
  <si>
    <t>80.21</t>
  </si>
  <si>
    <t>58089039.0</t>
  </si>
  <si>
    <t>56864.0</t>
  </si>
  <si>
    <t>1522.448</t>
  </si>
  <si>
    <t>49085.0</t>
  </si>
  <si>
    <t>80811337.0</t>
  </si>
  <si>
    <t>32514886.0</t>
  </si>
  <si>
    <t>30869218.0</t>
  </si>
  <si>
    <t>17427233.0</t>
  </si>
  <si>
    <t>67506.0</t>
  </si>
  <si>
    <t>210.15</t>
  </si>
  <si>
    <t>58127051.0</t>
  </si>
  <si>
    <t>38012.0</t>
  </si>
  <si>
    <t>1523.445</t>
  </si>
  <si>
    <t>50820.0</t>
  </si>
  <si>
    <t>80856070.0</t>
  </si>
  <si>
    <t>32518004.0</t>
  </si>
  <si>
    <t>30879345.0</t>
  </si>
  <si>
    <t>17458721.0</t>
  </si>
  <si>
    <t>44733.0</t>
  </si>
  <si>
    <t>65232.0</t>
  </si>
  <si>
    <t>210.27</t>
  </si>
  <si>
    <t>58130321.0</t>
  </si>
  <si>
    <t>1523.53</t>
  </si>
  <si>
    <t>50837.0</t>
  </si>
  <si>
    <t>80899819.0</t>
  </si>
  <si>
    <t>32520342.0</t>
  </si>
  <si>
    <t>30889646.0</t>
  </si>
  <si>
    <t>17489831.0</t>
  </si>
  <si>
    <t>43749.0</t>
  </si>
  <si>
    <t>63926.0</t>
  </si>
  <si>
    <t>210.38</t>
  </si>
  <si>
    <t>80.33</t>
  </si>
  <si>
    <t>28473.5</t>
  </si>
  <si>
    <t>740.449813607456</t>
  </si>
  <si>
    <t>5138.0</t>
  </si>
  <si>
    <t>58238581.0</t>
  </si>
  <si>
    <t>108260.0</t>
  </si>
  <si>
    <t>1526.368</t>
  </si>
  <si>
    <t>58141.0</t>
  </si>
  <si>
    <t>81240344.0</t>
  </si>
  <si>
    <t>32525071.0</t>
  </si>
  <si>
    <t>30912775.0</t>
  </si>
  <si>
    <t>17802498.0</t>
  </si>
  <si>
    <t>340525.0</t>
  </si>
  <si>
    <t>108298.0</t>
  </si>
  <si>
    <t>58276405.0</t>
  </si>
  <si>
    <t>1527.359</t>
  </si>
  <si>
    <t>50801.0</t>
  </si>
  <si>
    <t>81283247.0</t>
  </si>
  <si>
    <t>30915451.0</t>
  </si>
  <si>
    <t>17832512.0</t>
  </si>
  <si>
    <t>42903.0</t>
  </si>
  <si>
    <t>95055.0</t>
  </si>
  <si>
    <t>211.38</t>
  </si>
  <si>
    <t>46.37</t>
  </si>
  <si>
    <t>58319533.0</t>
  </si>
  <si>
    <t>1528.489</t>
  </si>
  <si>
    <t>48271.0</t>
  </si>
  <si>
    <t>81316875.0</t>
  </si>
  <si>
    <t>32531792.0</t>
  </si>
  <si>
    <t>30931126.0</t>
  </si>
  <si>
    <t>17853957.0</t>
  </si>
  <si>
    <t>90288.0</t>
  </si>
  <si>
    <t>211.46</t>
  </si>
  <si>
    <t>126.54</t>
  </si>
  <si>
    <t>58355310.0</t>
  </si>
  <si>
    <t>35777.0</t>
  </si>
  <si>
    <t>1529.427</t>
  </si>
  <si>
    <t>46162.0</t>
  </si>
  <si>
    <t>81357599.0</t>
  </si>
  <si>
    <t>30935002.0</t>
  </si>
  <si>
    <t>17880006.0</t>
  </si>
  <si>
    <t>40724.0</t>
  </si>
  <si>
    <t>87245.0</t>
  </si>
  <si>
    <t>211.57</t>
  </si>
  <si>
    <t>122.795</t>
  </si>
  <si>
    <t>58414755.0</t>
  </si>
  <si>
    <t>59445.0</t>
  </si>
  <si>
    <t>1530.985</t>
  </si>
  <si>
    <t>46531.0</t>
  </si>
  <si>
    <t>81413759.0</t>
  </si>
  <si>
    <t>32539385.0</t>
  </si>
  <si>
    <t>30953766.0</t>
  </si>
  <si>
    <t>17920608.0</t>
  </si>
  <si>
    <t>56160.0</t>
  </si>
  <si>
    <t>86060.0</t>
  </si>
  <si>
    <t>13.158</t>
  </si>
  <si>
    <t>58443951.0</t>
  </si>
  <si>
    <t>29196.0</t>
  </si>
  <si>
    <t>1531.75</t>
  </si>
  <si>
    <t>45271.0</t>
  </si>
  <si>
    <t>81442547.0</t>
  </si>
  <si>
    <t>32541643.0</t>
  </si>
  <si>
    <t>30961200.0</t>
  </si>
  <si>
    <t>17939704.0</t>
  </si>
  <si>
    <t>83782.0</t>
  </si>
  <si>
    <t>211.79</t>
  </si>
  <si>
    <t>58446801.0</t>
  </si>
  <si>
    <t>1531.825</t>
  </si>
  <si>
    <t>45211.0</t>
  </si>
  <si>
    <t>0.1346</t>
  </si>
  <si>
    <t>81470475.0</t>
  </si>
  <si>
    <t>32543403.0</t>
  </si>
  <si>
    <t>30970062.0</t>
  </si>
  <si>
    <t>17957010.0</t>
  </si>
  <si>
    <t>27928.0</t>
  </si>
  <si>
    <t>81522.0</t>
  </si>
  <si>
    <t>211.86</t>
  </si>
  <si>
    <t>28575.6</t>
  </si>
  <si>
    <t>743.104911363943</t>
  </si>
  <si>
    <t>58539142.0</t>
  </si>
  <si>
    <t>92341.0</t>
  </si>
  <si>
    <t>1534.245</t>
  </si>
  <si>
    <t>42937.0</t>
  </si>
  <si>
    <t>81514437.0</t>
  </si>
  <si>
    <t>32547063.0</t>
  </si>
  <si>
    <t>30985283.0</t>
  </si>
  <si>
    <t>17982091.0</t>
  </si>
  <si>
    <t>39156.0</t>
  </si>
  <si>
    <t>211.98</t>
  </si>
  <si>
    <t>58577551.0</t>
  </si>
  <si>
    <t>38409.0</t>
  </si>
  <si>
    <t>1535.252</t>
  </si>
  <si>
    <t>81535361.0</t>
  </si>
  <si>
    <t>32548999.0</t>
  </si>
  <si>
    <t>30991141.0</t>
  </si>
  <si>
    <t>17995221.0</t>
  </si>
  <si>
    <t>20924.0</t>
  </si>
  <si>
    <t>212.03</t>
  </si>
  <si>
    <t>58613554.0</t>
  </si>
  <si>
    <t>36003.0</t>
  </si>
  <si>
    <t>1536.195</t>
  </si>
  <si>
    <t>81565480.0</t>
  </si>
  <si>
    <t>32552116.0</t>
  </si>
  <si>
    <t>31000564.0</t>
  </si>
  <si>
    <t>18012800.0</t>
  </si>
  <si>
    <t>30119.0</t>
  </si>
  <si>
    <t>212.11</t>
  </si>
  <si>
    <t>58655426.0</t>
  </si>
  <si>
    <t>1537.293</t>
  </si>
  <si>
    <t>42874.0</t>
  </si>
  <si>
    <t>81600357.0</t>
  </si>
  <si>
    <t>31004214.0</t>
  </si>
  <si>
    <t>18033714.0</t>
  </si>
  <si>
    <t>34877.0</t>
  </si>
  <si>
    <t>34680.0</t>
  </si>
  <si>
    <t>80.63</t>
  </si>
  <si>
    <t>58705447.0</t>
  </si>
  <si>
    <t>50021.0</t>
  </si>
  <si>
    <t>1538.604</t>
  </si>
  <si>
    <t>41527.0</t>
  </si>
  <si>
    <t>81632275.0</t>
  </si>
  <si>
    <t>31013466.0</t>
  </si>
  <si>
    <t>18053798.0</t>
  </si>
  <si>
    <t>31918.0</t>
  </si>
  <si>
    <t>31217.0</t>
  </si>
  <si>
    <t>58730234.0</t>
  </si>
  <si>
    <t>24787.0</t>
  </si>
  <si>
    <t>1539.253</t>
  </si>
  <si>
    <t>81657327.0</t>
  </si>
  <si>
    <t>31020758.0</t>
  </si>
  <si>
    <t>18069607.0</t>
  </si>
  <si>
    <t>30683.0</t>
  </si>
  <si>
    <t>212.35</t>
  </si>
  <si>
    <t>58735152.0</t>
  </si>
  <si>
    <t>1539.382</t>
  </si>
  <si>
    <t>81682578.0</t>
  </si>
  <si>
    <t>31029605.0</t>
  </si>
  <si>
    <t>18084430.0</t>
  </si>
  <si>
    <t>30300.0</t>
  </si>
  <si>
    <t>212.41</t>
  </si>
  <si>
    <t>28434.7</t>
  </si>
  <si>
    <t>739.440824450241</t>
  </si>
  <si>
    <t>58805098.0</t>
  </si>
  <si>
    <t>1541.216</t>
  </si>
  <si>
    <t>37994.0</t>
  </si>
  <si>
    <t>0.1214</t>
  </si>
  <si>
    <t>81722559.0</t>
  </si>
  <si>
    <t>31044889.0</t>
  </si>
  <si>
    <t>18106528.0</t>
  </si>
  <si>
    <t>39981.0</t>
  </si>
  <si>
    <t>29732.0</t>
  </si>
  <si>
    <t>212.52</t>
  </si>
  <si>
    <t>10.636</t>
  </si>
  <si>
    <t>58845250.0</t>
  </si>
  <si>
    <t>40152.0</t>
  </si>
  <si>
    <t>1542.268</t>
  </si>
  <si>
    <t>81749857.0</t>
  </si>
  <si>
    <t>31052559.0</t>
  </si>
  <si>
    <t>18123929.0</t>
  </si>
  <si>
    <t>30642.0</t>
  </si>
  <si>
    <t>212.59</t>
  </si>
  <si>
    <t>58875646.0</t>
  </si>
  <si>
    <t>1543.065</t>
  </si>
  <si>
    <t>37442.0</t>
  </si>
  <si>
    <t>81777863.0</t>
  </si>
  <si>
    <t>31060555.0</t>
  </si>
  <si>
    <t>18141682.0</t>
  </si>
  <si>
    <t>28006.0</t>
  </si>
  <si>
    <t>30340.0</t>
  </si>
  <si>
    <t>212.66</t>
  </si>
  <si>
    <t>47.18</t>
  </si>
  <si>
    <t>58924697.0</t>
  </si>
  <si>
    <t>49051.0</t>
  </si>
  <si>
    <t>1544.35</t>
  </si>
  <si>
    <t>38467.0</t>
  </si>
  <si>
    <t>81807663.0</t>
  </si>
  <si>
    <t>31069517.0</t>
  </si>
  <si>
    <t>18159977.0</t>
  </si>
  <si>
    <t>29615.0</t>
  </si>
  <si>
    <t>212.74</t>
  </si>
  <si>
    <t>58967846.0</t>
  </si>
  <si>
    <t>1545.481</t>
  </si>
  <si>
    <t>37486.0</t>
  </si>
  <si>
    <t>81836706.0</t>
  </si>
  <si>
    <t>31077910.0</t>
  </si>
  <si>
    <t>18178309.0</t>
  </si>
  <si>
    <t>29043.0</t>
  </si>
  <si>
    <t>29204.0</t>
  </si>
  <si>
    <t>212.82</t>
  </si>
  <si>
    <t>58996224.0</t>
  </si>
  <si>
    <t>28378.0</t>
  </si>
  <si>
    <t>1546.225</t>
  </si>
  <si>
    <t>37999.0</t>
  </si>
  <si>
    <t>81859131.0</t>
  </si>
  <si>
    <t>31084144.0</t>
  </si>
  <si>
    <t>18192860.0</t>
  </si>
  <si>
    <t>22425.0</t>
  </si>
  <si>
    <t>28829.0</t>
  </si>
  <si>
    <t>47.31</t>
  </si>
  <si>
    <t>58999169.0</t>
  </si>
  <si>
    <t>1546.302</t>
  </si>
  <si>
    <t>37717.0</t>
  </si>
  <si>
    <t>81892792.0</t>
  </si>
  <si>
    <t>32558147.0</t>
  </si>
  <si>
    <t>31093226.0</t>
  </si>
  <si>
    <t>18241419.0</t>
  </si>
  <si>
    <t>33661.0</t>
  </si>
  <si>
    <t>47.44</t>
  </si>
  <si>
    <t>28334.8</t>
  </si>
  <si>
    <t>736.842937419163</t>
  </si>
  <si>
    <t>59075587.0</t>
  </si>
  <si>
    <t>76418.0</t>
  </si>
  <si>
    <t>1548.305</t>
  </si>
  <si>
    <t>38641.0</t>
  </si>
  <si>
    <t>0.1304</t>
  </si>
  <si>
    <t>81920252.0</t>
  </si>
  <si>
    <t>32559826.0</t>
  </si>
  <si>
    <t>31103808.0</t>
  </si>
  <si>
    <t>18256618.0</t>
  </si>
  <si>
    <t>213.03</t>
  </si>
  <si>
    <t>59103163.0</t>
  </si>
  <si>
    <t>27576.0</t>
  </si>
  <si>
    <t>1549.028</t>
  </si>
  <si>
    <t>36845.0</t>
  </si>
  <si>
    <t>0.1384</t>
  </si>
  <si>
    <t>81941771.0</t>
  </si>
  <si>
    <t>32561890.0</t>
  </si>
  <si>
    <t>31109558.0</t>
  </si>
  <si>
    <t>18270323.0</t>
  </si>
  <si>
    <t>213.09</t>
  </si>
  <si>
    <t>104.28</t>
  </si>
  <si>
    <t>59142418.0</t>
  </si>
  <si>
    <t>39255.0</t>
  </si>
  <si>
    <t>1550.056</t>
  </si>
  <si>
    <t>38110.0</t>
  </si>
  <si>
    <t>81976083.0</t>
  </si>
  <si>
    <t>32564709.0</t>
  </si>
  <si>
    <t>31118771.0</t>
  </si>
  <si>
    <t>18292603.0</t>
  </si>
  <si>
    <t>34312.0</t>
  </si>
  <si>
    <t>28317.0</t>
  </si>
  <si>
    <t>213.18</t>
  </si>
  <si>
    <t>47.57</t>
  </si>
  <si>
    <t>59181662.0</t>
  </si>
  <si>
    <t>39244.0</t>
  </si>
  <si>
    <t>1551.085</t>
  </si>
  <si>
    <t>36709.0</t>
  </si>
  <si>
    <t>81998352.0</t>
  </si>
  <si>
    <t>32566645.0</t>
  </si>
  <si>
    <t>31125297.0</t>
  </si>
  <si>
    <t>18306410.0</t>
  </si>
  <si>
    <t>22269.0</t>
  </si>
  <si>
    <t>27241.0</t>
  </si>
  <si>
    <t>213.24</t>
  </si>
  <si>
    <t>47.61</t>
  </si>
  <si>
    <t>59224766.0</t>
  </si>
  <si>
    <t>43104.0</t>
  </si>
  <si>
    <t>1552.215</t>
  </si>
  <si>
    <t>36703.0</t>
  </si>
  <si>
    <t>0.1779</t>
  </si>
  <si>
    <t>82023172.0</t>
  </si>
  <si>
    <t>32568391.0</t>
  </si>
  <si>
    <t>31131205.0</t>
  </si>
  <si>
    <t>18323576.0</t>
  </si>
  <si>
    <t>59248866.0</t>
  </si>
  <si>
    <t>1552.846</t>
  </si>
  <si>
    <t>82043808.0</t>
  </si>
  <si>
    <t>32569895.0</t>
  </si>
  <si>
    <t>31135950.0</t>
  </si>
  <si>
    <t>18337963.0</t>
  </si>
  <si>
    <t>20636.0</t>
  </si>
  <si>
    <t>213.35</t>
  </si>
  <si>
    <t>59252292.0</t>
  </si>
  <si>
    <t>1552.936</t>
  </si>
  <si>
    <t>36160.0</t>
  </si>
  <si>
    <t>82066794.0</t>
  </si>
  <si>
    <t>31142961.0</t>
  </si>
  <si>
    <t>18352466.0</t>
  </si>
  <si>
    <t>22986.0</t>
  </si>
  <si>
    <t>24857.0</t>
  </si>
  <si>
    <t>213.41</t>
  </si>
  <si>
    <t>28083.9</t>
  </si>
  <si>
    <t>-4.12</t>
  </si>
  <si>
    <t>730.318314235006</t>
  </si>
  <si>
    <t>59342677.0</t>
  </si>
  <si>
    <t>90385.0</t>
  </si>
  <si>
    <t>1555.305</t>
  </si>
  <si>
    <t>38156.0</t>
  </si>
  <si>
    <t>82091375.0</t>
  </si>
  <si>
    <t>31151586.0</t>
  </si>
  <si>
    <t>18366851.0</t>
  </si>
  <si>
    <t>24581.0</t>
  </si>
  <si>
    <t>24446.0</t>
  </si>
  <si>
    <t>59376958.0</t>
  </si>
  <si>
    <t>34281.0</t>
  </si>
  <si>
    <t>1556.203</t>
  </si>
  <si>
    <t>39114.0</t>
  </si>
  <si>
    <t>82108557.0</t>
  </si>
  <si>
    <t>31155585.0</t>
  </si>
  <si>
    <t>18378577.0</t>
  </si>
  <si>
    <t>17182.0</t>
  </si>
  <si>
    <t>213.52</t>
  </si>
  <si>
    <t>59415892.0</t>
  </si>
  <si>
    <t>38934.0</t>
  </si>
  <si>
    <t>1557.224</t>
  </si>
  <si>
    <t>39068.0</t>
  </si>
  <si>
    <t>82150509.0</t>
  </si>
  <si>
    <t>32570639.0</t>
  </si>
  <si>
    <t>31172456.0</t>
  </si>
  <si>
    <t>18407414.0</t>
  </si>
  <si>
    <t>41952.0</t>
  </si>
  <si>
    <t>24918.0</t>
  </si>
  <si>
    <t>213.63</t>
  </si>
  <si>
    <t>47.87</t>
  </si>
  <si>
    <t>59464465.0</t>
  </si>
  <si>
    <t>1558.497</t>
  </si>
  <si>
    <t>40400.0</t>
  </si>
  <si>
    <t>82200646.0</t>
  </si>
  <si>
    <t>32579160.0</t>
  </si>
  <si>
    <t>31188970.0</t>
  </si>
  <si>
    <t>18432516.0</t>
  </si>
  <si>
    <t>50137.0</t>
  </si>
  <si>
    <t>213.76</t>
  </si>
  <si>
    <t>8.816</t>
  </si>
  <si>
    <t>59514935.0</t>
  </si>
  <si>
    <t>50470.0</t>
  </si>
  <si>
    <t>1559.82</t>
  </si>
  <si>
    <t>0.1964</t>
  </si>
  <si>
    <t>82236389.0</t>
  </si>
  <si>
    <t>32581126.0</t>
  </si>
  <si>
    <t>31193824.0</t>
  </si>
  <si>
    <t>18461439.0</t>
  </si>
  <si>
    <t>35743.0</t>
  </si>
  <si>
    <t>30460.0</t>
  </si>
  <si>
    <t>213.85</t>
  </si>
  <si>
    <t>59543792.0</t>
  </si>
  <si>
    <t>28857.0</t>
  </si>
  <si>
    <t>1560.576</t>
  </si>
  <si>
    <t>42132.0</t>
  </si>
  <si>
    <t>0.2021</t>
  </si>
  <si>
    <t>82265892.0</t>
  </si>
  <si>
    <t>32582606.0</t>
  </si>
  <si>
    <t>31197417.0</t>
  </si>
  <si>
    <t>18485869.0</t>
  </si>
  <si>
    <t>29503.0</t>
  </si>
  <si>
    <t>213.93</t>
  </si>
  <si>
    <t>59548322.0</t>
  </si>
  <si>
    <t>1560.695</t>
  </si>
  <si>
    <t>0.1978</t>
  </si>
  <si>
    <t>82295372.0</t>
  </si>
  <si>
    <t>32583954.0</t>
  </si>
  <si>
    <t>31201924.0</t>
  </si>
  <si>
    <t>18509494.0</t>
  </si>
  <si>
    <t>29480.0</t>
  </si>
  <si>
    <t>214.01</t>
  </si>
  <si>
    <t>27833.0</t>
  </si>
  <si>
    <t>723.793691050848</t>
  </si>
  <si>
    <t>59642149.0</t>
  </si>
  <si>
    <t>93827.0</t>
  </si>
  <si>
    <t>1563.154</t>
  </si>
  <si>
    <t>42782.0</t>
  </si>
  <si>
    <t>0.1768</t>
  </si>
  <si>
    <t>82308457.0</t>
  </si>
  <si>
    <t>32584569.0</t>
  </si>
  <si>
    <t>31203686.0</t>
  </si>
  <si>
    <t>18520202.0</t>
  </si>
  <si>
    <t>31012.0</t>
  </si>
  <si>
    <t>214.04</t>
  </si>
  <si>
    <t>59740722.0</t>
  </si>
  <si>
    <t>98573.0</t>
  </si>
  <si>
    <t>1565.737</t>
  </si>
  <si>
    <t>82331416.0</t>
  </si>
  <si>
    <t>32585784.0</t>
  </si>
  <si>
    <t>31206290.0</t>
  </si>
  <si>
    <t>18539342.0</t>
  </si>
  <si>
    <t>22959.0</t>
  </si>
  <si>
    <t>214.1</t>
  </si>
  <si>
    <t>48.21</t>
  </si>
  <si>
    <t>59788211.0</t>
  </si>
  <si>
    <t>47489.0</t>
  </si>
  <si>
    <t>1566.982</t>
  </si>
  <si>
    <t>53188.0</t>
  </si>
  <si>
    <t>82377670.0</t>
  </si>
  <si>
    <t>32588486.0</t>
  </si>
  <si>
    <t>31213313.0</t>
  </si>
  <si>
    <t>18575871.0</t>
  </si>
  <si>
    <t>46254.0</t>
  </si>
  <si>
    <t>84.75</t>
  </si>
  <si>
    <t>59839826.0</t>
  </si>
  <si>
    <t>51615.0</t>
  </si>
  <si>
    <t>1568.335</t>
  </si>
  <si>
    <t>53623.0</t>
  </si>
  <si>
    <t>82429836.0</t>
  </si>
  <si>
    <t>32590238.0</t>
  </si>
  <si>
    <t>31218753.0</t>
  </si>
  <si>
    <t>18620845.0</t>
  </si>
  <si>
    <t>52166.0</t>
  </si>
  <si>
    <t>32741.0</t>
  </si>
  <si>
    <t>214.36</t>
  </si>
  <si>
    <t>59899951.0</t>
  </si>
  <si>
    <t>60125.0</t>
  </si>
  <si>
    <t>1569.91</t>
  </si>
  <si>
    <t>55002.0</t>
  </si>
  <si>
    <t>82489717.0</t>
  </si>
  <si>
    <t>32591571.0</t>
  </si>
  <si>
    <t>31221482.0</t>
  </si>
  <si>
    <t>18676664.0</t>
  </si>
  <si>
    <t>36190.0</t>
  </si>
  <si>
    <t>214.51</t>
  </si>
  <si>
    <t>48.57</t>
  </si>
  <si>
    <t>10.116</t>
  </si>
  <si>
    <t>59932998.0</t>
  </si>
  <si>
    <t>33047.0</t>
  </si>
  <si>
    <t>1570.777</t>
  </si>
  <si>
    <t>55601.0</t>
  </si>
  <si>
    <t>82553628.0</t>
  </si>
  <si>
    <t>32593114.0</t>
  </si>
  <si>
    <t>31224559.0</t>
  </si>
  <si>
    <t>18735955.0</t>
  </si>
  <si>
    <t>214.68</t>
  </si>
  <si>
    <t>48.72</t>
  </si>
  <si>
    <t>10.142</t>
  </si>
  <si>
    <t>59938101.0</t>
  </si>
  <si>
    <t>1570.91</t>
  </si>
  <si>
    <t>55683.0</t>
  </si>
  <si>
    <t>82610307.0</t>
  </si>
  <si>
    <t>32594657.0</t>
  </si>
  <si>
    <t>31228738.0</t>
  </si>
  <si>
    <t>18786912.0</t>
  </si>
  <si>
    <t>56679.0</t>
  </si>
  <si>
    <t>44991.0</t>
  </si>
  <si>
    <t>214.83</t>
  </si>
  <si>
    <t>27939.1</t>
  </si>
  <si>
    <t>726.552808308078</t>
  </si>
  <si>
    <t>60047384.0</t>
  </si>
  <si>
    <t>109283.0</t>
  </si>
  <si>
    <t>1573.774</t>
  </si>
  <si>
    <t>57891.0</t>
  </si>
  <si>
    <t>82636549.0</t>
  </si>
  <si>
    <t>32595239.0</t>
  </si>
  <si>
    <t>31230167.0</t>
  </si>
  <si>
    <t>18811143.0</t>
  </si>
  <si>
    <t>26242.0</t>
  </si>
  <si>
    <t>46870.0</t>
  </si>
  <si>
    <t>214.9</t>
  </si>
  <si>
    <t>60083036.0</t>
  </si>
  <si>
    <t>35652.0</t>
  </si>
  <si>
    <t>1574.709</t>
  </si>
  <si>
    <t>48902.0</t>
  </si>
  <si>
    <t>82694153.0</t>
  </si>
  <si>
    <t>32596760.0</t>
  </si>
  <si>
    <t>31232078.0</t>
  </si>
  <si>
    <t>18865315.0</t>
  </si>
  <si>
    <t>57604.0</t>
  </si>
  <si>
    <t>51820.0</t>
  </si>
  <si>
    <t>215.05</t>
  </si>
  <si>
    <t>60149136.0</t>
  </si>
  <si>
    <t>66100.0</t>
  </si>
  <si>
    <t>1576.441</t>
  </si>
  <si>
    <t>51561.0</t>
  </si>
  <si>
    <t>82791206.0</t>
  </si>
  <si>
    <t>32599632.0</t>
  </si>
  <si>
    <t>31237895.0</t>
  </si>
  <si>
    <t>18953679.0</t>
  </si>
  <si>
    <t>59077.0</t>
  </si>
  <si>
    <t>215.3</t>
  </si>
  <si>
    <t>6509.0</t>
  </si>
  <si>
    <t>60207453.0</t>
  </si>
  <si>
    <t>58317.0</t>
  </si>
  <si>
    <t>1577.97</t>
  </si>
  <si>
    <t>52518.0</t>
  </si>
  <si>
    <t>82877032.0</t>
  </si>
  <si>
    <t>32601063.0</t>
  </si>
  <si>
    <t>31240266.0</t>
  </si>
  <si>
    <t>19035703.0</t>
  </si>
  <si>
    <t>85826.0</t>
  </si>
  <si>
    <t>63885.0</t>
  </si>
  <si>
    <t>215.52</t>
  </si>
  <si>
    <t>170.67</t>
  </si>
  <si>
    <t>60243655.0</t>
  </si>
  <si>
    <t>36202.0</t>
  </si>
  <si>
    <t>1578.919</t>
  </si>
  <si>
    <t>49101.0</t>
  </si>
  <si>
    <t>82967677.0</t>
  </si>
  <si>
    <t>32602879.0</t>
  </si>
  <si>
    <t>31243346.0</t>
  </si>
  <si>
    <t>19121452.0</t>
  </si>
  <si>
    <t>68280.0</t>
  </si>
  <si>
    <t>6613.0</t>
  </si>
  <si>
    <t>60251126.0</t>
  </si>
  <si>
    <t>1579.114</t>
  </si>
  <si>
    <t>45447.0</t>
  </si>
  <si>
    <t>0.3126</t>
  </si>
  <si>
    <t>83009859.0</t>
  </si>
  <si>
    <t>32603573.0</t>
  </si>
  <si>
    <t>31244577.0</t>
  </si>
  <si>
    <t>19161709.0</t>
  </si>
  <si>
    <t>65176.0</t>
  </si>
  <si>
    <t>215.87</t>
  </si>
  <si>
    <t>60257508.0</t>
  </si>
  <si>
    <t>6382.0</t>
  </si>
  <si>
    <t>1579.282</t>
  </si>
  <si>
    <t>45630.0</t>
  </si>
  <si>
    <t>83058885.0</t>
  </si>
  <si>
    <t>32604898.0</t>
  </si>
  <si>
    <t>19206525.0</t>
  </si>
  <si>
    <t>49026.0</t>
  </si>
  <si>
    <t>64083.0</t>
  </si>
  <si>
    <t>215.99</t>
  </si>
  <si>
    <t>49.95</t>
  </si>
  <si>
    <t>28002.2</t>
  </si>
  <si>
    <t>728.193715932312</t>
  </si>
  <si>
    <t>60261536.0</t>
  </si>
  <si>
    <t>1579.387</t>
  </si>
  <si>
    <t>30593.0</t>
  </si>
  <si>
    <t>0.5287</t>
  </si>
  <si>
    <t>83065817.0</t>
  </si>
  <si>
    <t>32605288.0</t>
  </si>
  <si>
    <t>19212575.0</t>
  </si>
  <si>
    <t>61324.0</t>
  </si>
  <si>
    <t>60442165.0</t>
  </si>
  <si>
    <t>180629.0</t>
  </si>
  <si>
    <t>1584.121</t>
  </si>
  <si>
    <t>4.734</t>
  </si>
  <si>
    <t>51304.0</t>
  </si>
  <si>
    <t>0.3372</t>
  </si>
  <si>
    <t>83105052.0</t>
  </si>
  <si>
    <t>32606877.0</t>
  </si>
  <si>
    <t>19248735.0</t>
  </si>
  <si>
    <t>39235.0</t>
  </si>
  <si>
    <t>58700.0</t>
  </si>
  <si>
    <t>60485077.0</t>
  </si>
  <si>
    <t>42912.0</t>
  </si>
  <si>
    <t>1585.246</t>
  </si>
  <si>
    <t>47992.0</t>
  </si>
  <si>
    <t>83222788.0</t>
  </si>
  <si>
    <t>32617381.0</t>
  </si>
  <si>
    <t>31247444.0</t>
  </si>
  <si>
    <t>19357963.0</t>
  </si>
  <si>
    <t>117736.0</t>
  </si>
  <si>
    <t>216.42</t>
  </si>
  <si>
    <t>60536359.0</t>
  </si>
  <si>
    <t>51282.0</t>
  </si>
  <si>
    <t>1586.59</t>
  </si>
  <si>
    <t>83443290.0</t>
  </si>
  <si>
    <t>32654648.0</t>
  </si>
  <si>
    <t>31285680.0</t>
  </si>
  <si>
    <t>19502962.0</t>
  </si>
  <si>
    <t>220502.0</t>
  </si>
  <si>
    <t>80894.0</t>
  </si>
  <si>
    <t>216.99</t>
  </si>
  <si>
    <t>60588415.0</t>
  </si>
  <si>
    <t>52056.0</t>
  </si>
  <si>
    <t>1587.954</t>
  </si>
  <si>
    <t>49251.0</t>
  </si>
  <si>
    <t>83521683.0</t>
  </si>
  <si>
    <t>32656224.0</t>
  </si>
  <si>
    <t>31288015.0</t>
  </si>
  <si>
    <t>19577444.0</t>
  </si>
  <si>
    <t>78393.0</t>
  </si>
  <si>
    <t>79144.0</t>
  </si>
  <si>
    <t>50.91</t>
  </si>
  <si>
    <t>60621246.0</t>
  </si>
  <si>
    <t>32831.0</t>
  </si>
  <si>
    <t>1588.815</t>
  </si>
  <si>
    <t>52874.0</t>
  </si>
  <si>
    <t>83596095.0</t>
  </si>
  <si>
    <t>32657942.0</t>
  </si>
  <si>
    <t>31290709.0</t>
  </si>
  <si>
    <t>19647444.0</t>
  </si>
  <si>
    <t>74412.0</t>
  </si>
  <si>
    <t>83748.0</t>
  </si>
  <si>
    <t>217.39</t>
  </si>
  <si>
    <t>60625588.0</t>
  </si>
  <si>
    <t>1588.929</t>
  </si>
  <si>
    <t>52583.0</t>
  </si>
  <si>
    <t>83646348.0</t>
  </si>
  <si>
    <t>32659538.0</t>
  </si>
  <si>
    <t>31293863.0</t>
  </si>
  <si>
    <t>19692947.0</t>
  </si>
  <si>
    <t>50253.0</t>
  </si>
  <si>
    <t>83923.0</t>
  </si>
  <si>
    <t>28094.3</t>
  </si>
  <si>
    <t>730.58876493694</t>
  </si>
  <si>
    <t>60712755.0</t>
  </si>
  <si>
    <t>87167.0</t>
  </si>
  <si>
    <t>1591.213</t>
  </si>
  <si>
    <t>64460.0</t>
  </si>
  <si>
    <t>83668600.0</t>
  </si>
  <si>
    <t>32660257.0</t>
  </si>
  <si>
    <t>31295135.0</t>
  </si>
  <si>
    <t>19713208.0</t>
  </si>
  <si>
    <t>86112.0</t>
  </si>
  <si>
    <t>60778047.0</t>
  </si>
  <si>
    <t>65292.0</t>
  </si>
  <si>
    <t>1592.924</t>
  </si>
  <si>
    <t>47983.0</t>
  </si>
  <si>
    <t>0.1849</t>
  </si>
  <si>
    <t>83720468.0</t>
  </si>
  <si>
    <t>32662457.0</t>
  </si>
  <si>
    <t>31297071.0</t>
  </si>
  <si>
    <t>19760940.0</t>
  </si>
  <si>
    <t>51868.0</t>
  </si>
  <si>
    <t>87917.0</t>
  </si>
  <si>
    <t>217.71</t>
  </si>
  <si>
    <t>81.39</t>
  </si>
  <si>
    <t>60819571.0</t>
  </si>
  <si>
    <t>1594.013</t>
  </si>
  <si>
    <t>47785.0</t>
  </si>
  <si>
    <t>83820034.0</t>
  </si>
  <si>
    <t>32665766.0</t>
  </si>
  <si>
    <t>31302190.0</t>
  </si>
  <si>
    <t>19852078.0</t>
  </si>
  <si>
    <t>99566.0</t>
  </si>
  <si>
    <t>85321.0</t>
  </si>
  <si>
    <t>217.97</t>
  </si>
  <si>
    <t>186.767</t>
  </si>
  <si>
    <t>60871310.0</t>
  </si>
  <si>
    <t>51739.0</t>
  </si>
  <si>
    <t>1595.369</t>
  </si>
  <si>
    <t>47850.0</t>
  </si>
  <si>
    <t>83937844.0</t>
  </si>
  <si>
    <t>32671985.0</t>
  </si>
  <si>
    <t>31307110.0</t>
  </si>
  <si>
    <t>19958749.0</t>
  </si>
  <si>
    <t>117810.0</t>
  </si>
  <si>
    <t>70651.0</t>
  </si>
  <si>
    <t>218.28</t>
  </si>
  <si>
    <t>84.96</t>
  </si>
  <si>
    <t>60915980.0</t>
  </si>
  <si>
    <t>44670.0</t>
  </si>
  <si>
    <t>1596.539</t>
  </si>
  <si>
    <t>46795.0</t>
  </si>
  <si>
    <t>84004794.0</t>
  </si>
  <si>
    <t>32673674.0</t>
  </si>
  <si>
    <t>31309330.0</t>
  </si>
  <si>
    <t>20021790.0</t>
  </si>
  <si>
    <t>69016.0</t>
  </si>
  <si>
    <t>218.45</t>
  </si>
  <si>
    <t>84.97</t>
  </si>
  <si>
    <t>60940299.0</t>
  </si>
  <si>
    <t>24319.0</t>
  </si>
  <si>
    <t>1597.177</t>
  </si>
  <si>
    <t>45579.0</t>
  </si>
  <si>
    <t>0.1674</t>
  </si>
  <si>
    <t>84066328.0</t>
  </si>
  <si>
    <t>32675103.0</t>
  </si>
  <si>
    <t>31311704.0</t>
  </si>
  <si>
    <t>20079521.0</t>
  </si>
  <si>
    <t>61534.0</t>
  </si>
  <si>
    <t>218.61</t>
  </si>
  <si>
    <t>60943345.0</t>
  </si>
  <si>
    <t>45394.0</t>
  </si>
  <si>
    <t>84106133.0</t>
  </si>
  <si>
    <t>32676353.0</t>
  </si>
  <si>
    <t>31314120.0</t>
  </si>
  <si>
    <t>20115660.0</t>
  </si>
  <si>
    <t>39805.0</t>
  </si>
  <si>
    <t>65684.0</t>
  </si>
  <si>
    <t>28280.4</t>
  </si>
  <si>
    <t>735.428272209047</t>
  </si>
  <si>
    <t>61020893.0</t>
  </si>
  <si>
    <t>77548.0</t>
  </si>
  <si>
    <t>1599.289</t>
  </si>
  <si>
    <t>84120111.0</t>
  </si>
  <si>
    <t>32676849.0</t>
  </si>
  <si>
    <t>31314947.0</t>
  </si>
  <si>
    <t>20128315.0</t>
  </si>
  <si>
    <t>13978.0</t>
  </si>
  <si>
    <t>64502.0</t>
  </si>
  <si>
    <t>218.75</t>
  </si>
  <si>
    <t>61084458.0</t>
  </si>
  <si>
    <t>1600.955</t>
  </si>
  <si>
    <t>43773.0</t>
  </si>
  <si>
    <t>84158921.0</t>
  </si>
  <si>
    <t>32679275.0</t>
  </si>
  <si>
    <t>31316752.0</t>
  </si>
  <si>
    <t>20162894.0</t>
  </si>
  <si>
    <t>38810.0</t>
  </si>
  <si>
    <t>62636.0</t>
  </si>
  <si>
    <t>52.43</t>
  </si>
  <si>
    <t>10.948</t>
  </si>
  <si>
    <t>61107311.0</t>
  </si>
  <si>
    <t>1601.554</t>
  </si>
  <si>
    <t>0.1592</t>
  </si>
  <si>
    <t>84251013.0</t>
  </si>
  <si>
    <t>32682746.0</t>
  </si>
  <si>
    <t>31322093.0</t>
  </si>
  <si>
    <t>20246174.0</t>
  </si>
  <si>
    <t>92092.0</t>
  </si>
  <si>
    <t>61568.0</t>
  </si>
  <si>
    <t>219.09</t>
  </si>
  <si>
    <t>61161915.0</t>
  </si>
  <si>
    <t>54604.0</t>
  </si>
  <si>
    <t>1602.985</t>
  </si>
  <si>
    <t>41515.0</t>
  </si>
  <si>
    <t>84361304.0</t>
  </si>
  <si>
    <t>32687208.0</t>
  </si>
  <si>
    <t>31328384.0</t>
  </si>
  <si>
    <t>20345712.0</t>
  </si>
  <si>
    <t>110291.0</t>
  </si>
  <si>
    <t>61200055.0</t>
  </si>
  <si>
    <t>1603.985</t>
  </si>
  <si>
    <t>40582.0</t>
  </si>
  <si>
    <t>84418077.0</t>
  </si>
  <si>
    <t>32688888.0</t>
  </si>
  <si>
    <t>31330442.0</t>
  </si>
  <si>
    <t>20398747.0</t>
  </si>
  <si>
    <t>56773.0</t>
  </si>
  <si>
    <t>219.53</t>
  </si>
  <si>
    <t>61223661.0</t>
  </si>
  <si>
    <t>23606.0</t>
  </si>
  <si>
    <t>1604.603</t>
  </si>
  <si>
    <t>84471986.0</t>
  </si>
  <si>
    <t>32690375.0</t>
  </si>
  <si>
    <t>31332485.0</t>
  </si>
  <si>
    <t>20449126.0</t>
  </si>
  <si>
    <t>53909.0</t>
  </si>
  <si>
    <t>57951.0</t>
  </si>
  <si>
    <t>171.45</t>
  </si>
  <si>
    <t>61226715.0</t>
  </si>
  <si>
    <t>1604.683</t>
  </si>
  <si>
    <t>40481.0</t>
  </si>
  <si>
    <t>84509118.0</t>
  </si>
  <si>
    <t>32691759.0</t>
  </si>
  <si>
    <t>31334681.0</t>
  </si>
  <si>
    <t>20482678.0</t>
  </si>
  <si>
    <t>37132.0</t>
  </si>
  <si>
    <t>57569.0</t>
  </si>
  <si>
    <t>28577.5</t>
  </si>
  <si>
    <t>743.154320626796</t>
  </si>
  <si>
    <t>9.258</t>
  </si>
  <si>
    <t>6579.0</t>
  </si>
  <si>
    <t>61306765.0</t>
  </si>
  <si>
    <t>80050.0</t>
  </si>
  <si>
    <t>1606.781</t>
  </si>
  <si>
    <t>40839.0</t>
  </si>
  <si>
    <t>84523101.0</t>
  </si>
  <si>
    <t>32696839.0</t>
  </si>
  <si>
    <t>31335474.0</t>
  </si>
  <si>
    <t>20490788.0</t>
  </si>
  <si>
    <t>85.03</t>
  </si>
  <si>
    <t>61336687.0</t>
  </si>
  <si>
    <t>29922.0</t>
  </si>
  <si>
    <t>1607.566</t>
  </si>
  <si>
    <t>84559800.0</t>
  </si>
  <si>
    <t>32715947.0</t>
  </si>
  <si>
    <t>31337111.0</t>
  </si>
  <si>
    <t>20506742.0</t>
  </si>
  <si>
    <t>36699.0</t>
  </si>
  <si>
    <t>57268.0</t>
  </si>
  <si>
    <t>61391416.0</t>
  </si>
  <si>
    <t>84640451.0</t>
  </si>
  <si>
    <t>31341377.0</t>
  </si>
  <si>
    <t>20555189.0</t>
  </si>
  <si>
    <t>80651.0</t>
  </si>
  <si>
    <t>55634.0</t>
  </si>
  <si>
    <t>220.11</t>
  </si>
  <si>
    <t>61436458.0</t>
  </si>
  <si>
    <t>45042.0</t>
  </si>
  <si>
    <t>1610.181</t>
  </si>
  <si>
    <t>39220.0</t>
  </si>
  <si>
    <t>84713309.0</t>
  </si>
  <si>
    <t>31343697.0</t>
  </si>
  <si>
    <t>20599500.0</t>
  </si>
  <si>
    <t>50286.0</t>
  </si>
  <si>
    <t>61474557.0</t>
  </si>
  <si>
    <t>38099.0</t>
  </si>
  <si>
    <t>1611.179</t>
  </si>
  <si>
    <t>39215.0</t>
  </si>
  <si>
    <t>84737821.0</t>
  </si>
  <si>
    <t>31344462.0</t>
  </si>
  <si>
    <t>20622786.0</t>
  </si>
  <si>
    <t>24512.0</t>
  </si>
  <si>
    <t>45678.0</t>
  </si>
  <si>
    <t>220.36</t>
  </si>
  <si>
    <t>61495461.0</t>
  </si>
  <si>
    <t>1611.727</t>
  </si>
  <si>
    <t>38829.0</t>
  </si>
  <si>
    <t>84782244.0</t>
  </si>
  <si>
    <t>31346409.0</t>
  </si>
  <si>
    <t>20640959.0</t>
  </si>
  <si>
    <t>44423.0</t>
  </si>
  <si>
    <t>44323.0</t>
  </si>
  <si>
    <t>61498258.0</t>
  </si>
  <si>
    <t>1611.8</t>
  </si>
  <si>
    <t>38792.0</t>
  </si>
  <si>
    <t>0.1085</t>
  </si>
  <si>
    <t>84824174.0</t>
  </si>
  <si>
    <t>31348630.0</t>
  </si>
  <si>
    <t>20657916.0</t>
  </si>
  <si>
    <t>41930.0</t>
  </si>
  <si>
    <t>45008.0</t>
  </si>
  <si>
    <t>29129.6</t>
  </si>
  <si>
    <t>757.511612216965</t>
  </si>
  <si>
    <t>61538265.0</t>
  </si>
  <si>
    <t>40007.0</t>
  </si>
  <si>
    <t>1612.849</t>
  </si>
  <si>
    <t>33071.0</t>
  </si>
  <si>
    <t>84829565.0</t>
  </si>
  <si>
    <t>31348964.0</t>
  </si>
  <si>
    <t>20662798.0</t>
  </si>
  <si>
    <t>43781.0</t>
  </si>
  <si>
    <t>149.58</t>
  </si>
  <si>
    <t>61608584.0</t>
  </si>
  <si>
    <t>1614.692</t>
  </si>
  <si>
    <t>38842.0</t>
  </si>
  <si>
    <t>84886032.0</t>
  </si>
  <si>
    <t>31352513.0</t>
  </si>
  <si>
    <t>20678942.0</t>
  </si>
  <si>
    <t>56467.0</t>
  </si>
  <si>
    <t>61642137.0</t>
  </si>
  <si>
    <t>33553.0</t>
  </si>
  <si>
    <t>1615.571</t>
  </si>
  <si>
    <t>35817.0</t>
  </si>
  <si>
    <t>84956794.0</t>
  </si>
  <si>
    <t>31356552.0</t>
  </si>
  <si>
    <t>20720436.0</t>
  </si>
  <si>
    <t>70762.0</t>
  </si>
  <si>
    <t>61679093.0</t>
  </si>
  <si>
    <t>36956.0</t>
  </si>
  <si>
    <t>1616.54</t>
  </si>
  <si>
    <t>34662.0</t>
  </si>
  <si>
    <t>85100712.0</t>
  </si>
  <si>
    <t>31365306.0</t>
  </si>
  <si>
    <t>20824068.0</t>
  </si>
  <si>
    <t>143918.0</t>
  </si>
  <si>
    <t>55343.0</t>
  </si>
  <si>
    <t>5004.0</t>
  </si>
  <si>
    <t>61713195.0</t>
  </si>
  <si>
    <t>34102.0</t>
  </si>
  <si>
    <t>1617.434</t>
  </si>
  <si>
    <t>34091.0</t>
  </si>
  <si>
    <t>85138439.0</t>
  </si>
  <si>
    <t>31367150.0</t>
  </si>
  <si>
    <t>20838531.0</t>
  </si>
  <si>
    <t>37727.0</t>
  </si>
  <si>
    <t>61734622.0</t>
  </si>
  <si>
    <t>21427.0</t>
  </si>
  <si>
    <t>1617.995</t>
  </si>
  <si>
    <t>34166.0</t>
  </si>
  <si>
    <t>85173394.0</t>
  </si>
  <si>
    <t>31369070.0</t>
  </si>
  <si>
    <t>20851753.0</t>
  </si>
  <si>
    <t>34955.0</t>
  </si>
  <si>
    <t>55879.0</t>
  </si>
  <si>
    <t>61737520.0</t>
  </si>
  <si>
    <t>1618.071</t>
  </si>
  <si>
    <t>34180.0</t>
  </si>
  <si>
    <t>85194431.0</t>
  </si>
  <si>
    <t>31370798.0</t>
  </si>
  <si>
    <t>20862487.0</t>
  </si>
  <si>
    <t>52894.0</t>
  </si>
  <si>
    <t>29336.7</t>
  </si>
  <si>
    <t>762.897221867977</t>
  </si>
  <si>
    <t>7.671</t>
  </si>
  <si>
    <t>61740072.0</t>
  </si>
  <si>
    <t>1618.138</t>
  </si>
  <si>
    <t>28830.0</t>
  </si>
  <si>
    <t>85197697.0</t>
  </si>
  <si>
    <t>31371038.0</t>
  </si>
  <si>
    <t>20865399.0</t>
  </si>
  <si>
    <t>221.56</t>
  </si>
  <si>
    <t>61799873.0</t>
  </si>
  <si>
    <t>1619.705</t>
  </si>
  <si>
    <t>27327.0</t>
  </si>
  <si>
    <t>85211597.0</t>
  </si>
  <si>
    <t>31372063.0</t>
  </si>
  <si>
    <t>20877449.0</t>
  </si>
  <si>
    <t>61834912.0</t>
  </si>
  <si>
    <t>35039.0</t>
  </si>
  <si>
    <t>1620.624</t>
  </si>
  <si>
    <t>27539.0</t>
  </si>
  <si>
    <t>85264939.0</t>
  </si>
  <si>
    <t>31383586.0</t>
  </si>
  <si>
    <t>20908527.0</t>
  </si>
  <si>
    <t>44021.0</t>
  </si>
  <si>
    <t>221.73</t>
  </si>
  <si>
    <t>61863342.0</t>
  </si>
  <si>
    <t>28430.0</t>
  </si>
  <si>
    <t>1621.369</t>
  </si>
  <si>
    <t>85361080.0</t>
  </si>
  <si>
    <t>31388508.0</t>
  </si>
  <si>
    <t>20979154.0</t>
  </si>
  <si>
    <t>96141.0</t>
  </si>
  <si>
    <t>221.98</t>
  </si>
  <si>
    <t>61910352.0</t>
  </si>
  <si>
    <t>47010.0</t>
  </si>
  <si>
    <t>1622.601</t>
  </si>
  <si>
    <t>28165.0</t>
  </si>
  <si>
    <t>85393159.0</t>
  </si>
  <si>
    <t>31390309.0</t>
  </si>
  <si>
    <t>20990237.0</t>
  </si>
  <si>
    <t>32079.0</t>
  </si>
  <si>
    <t>36389.0</t>
  </si>
  <si>
    <t>61929937.0</t>
  </si>
  <si>
    <t>1623.114</t>
  </si>
  <si>
    <t>27902.0</t>
  </si>
  <si>
    <t>85422600.0</t>
  </si>
  <si>
    <t>31392253.0</t>
  </si>
  <si>
    <t>21000941.0</t>
  </si>
  <si>
    <t>29441.0</t>
  </si>
  <si>
    <t>35601.0</t>
  </si>
  <si>
    <t>222.14</t>
  </si>
  <si>
    <t>6.423</t>
  </si>
  <si>
    <t>61932171.0</t>
  </si>
  <si>
    <t>1623.173</t>
  </si>
  <si>
    <t>27807.0</t>
  </si>
  <si>
    <t>85443492.0</t>
  </si>
  <si>
    <t>31394327.0</t>
  </si>
  <si>
    <t>21010169.0</t>
  </si>
  <si>
    <t>20892.0</t>
  </si>
  <si>
    <t>35580.0</t>
  </si>
  <si>
    <t>222.19</t>
  </si>
  <si>
    <t>29428.8</t>
  </si>
  <si>
    <t>765.292270872604</t>
  </si>
  <si>
    <t>61988420.0</t>
  </si>
  <si>
    <t>56249.0</t>
  </si>
  <si>
    <t>1624.647</t>
  </si>
  <si>
    <t>35478.0</t>
  </si>
  <si>
    <t>85452059.0</t>
  </si>
  <si>
    <t>31395326.0</t>
  </si>
  <si>
    <t>21014218.0</t>
  </si>
  <si>
    <t>36337.0</t>
  </si>
  <si>
    <t>6.007</t>
  </si>
  <si>
    <t>62008453.0</t>
  </si>
  <si>
    <t>1625.172</t>
  </si>
  <si>
    <t>29797.0</t>
  </si>
  <si>
    <t>85472419.0</t>
  </si>
  <si>
    <t>31396929.0</t>
  </si>
  <si>
    <t>21021055.0</t>
  </si>
  <si>
    <t>20360.0</t>
  </si>
  <si>
    <t>37260.0</t>
  </si>
  <si>
    <t>222.27</t>
  </si>
  <si>
    <t>62032975.0</t>
  </si>
  <si>
    <t>24522.0</t>
  </si>
  <si>
    <t>1625.815</t>
  </si>
  <si>
    <t>85518572.0</t>
  </si>
  <si>
    <t>31400694.0</t>
  </si>
  <si>
    <t>21047519.0</t>
  </si>
  <si>
    <t>46153.0</t>
  </si>
  <si>
    <t>36233.0</t>
  </si>
  <si>
    <t>222.39</t>
  </si>
  <si>
    <t>62061577.0</t>
  </si>
  <si>
    <t>1626.564</t>
  </si>
  <si>
    <t>28319.0</t>
  </si>
  <si>
    <t>85602537.0</t>
  </si>
  <si>
    <t>32731538.0</t>
  </si>
  <si>
    <t>31405583.0</t>
  </si>
  <si>
    <t>21465416.0</t>
  </si>
  <si>
    <t>34494.0</t>
  </si>
  <si>
    <t>62094056.0</t>
  </si>
  <si>
    <t>32479.0</t>
  </si>
  <si>
    <t>1627.415</t>
  </si>
  <si>
    <t>26243.0</t>
  </si>
  <si>
    <t>85624820.0</t>
  </si>
  <si>
    <t>32732684.0</t>
  </si>
  <si>
    <t>31407257.0</t>
  </si>
  <si>
    <t>21484879.0</t>
  </si>
  <si>
    <t>22283.0</t>
  </si>
  <si>
    <t>222.67</t>
  </si>
  <si>
    <t>55.87</t>
  </si>
  <si>
    <t>5.045</t>
  </si>
  <si>
    <t>62099949.0</t>
  </si>
  <si>
    <t>1627.57</t>
  </si>
  <si>
    <t>85644848.0</t>
  </si>
  <si>
    <t>32733857.0</t>
  </si>
  <si>
    <t>21501853.0</t>
  </si>
  <si>
    <t>20028.0</t>
  </si>
  <si>
    <t>31750.0</t>
  </si>
  <si>
    <t>222.72</t>
  </si>
  <si>
    <t>62101982.0</t>
  </si>
  <si>
    <t>1627.623</t>
  </si>
  <si>
    <t>24259.0</t>
  </si>
  <si>
    <t>85662797.0</t>
  </si>
  <si>
    <t>32738144.0</t>
  </si>
  <si>
    <t>21513335.0</t>
  </si>
  <si>
    <t>17949.0</t>
  </si>
  <si>
    <t>222.77</t>
  </si>
  <si>
    <t>29445.9</t>
  </si>
  <si>
    <t>765.736954238284</t>
  </si>
  <si>
    <t>96.66</t>
  </si>
  <si>
    <t>62177630.0</t>
  </si>
  <si>
    <t>75648.0</t>
  </si>
  <si>
    <t>1629.606</t>
  </si>
  <si>
    <t>27030.0</t>
  </si>
  <si>
    <t>85668786.0</t>
  </si>
  <si>
    <t>32738507.0</t>
  </si>
  <si>
    <t>21518260.0</t>
  </si>
  <si>
    <t>30961.0</t>
  </si>
  <si>
    <t>222.78</t>
  </si>
  <si>
    <t>85685680.0</t>
  </si>
  <si>
    <t>32739508.0</t>
  </si>
  <si>
    <t>21532683.0</t>
  </si>
  <si>
    <t>30466.0</t>
  </si>
  <si>
    <t>222.82</t>
  </si>
  <si>
    <t>85717264.0</t>
  </si>
  <si>
    <t>32749639.0</t>
  </si>
  <si>
    <t>31409083.0</t>
  </si>
  <si>
    <t>21558542.0</t>
  </si>
  <si>
    <t>31584.0</t>
  </si>
  <si>
    <t>222.91</t>
  </si>
  <si>
    <t>85805103.0</t>
  </si>
  <si>
    <t>32752864.0</t>
  </si>
  <si>
    <t>31413645.0</t>
  </si>
  <si>
    <t>21638594.0</t>
  </si>
  <si>
    <t>87839.0</t>
  </si>
  <si>
    <t>28938.0</t>
  </si>
  <si>
    <t>223.14</t>
  </si>
  <si>
    <t>85826396.0</t>
  </si>
  <si>
    <t>32754116.0</t>
  </si>
  <si>
    <t>31415405.0</t>
  </si>
  <si>
    <t>21656875.0</t>
  </si>
  <si>
    <t>21293.0</t>
  </si>
  <si>
    <t>28797.0</t>
  </si>
  <si>
    <t>223.19</t>
  </si>
  <si>
    <t>85845856.0</t>
  </si>
  <si>
    <t>32755167.0</t>
  </si>
  <si>
    <t>31416997.0</t>
  </si>
  <si>
    <t>21673692.0</t>
  </si>
  <si>
    <t>19460.0</t>
  </si>
  <si>
    <t>28715.0</t>
  </si>
  <si>
    <t>223.24</t>
  </si>
  <si>
    <t>85859393.0</t>
  </si>
  <si>
    <t>32756145.0</t>
  </si>
  <si>
    <t>31418993.0</t>
  </si>
  <si>
    <t>21684255.0</t>
  </si>
  <si>
    <t>13537.0</t>
  </si>
  <si>
    <t>28085.0</t>
  </si>
  <si>
    <t>-0.89</t>
  </si>
  <si>
    <t>764.46531584169</t>
  </si>
  <si>
    <t>85865019.0</t>
  </si>
  <si>
    <t>32756594.0</t>
  </si>
  <si>
    <t>31419750.0</t>
  </si>
  <si>
    <t>21688675.0</t>
  </si>
  <si>
    <t>5626.0</t>
  </si>
  <si>
    <t>28033.0</t>
  </si>
  <si>
    <t>223.29</t>
  </si>
  <si>
    <t>85880659.0</t>
  </si>
  <si>
    <t>32757571.0</t>
  </si>
  <si>
    <t>31421013.0</t>
  </si>
  <si>
    <t>21702075.0</t>
  </si>
  <si>
    <t>15640.0</t>
  </si>
  <si>
    <t>27854.0</t>
  </si>
  <si>
    <t>85914126.0</t>
  </si>
  <si>
    <t>32759798.0</t>
  </si>
  <si>
    <t>31424374.0</t>
  </si>
  <si>
    <t>21729954.0</t>
  </si>
  <si>
    <t>33467.0</t>
  </si>
  <si>
    <t>28123.0</t>
  </si>
  <si>
    <t>223.42</t>
  </si>
  <si>
    <t>85994239.0</t>
  </si>
  <si>
    <t>32762939.0</t>
  </si>
  <si>
    <t>31428844.0</t>
  </si>
  <si>
    <t>21802456.0</t>
  </si>
  <si>
    <t>80113.0</t>
  </si>
  <si>
    <t>223.63</t>
  </si>
  <si>
    <t>85.2</t>
  </si>
  <si>
    <t>86011775.0</t>
  </si>
  <si>
    <t>32763767.0</t>
  </si>
  <si>
    <t>31430082.0</t>
  </si>
  <si>
    <t>21817926.0</t>
  </si>
  <si>
    <t>26483.0</t>
  </si>
  <si>
    <t>223.67</t>
  </si>
  <si>
    <t>86029705.0</t>
  </si>
  <si>
    <t>32764646.0</t>
  </si>
  <si>
    <t>31431466.0</t>
  </si>
  <si>
    <t>21833593.0</t>
  </si>
  <si>
    <t>17930.0</t>
  </si>
  <si>
    <t>26264.0</t>
  </si>
  <si>
    <t>223.72</t>
  </si>
  <si>
    <t>86042203.0</t>
  </si>
  <si>
    <t>32765451.0</t>
  </si>
  <si>
    <t>31433049.0</t>
  </si>
  <si>
    <t>21843703.0</t>
  </si>
  <si>
    <t>223.75</t>
  </si>
  <si>
    <t>29226.1</t>
  </si>
  <si>
    <t>-3.12</t>
  </si>
  <si>
    <t>760.02108267241</t>
  </si>
  <si>
    <t>86048427.0</t>
  </si>
  <si>
    <t>32765810.0</t>
  </si>
  <si>
    <t>31433775.0</t>
  </si>
  <si>
    <t>21848842.0</t>
  </si>
  <si>
    <t>26201.0</t>
  </si>
  <si>
    <t>223.77</t>
  </si>
  <si>
    <t>85.608</t>
  </si>
  <si>
    <t>86063069.0</t>
  </si>
  <si>
    <t>32766619.0</t>
  </si>
  <si>
    <t>31434832.0</t>
  </si>
  <si>
    <t>21861618.0</t>
  </si>
  <si>
    <t>26059.0</t>
  </si>
  <si>
    <t>223.81</t>
  </si>
  <si>
    <t>86092018.0</t>
  </si>
  <si>
    <t>32768241.0</t>
  </si>
  <si>
    <t>31437197.0</t>
  </si>
  <si>
    <t>21886580.0</t>
  </si>
  <si>
    <t>28949.0</t>
  </si>
  <si>
    <t>25413.0</t>
  </si>
  <si>
    <t>223.88</t>
  </si>
  <si>
    <t>86173422.0</t>
  </si>
  <si>
    <t>32773313.0</t>
  </si>
  <si>
    <t>31441064.0</t>
  </si>
  <si>
    <t>21959045.0</t>
  </si>
  <si>
    <t>81404.0</t>
  </si>
  <si>
    <t>4.057</t>
  </si>
  <si>
    <t>86197486.0</t>
  </si>
  <si>
    <t>32774571.0</t>
  </si>
  <si>
    <t>31442958.0</t>
  </si>
  <si>
    <t>21979957.0</t>
  </si>
  <si>
    <t>24064.0</t>
  </si>
  <si>
    <t>224.16</t>
  </si>
  <si>
    <t>57.16</t>
  </si>
  <si>
    <t>4.005</t>
  </si>
  <si>
    <t>86212881.0</t>
  </si>
  <si>
    <t>32775198.0</t>
  </si>
  <si>
    <t>31444019.0</t>
  </si>
  <si>
    <t>21993664.0</t>
  </si>
  <si>
    <t>26168.0</t>
  </si>
  <si>
    <t>224.2</t>
  </si>
  <si>
    <t>86224926.0</t>
  </si>
  <si>
    <t>32775817.0</t>
  </si>
  <si>
    <t>31445322.0</t>
  </si>
  <si>
    <t>22003787.0</t>
  </si>
  <si>
    <t>224.23</t>
  </si>
  <si>
    <t>57.22</t>
  </si>
  <si>
    <t>28924.2</t>
  </si>
  <si>
    <t>752.170210853768</t>
  </si>
  <si>
    <t>86229670.0</t>
  </si>
  <si>
    <t>32776067.0</t>
  </si>
  <si>
    <t>31445882.0</t>
  </si>
  <si>
    <t>22007721.0</t>
  </si>
  <si>
    <t>25892.0</t>
  </si>
  <si>
    <t>224.24</t>
  </si>
  <si>
    <t>86243700.0</t>
  </si>
  <si>
    <t>32776785.0</t>
  </si>
  <si>
    <t>31446840.0</t>
  </si>
  <si>
    <t>22020075.0</t>
  </si>
  <si>
    <t>14030.0</t>
  </si>
  <si>
    <t>25804.0</t>
  </si>
  <si>
    <t>224.28</t>
  </si>
  <si>
    <t>3406.0</t>
  </si>
  <si>
    <t>86262333.0</t>
  </si>
  <si>
    <t>32777533.0</t>
  </si>
  <si>
    <t>31448044.0</t>
  </si>
  <si>
    <t>22036756.0</t>
  </si>
  <si>
    <t>18633.0</t>
  </si>
  <si>
    <t>24331.0</t>
  </si>
  <si>
    <t>224.32</t>
  </si>
  <si>
    <t>86285286.0</t>
  </si>
  <si>
    <t>32778859.0</t>
  </si>
  <si>
    <t>31450822.0</t>
  </si>
  <si>
    <t>22055605.0</t>
  </si>
  <si>
    <t>15981.0</t>
  </si>
  <si>
    <t>224.38</t>
  </si>
  <si>
    <t>57.36</t>
  </si>
  <si>
    <t>86.96</t>
  </si>
  <si>
    <t>86307371.0</t>
  </si>
  <si>
    <t>32779932.0</t>
  </si>
  <si>
    <t>31452484.0</t>
  </si>
  <si>
    <t>22074955.0</t>
  </si>
  <si>
    <t>22085.0</t>
  </si>
  <si>
    <t>15698.0</t>
  </si>
  <si>
    <t>224.44</t>
  </si>
  <si>
    <t>87.61</t>
  </si>
  <si>
    <t>86310020.0</t>
  </si>
  <si>
    <t>32780121.0</t>
  </si>
  <si>
    <t>31452745.0</t>
  </si>
  <si>
    <t>22077154.0</t>
  </si>
  <si>
    <t>224.45</t>
  </si>
  <si>
    <t>86322172.0</t>
  </si>
  <si>
    <t>32780733.0</t>
  </si>
  <si>
    <t>31453699.0</t>
  </si>
  <si>
    <t>22087740.0</t>
  </si>
  <si>
    <t>13892.0</t>
  </si>
  <si>
    <t>224.48</t>
  </si>
  <si>
    <t>85.25</t>
  </si>
  <si>
    <t>28605.3</t>
  </si>
  <si>
    <t>-5.83</t>
  </si>
  <si>
    <t>743.877256156965</t>
  </si>
  <si>
    <t>86327299.0</t>
  </si>
  <si>
    <t>32780975.0</t>
  </si>
  <si>
    <t>31454151.0</t>
  </si>
  <si>
    <t>22092173.0</t>
  </si>
  <si>
    <t>224.49</t>
  </si>
  <si>
    <t>86344188.0</t>
  </si>
  <si>
    <t>32781754.0</t>
  </si>
  <si>
    <t>31455161.0</t>
  </si>
  <si>
    <t>22107273.0</t>
  </si>
  <si>
    <t>16889.0</t>
  </si>
  <si>
    <t>224.54</t>
  </si>
  <si>
    <t>86389174.0</t>
  </si>
  <si>
    <t>32784529.0</t>
  </si>
  <si>
    <t>31459501.0</t>
  </si>
  <si>
    <t>22145144.0</t>
  </si>
  <si>
    <t>44986.0</t>
  </si>
  <si>
    <t>224.65</t>
  </si>
  <si>
    <t>86493313.0</t>
  </si>
  <si>
    <t>32787133.0</t>
  </si>
  <si>
    <t>31463530.0</t>
  </si>
  <si>
    <t>22242650.0</t>
  </si>
  <si>
    <t>104139.0</t>
  </si>
  <si>
    <t>29718.0</t>
  </si>
  <si>
    <t>224.92</t>
  </si>
  <si>
    <t>5.201</t>
  </si>
  <si>
    <t>86511407.0</t>
  </si>
  <si>
    <t>32787819.0</t>
  </si>
  <si>
    <t>31464510.0</t>
  </si>
  <si>
    <t>22259078.0</t>
  </si>
  <si>
    <t>29148.0</t>
  </si>
  <si>
    <t>224.97</t>
  </si>
  <si>
    <t>86552454.0</t>
  </si>
  <si>
    <t>32789582.0</t>
  </si>
  <si>
    <t>31466635.0</t>
  </si>
  <si>
    <t>22296237.0</t>
  </si>
  <si>
    <t>41047.0</t>
  </si>
  <si>
    <t>34633.0</t>
  </si>
  <si>
    <t>225.08</t>
  </si>
  <si>
    <t>85.27</t>
  </si>
  <si>
    <t>5.409</t>
  </si>
  <si>
    <t>86572894.0</t>
  </si>
  <si>
    <t>32790498.0</t>
  </si>
  <si>
    <t>31467616.0</t>
  </si>
  <si>
    <t>22314780.0</t>
  </si>
  <si>
    <t>28157.4</t>
  </si>
  <si>
    <t>-8.15</t>
  </si>
  <si>
    <t>732.229672561173</t>
  </si>
  <si>
    <t>109.22</t>
  </si>
  <si>
    <t>86581198.0</t>
  </si>
  <si>
    <t>32790951.0</t>
  </si>
  <si>
    <t>31468142.0</t>
  </si>
  <si>
    <t>22322105.0</t>
  </si>
  <si>
    <t>225.15</t>
  </si>
  <si>
    <t>86602259.0</t>
  </si>
  <si>
    <t>32791953.0</t>
  </si>
  <si>
    <t>31469154.0</t>
  </si>
  <si>
    <t>22341152.0</t>
  </si>
  <si>
    <t>225.21</t>
  </si>
  <si>
    <t>86689156.0</t>
  </si>
  <si>
    <t>32795983.0</t>
  </si>
  <si>
    <t>31474379.0</t>
  </si>
  <si>
    <t>22418794.0</t>
  </si>
  <si>
    <t>86897.0</t>
  </si>
  <si>
    <t>86719654.0</t>
  </si>
  <si>
    <t>32797147.0</t>
  </si>
  <si>
    <t>31475506.0</t>
  </si>
  <si>
    <t>22447001.0</t>
  </si>
  <si>
    <t>30498.0</t>
  </si>
  <si>
    <t>32334.0</t>
  </si>
  <si>
    <t>225.51</t>
  </si>
  <si>
    <t>5.253</t>
  </si>
  <si>
    <t>86764797.0</t>
  </si>
  <si>
    <t>32799123.0</t>
  </si>
  <si>
    <t>31477450.0</t>
  </si>
  <si>
    <t>22488224.0</t>
  </si>
  <si>
    <t>36199.0</t>
  </si>
  <si>
    <t>225.63</t>
  </si>
  <si>
    <t>86809232.0</t>
  </si>
  <si>
    <t>32800647.0</t>
  </si>
  <si>
    <t>31478759.0</t>
  </si>
  <si>
    <t>22529826.0</t>
  </si>
  <si>
    <t>44435.0</t>
  </si>
  <si>
    <t>36683.0</t>
  </si>
  <si>
    <t>225.75</t>
  </si>
  <si>
    <t>85.3</t>
  </si>
  <si>
    <t>86845316.0</t>
  </si>
  <si>
    <t>32801897.0</t>
  </si>
  <si>
    <t>31479837.0</t>
  </si>
  <si>
    <t>22563582.0</t>
  </si>
  <si>
    <t>36084.0</t>
  </si>
  <si>
    <t>225.84</t>
  </si>
  <si>
    <t>86860376.0</t>
  </si>
  <si>
    <t>32802294.0</t>
  </si>
  <si>
    <t>31480217.0</t>
  </si>
  <si>
    <t>22577865.0</t>
  </si>
  <si>
    <t>15060.0</t>
  </si>
  <si>
    <t>39883.0</t>
  </si>
  <si>
    <t>225.88</t>
  </si>
  <si>
    <t>86897908.0</t>
  </si>
  <si>
    <t>32803502.0</t>
  </si>
  <si>
    <t>31481383.0</t>
  </si>
  <si>
    <t>22613023.0</t>
  </si>
  <si>
    <t>37532.0</t>
  </si>
  <si>
    <t>42236.0</t>
  </si>
  <si>
    <t>225.98</t>
  </si>
  <si>
    <t>86966932.0</t>
  </si>
  <si>
    <t>31484411.0</t>
  </si>
  <si>
    <t>22676288.0</t>
  </si>
  <si>
    <t>69024.0</t>
  </si>
  <si>
    <t>39682.0</t>
  </si>
  <si>
    <t>6.137</t>
  </si>
  <si>
    <t>87062149.0</t>
  </si>
  <si>
    <t>31487568.0</t>
  </si>
  <si>
    <t>22765203.0</t>
  </si>
  <si>
    <t>95217.0</t>
  </si>
  <si>
    <t>48928.0</t>
  </si>
  <si>
    <t>226.4</t>
  </si>
  <si>
    <t>87114587.0</t>
  </si>
  <si>
    <t>22813927.0</t>
  </si>
  <si>
    <t>52438.0</t>
  </si>
  <si>
    <t>49970.0</t>
  </si>
  <si>
    <t>226.54</t>
  </si>
  <si>
    <t>87165220.0</t>
  </si>
  <si>
    <t>22860819.0</t>
  </si>
  <si>
    <t>50633.0</t>
  </si>
  <si>
    <t>50855.0</t>
  </si>
  <si>
    <t>59.45</t>
  </si>
  <si>
    <t>87198207.0</t>
  </si>
  <si>
    <t>22891491.0</t>
  </si>
  <si>
    <t>32987.0</t>
  </si>
  <si>
    <t>50413.0</t>
  </si>
  <si>
    <t>226.76</t>
  </si>
  <si>
    <t>6.709</t>
  </si>
  <si>
    <t>139.048</t>
  </si>
  <si>
    <t>87214618.0</t>
  </si>
  <si>
    <t>22906817.0</t>
  </si>
  <si>
    <t>16411.0</t>
  </si>
  <si>
    <t>50606.0</t>
  </si>
  <si>
    <t>226.8</t>
  </si>
  <si>
    <t>7.177</t>
  </si>
  <si>
    <t>87248306.0</t>
  </si>
  <si>
    <t>22937935.0</t>
  </si>
  <si>
    <t>33688.0</t>
  </si>
  <si>
    <t>50057.0</t>
  </si>
  <si>
    <t>226.89</t>
  </si>
  <si>
    <t>87464598.0</t>
  </si>
  <si>
    <t>32804071.0</t>
  </si>
  <si>
    <t>31489057.0</t>
  </si>
  <si>
    <t>23171470.0</t>
  </si>
  <si>
    <t>216292.0</t>
  </si>
  <si>
    <t>71095.0</t>
  </si>
  <si>
    <t>227.45</t>
  </si>
  <si>
    <t>87550509.0</t>
  </si>
  <si>
    <t>32807717.0</t>
  </si>
  <si>
    <t>31492553.0</t>
  </si>
  <si>
    <t>23250239.0</t>
  </si>
  <si>
    <t>85911.0</t>
  </si>
  <si>
    <t>69766.0</t>
  </si>
  <si>
    <t>227.67</t>
  </si>
  <si>
    <t>5313.0</t>
  </si>
  <si>
    <t>87581174.0</t>
  </si>
  <si>
    <t>31494379.0</t>
  </si>
  <si>
    <t>23287211.0</t>
  </si>
  <si>
    <t>30665.0</t>
  </si>
  <si>
    <t>66655.0</t>
  </si>
  <si>
    <t>227.75</t>
  </si>
  <si>
    <t>87589077.0</t>
  </si>
  <si>
    <t>31494992.0</t>
  </si>
  <si>
    <t>23304042.0</t>
  </si>
  <si>
    <t>60551.0</t>
  </si>
  <si>
    <t>227.77</t>
  </si>
  <si>
    <t>87608200.0</t>
  </si>
  <si>
    <t>31496027.0</t>
  </si>
  <si>
    <t>23330388.0</t>
  </si>
  <si>
    <t>19123.0</t>
  </si>
  <si>
    <t>58570.0</t>
  </si>
  <si>
    <t>227.82</t>
  </si>
  <si>
    <t>87695625.0</t>
  </si>
  <si>
    <t>32853371.0</t>
  </si>
  <si>
    <t>31496692.0</t>
  </si>
  <si>
    <t>23345562.0</t>
  </si>
  <si>
    <t>87425.0</t>
  </si>
  <si>
    <t>228.05</t>
  </si>
  <si>
    <t>85.43</t>
  </si>
  <si>
    <t>87712042.0</t>
  </si>
  <si>
    <t>32858962.0</t>
  </si>
  <si>
    <t>31497050.0</t>
  </si>
  <si>
    <t>23356030.0</t>
  </si>
  <si>
    <t>16417.0</t>
  </si>
  <si>
    <t>228.09</t>
  </si>
  <si>
    <t>87748060.0</t>
  </si>
  <si>
    <t>32861692.0</t>
  </si>
  <si>
    <t>31498497.0</t>
  </si>
  <si>
    <t>23387871.0</t>
  </si>
  <si>
    <t>36018.0</t>
  </si>
  <si>
    <t>40495.0</t>
  </si>
  <si>
    <t>228.19</t>
  </si>
  <si>
    <t>60.82</t>
  </si>
  <si>
    <t>87821303.0</t>
  </si>
  <si>
    <t>31501986.0</t>
  </si>
  <si>
    <t>23456969.0</t>
  </si>
  <si>
    <t>73243.0</t>
  </si>
  <si>
    <t>38685.0</t>
  </si>
  <si>
    <t>228.38</t>
  </si>
  <si>
    <t>87849440.0</t>
  </si>
  <si>
    <t>32861835.0</t>
  </si>
  <si>
    <t>31503240.0</t>
  </si>
  <si>
    <t>23484365.0</t>
  </si>
  <si>
    <t>28137.0</t>
  </si>
  <si>
    <t>38324.0</t>
  </si>
  <si>
    <t>228.45</t>
  </si>
  <si>
    <t>87878452.0</t>
  </si>
  <si>
    <t>32863741.0</t>
  </si>
  <si>
    <t>31504806.0</t>
  </si>
  <si>
    <t>23509905.0</t>
  </si>
  <si>
    <t>228.53</t>
  </si>
  <si>
    <t>6.917</t>
  </si>
  <si>
    <t>87901269.0</t>
  </si>
  <si>
    <t>31505664.0</t>
  </si>
  <si>
    <t>23527050.0</t>
  </si>
  <si>
    <t>22817.0</t>
  </si>
  <si>
    <t>41867.0</t>
  </si>
  <si>
    <t>87916862.0</t>
  </si>
  <si>
    <t>31505949.0</t>
  </si>
  <si>
    <t>23533496.0</t>
  </si>
  <si>
    <t>15593.0</t>
  </si>
  <si>
    <t>228.63</t>
  </si>
  <si>
    <t>138.58</t>
  </si>
  <si>
    <t>87947738.0</t>
  </si>
  <si>
    <t>31506833.0</t>
  </si>
  <si>
    <t>23556885.0</t>
  </si>
  <si>
    <t>30876.0</t>
  </si>
  <si>
    <t>33671.0</t>
  </si>
  <si>
    <t>88018442.0</t>
  </si>
  <si>
    <t>31509418.0</t>
  </si>
  <si>
    <t>23613812.0</t>
  </si>
  <si>
    <t>70704.0</t>
  </si>
  <si>
    <t>38626.0</t>
  </si>
  <si>
    <t>31512101.0</t>
  </si>
  <si>
    <t>23654821.0</t>
  </si>
  <si>
    <t>88059852.0</t>
  </si>
  <si>
    <t>32867470.0</t>
  </si>
  <si>
    <t>31513548.0</t>
  </si>
  <si>
    <t>23678834.0</t>
  </si>
  <si>
    <t>30059.0</t>
  </si>
  <si>
    <t>88086269.0</t>
  </si>
  <si>
    <t>32871122.0</t>
  </si>
  <si>
    <t>31514778.0</t>
  </si>
  <si>
    <t>23700369.0</t>
  </si>
  <si>
    <t>29688.0</t>
  </si>
  <si>
    <t>229.07</t>
  </si>
  <si>
    <t>6.683</t>
  </si>
  <si>
    <t>88106624.0</t>
  </si>
  <si>
    <t>32874618.0</t>
  </si>
  <si>
    <t>31515720.0</t>
  </si>
  <si>
    <t>23716286.0</t>
  </si>
  <si>
    <t>29336.0</t>
  </si>
  <si>
    <t>229.12</t>
  </si>
  <si>
    <t>88113708.0</t>
  </si>
  <si>
    <t>32875514.0</t>
  </si>
  <si>
    <t>31516071.0</t>
  </si>
  <si>
    <t>23722123.0</t>
  </si>
  <si>
    <t>28121.0</t>
  </si>
  <si>
    <t>229.14</t>
  </si>
  <si>
    <t>88137886.0</t>
  </si>
  <si>
    <t>32881439.0</t>
  </si>
  <si>
    <t>31517046.0</t>
  </si>
  <si>
    <t>23739401.0</t>
  </si>
  <si>
    <t>24178.0</t>
  </si>
  <si>
    <t>27164.0</t>
  </si>
  <si>
    <t>229.2</t>
  </si>
  <si>
    <t>88261126.0</t>
  </si>
  <si>
    <t>32892422.0</t>
  </si>
  <si>
    <t>31519985.0</t>
  </si>
  <si>
    <t>23848719.0</t>
  </si>
  <si>
    <t>123240.0</t>
  </si>
  <si>
    <t>34669.0</t>
  </si>
  <si>
    <t>229.52</t>
  </si>
  <si>
    <t>85.54</t>
  </si>
  <si>
    <t>88338827.0</t>
  </si>
  <si>
    <t>32908798.0</t>
  </si>
  <si>
    <t>31523962.0</t>
  </si>
  <si>
    <t>23906067.0</t>
  </si>
  <si>
    <t>77701.0</t>
  </si>
  <si>
    <t>42811.0</t>
  </si>
  <si>
    <t>229.72</t>
  </si>
  <si>
    <t>88386848.0</t>
  </si>
  <si>
    <t>32921940.0</t>
  </si>
  <si>
    <t>31526158.0</t>
  </si>
  <si>
    <t>23938750.0</t>
  </si>
  <si>
    <t>48021.0</t>
  </si>
  <si>
    <t>46714.0</t>
  </si>
  <si>
    <t>229.85</t>
  </si>
  <si>
    <t>7781.0</t>
  </si>
  <si>
    <t>88420782.0</t>
  </si>
  <si>
    <t>32931221.0</t>
  </si>
  <si>
    <t>31527377.0</t>
  </si>
  <si>
    <t>229.94</t>
  </si>
  <si>
    <t>88439369.0</t>
  </si>
  <si>
    <t>32935719.0</t>
  </si>
  <si>
    <t>31528090.0</t>
  </si>
  <si>
    <t>47535.0</t>
  </si>
  <si>
    <t>229.99</t>
  </si>
  <si>
    <t>8729.0</t>
  </si>
  <si>
    <t>88452043.0</t>
  </si>
  <si>
    <t>32938376.0</t>
  </si>
  <si>
    <t>31528727.0</t>
  </si>
  <si>
    <t>48334.0</t>
  </si>
  <si>
    <t>230.02</t>
  </si>
  <si>
    <t>138.71</t>
  </si>
  <si>
    <t>88481436.0</t>
  </si>
  <si>
    <t>32947930.0</t>
  </si>
  <si>
    <t>31529698.0</t>
  </si>
  <si>
    <t>29393.0</t>
  </si>
  <si>
    <t>49079.0</t>
  </si>
  <si>
    <t>230.09</t>
  </si>
  <si>
    <t>88548404.0</t>
  </si>
  <si>
    <t>32964035.0</t>
  </si>
  <si>
    <t>31532471.0</t>
  </si>
  <si>
    <t>66968.0</t>
  </si>
  <si>
    <t>41040.0</t>
  </si>
  <si>
    <t>88587345.0</t>
  </si>
  <si>
    <t>31533910.0</t>
  </si>
  <si>
    <t>23956731.0</t>
  </si>
  <si>
    <t>38941.0</t>
  </si>
  <si>
    <t>35503.0</t>
  </si>
  <si>
    <t>230.37</t>
  </si>
  <si>
    <t>88625611.0</t>
  </si>
  <si>
    <t>32989094.0</t>
  </si>
  <si>
    <t>31535283.0</t>
  </si>
  <si>
    <t>24101234.0</t>
  </si>
  <si>
    <t>38266.0</t>
  </si>
  <si>
    <t>34109.0</t>
  </si>
  <si>
    <t>9593.0</t>
  </si>
  <si>
    <t>88638500.0</t>
  </si>
  <si>
    <t>32990794.0</t>
  </si>
  <si>
    <t>31536314.0</t>
  </si>
  <si>
    <t>24111392.0</t>
  </si>
  <si>
    <t>31103.0</t>
  </si>
  <si>
    <t>230.5</t>
  </si>
  <si>
    <t>88646603.0</t>
  </si>
  <si>
    <t>32992154.0</t>
  </si>
  <si>
    <t>31536960.0</t>
  </si>
  <si>
    <t>24117489.0</t>
  </si>
  <si>
    <t>8103.0</t>
  </si>
  <si>
    <t>29605.0</t>
  </si>
  <si>
    <t>230.52</t>
  </si>
  <si>
    <t>88691152.0</t>
  </si>
  <si>
    <t>33007872.0</t>
  </si>
  <si>
    <t>31538126.0</t>
  </si>
  <si>
    <t>24145154.0</t>
  </si>
  <si>
    <t>34158.0</t>
  </si>
  <si>
    <t>230.64</t>
  </si>
  <si>
    <t>88716496.0</t>
  </si>
  <si>
    <t>33016233.0</t>
  </si>
  <si>
    <t>31539218.0</t>
  </si>
  <si>
    <t>24161045.0</t>
  </si>
  <si>
    <t>25344.0</t>
  </si>
  <si>
    <t>33580.0</t>
  </si>
  <si>
    <t>230.71</t>
  </si>
  <si>
    <t>9758.0</t>
  </si>
  <si>
    <t>5069.0</t>
  </si>
  <si>
    <t>88779159.0</t>
  </si>
  <si>
    <t>33031462.0</t>
  </si>
  <si>
    <t>31542116.0</t>
  </si>
  <si>
    <t>24205581.0</t>
  </si>
  <si>
    <t>62663.0</t>
  </si>
  <si>
    <t>32965.0</t>
  </si>
  <si>
    <t>230.87</t>
  </si>
  <si>
    <t>9632.0</t>
  </si>
  <si>
    <t>88856588.0</t>
  </si>
  <si>
    <t>33053408.0</t>
  </si>
  <si>
    <t>31546300.0</t>
  </si>
  <si>
    <t>24256880.0</t>
  </si>
  <si>
    <t>77429.0</t>
  </si>
  <si>
    <t>38463.0</t>
  </si>
  <si>
    <t>231.07</t>
  </si>
  <si>
    <t>88890266.0</t>
  </si>
  <si>
    <t>33063708.0</t>
  </si>
  <si>
    <t>31547698.0</t>
  </si>
  <si>
    <t>24278860.0</t>
  </si>
  <si>
    <t>33678.0</t>
  </si>
  <si>
    <t>231.16</t>
  </si>
  <si>
    <t>88905621.0</t>
  </si>
  <si>
    <t>33065459.0</t>
  </si>
  <si>
    <t>31548814.0</t>
  </si>
  <si>
    <t>24291348.0</t>
  </si>
  <si>
    <t>38160.0</t>
  </si>
  <si>
    <t>231.2</t>
  </si>
  <si>
    <t>10666.0</t>
  </si>
  <si>
    <t>125.265</t>
  </si>
  <si>
    <t>88914457.0</t>
  </si>
  <si>
    <t>33066559.0</t>
  </si>
  <si>
    <t>31549495.0</t>
  </si>
  <si>
    <t>24298403.0</t>
  </si>
  <si>
    <t>38265.0</t>
  </si>
  <si>
    <t>231.22</t>
  </si>
  <si>
    <t>5.721</t>
  </si>
  <si>
    <t>88945621.0</t>
  </si>
  <si>
    <t>31550283.0</t>
  </si>
  <si>
    <t>24317220.0</t>
  </si>
  <si>
    <t>31164.0</t>
  </si>
  <si>
    <t>36353.0</t>
  </si>
  <si>
    <t>88951235.0</t>
  </si>
  <si>
    <t>33079701.0</t>
  </si>
  <si>
    <t>31550455.0</t>
  </si>
  <si>
    <t>24321079.0</t>
  </si>
  <si>
    <t>33534.0</t>
  </si>
  <si>
    <t>231.32</t>
  </si>
  <si>
    <t>5.695</t>
  </si>
  <si>
    <t>89002967.0</t>
  </si>
  <si>
    <t>33092849.0</t>
  </si>
  <si>
    <t>31552540.0</t>
  </si>
  <si>
    <t>24357578.0</t>
  </si>
  <si>
    <t>51732.0</t>
  </si>
  <si>
    <t>31973.0</t>
  </si>
  <si>
    <t>231.45</t>
  </si>
  <si>
    <t>86.06</t>
  </si>
  <si>
    <t>89053944.0</t>
  </si>
  <si>
    <t>33107501.0</t>
  </si>
  <si>
    <t>31555313.0</t>
  </si>
  <si>
    <t>24391130.0</t>
  </si>
  <si>
    <t>50977.0</t>
  </si>
  <si>
    <t>28194.0</t>
  </si>
  <si>
    <t>231.58</t>
  </si>
  <si>
    <t>89081959.0</t>
  </si>
  <si>
    <t>33118189.0</t>
  </si>
  <si>
    <t>31556243.0</t>
  </si>
  <si>
    <t>24407527.0</t>
  </si>
  <si>
    <t>28015.0</t>
  </si>
  <si>
    <t>27385.0</t>
  </si>
  <si>
    <t>231.66</t>
  </si>
  <si>
    <t>86.12</t>
  </si>
  <si>
    <t>7783.0</t>
  </si>
  <si>
    <t>89093264.0</t>
  </si>
  <si>
    <t>33119687.0</t>
  </si>
  <si>
    <t>31557033.0</t>
  </si>
  <si>
    <t>24416544.0</t>
  </si>
  <si>
    <t>11305.0</t>
  </si>
  <si>
    <t>26806.0</t>
  </si>
  <si>
    <t>231.69</t>
  </si>
  <si>
    <t>89102669.0</t>
  </si>
  <si>
    <t>33120755.0</t>
  </si>
  <si>
    <t>31557711.0</t>
  </si>
  <si>
    <t>24424203.0</t>
  </si>
  <si>
    <t>9405.0</t>
  </si>
  <si>
    <t>231.71</t>
  </si>
  <si>
    <t>89150310.0</t>
  </si>
  <si>
    <t>33142044.0</t>
  </si>
  <si>
    <t>31558594.0</t>
  </si>
  <si>
    <t>24449672.0</t>
  </si>
  <si>
    <t>47641.0</t>
  </si>
  <si>
    <t>29241.0</t>
  </si>
  <si>
    <t>231.83</t>
  </si>
  <si>
    <t>4685.0</t>
  </si>
  <si>
    <t>89173311.0</t>
  </si>
  <si>
    <t>33152061.0</t>
  </si>
  <si>
    <t>31559369.0</t>
  </si>
  <si>
    <t>24461881.0</t>
  </si>
  <si>
    <t>31725.0</t>
  </si>
  <si>
    <t>86.21</t>
  </si>
  <si>
    <t>89229784.0</t>
  </si>
  <si>
    <t>33168692.0</t>
  </si>
  <si>
    <t>31561156.0</t>
  </si>
  <si>
    <t>24499936.0</t>
  </si>
  <si>
    <t>56473.0</t>
  </si>
  <si>
    <t>32402.0</t>
  </si>
  <si>
    <t>232.04</t>
  </si>
  <si>
    <t>10835.0</t>
  </si>
  <si>
    <t>89294848.0</t>
  </si>
  <si>
    <t>33186076.0</t>
  </si>
  <si>
    <t>31562946.0</t>
  </si>
  <si>
    <t>24545826.0</t>
  </si>
  <si>
    <t>65064.0</t>
  </si>
  <si>
    <t>34415.0</t>
  </si>
  <si>
    <t>89339163.0</t>
  </si>
  <si>
    <t>33202505.0</t>
  </si>
  <si>
    <t>31563848.0</t>
  </si>
  <si>
    <t>24572810.0</t>
  </si>
  <si>
    <t>44315.0</t>
  </si>
  <si>
    <t>36743.0</t>
  </si>
  <si>
    <t>232.33</t>
  </si>
  <si>
    <t>89356762.0</t>
  </si>
  <si>
    <t>33203585.0</t>
  </si>
  <si>
    <t>31564561.0</t>
  </si>
  <si>
    <t>24588616.0</t>
  </si>
  <si>
    <t>17599.0</t>
  </si>
  <si>
    <t>37643.0</t>
  </si>
  <si>
    <t>232.37</t>
  </si>
  <si>
    <t>89368494.0</t>
  </si>
  <si>
    <t>33204305.0</t>
  </si>
  <si>
    <t>31565036.0</t>
  </si>
  <si>
    <t>24599153.0</t>
  </si>
  <si>
    <t>11732.0</t>
  </si>
  <si>
    <t>37975.0</t>
  </si>
  <si>
    <t>232.4</t>
  </si>
  <si>
    <t>89419491.0</t>
  </si>
  <si>
    <t>33227044.0</t>
  </si>
  <si>
    <t>31565994.0</t>
  </si>
  <si>
    <t>24626453.0</t>
  </si>
  <si>
    <t>50997.0</t>
  </si>
  <si>
    <t>38454.0</t>
  </si>
  <si>
    <t>232.53</t>
  </si>
  <si>
    <t>86.41</t>
  </si>
  <si>
    <t>12143.0</t>
  </si>
  <si>
    <t>89449468.0</t>
  </si>
  <si>
    <t>33236959.0</t>
  </si>
  <si>
    <t>31566706.0</t>
  </si>
  <si>
    <t>24645803.0</t>
  </si>
  <si>
    <t>39451.0</t>
  </si>
  <si>
    <t>232.61</t>
  </si>
  <si>
    <t>89507629.0</t>
  </si>
  <si>
    <t>33252697.0</t>
  </si>
  <si>
    <t>31568599.0</t>
  </si>
  <si>
    <t>24686333.0</t>
  </si>
  <si>
    <t>58161.0</t>
  </si>
  <si>
    <t>39692.0</t>
  </si>
  <si>
    <t>232.76</t>
  </si>
  <si>
    <t>12001.0</t>
  </si>
  <si>
    <t>5.617</t>
  </si>
  <si>
    <t>89607170.0</t>
  </si>
  <si>
    <t>33269522.0</t>
  </si>
  <si>
    <t>31570931.0</t>
  </si>
  <si>
    <t>24766717.0</t>
  </si>
  <si>
    <t>99541.0</t>
  </si>
  <si>
    <t>44617.0</t>
  </si>
  <si>
    <t>233.02</t>
  </si>
  <si>
    <t>86.52</t>
  </si>
  <si>
    <t>89655427.0</t>
  </si>
  <si>
    <t>33284174.0</t>
  </si>
  <si>
    <t>31572099.0</t>
  </si>
  <si>
    <t>24799154.0</t>
  </si>
  <si>
    <t>48257.0</t>
  </si>
  <si>
    <t>45181.0</t>
  </si>
  <si>
    <t>233.15</t>
  </si>
  <si>
    <t>89677549.0</t>
  </si>
  <si>
    <t>33285186.0</t>
  </si>
  <si>
    <t>31573040.0</t>
  </si>
  <si>
    <t>24819323.0</t>
  </si>
  <si>
    <t>22122.0</t>
  </si>
  <si>
    <t>45827.0</t>
  </si>
  <si>
    <t>233.21</t>
  </si>
  <si>
    <t>64.54</t>
  </si>
  <si>
    <t>11657.0</t>
  </si>
  <si>
    <t>122.873</t>
  </si>
  <si>
    <t>89688932.0</t>
  </si>
  <si>
    <t>33285846.0</t>
  </si>
  <si>
    <t>31573766.0</t>
  </si>
  <si>
    <t>24829320.0</t>
  </si>
  <si>
    <t>11383.0</t>
  </si>
  <si>
    <t>45777.0</t>
  </si>
  <si>
    <t>89745122.0</t>
  </si>
  <si>
    <t>33310440.0</t>
  </si>
  <si>
    <t>31575327.0</t>
  </si>
  <si>
    <t>24859355.0</t>
  </si>
  <si>
    <t>11914.0</t>
  </si>
  <si>
    <t>89798327.0</t>
  </si>
  <si>
    <t>33319476.0</t>
  </si>
  <si>
    <t>31576085.0</t>
  </si>
  <si>
    <t>24902766.0</t>
  </si>
  <si>
    <t>53205.0</t>
  </si>
  <si>
    <t>49837.0</t>
  </si>
  <si>
    <t>233.52</t>
  </si>
  <si>
    <t>11788.0</t>
  </si>
  <si>
    <t>130.805</t>
  </si>
  <si>
    <t>89912438.0</t>
  </si>
  <si>
    <t>33334426.0</t>
  </si>
  <si>
    <t>31578079.0</t>
  </si>
  <si>
    <t>24999933.0</t>
  </si>
  <si>
    <t>114111.0</t>
  </si>
  <si>
    <t>57830.0</t>
  </si>
  <si>
    <t>233.82</t>
  </si>
  <si>
    <t>11676.0</t>
  </si>
  <si>
    <t>90108818.0</t>
  </si>
  <si>
    <t>33351933.0</t>
  </si>
  <si>
    <t>31580503.0</t>
  </si>
  <si>
    <t>25176382.0</t>
  </si>
  <si>
    <t>196380.0</t>
  </si>
  <si>
    <t>71664.0</t>
  </si>
  <si>
    <t>234.33</t>
  </si>
  <si>
    <t>90181416.0</t>
  </si>
  <si>
    <t>33365905.0</t>
  </si>
  <si>
    <t>31581862.0</t>
  </si>
  <si>
    <t>25233649.0</t>
  </si>
  <si>
    <t>75141.0</t>
  </si>
  <si>
    <t>234.52</t>
  </si>
  <si>
    <t>6.267</t>
  </si>
  <si>
    <t>132.105</t>
  </si>
  <si>
    <t>90216065.0</t>
  </si>
  <si>
    <t>33366551.0</t>
  </si>
  <si>
    <t>31582577.0</t>
  </si>
  <si>
    <t>25266937.0</t>
  </si>
  <si>
    <t>76931.0</t>
  </si>
  <si>
    <t>234.61</t>
  </si>
  <si>
    <t>90240649.0</t>
  </si>
  <si>
    <t>33367359.0</t>
  </si>
  <si>
    <t>31583625.0</t>
  </si>
  <si>
    <t>25289665.0</t>
  </si>
  <si>
    <t>78817.0</t>
  </si>
  <si>
    <t>138.45</t>
  </si>
  <si>
    <t>90301621.0</t>
  </si>
  <si>
    <t>33390470.0</t>
  </si>
  <si>
    <t>31585152.0</t>
  </si>
  <si>
    <t>25325999.0</t>
  </si>
  <si>
    <t>60972.0</t>
  </si>
  <si>
    <t>79500.0</t>
  </si>
  <si>
    <t>140.868</t>
  </si>
  <si>
    <t>90344883.0</t>
  </si>
  <si>
    <t>33396538.0</t>
  </si>
  <si>
    <t>31586032.0</t>
  </si>
  <si>
    <t>25362313.0</t>
  </si>
  <si>
    <t>43262.0</t>
  </si>
  <si>
    <t>90404968.0</t>
  </si>
  <si>
    <t>33407666.0</t>
  </si>
  <si>
    <t>31587334.0</t>
  </si>
  <si>
    <t>25409968.0</t>
  </si>
  <si>
    <t>60085.0</t>
  </si>
  <si>
    <t>70361.0</t>
  </si>
  <si>
    <t>235.1</t>
  </si>
  <si>
    <t>86.88</t>
  </si>
  <si>
    <t>90601138.0</t>
  </si>
  <si>
    <t>33423923.0</t>
  </si>
  <si>
    <t>31590460.0</t>
  </si>
  <si>
    <t>25586755.0</t>
  </si>
  <si>
    <t>196170.0</t>
  </si>
  <si>
    <t>70331.0</t>
  </si>
  <si>
    <t>86.92</t>
  </si>
  <si>
    <t>10284.0</t>
  </si>
  <si>
    <t>90665634.0</t>
  </si>
  <si>
    <t>33436926.0</t>
  </si>
  <si>
    <t>31591905.0</t>
  </si>
  <si>
    <t>25636803.0</t>
  </si>
  <si>
    <t>64496.0</t>
  </si>
  <si>
    <t>142.169</t>
  </si>
  <si>
    <t>90800849.0</t>
  </si>
  <si>
    <t>33447099.0</t>
  </si>
  <si>
    <t>31597124.0</t>
  </si>
  <si>
    <t>25756626.0</t>
  </si>
  <si>
    <t>135215.0</t>
  </si>
  <si>
    <t>83541.0</t>
  </si>
  <si>
    <t>236.13</t>
  </si>
  <si>
    <t>86.98</t>
  </si>
  <si>
    <t>11507.0</t>
  </si>
  <si>
    <t>90819917.0</t>
  </si>
  <si>
    <t>33447500.0</t>
  </si>
  <si>
    <t>31597863.0</t>
  </si>
  <si>
    <t>25774554.0</t>
  </si>
  <si>
    <t>82753.0</t>
  </si>
  <si>
    <t>236.18</t>
  </si>
  <si>
    <t>90871133.0</t>
  </si>
  <si>
    <t>33469046.0</t>
  </si>
  <si>
    <t>31599497.0</t>
  </si>
  <si>
    <t>25802590.0</t>
  </si>
  <si>
    <t>51216.0</t>
  </si>
  <si>
    <t>236.31</t>
  </si>
  <si>
    <t>5955.0</t>
  </si>
  <si>
    <t>90881794.0</t>
  </si>
  <si>
    <t>33472137.0</t>
  </si>
  <si>
    <t>31599657.0</t>
  </si>
  <si>
    <t>25810000.0</t>
  </si>
  <si>
    <t>10661.0</t>
  </si>
  <si>
    <t>76702.0</t>
  </si>
  <si>
    <t>236.34</t>
  </si>
  <si>
    <t>91011332.0</t>
  </si>
  <si>
    <t>33487681.0</t>
  </si>
  <si>
    <t>31604012.0</t>
  </si>
  <si>
    <t>25919639.0</t>
  </si>
  <si>
    <t>129538.0</t>
  </si>
  <si>
    <t>86623.0</t>
  </si>
  <si>
    <t>236.67</t>
  </si>
  <si>
    <t>91225877.0</t>
  </si>
  <si>
    <t>33509878.0</t>
  </si>
  <si>
    <t>31608408.0</t>
  </si>
  <si>
    <t>26107591.0</t>
  </si>
  <si>
    <t>214545.0</t>
  </si>
  <si>
    <t>89248.0</t>
  </si>
  <si>
    <t>237.23</t>
  </si>
  <si>
    <t>87.14</t>
  </si>
  <si>
    <t>91289781.0</t>
  </si>
  <si>
    <t>33525249.0</t>
  </si>
  <si>
    <t>31609778.0</t>
  </si>
  <si>
    <t>26154754.0</t>
  </si>
  <si>
    <t>63904.0</t>
  </si>
  <si>
    <t>237.4</t>
  </si>
  <si>
    <t>87.18</t>
  </si>
  <si>
    <t>91323408.0</t>
  </si>
  <si>
    <t>33526109.0</t>
  </si>
  <si>
    <t>31610940.0</t>
  </si>
  <si>
    <t>26186359.0</t>
  </si>
  <si>
    <t>33627.0</t>
  </si>
  <si>
    <t>74651.0</t>
  </si>
  <si>
    <t>237.49</t>
  </si>
  <si>
    <t>7.463</t>
  </si>
  <si>
    <t>91347864.0</t>
  </si>
  <si>
    <t>33526735.0</t>
  </si>
  <si>
    <t>31611786.0</t>
  </si>
  <si>
    <t>26209343.0</t>
  </si>
  <si>
    <t>24456.0</t>
  </si>
  <si>
    <t>75421.0</t>
  </si>
  <si>
    <t>237.55</t>
  </si>
  <si>
    <t>87.19</t>
  </si>
  <si>
    <t>91409049.0</t>
  </si>
  <si>
    <t>33550930.0</t>
  </si>
  <si>
    <t>31613321.0</t>
  </si>
  <si>
    <t>26244798.0</t>
  </si>
  <si>
    <t>76845.0</t>
  </si>
  <si>
    <t>237.71</t>
  </si>
  <si>
    <t>91459340.0</t>
  </si>
  <si>
    <t>33561247.0</t>
  </si>
  <si>
    <t>31614627.0</t>
  </si>
  <si>
    <t>26283466.0</t>
  </si>
  <si>
    <t>50291.0</t>
  </si>
  <si>
    <t>82507.0</t>
  </si>
  <si>
    <t>237.84</t>
  </si>
  <si>
    <t>87.28</t>
  </si>
  <si>
    <t>91573787.0</t>
  </si>
  <si>
    <t>33577638.0</t>
  </si>
  <si>
    <t>31617541.0</t>
  </si>
  <si>
    <t>26378608.0</t>
  </si>
  <si>
    <t>114447.0</t>
  </si>
  <si>
    <t>80351.0</t>
  </si>
  <si>
    <t>238.14</t>
  </si>
  <si>
    <t>87.32</t>
  </si>
  <si>
    <t>91760269.0</t>
  </si>
  <si>
    <t>33625594.0</t>
  </si>
  <si>
    <t>31620912.0</t>
  </si>
  <si>
    <t>26513763.0</t>
  </si>
  <si>
    <t>186482.0</t>
  </si>
  <si>
    <t>76342.0</t>
  </si>
  <si>
    <t>238.62</t>
  </si>
  <si>
    <t>87.44</t>
  </si>
  <si>
    <t>16531.0</t>
  </si>
  <si>
    <t>6422.0</t>
  </si>
  <si>
    <t>91881933.0</t>
  </si>
  <si>
    <t>33642563.0</t>
  </si>
  <si>
    <t>31622855.0</t>
  </si>
  <si>
    <t>26616515.0</t>
  </si>
  <si>
    <t>121664.0</t>
  </si>
  <si>
    <t>84593.0</t>
  </si>
  <si>
    <t>238.94</t>
  </si>
  <si>
    <t>91944406.0</t>
  </si>
  <si>
    <t>33643778.0</t>
  </si>
  <si>
    <t>31624234.0</t>
  </si>
  <si>
    <t>26676394.0</t>
  </si>
  <si>
    <t>62473.0</t>
  </si>
  <si>
    <t>88714.0</t>
  </si>
  <si>
    <t>91975890.0</t>
  </si>
  <si>
    <t>33644410.0</t>
  </si>
  <si>
    <t>31625061.0</t>
  </si>
  <si>
    <t>26706419.0</t>
  </si>
  <si>
    <t>31484.0</t>
  </si>
  <si>
    <t>89718.0</t>
  </si>
  <si>
    <t>16811.0</t>
  </si>
  <si>
    <t>167.029</t>
  </si>
  <si>
    <t>92045293.0</t>
  </si>
  <si>
    <t>33670360.0</t>
  </si>
  <si>
    <t>31626413.0</t>
  </si>
  <si>
    <t>26748520.0</t>
  </si>
  <si>
    <t>69403.0</t>
  </si>
  <si>
    <t>90892.0</t>
  </si>
  <si>
    <t>239.36</t>
  </si>
  <si>
    <t>17061.0</t>
  </si>
  <si>
    <t>92103299.0</t>
  </si>
  <si>
    <t>33680292.0</t>
  </si>
  <si>
    <t>31627188.0</t>
  </si>
  <si>
    <t>26795819.0</t>
  </si>
  <si>
    <t>58006.0</t>
  </si>
  <si>
    <t>91994.0</t>
  </si>
  <si>
    <t>87.59</t>
  </si>
  <si>
    <t>17006.0</t>
  </si>
  <si>
    <t>92240196.0</t>
  </si>
  <si>
    <t>33696950.0</t>
  </si>
  <si>
    <t>31630225.0</t>
  </si>
  <si>
    <t>26913021.0</t>
  </si>
  <si>
    <t>136897.0</t>
  </si>
  <si>
    <t>95201.0</t>
  </si>
  <si>
    <t>239.87</t>
  </si>
  <si>
    <t>17045.0</t>
  </si>
  <si>
    <t>165.781</t>
  </si>
  <si>
    <t>92492874.0</t>
  </si>
  <si>
    <t>33766246.0</t>
  </si>
  <si>
    <t>31635193.0</t>
  </si>
  <si>
    <t>27091435.0</t>
  </si>
  <si>
    <t>252678.0</t>
  </si>
  <si>
    <t>240.53</t>
  </si>
  <si>
    <t>20093.0</t>
  </si>
  <si>
    <t>92568160.0</t>
  </si>
  <si>
    <t>33780417.0</t>
  </si>
  <si>
    <t>31636481.0</t>
  </si>
  <si>
    <t>27151262.0</t>
  </si>
  <si>
    <t>75286.0</t>
  </si>
  <si>
    <t>240.72</t>
  </si>
  <si>
    <t>87.85</t>
  </si>
  <si>
    <t>92620163.0</t>
  </si>
  <si>
    <t>33781389.0</t>
  </si>
  <si>
    <t>31637495.0</t>
  </si>
  <si>
    <t>27201279.0</t>
  </si>
  <si>
    <t>52003.0</t>
  </si>
  <si>
    <t>96537.0</t>
  </si>
  <si>
    <t>240.86</t>
  </si>
  <si>
    <t>19659.0</t>
  </si>
  <si>
    <t>6238.0</t>
  </si>
  <si>
    <t>162.218</t>
  </si>
  <si>
    <t>92649102.0</t>
  </si>
  <si>
    <t>33782112.0</t>
  </si>
  <si>
    <t>31638463.0</t>
  </si>
  <si>
    <t>27228527.0</t>
  </si>
  <si>
    <t>28939.0</t>
  </si>
  <si>
    <t>96173.0</t>
  </si>
  <si>
    <t>240.93</t>
  </si>
  <si>
    <t>19672.0</t>
  </si>
  <si>
    <t>92713021.0</t>
  </si>
  <si>
    <t>33806606.0</t>
  </si>
  <si>
    <t>31639845.0</t>
  </si>
  <si>
    <t>27266570.0</t>
  </si>
  <si>
    <t>95390.0</t>
  </si>
  <si>
    <t>19464.0</t>
  </si>
  <si>
    <t>6.527</t>
  </si>
  <si>
    <t>6269.0</t>
  </si>
  <si>
    <t>92761615.0</t>
  </si>
  <si>
    <t>33815241.0</t>
  </si>
  <si>
    <t>31640439.0</t>
  </si>
  <si>
    <t>27305935.0</t>
  </si>
  <si>
    <t>48594.0</t>
  </si>
  <si>
    <t>94045.0</t>
  </si>
  <si>
    <t>241.23</t>
  </si>
  <si>
    <t>87.94</t>
  </si>
  <si>
    <t>19278.0</t>
  </si>
  <si>
    <t>92922264.0</t>
  </si>
  <si>
    <t>33829761.0</t>
  </si>
  <si>
    <t>31643042.0</t>
  </si>
  <si>
    <t>27449461.0</t>
  </si>
  <si>
    <t>160649.0</t>
  </si>
  <si>
    <t>97438.0</t>
  </si>
  <si>
    <t>241.64</t>
  </si>
  <si>
    <t>18973.0</t>
  </si>
  <si>
    <t>93165671.0</t>
  </si>
  <si>
    <t>33908720.0</t>
  </si>
  <si>
    <t>31647627.0</t>
  </si>
  <si>
    <t>27609324.0</t>
  </si>
  <si>
    <t>243407.0</t>
  </si>
  <si>
    <t>96114.0</t>
  </si>
  <si>
    <t>88.18</t>
  </si>
  <si>
    <t>93233452.0</t>
  </si>
  <si>
    <t>33921241.0</t>
  </si>
  <si>
    <t>31648640.0</t>
  </si>
  <si>
    <t>27663571.0</t>
  </si>
  <si>
    <t>67781.0</t>
  </si>
  <si>
    <t>95042.0</t>
  </si>
  <si>
    <t>93279202.0</t>
  </si>
  <si>
    <t>33922137.0</t>
  </si>
  <si>
    <t>31649663.0</t>
  </si>
  <si>
    <t>27707402.0</t>
  </si>
  <si>
    <t>94148.0</t>
  </si>
  <si>
    <t>242.57</t>
  </si>
  <si>
    <t>20107.0</t>
  </si>
  <si>
    <t>93306040.0</t>
  </si>
  <si>
    <t>33922757.0</t>
  </si>
  <si>
    <t>31650443.0</t>
  </si>
  <si>
    <t>27732840.0</t>
  </si>
  <si>
    <t>26838.0</t>
  </si>
  <si>
    <t>93848.0</t>
  </si>
  <si>
    <t>242.64</t>
  </si>
  <si>
    <t>93362917.0</t>
  </si>
  <si>
    <t>31651647.0</t>
  </si>
  <si>
    <t>27767961.0</t>
  </si>
  <si>
    <t>56877.0</t>
  </si>
  <si>
    <t>92842.0</t>
  </si>
  <si>
    <t>242.79</t>
  </si>
  <si>
    <t>16970.0</t>
  </si>
  <si>
    <t>93396787.0</t>
  </si>
  <si>
    <t>31652405.0</t>
  </si>
  <si>
    <t>27806496.0</t>
  </si>
  <si>
    <t>33870.0</t>
  </si>
  <si>
    <t>90739.0</t>
  </si>
  <si>
    <t>242.88</t>
  </si>
  <si>
    <t>16113.0</t>
  </si>
  <si>
    <t>158.63</t>
  </si>
  <si>
    <t>93490527.0</t>
  </si>
  <si>
    <t>33930673.0</t>
  </si>
  <si>
    <t>31654702.0</t>
  </si>
  <si>
    <t>27905152.0</t>
  </si>
  <si>
    <t>81180.0</t>
  </si>
  <si>
    <t>243.12</t>
  </si>
  <si>
    <t>88.24</t>
  </si>
  <si>
    <t>93690400.0</t>
  </si>
  <si>
    <t>31658635.0</t>
  </si>
  <si>
    <t>28053095.0</t>
  </si>
  <si>
    <t>199873.0</t>
  </si>
  <si>
    <t>74961.0</t>
  </si>
  <si>
    <t>93733807.0</t>
  </si>
  <si>
    <t>31659665.0</t>
  </si>
  <si>
    <t>28104780.0</t>
  </si>
  <si>
    <t>43407.0</t>
  </si>
  <si>
    <t>71479.0</t>
  </si>
  <si>
    <t>243.75</t>
  </si>
  <si>
    <t>93770822.0</t>
  </si>
  <si>
    <t>31660489.0</t>
  </si>
  <si>
    <t>28140133.0</t>
  </si>
  <si>
    <t>70231.0</t>
  </si>
  <si>
    <t>243.85</t>
  </si>
  <si>
    <t>93795525.0</t>
  </si>
  <si>
    <t>31661287.0</t>
  </si>
  <si>
    <t>28163417.0</t>
  </si>
  <si>
    <t>24703.0</t>
  </si>
  <si>
    <t>69926.0</t>
  </si>
  <si>
    <t>243.91</t>
  </si>
  <si>
    <t>146.615</t>
  </si>
  <si>
    <t>93806827.0</t>
  </si>
  <si>
    <t>33947554.0</t>
  </si>
  <si>
    <t>31662453.0</t>
  </si>
  <si>
    <t>28196820.0</t>
  </si>
  <si>
    <t>63416.0</t>
  </si>
  <si>
    <t>93971251.0</t>
  </si>
  <si>
    <t>34072081.0</t>
  </si>
  <si>
    <t>31663224.0</t>
  </si>
  <si>
    <t>28235946.0</t>
  </si>
  <si>
    <t>164424.0</t>
  </si>
  <si>
    <t>82066.0</t>
  </si>
  <si>
    <t>244.37</t>
  </si>
  <si>
    <t>88.6</t>
  </si>
  <si>
    <t>20578.0</t>
  </si>
  <si>
    <t>148.28</t>
  </si>
  <si>
    <t>94089475.0</t>
  </si>
  <si>
    <t>34086076.0</t>
  </si>
  <si>
    <t>31665723.0</t>
  </si>
  <si>
    <t>28337676.0</t>
  </si>
  <si>
    <t>118224.0</t>
  </si>
  <si>
    <t>85564.0</t>
  </si>
  <si>
    <t>94243993.0</t>
  </si>
  <si>
    <t>34143735.0</t>
  </si>
  <si>
    <t>31668957.0</t>
  </si>
  <si>
    <t>28431301.0</t>
  </si>
  <si>
    <t>154518.0</t>
  </si>
  <si>
    <t>79085.0</t>
  </si>
  <si>
    <t>29955.0</t>
  </si>
  <si>
    <t>94348589.0</t>
  </si>
  <si>
    <t>34157113.0</t>
  </si>
  <si>
    <t>31670833.0</t>
  </si>
  <si>
    <t>28520643.0</t>
  </si>
  <si>
    <t>104596.0</t>
  </si>
  <si>
    <t>87826.0</t>
  </si>
  <si>
    <t>31384.0</t>
  </si>
  <si>
    <t>142.247</t>
  </si>
  <si>
    <t>87042.0</t>
  </si>
  <si>
    <t>31045.0</t>
  </si>
  <si>
    <t>94411648.0</t>
  </si>
  <si>
    <t>34159117.0</t>
  </si>
  <si>
    <t>31672853.0</t>
  </si>
  <si>
    <t>28579678.0</t>
  </si>
  <si>
    <t>88018.0</t>
  </si>
  <si>
    <t>245.52</t>
  </si>
  <si>
    <t>30706.0</t>
  </si>
  <si>
    <t>94472525.0</t>
  </si>
  <si>
    <t>34179898.0</t>
  </si>
  <si>
    <t>31674130.0</t>
  </si>
  <si>
    <t>28618497.0</t>
  </si>
  <si>
    <t>60877.0</t>
  </si>
  <si>
    <t>95100.0</t>
  </si>
  <si>
    <t>245.67</t>
  </si>
  <si>
    <t>88.88</t>
  </si>
  <si>
    <t>33192.0</t>
  </si>
  <si>
    <t>5400.0</t>
  </si>
  <si>
    <t>94516071.0</t>
  </si>
  <si>
    <t>34188278.0</t>
  </si>
  <si>
    <t>31674824.0</t>
  </si>
  <si>
    <t>28652969.0</t>
  </si>
  <si>
    <t>43546.0</t>
  </si>
  <si>
    <t>245.79</t>
  </si>
  <si>
    <t>94616471.0</t>
  </si>
  <si>
    <t>34201014.0</t>
  </si>
  <si>
    <t>31677366.0</t>
  </si>
  <si>
    <t>28738091.0</t>
  </si>
  <si>
    <t>75285.0</t>
  </si>
  <si>
    <t>246.05</t>
  </si>
  <si>
    <t>88.94</t>
  </si>
  <si>
    <t>16420.0</t>
  </si>
  <si>
    <t>94801622.0</t>
  </si>
  <si>
    <t>34259514.0</t>
  </si>
  <si>
    <t>31682139.0</t>
  </si>
  <si>
    <t>28859969.0</t>
  </si>
  <si>
    <t>185151.0</t>
  </si>
  <si>
    <t>79661.0</t>
  </si>
  <si>
    <t>246.53</t>
  </si>
  <si>
    <t>16540.0</t>
  </si>
  <si>
    <t>94856886.0</t>
  </si>
  <si>
    <t>34271156.0</t>
  </si>
  <si>
    <t>31683528.0</t>
  </si>
  <si>
    <t>28902202.0</t>
  </si>
  <si>
    <t>55264.0</t>
  </si>
  <si>
    <t>72614.0</t>
  </si>
  <si>
    <t>94887590.0</t>
  </si>
  <si>
    <t>34272280.0</t>
  </si>
  <si>
    <t>31684951.0</t>
  </si>
  <si>
    <t>28930359.0</t>
  </si>
  <si>
    <t>72496.0</t>
  </si>
  <si>
    <t>246.75</t>
  </si>
  <si>
    <t>94906783.0</t>
  </si>
  <si>
    <t>34272961.0</t>
  </si>
  <si>
    <t>31685917.0</t>
  </si>
  <si>
    <t>28947905.0</t>
  </si>
  <si>
    <t>19193.0</t>
  </si>
  <si>
    <t>70734.0</t>
  </si>
  <si>
    <t>246.8</t>
  </si>
  <si>
    <t>94962386.0</t>
  </si>
  <si>
    <t>34292156.0</t>
  </si>
  <si>
    <t>31687246.0</t>
  </si>
  <si>
    <t>28982984.0</t>
  </si>
  <si>
    <t>55603.0</t>
  </si>
  <si>
    <t>69980.0</t>
  </si>
  <si>
    <t>246.95</t>
  </si>
  <si>
    <t>89.18</t>
  </si>
  <si>
    <t>16037.0</t>
  </si>
  <si>
    <t>94997924.0</t>
  </si>
  <si>
    <t>34299151.0</t>
  </si>
  <si>
    <t>31688025.0</t>
  </si>
  <si>
    <t>29010748.0</t>
  </si>
  <si>
    <t>35538.0</t>
  </si>
  <si>
    <t>68836.0</t>
  </si>
  <si>
    <t>247.04</t>
  </si>
  <si>
    <t>146.199</t>
  </si>
  <si>
    <t>95083208.0</t>
  </si>
  <si>
    <t>34310820.0</t>
  </si>
  <si>
    <t>31690477.0</t>
  </si>
  <si>
    <t>29081911.0</t>
  </si>
  <si>
    <t>85284.0</t>
  </si>
  <si>
    <t>66677.0</t>
  </si>
  <si>
    <t>247.26</t>
  </si>
  <si>
    <t>89.22</t>
  </si>
  <si>
    <t>95233716.0</t>
  </si>
  <si>
    <t>34358732.0</t>
  </si>
  <si>
    <t>31694870.0</t>
  </si>
  <si>
    <t>29180114.0</t>
  </si>
  <si>
    <t>150508.0</t>
  </si>
  <si>
    <t>247.65</t>
  </si>
  <si>
    <t>14174.0</t>
  </si>
  <si>
    <t>95277654.0</t>
  </si>
  <si>
    <t>34368028.0</t>
  </si>
  <si>
    <t>31695940.0</t>
  </si>
  <si>
    <t>29213686.0</t>
  </si>
  <si>
    <t>43938.0</t>
  </si>
  <si>
    <t>60110.0</t>
  </si>
  <si>
    <t>5624.0</t>
  </si>
  <si>
    <t>58675.0</t>
  </si>
  <si>
    <t>95318970.0</t>
  </si>
  <si>
    <t>34369330.0</t>
  </si>
  <si>
    <t>31697483.0</t>
  </si>
  <si>
    <t>29252157.0</t>
  </si>
  <si>
    <t>58884.0</t>
  </si>
  <si>
    <t>247.88</t>
  </si>
  <si>
    <t>89.38</t>
  </si>
  <si>
    <t>13767.0</t>
  </si>
  <si>
    <t>95368268.0</t>
  </si>
  <si>
    <t>34387225.0</t>
  </si>
  <si>
    <t>31698537.0</t>
  </si>
  <si>
    <t>29282506.0</t>
  </si>
  <si>
    <t>57983.0</t>
  </si>
  <si>
    <t>13581.0</t>
  </si>
  <si>
    <t>5568.0</t>
  </si>
  <si>
    <t>95379536.0</t>
  </si>
  <si>
    <t>34392865.0</t>
  </si>
  <si>
    <t>31698654.0</t>
  </si>
  <si>
    <t>29288017.0</t>
  </si>
  <si>
    <t>11268.0</t>
  </si>
  <si>
    <t>54516.0</t>
  </si>
  <si>
    <t>248.03</t>
  </si>
  <si>
    <t>95469860.0</t>
  </si>
  <si>
    <t>34403116.0</t>
  </si>
  <si>
    <t>31701306.0</t>
  </si>
  <si>
    <t>29365438.0</t>
  </si>
  <si>
    <t>90324.0</t>
  </si>
  <si>
    <t>55236.0</t>
  </si>
  <si>
    <t>248.27</t>
  </si>
  <si>
    <t>89.46</t>
  </si>
  <si>
    <t>95567743.0</t>
  </si>
  <si>
    <t>34446142.0</t>
  </si>
  <si>
    <t>31706510.0</t>
  </si>
  <si>
    <t>29415091.0</t>
  </si>
  <si>
    <t>97883.0</t>
  </si>
  <si>
    <t>47718.0</t>
  </si>
  <si>
    <t>248.52</t>
  </si>
  <si>
    <t>89.58</t>
  </si>
  <si>
    <t>95588037.0</t>
  </si>
  <si>
    <t>34456191.0</t>
  </si>
  <si>
    <t>31706759.0</t>
  </si>
  <si>
    <t>29425087.0</t>
  </si>
  <si>
    <t>44340.0</t>
  </si>
  <si>
    <t>248.58</t>
  </si>
  <si>
    <t>12595.0</t>
  </si>
  <si>
    <t>13318.0</t>
  </si>
  <si>
    <t>95627345.0</t>
  </si>
  <si>
    <t>34473337.0</t>
  </si>
  <si>
    <t>31707691.0</t>
  </si>
  <si>
    <t>29446317.0</t>
  </si>
  <si>
    <t>37011.0</t>
  </si>
  <si>
    <t>248.68</t>
  </si>
  <si>
    <t>41497.0</t>
  </si>
  <si>
    <t>34690.0</t>
  </si>
  <si>
    <t>143.495</t>
  </si>
  <si>
    <t>26803.0</t>
  </si>
  <si>
    <t>95798034.0</t>
  </si>
  <si>
    <t>34478873.0</t>
  </si>
  <si>
    <t>31713546.0</t>
  </si>
  <si>
    <t>29605615.0</t>
  </si>
  <si>
    <t>249.12</t>
  </si>
  <si>
    <t>30443.0</t>
  </si>
  <si>
    <t>95830448.0</t>
  </si>
  <si>
    <t>34480214.0</t>
  </si>
  <si>
    <t>31715075.0</t>
  </si>
  <si>
    <t>29635159.0</t>
  </si>
  <si>
    <t>249.21</t>
  </si>
  <si>
    <t>89.67</t>
  </si>
  <si>
    <t>95936288.0</t>
  </si>
  <si>
    <t>34530608.0</t>
  </si>
  <si>
    <t>31716849.0</t>
  </si>
  <si>
    <t>29688831.0</t>
  </si>
  <si>
    <t>105840.0</t>
  </si>
  <si>
    <t>44135.0</t>
  </si>
  <si>
    <t>249.48</t>
  </si>
  <si>
    <t>95962730.0</t>
  </si>
  <si>
    <t>34536542.0</t>
  </si>
  <si>
    <t>31717590.0</t>
  </si>
  <si>
    <t>29708598.0</t>
  </si>
  <si>
    <t>41816.0</t>
  </si>
  <si>
    <t>249.55</t>
  </si>
  <si>
    <t>96050833.0</t>
  </si>
  <si>
    <t>34546205.0</t>
  </si>
  <si>
    <t>31720574.0</t>
  </si>
  <si>
    <t>29784054.0</t>
  </si>
  <si>
    <t>48306.0</t>
  </si>
  <si>
    <t>249.78</t>
  </si>
  <si>
    <t>96191475.0</t>
  </si>
  <si>
    <t>34596820.0</t>
  </si>
  <si>
    <t>31726681.0</t>
  </si>
  <si>
    <t>29867974.0</t>
  </si>
  <si>
    <t>140642.0</t>
  </si>
  <si>
    <t>62302.0</t>
  </si>
  <si>
    <t>250.14</t>
  </si>
  <si>
    <t>17047.0</t>
  </si>
  <si>
    <t>96219812.0</t>
  </si>
  <si>
    <t>34603536.0</t>
  </si>
  <si>
    <t>31727682.0</t>
  </si>
  <si>
    <t>29888594.0</t>
  </si>
  <si>
    <t>28337.0</t>
  </si>
  <si>
    <t>60254.0</t>
  </si>
  <si>
    <t>250.22</t>
  </si>
  <si>
    <t>96225904.0</t>
  </si>
  <si>
    <t>34603892.0</t>
  </si>
  <si>
    <t>31727984.0</t>
  </si>
  <si>
    <t>29894028.0</t>
  </si>
  <si>
    <t>58809.0</t>
  </si>
  <si>
    <t>250.23</t>
  </si>
  <si>
    <t>17764.0</t>
  </si>
  <si>
    <t>96228815.0</t>
  </si>
  <si>
    <t>34604099.0</t>
  </si>
  <si>
    <t>31728171.0</t>
  </si>
  <si>
    <t>29896545.0</t>
  </si>
  <si>
    <t>56910.0</t>
  </si>
  <si>
    <t>250.24</t>
  </si>
  <si>
    <t>96233171.0</t>
  </si>
  <si>
    <t>34606011.0</t>
  </si>
  <si>
    <t>31728360.0</t>
  </si>
  <si>
    <t>29898800.0</t>
  </si>
  <si>
    <t>42412.0</t>
  </si>
  <si>
    <t>250.25</t>
  </si>
  <si>
    <t>10772.0</t>
  </si>
  <si>
    <t>96235754.0</t>
  </si>
  <si>
    <t>34606332.0</t>
  </si>
  <si>
    <t>31728428.0</t>
  </si>
  <si>
    <t>29900994.0</t>
  </si>
  <si>
    <t>39003.0</t>
  </si>
  <si>
    <t>250.26</t>
  </si>
  <si>
    <t>96248636.0</t>
  </si>
  <si>
    <t>34609011.0</t>
  </si>
  <si>
    <t>31728726.0</t>
  </si>
  <si>
    <t>29910899.0</t>
  </si>
  <si>
    <t>28258.0</t>
  </si>
  <si>
    <t>250.29</t>
  </si>
  <si>
    <t>96268870.0</t>
  </si>
  <si>
    <t>34613153.0</t>
  </si>
  <si>
    <t>31729552.0</t>
  </si>
  <si>
    <t>29926165.0</t>
  </si>
  <si>
    <t>20234.0</t>
  </si>
  <si>
    <t>5504.0</t>
  </si>
  <si>
    <t>143.131</t>
  </si>
  <si>
    <t>96292227.0</t>
  </si>
  <si>
    <t>34617680.0</t>
  </si>
  <si>
    <t>31730652.0</t>
  </si>
  <si>
    <t>29943895.0</t>
  </si>
  <si>
    <t>23357.0</t>
  </si>
  <si>
    <t>250.41</t>
  </si>
  <si>
    <t>96303716.0</t>
  </si>
  <si>
    <t>34618256.0</t>
  </si>
  <si>
    <t>31731097.0</t>
  </si>
  <si>
    <t>29954363.0</t>
  </si>
  <si>
    <t>11489.0</t>
  </si>
  <si>
    <t>11116.0</t>
  </si>
  <si>
    <t>250.44</t>
  </si>
  <si>
    <t>96307828.0</t>
  </si>
  <si>
    <t>34618513.0</t>
  </si>
  <si>
    <t>31731346.0</t>
  </si>
  <si>
    <t>29957969.0</t>
  </si>
  <si>
    <t>250.45</t>
  </si>
  <si>
    <t>96312417.0</t>
  </si>
  <si>
    <t>34620662.0</t>
  </si>
  <si>
    <t>31731493.0</t>
  </si>
  <si>
    <t>29960262.0</t>
  </si>
  <si>
    <t>250.46</t>
  </si>
  <si>
    <t>96321465.0</t>
  </si>
  <si>
    <t>34621327.0</t>
  </si>
  <si>
    <t>31731706.0</t>
  </si>
  <si>
    <t>29968432.0</t>
  </si>
  <si>
    <t>9048.0</t>
  </si>
  <si>
    <t>12244.0</t>
  </si>
  <si>
    <t>250.48</t>
  </si>
  <si>
    <t>96336799.0</t>
  </si>
  <si>
    <t>34622111.0</t>
  </si>
  <si>
    <t>31732411.0</t>
  </si>
  <si>
    <t>29982277.0</t>
  </si>
  <si>
    <t>15334.0</t>
  </si>
  <si>
    <t>250.52</t>
  </si>
  <si>
    <t>96394532.0</t>
  </si>
  <si>
    <t>34644882.0</t>
  </si>
  <si>
    <t>31735645.0</t>
  </si>
  <si>
    <t>30014005.0</t>
  </si>
  <si>
    <t>57733.0</t>
  </si>
  <si>
    <t>17952.0</t>
  </si>
  <si>
    <t>250.67</t>
  </si>
  <si>
    <t>CPV</t>
  </si>
  <si>
    <t>Cape Verde</t>
  </si>
  <si>
    <t>-6.47</t>
  </si>
  <si>
    <t>-17.32</t>
  </si>
  <si>
    <t>-80.24789180696</t>
  </si>
  <si>
    <t>-41.6</t>
  </si>
  <si>
    <t>-4.38</t>
  </si>
  <si>
    <t>-70.1326113270911</t>
  </si>
  <si>
    <t>-44.4</t>
  </si>
  <si>
    <t>-3.83</t>
  </si>
  <si>
    <t>-74.8530755510299</t>
  </si>
  <si>
    <t>0.1231</t>
  </si>
  <si>
    <t>-3.0</t>
  </si>
  <si>
    <t>-0.22</t>
  </si>
  <si>
    <t>-5.05764023993445</t>
  </si>
  <si>
    <t>2.36023211196941</t>
  </si>
  <si>
    <t>0.1275</t>
  </si>
  <si>
    <t>0.1479</t>
  </si>
  <si>
    <t>17.1959768157771</t>
  </si>
  <si>
    <t>0.1744</t>
  </si>
  <si>
    <t>0.1452</t>
  </si>
  <si>
    <t>0.1611</t>
  </si>
  <si>
    <t>0.1656</t>
  </si>
  <si>
    <t>0.1752</t>
  </si>
  <si>
    <t>0.1736</t>
  </si>
  <si>
    <t>100.478452766698</t>
  </si>
  <si>
    <t>0.1835</t>
  </si>
  <si>
    <t>0.1797</t>
  </si>
  <si>
    <t>0.1446</t>
  </si>
  <si>
    <t>196.573617325452</t>
  </si>
  <si>
    <t>0.1513</t>
  </si>
  <si>
    <t>0.1385</t>
  </si>
  <si>
    <t>155.2</t>
  </si>
  <si>
    <t>261.648588412609</t>
  </si>
  <si>
    <t>188.6</t>
  </si>
  <si>
    <t>317.956983083879</t>
  </si>
  <si>
    <t>18650.0</t>
  </si>
  <si>
    <t>24027.0</t>
  </si>
  <si>
    <t>21357.0</t>
  </si>
  <si>
    <t>24382.0</t>
  </si>
  <si>
    <t>21663.0</t>
  </si>
  <si>
    <t>34449.0</t>
  </si>
  <si>
    <t>31748.0</t>
  </si>
  <si>
    <t>39211.0</t>
  </si>
  <si>
    <t>36440.0</t>
  </si>
  <si>
    <t>44942.0</t>
  </si>
  <si>
    <t>42164.0</t>
  </si>
  <si>
    <t>47943.0</t>
  </si>
  <si>
    <t>63606.0</t>
  </si>
  <si>
    <t>60771.0</t>
  </si>
  <si>
    <t>74321.0</t>
  </si>
  <si>
    <t>70333.0</t>
  </si>
  <si>
    <t>82451.0</t>
  </si>
  <si>
    <t>76390.0</t>
  </si>
  <si>
    <t>3893.0</t>
  </si>
  <si>
    <t>4048.0</t>
  </si>
  <si>
    <t>99686.0</t>
  </si>
  <si>
    <t>16.81</t>
  </si>
  <si>
    <t>120497.0</t>
  </si>
  <si>
    <t>106909.0</t>
  </si>
  <si>
    <t>13588.0</t>
  </si>
  <si>
    <t>2.179</t>
  </si>
  <si>
    <t>124958.0</t>
  </si>
  <si>
    <t>110678.0</t>
  </si>
  <si>
    <t>132978.0</t>
  </si>
  <si>
    <t>117692.0</t>
  </si>
  <si>
    <t>152937.0</t>
  </si>
  <si>
    <t>135281.0</t>
  </si>
  <si>
    <t>159446.0</t>
  </si>
  <si>
    <t>141276.0</t>
  </si>
  <si>
    <t>2.446</t>
  </si>
  <si>
    <t>3227.0</t>
  </si>
  <si>
    <t>183620.0</t>
  </si>
  <si>
    <t>161941.0</t>
  </si>
  <si>
    <t>204780.0</t>
  </si>
  <si>
    <t>178956.0</t>
  </si>
  <si>
    <t>236976.0</t>
  </si>
  <si>
    <t>198982.0</t>
  </si>
  <si>
    <t>8571.0</t>
  </si>
  <si>
    <t>8981.0</t>
  </si>
  <si>
    <t>262164.0</t>
  </si>
  <si>
    <t>212766.0</t>
  </si>
  <si>
    <t>49398.0</t>
  </si>
  <si>
    <t>11024.0</t>
  </si>
  <si>
    <t>11161.0</t>
  </si>
  <si>
    <t>296476.0</t>
  </si>
  <si>
    <t>229578.0</t>
  </si>
  <si>
    <t>66421.0</t>
  </si>
  <si>
    <t>9269.0</t>
  </si>
  <si>
    <t>309001.0</t>
  </si>
  <si>
    <t>236158.0</t>
  </si>
  <si>
    <t>4670.0</t>
  </si>
  <si>
    <t>5938.0</t>
  </si>
  <si>
    <t>4957.0</t>
  </si>
  <si>
    <t>368789.0</t>
  </si>
  <si>
    <t>272501.0</t>
  </si>
  <si>
    <t>94997.0</t>
  </si>
  <si>
    <t>7189.0</t>
  </si>
  <si>
    <t>385717.0</t>
  </si>
  <si>
    <t>277322.0</t>
  </si>
  <si>
    <t>108529.0</t>
  </si>
  <si>
    <t>65.03</t>
  </si>
  <si>
    <t>402075.0</t>
  </si>
  <si>
    <t>119839.0</t>
  </si>
  <si>
    <t>414300.0</t>
  </si>
  <si>
    <t>284115.0</t>
  </si>
  <si>
    <t>130185.0</t>
  </si>
  <si>
    <t>420246.0</t>
  </si>
  <si>
    <t>142748.0</t>
  </si>
  <si>
    <t>70.85</t>
  </si>
  <si>
    <t>460484.0</t>
  </si>
  <si>
    <t>166158.0</t>
  </si>
  <si>
    <t>472436.0</t>
  </si>
  <si>
    <t>286160.0</t>
  </si>
  <si>
    <t>186276.0</t>
  </si>
  <si>
    <t>482946.0</t>
  </si>
  <si>
    <t>292722.0</t>
  </si>
  <si>
    <t>196347.0</t>
  </si>
  <si>
    <t>494079.0</t>
  </si>
  <si>
    <t>292866.0</t>
  </si>
  <si>
    <t>201213.0</t>
  </si>
  <si>
    <t>504434.0</t>
  </si>
  <si>
    <t>293331.0</t>
  </si>
  <si>
    <t>211103.0</t>
  </si>
  <si>
    <t>511628.0</t>
  </si>
  <si>
    <t>293634.0</t>
  </si>
  <si>
    <t>217093.0</t>
  </si>
  <si>
    <t>526891.0</t>
  </si>
  <si>
    <t>295571.0</t>
  </si>
  <si>
    <t>231320.0</t>
  </si>
  <si>
    <t>539908.0</t>
  </si>
  <si>
    <t>236339.0</t>
  </si>
  <si>
    <t>91.02</t>
  </si>
  <si>
    <t>544075.0</t>
  </si>
  <si>
    <t>296998.0</t>
  </si>
  <si>
    <t>246960.0</t>
  </si>
  <si>
    <t>550192.0</t>
  </si>
  <si>
    <t>299770.0</t>
  </si>
  <si>
    <t>250238.0</t>
  </si>
  <si>
    <t>92.76</t>
  </si>
  <si>
    <t>557243.0</t>
  </si>
  <si>
    <t>301215.0</t>
  </si>
  <si>
    <t>254463.0</t>
  </si>
  <si>
    <t>50.78</t>
  </si>
  <si>
    <t>571130.0</t>
  </si>
  <si>
    <t>302802.0</t>
  </si>
  <si>
    <t>255954.0</t>
  </si>
  <si>
    <t>96.29</t>
  </si>
  <si>
    <t>4.307</t>
  </si>
  <si>
    <t>591452.0</t>
  </si>
  <si>
    <t>317299.0</t>
  </si>
  <si>
    <t>260515.0</t>
  </si>
  <si>
    <t>99.71</t>
  </si>
  <si>
    <t>611615.0</t>
  </si>
  <si>
    <t>321577.0</t>
  </si>
  <si>
    <t>268046.0</t>
  </si>
  <si>
    <t>103.11</t>
  </si>
  <si>
    <t>4810.0</t>
  </si>
  <si>
    <t>671523.0</t>
  </si>
  <si>
    <t>343776.0</t>
  </si>
  <si>
    <t>285948.0</t>
  </si>
  <si>
    <t>683359.0</t>
  </si>
  <si>
    <t>346572.0</t>
  </si>
  <si>
    <t>291201.0</t>
  </si>
  <si>
    <t>115.21</t>
  </si>
  <si>
    <t>692726.0</t>
  </si>
  <si>
    <t>347561.0</t>
  </si>
  <si>
    <t>294775.0</t>
  </si>
  <si>
    <t>704843.0</t>
  </si>
  <si>
    <t>352330.0</t>
  </si>
  <si>
    <t>297833.0</t>
  </si>
  <si>
    <t>118.83</t>
  </si>
  <si>
    <t>711323.0</t>
  </si>
  <si>
    <t>352929.0</t>
  </si>
  <si>
    <t>300099.0</t>
  </si>
  <si>
    <t>119.92</t>
  </si>
  <si>
    <t>719120.0</t>
  </si>
  <si>
    <t>353747.0</t>
  </si>
  <si>
    <t>121.24</t>
  </si>
  <si>
    <t>51.17</t>
  </si>
  <si>
    <t>724784.0</t>
  </si>
  <si>
    <t>354103.0</t>
  </si>
  <si>
    <t>305890.0</t>
  </si>
  <si>
    <t>122.19</t>
  </si>
  <si>
    <t>728077.0</t>
  </si>
  <si>
    <t>354533.0</t>
  </si>
  <si>
    <t>306782.0</t>
  </si>
  <si>
    <t>122.75</t>
  </si>
  <si>
    <t>747122.0</t>
  </si>
  <si>
    <t>354659.0</t>
  </si>
  <si>
    <t>306893.0</t>
  </si>
  <si>
    <t>125.96</t>
  </si>
  <si>
    <t>752194.0</t>
  </si>
  <si>
    <t>354802.0</t>
  </si>
  <si>
    <t>307019.0</t>
  </si>
  <si>
    <t>126.81</t>
  </si>
  <si>
    <t>756797.0</t>
  </si>
  <si>
    <t>354945.0</t>
  </si>
  <si>
    <t>127.59</t>
  </si>
  <si>
    <t>355089.0</t>
  </si>
  <si>
    <t>307272.0</t>
  </si>
  <si>
    <t>127.85</t>
  </si>
  <si>
    <t>762486.0</t>
  </si>
  <si>
    <t>355232.0</t>
  </si>
  <si>
    <t>307398.0</t>
  </si>
  <si>
    <t>128.55</t>
  </si>
  <si>
    <t>773810.0</t>
  </si>
  <si>
    <t>355377.0</t>
  </si>
  <si>
    <t>307526.0</t>
  </si>
  <si>
    <t>130.46</t>
  </si>
  <si>
    <t>802216.0</t>
  </si>
  <si>
    <t>355522.0</t>
  </si>
  <si>
    <t>307655.0</t>
  </si>
  <si>
    <t>823283.0</t>
  </si>
  <si>
    <t>355667.0</t>
  </si>
  <si>
    <t>307784.0</t>
  </si>
  <si>
    <t>138.8</t>
  </si>
  <si>
    <t>839348.0</t>
  </si>
  <si>
    <t>355957.0</t>
  </si>
  <si>
    <t>308044.0</t>
  </si>
  <si>
    <t>847122.0</t>
  </si>
  <si>
    <t>356146.0</t>
  </si>
  <si>
    <t>308213.0</t>
  </si>
  <si>
    <t>51.96</t>
  </si>
  <si>
    <t>853757.0</t>
  </si>
  <si>
    <t>356355.0</t>
  </si>
  <si>
    <t>308382.0</t>
  </si>
  <si>
    <t>143.93</t>
  </si>
  <si>
    <t>857874.0</t>
  </si>
  <si>
    <t>356544.0</t>
  </si>
  <si>
    <t>308551.0</t>
  </si>
  <si>
    <t>144.63</t>
  </si>
  <si>
    <t>52.02</t>
  </si>
  <si>
    <t>859940.0</t>
  </si>
  <si>
    <t>356734.0</t>
  </si>
  <si>
    <t>308720.0</t>
  </si>
  <si>
    <t>CYM</t>
  </si>
  <si>
    <t>Cayman Islands</t>
  </si>
  <si>
    <t>11008.0</t>
  </si>
  <si>
    <t>5020.0</t>
  </si>
  <si>
    <t>13609.0</t>
  </si>
  <si>
    <t>8912.0</t>
  </si>
  <si>
    <t>6970.0</t>
  </si>
  <si>
    <t>15543.0</t>
  </si>
  <si>
    <t>8352.0</t>
  </si>
  <si>
    <t>6942.0</t>
  </si>
  <si>
    <t>24.34</t>
  </si>
  <si>
    <t>10277.0</t>
  </si>
  <si>
    <t>18159.0</t>
  </si>
  <si>
    <t>7638.0</t>
  </si>
  <si>
    <t>7693.0</t>
  </si>
  <si>
    <t>7758.0</t>
  </si>
  <si>
    <t>21106.0</t>
  </si>
  <si>
    <t>8527.0</t>
  </si>
  <si>
    <t>26580.0</t>
  </si>
  <si>
    <t>17702.0</t>
  </si>
  <si>
    <t>12165.0</t>
  </si>
  <si>
    <t>12296.0</t>
  </si>
  <si>
    <t>21864.0</t>
  </si>
  <si>
    <t>10116.0</t>
  </si>
  <si>
    <t>12180.0</t>
  </si>
  <si>
    <t>12660.0</t>
  </si>
  <si>
    <t>35984.0</t>
  </si>
  <si>
    <t>24366.0</t>
  </si>
  <si>
    <t>13140.0</t>
  </si>
  <si>
    <t>38304.0</t>
  </si>
  <si>
    <t>25957.0</t>
  </si>
  <si>
    <t>12347.0</t>
  </si>
  <si>
    <t>39145.0</t>
  </si>
  <si>
    <t>12824.0</t>
  </si>
  <si>
    <t>13518.0</t>
  </si>
  <si>
    <t>41155.0</t>
  </si>
  <si>
    <t>13544.0</t>
  </si>
  <si>
    <t>43023.0</t>
  </si>
  <si>
    <t>14775.0</t>
  </si>
  <si>
    <t>12223.0</t>
  </si>
  <si>
    <t>44061.0</t>
  </si>
  <si>
    <t>28605.0</t>
  </si>
  <si>
    <t>11961.0</t>
  </si>
  <si>
    <t>12063.0</t>
  </si>
  <si>
    <t>47602.0</t>
  </si>
  <si>
    <t>29644.0</t>
  </si>
  <si>
    <t>17958.0</t>
  </si>
  <si>
    <t>13402.0</t>
  </si>
  <si>
    <t>13504.0</t>
  </si>
  <si>
    <t>49561.0</t>
  </si>
  <si>
    <t>30476.0</t>
  </si>
  <si>
    <t>19085.0</t>
  </si>
  <si>
    <t>13591.0</t>
  </si>
  <si>
    <t>30607.0</t>
  </si>
  <si>
    <t>22172.0</t>
  </si>
  <si>
    <t>55053.0</t>
  </si>
  <si>
    <t>31459.0</t>
  </si>
  <si>
    <t>34.33</t>
  </si>
  <si>
    <t>31661.0</t>
  </si>
  <si>
    <t>24553.0</t>
  </si>
  <si>
    <t>10390.0</t>
  </si>
  <si>
    <t>11146.0</t>
  </si>
  <si>
    <t>11903.0</t>
  </si>
  <si>
    <t>32969.0</t>
  </si>
  <si>
    <t>26504.0</t>
  </si>
  <si>
    <t>86.54</t>
  </si>
  <si>
    <t>13416.0</t>
  </si>
  <si>
    <t>60637.0</t>
  </si>
  <si>
    <t>33544.0</t>
  </si>
  <si>
    <t>27093.0</t>
  </si>
  <si>
    <t>61114.0</t>
  </si>
  <si>
    <t>33808.0</t>
  </si>
  <si>
    <t>27306.0</t>
  </si>
  <si>
    <t>88.93</t>
  </si>
  <si>
    <t>39.73</t>
  </si>
  <si>
    <t>10186.0</t>
  </si>
  <si>
    <t>8585.0</t>
  </si>
  <si>
    <t>63350.0</t>
  </si>
  <si>
    <t>34614.0</t>
  </si>
  <si>
    <t>92.18</t>
  </si>
  <si>
    <t>63774.0</t>
  </si>
  <si>
    <t>34786.0</t>
  </si>
  <si>
    <t>28988.0</t>
  </si>
  <si>
    <t>65694.0</t>
  </si>
  <si>
    <t>29920.0</t>
  </si>
  <si>
    <t>95.59</t>
  </si>
  <si>
    <t>43.54</t>
  </si>
  <si>
    <t>69573.0</t>
  </si>
  <si>
    <t>37062.0</t>
  </si>
  <si>
    <t>69772.0</t>
  </si>
  <si>
    <t>32302.0</t>
  </si>
  <si>
    <t>101.53</t>
  </si>
  <si>
    <t>73258.0</t>
  </si>
  <si>
    <t>39493.0</t>
  </si>
  <si>
    <t>39792.0</t>
  </si>
  <si>
    <t>107.27</t>
  </si>
  <si>
    <t>8207.0</t>
  </si>
  <si>
    <t>75284.0</t>
  </si>
  <si>
    <t>40778.0</t>
  </si>
  <si>
    <t>34305.0</t>
  </si>
  <si>
    <t>6068.0</t>
  </si>
  <si>
    <t>78622.0</t>
  </si>
  <si>
    <t>42521.0</t>
  </si>
  <si>
    <t>36101.0</t>
  </si>
  <si>
    <t>114.41</t>
  </si>
  <si>
    <t>79344.0</t>
  </si>
  <si>
    <t>36554.0</t>
  </si>
  <si>
    <t>115.46</t>
  </si>
  <si>
    <t>80120.0</t>
  </si>
  <si>
    <t>83221.0</t>
  </si>
  <si>
    <t>44691.0</t>
  </si>
  <si>
    <t>38530.0</t>
  </si>
  <si>
    <t>121.1</t>
  </si>
  <si>
    <t>83970.0</t>
  </si>
  <si>
    <t>45195.0</t>
  </si>
  <si>
    <t>84856.0</t>
  </si>
  <si>
    <t>45766.0</t>
  </si>
  <si>
    <t>39090.0</t>
  </si>
  <si>
    <t>123.48</t>
  </si>
  <si>
    <t>86711.0</t>
  </si>
  <si>
    <t>46928.0</t>
  </si>
  <si>
    <t>88911.0</t>
  </si>
  <si>
    <t>47061.0</t>
  </si>
  <si>
    <t>41949.0</t>
  </si>
  <si>
    <t>89619.0</t>
  </si>
  <si>
    <t>47419.0</t>
  </si>
  <si>
    <t>130.41</t>
  </si>
  <si>
    <t>90323.0</t>
  </si>
  <si>
    <t>47633.0</t>
  </si>
  <si>
    <t>42660.0</t>
  </si>
  <si>
    <t>131.43</t>
  </si>
  <si>
    <t>69.31</t>
  </si>
  <si>
    <t>90848.0</t>
  </si>
  <si>
    <t>47802.0</t>
  </si>
  <si>
    <t>132.2</t>
  </si>
  <si>
    <t>93098.0</t>
  </si>
  <si>
    <t>48262.0</t>
  </si>
  <si>
    <t>44793.0</t>
  </si>
  <si>
    <t>135.47</t>
  </si>
  <si>
    <t>93525.0</t>
  </si>
  <si>
    <t>48418.0</t>
  </si>
  <si>
    <t>93652.0</t>
  </si>
  <si>
    <t>45504.0</t>
  </si>
  <si>
    <t>136.28</t>
  </si>
  <si>
    <t>93748.0</t>
  </si>
  <si>
    <t>48493.0</t>
  </si>
  <si>
    <t>136.42</t>
  </si>
  <si>
    <t>94093.0</t>
  </si>
  <si>
    <t>48665.0</t>
  </si>
  <si>
    <t>136.92</t>
  </si>
  <si>
    <t>94205.0</t>
  </si>
  <si>
    <t>48722.0</t>
  </si>
  <si>
    <t>94277.0</t>
  </si>
  <si>
    <t>48764.0</t>
  </si>
  <si>
    <t>137.19</t>
  </si>
  <si>
    <t>94633.0</t>
  </si>
  <si>
    <t>48942.0</t>
  </si>
  <si>
    <t>95136.0</t>
  </si>
  <si>
    <t>49050.0</t>
  </si>
  <si>
    <t>46215.0</t>
  </si>
  <si>
    <t>95501.0</t>
  </si>
  <si>
    <t>49141.0</t>
  </si>
  <si>
    <t>46360.0</t>
  </si>
  <si>
    <t>96082.0</t>
  </si>
  <si>
    <t>49316.0</t>
  </si>
  <si>
    <t>46766.0</t>
  </si>
  <si>
    <t>139.81</t>
  </si>
  <si>
    <t>96331.0</t>
  </si>
  <si>
    <t>49403.0</t>
  </si>
  <si>
    <t>96439.0</t>
  </si>
  <si>
    <t>49444.0</t>
  </si>
  <si>
    <t>140.33</t>
  </si>
  <si>
    <t>96518.0</t>
  </si>
  <si>
    <t>49474.0</t>
  </si>
  <si>
    <t>140.45</t>
  </si>
  <si>
    <t>96993.0</t>
  </si>
  <si>
    <t>49672.0</t>
  </si>
  <si>
    <t>141.14</t>
  </si>
  <si>
    <t>97196.0</t>
  </si>
  <si>
    <t>49785.0</t>
  </si>
  <si>
    <t>47411.0</t>
  </si>
  <si>
    <t>141.43</t>
  </si>
  <si>
    <t>49960.0</t>
  </si>
  <si>
    <t>47747.0</t>
  </si>
  <si>
    <t>50171.0</t>
  </si>
  <si>
    <t>47946.0</t>
  </si>
  <si>
    <t>98419.0</t>
  </si>
  <si>
    <t>50308.0</t>
  </si>
  <si>
    <t>48111.0</t>
  </si>
  <si>
    <t>143.21</t>
  </si>
  <si>
    <t>98891.0</t>
  </si>
  <si>
    <t>50524.0</t>
  </si>
  <si>
    <t>48367.0</t>
  </si>
  <si>
    <t>99065.0</t>
  </si>
  <si>
    <t>50607.0</t>
  </si>
  <si>
    <t>99194.0</t>
  </si>
  <si>
    <t>48512.0</t>
  </si>
  <si>
    <t>144.34</t>
  </si>
  <si>
    <t>99635.0</t>
  </si>
  <si>
    <t>50884.0</t>
  </si>
  <si>
    <t>48751.0</t>
  </si>
  <si>
    <t>99790.0</t>
  </si>
  <si>
    <t>48847.0</t>
  </si>
  <si>
    <t>100164.0</t>
  </si>
  <si>
    <t>49086.0</t>
  </si>
  <si>
    <t>100362.0</t>
  </si>
  <si>
    <t>51175.0</t>
  </si>
  <si>
    <t>49187.0</t>
  </si>
  <si>
    <t>101008.0</t>
  </si>
  <si>
    <t>51514.0</t>
  </si>
  <si>
    <t>49494.0</t>
  </si>
  <si>
    <t>146.98</t>
  </si>
  <si>
    <t>101372.0</t>
  </si>
  <si>
    <t>51742.0</t>
  </si>
  <si>
    <t>49630.0</t>
  </si>
  <si>
    <t>147.51</t>
  </si>
  <si>
    <t>52158.0</t>
  </si>
  <si>
    <t>49894.0</t>
  </si>
  <si>
    <t>102399.0</t>
  </si>
  <si>
    <t>52433.0</t>
  </si>
  <si>
    <t>102633.0</t>
  </si>
  <si>
    <t>52622.0</t>
  </si>
  <si>
    <t>50011.0</t>
  </si>
  <si>
    <t>102860.0</t>
  </si>
  <si>
    <t>52831.0</t>
  </si>
  <si>
    <t>50029.0</t>
  </si>
  <si>
    <t>149.68</t>
  </si>
  <si>
    <t>103904.0</t>
  </si>
  <si>
    <t>53626.0</t>
  </si>
  <si>
    <t>104304.0</t>
  </si>
  <si>
    <t>53934.0</t>
  </si>
  <si>
    <t>50370.0</t>
  </si>
  <si>
    <t>151.78</t>
  </si>
  <si>
    <t>104609.0</t>
  </si>
  <si>
    <t>54167.0</t>
  </si>
  <si>
    <t>152.22</t>
  </si>
  <si>
    <t>4351.0</t>
  </si>
  <si>
    <t>105471.0</t>
  </si>
  <si>
    <t>54681.0</t>
  </si>
  <si>
    <t>50790.0</t>
  </si>
  <si>
    <t>105697.0</t>
  </si>
  <si>
    <t>54796.0</t>
  </si>
  <si>
    <t>50901.0</t>
  </si>
  <si>
    <t>153.8</t>
  </si>
  <si>
    <t>106655.0</t>
  </si>
  <si>
    <t>55129.0</t>
  </si>
  <si>
    <t>51481.0</t>
  </si>
  <si>
    <t>111027.0</t>
  </si>
  <si>
    <t>55991.0</t>
  </si>
  <si>
    <t>113448.0</t>
  </si>
  <si>
    <t>56365.0</t>
  </si>
  <si>
    <t>54136.0</t>
  </si>
  <si>
    <t>165.08</t>
  </si>
  <si>
    <t>116507.0</t>
  </si>
  <si>
    <t>56887.0</t>
  </si>
  <si>
    <t>6243.0</t>
  </si>
  <si>
    <t>119435.0</t>
  </si>
  <si>
    <t>173.79</t>
  </si>
  <si>
    <t>55352.0</t>
  </si>
  <si>
    <t>176.19</t>
  </si>
  <si>
    <t>123877.0</t>
  </si>
  <si>
    <t>57952.0</t>
  </si>
  <si>
    <t>55829.0</t>
  </si>
  <si>
    <t>180.26</t>
  </si>
  <si>
    <t>125717.0</t>
  </si>
  <si>
    <t>58143.0</t>
  </si>
  <si>
    <t>56187.0</t>
  </si>
  <si>
    <t>128181.0</t>
  </si>
  <si>
    <t>58371.0</t>
  </si>
  <si>
    <t>56486.0</t>
  </si>
  <si>
    <t>130410.0</t>
  </si>
  <si>
    <t>58569.0</t>
  </si>
  <si>
    <t>189.76</t>
  </si>
  <si>
    <t>130608.0</t>
  </si>
  <si>
    <t>58591.0</t>
  </si>
  <si>
    <t>56891.0</t>
  </si>
  <si>
    <t>190.05</t>
  </si>
  <si>
    <t>133997.0</t>
  </si>
  <si>
    <t>58939.0</t>
  </si>
  <si>
    <t>194.98</t>
  </si>
  <si>
    <t>135232.0</t>
  </si>
  <si>
    <t>59097.0</t>
  </si>
  <si>
    <t>196.78</t>
  </si>
  <si>
    <t>136593.0</t>
  </si>
  <si>
    <t>59188.0</t>
  </si>
  <si>
    <t>198.76</t>
  </si>
  <si>
    <t>137430.0</t>
  </si>
  <si>
    <t>59308.0</t>
  </si>
  <si>
    <t>57473.0</t>
  </si>
  <si>
    <t>199.98</t>
  </si>
  <si>
    <t>138037.0</t>
  </si>
  <si>
    <t>59441.0</t>
  </si>
  <si>
    <t>57627.0</t>
  </si>
  <si>
    <t>200.86</t>
  </si>
  <si>
    <t>83.86</t>
  </si>
  <si>
    <t>138942.0</t>
  </si>
  <si>
    <t>59591.0</t>
  </si>
  <si>
    <t>57869.0</t>
  </si>
  <si>
    <t>86.71</t>
  </si>
  <si>
    <t>141118.0</t>
  </si>
  <si>
    <t>60364.0</t>
  </si>
  <si>
    <t>58385.0</t>
  </si>
  <si>
    <t>205.35</t>
  </si>
  <si>
    <t>87.84</t>
  </si>
  <si>
    <t>142198.0</t>
  </si>
  <si>
    <t>58721.0</t>
  </si>
  <si>
    <t>22749.0</t>
  </si>
  <si>
    <t>206.92</t>
  </si>
  <si>
    <t>88.37</t>
  </si>
  <si>
    <t>142358.0</t>
  </si>
  <si>
    <t>60763.0</t>
  </si>
  <si>
    <t>58781.0</t>
  </si>
  <si>
    <t>207.15</t>
  </si>
  <si>
    <t>142710.0</t>
  </si>
  <si>
    <t>60801.0</t>
  </si>
  <si>
    <t>58846.0</t>
  </si>
  <si>
    <t>27.841</t>
  </si>
  <si>
    <t>143196.0</t>
  </si>
  <si>
    <t>60855.0</t>
  </si>
  <si>
    <t>58924.0</t>
  </si>
  <si>
    <t>22987.0</t>
  </si>
  <si>
    <t>208.37</t>
  </si>
  <si>
    <t>32.068</t>
  </si>
  <si>
    <t>4.579</t>
  </si>
  <si>
    <t>0.3434</t>
  </si>
  <si>
    <t>4.696</t>
  </si>
  <si>
    <t>0.3348</t>
  </si>
  <si>
    <t>143785.0</t>
  </si>
  <si>
    <t>60930.0</t>
  </si>
  <si>
    <t>59031.0</t>
  </si>
  <si>
    <t>23189.0</t>
  </si>
  <si>
    <t>209.23</t>
  </si>
  <si>
    <t>88.66</t>
  </si>
  <si>
    <t>0.3267</t>
  </si>
  <si>
    <t>0.3179</t>
  </si>
  <si>
    <t>5.063</t>
  </si>
  <si>
    <t>5.298</t>
  </si>
  <si>
    <t>97.848</t>
  </si>
  <si>
    <t>37.939</t>
  </si>
  <si>
    <t>5.445</t>
  </si>
  <si>
    <t>144209.0</t>
  </si>
  <si>
    <t>60995.0</t>
  </si>
  <si>
    <t>59105.0</t>
  </si>
  <si>
    <t>23264.0</t>
  </si>
  <si>
    <t>209.84</t>
  </si>
  <si>
    <t>86.01</t>
  </si>
  <si>
    <t>5.489</t>
  </si>
  <si>
    <t>0.3416</t>
  </si>
  <si>
    <t>0.3398</t>
  </si>
  <si>
    <t>5.606</t>
  </si>
  <si>
    <t>0.3362</t>
  </si>
  <si>
    <t>137.343</t>
  </si>
  <si>
    <t>39.495</t>
  </si>
  <si>
    <t>5.636</t>
  </si>
  <si>
    <t>144978.0</t>
  </si>
  <si>
    <t>61119.0</t>
  </si>
  <si>
    <t>59292.0</t>
  </si>
  <si>
    <t>23403.0</t>
  </si>
  <si>
    <t>61175.0</t>
  </si>
  <si>
    <t>59355.0</t>
  </si>
  <si>
    <t>211.31</t>
  </si>
  <si>
    <t>89.02</t>
  </si>
  <si>
    <t>145502.0</t>
  </si>
  <si>
    <t>61240.0</t>
  </si>
  <si>
    <t>59442.0</t>
  </si>
  <si>
    <t>23467.0</t>
  </si>
  <si>
    <t>89.11</t>
  </si>
  <si>
    <t>145906.0</t>
  </si>
  <si>
    <t>61307.0</t>
  </si>
  <si>
    <t>59547.0</t>
  </si>
  <si>
    <t>23536.0</t>
  </si>
  <si>
    <t>146639.0</t>
  </si>
  <si>
    <t>61433.0</t>
  </si>
  <si>
    <t>59779.0</t>
  </si>
  <si>
    <t>23649.0</t>
  </si>
  <si>
    <t>213.38</t>
  </si>
  <si>
    <t>89.39</t>
  </si>
  <si>
    <t>59810.0</t>
  </si>
  <si>
    <t>23670.0</t>
  </si>
  <si>
    <t>213.6</t>
  </si>
  <si>
    <t>147211.0</t>
  </si>
  <si>
    <t>59931.0</t>
  </si>
  <si>
    <t>23732.0</t>
  </si>
  <si>
    <t>214.21</t>
  </si>
  <si>
    <t>147390.0</t>
  </si>
  <si>
    <t>59972.0</t>
  </si>
  <si>
    <t>23773.0</t>
  </si>
  <si>
    <t>87.27</t>
  </si>
  <si>
    <t>34.59</t>
  </si>
  <si>
    <t>147628.0</t>
  </si>
  <si>
    <t>61583.0</t>
  </si>
  <si>
    <t>60034.0</t>
  </si>
  <si>
    <t>214.82</t>
  </si>
  <si>
    <t>89.61</t>
  </si>
  <si>
    <t>147774.0</t>
  </si>
  <si>
    <t>61607.0</t>
  </si>
  <si>
    <t>60057.0</t>
  </si>
  <si>
    <t>23842.0</t>
  </si>
  <si>
    <t>147971.0</t>
  </si>
  <si>
    <t>61630.0</t>
  </si>
  <si>
    <t>60096.0</t>
  </si>
  <si>
    <t>89.68</t>
  </si>
  <si>
    <t>148160.0</t>
  </si>
  <si>
    <t>61663.0</t>
  </si>
  <si>
    <t>60145.0</t>
  </si>
  <si>
    <t>23910.0</t>
  </si>
  <si>
    <t>87.52</t>
  </si>
  <si>
    <t>149153.0</t>
  </si>
  <si>
    <t>61787.0</t>
  </si>
  <si>
    <t>60341.0</t>
  </si>
  <si>
    <t>149370.0</t>
  </si>
  <si>
    <t>60499.0</t>
  </si>
  <si>
    <t>150126.0</t>
  </si>
  <si>
    <t>61826.0</t>
  </si>
  <si>
    <t>CAF</t>
  </si>
  <si>
    <t>Central African Republic</t>
  </si>
  <si>
    <t>18408.0</t>
  </si>
  <si>
    <t>26541.0</t>
  </si>
  <si>
    <t>42644.0</t>
  </si>
  <si>
    <t>4529.0</t>
  </si>
  <si>
    <t>78137.0</t>
  </si>
  <si>
    <t>78685.0</t>
  </si>
  <si>
    <t>92041.0</t>
  </si>
  <si>
    <t>93790.0</t>
  </si>
  <si>
    <t>94811.0</t>
  </si>
  <si>
    <t>95862.0</t>
  </si>
  <si>
    <t>108895.0</t>
  </si>
  <si>
    <t>150393.0</t>
  </si>
  <si>
    <t>140492.0</t>
  </si>
  <si>
    <t>207004.0</t>
  </si>
  <si>
    <t>197103.0</t>
  </si>
  <si>
    <t>255345.0</t>
  </si>
  <si>
    <t>245444.0</t>
  </si>
  <si>
    <t>12109.0</t>
  </si>
  <si>
    <t>16438.0</t>
  </si>
  <si>
    <t>385557.0</t>
  </si>
  <si>
    <t>329627.0</t>
  </si>
  <si>
    <t>285529.0</t>
  </si>
  <si>
    <t>18602.0</t>
  </si>
  <si>
    <t>12026.0</t>
  </si>
  <si>
    <t>14238.0</t>
  </si>
  <si>
    <t>422182.0</t>
  </si>
  <si>
    <t>361984.0</t>
  </si>
  <si>
    <t>321668.0</t>
  </si>
  <si>
    <t>422372.0</t>
  </si>
  <si>
    <t>362174.0</t>
  </si>
  <si>
    <t>321858.0</t>
  </si>
  <si>
    <t>422496.0</t>
  </si>
  <si>
    <t>362298.0</t>
  </si>
  <si>
    <t>321982.0</t>
  </si>
  <si>
    <t>436772.0</t>
  </si>
  <si>
    <t>375096.0</t>
  </si>
  <si>
    <t>334906.0</t>
  </si>
  <si>
    <t>79140.0</t>
  </si>
  <si>
    <t>14.502</t>
  </si>
  <si>
    <t>587785.0</t>
  </si>
  <si>
    <t>514271.0</t>
  </si>
  <si>
    <t>490787.0</t>
  </si>
  <si>
    <t>79902.0</t>
  </si>
  <si>
    <t>14.642</t>
  </si>
  <si>
    <t>0.1707</t>
  </si>
  <si>
    <t>603963.0</t>
  </si>
  <si>
    <t>530449.0</t>
  </si>
  <si>
    <t>505201.0</t>
  </si>
  <si>
    <t>81294.0</t>
  </si>
  <si>
    <t>14.897</t>
  </si>
  <si>
    <t>0.2954</t>
  </si>
  <si>
    <t>0.2205</t>
  </si>
  <si>
    <t>0.2526</t>
  </si>
  <si>
    <t>0.2193</t>
  </si>
  <si>
    <t>652134.0</t>
  </si>
  <si>
    <t>572911.0</t>
  </si>
  <si>
    <t>549473.0</t>
  </si>
  <si>
    <t>5242.0</t>
  </si>
  <si>
    <t>82526.0</t>
  </si>
  <si>
    <t>15.123</t>
  </si>
  <si>
    <t>698869.0</t>
  </si>
  <si>
    <t>619646.0</t>
  </si>
  <si>
    <t>594847.0</t>
  </si>
  <si>
    <t>82793.0</t>
  </si>
  <si>
    <t>15.171</t>
  </si>
  <si>
    <t>0.2035</t>
  </si>
  <si>
    <t>8540.0</t>
  </si>
  <si>
    <t>8916.0</t>
  </si>
  <si>
    <t>10043.0</t>
  </si>
  <si>
    <t>744672.0</t>
  </si>
  <si>
    <t>712447.0</t>
  </si>
  <si>
    <t>9580.0</t>
  </si>
  <si>
    <t>9553.0</t>
  </si>
  <si>
    <t>8687.0</t>
  </si>
  <si>
    <t>855735.0</t>
  </si>
  <si>
    <t>775176.0</t>
  </si>
  <si>
    <t>85587.0</t>
  </si>
  <si>
    <t>900298.0</t>
  </si>
  <si>
    <t>819313.0</t>
  </si>
  <si>
    <t>780030.0</t>
  </si>
  <si>
    <t>0.1939</t>
  </si>
  <si>
    <t>6992.0</t>
  </si>
  <si>
    <t>8321.0</t>
  </si>
  <si>
    <t>0.1786</t>
  </si>
  <si>
    <t>8022.0</t>
  </si>
  <si>
    <t>8365.0</t>
  </si>
  <si>
    <t>968802.0</t>
  </si>
  <si>
    <t>880271.0</t>
  </si>
  <si>
    <t>824469.0</t>
  </si>
  <si>
    <t>7906.0</t>
  </si>
  <si>
    <t>0.6184</t>
  </si>
  <si>
    <t>86960.0</t>
  </si>
  <si>
    <t>15.935</t>
  </si>
  <si>
    <t>0.5465</t>
  </si>
  <si>
    <t>87537.0</t>
  </si>
  <si>
    <t>16.041</t>
  </si>
  <si>
    <t>1012846.0</t>
  </si>
  <si>
    <t>923553.0</t>
  </si>
  <si>
    <t>897945.0</t>
  </si>
  <si>
    <t>3033.0</t>
  </si>
  <si>
    <t>16.288</t>
  </si>
  <si>
    <t>89503.0</t>
  </si>
  <si>
    <t>16.401</t>
  </si>
  <si>
    <t>1037580.0</t>
  </si>
  <si>
    <t>1015918.0</t>
  </si>
  <si>
    <t>988591.0</t>
  </si>
  <si>
    <t>90715.0</t>
  </si>
  <si>
    <t>16.623</t>
  </si>
  <si>
    <t>90855.0</t>
  </si>
  <si>
    <t>16.649</t>
  </si>
  <si>
    <t>1023144.0</t>
  </si>
  <si>
    <t>16.756</t>
  </si>
  <si>
    <t>91696.0</t>
  </si>
  <si>
    <t>16.803</t>
  </si>
  <si>
    <t>1185512.0</t>
  </si>
  <si>
    <t>1092961.0</t>
  </si>
  <si>
    <t>1036577.0</t>
  </si>
  <si>
    <t>21.25</t>
  </si>
  <si>
    <t>92744.0</t>
  </si>
  <si>
    <t>16.995</t>
  </si>
  <si>
    <t>1193681.0</t>
  </si>
  <si>
    <t>1101130.0</t>
  </si>
  <si>
    <t>1044746.0</t>
  </si>
  <si>
    <t>93621.0</t>
  </si>
  <si>
    <t>17.156</t>
  </si>
  <si>
    <t>1217399.0</t>
  </si>
  <si>
    <t>1124848.0</t>
  </si>
  <si>
    <t>1068464.0</t>
  </si>
  <si>
    <t>94759.0</t>
  </si>
  <si>
    <t>17.364</t>
  </si>
  <si>
    <t>9696.0</t>
  </si>
  <si>
    <t>1353144.0</t>
  </si>
  <si>
    <t>1260593.0</t>
  </si>
  <si>
    <t>1204209.0</t>
  </si>
  <si>
    <t>7739.0</t>
  </si>
  <si>
    <t>1392969.0</t>
  </si>
  <si>
    <t>1300418.0</t>
  </si>
  <si>
    <t>1244034.0</t>
  </si>
  <si>
    <t>1301882.0</t>
  </si>
  <si>
    <t>1245498.0</t>
  </si>
  <si>
    <t>1395131.0</t>
  </si>
  <si>
    <t>1302580.0</t>
  </si>
  <si>
    <t>1246196.0</t>
  </si>
  <si>
    <t>40054.0</t>
  </si>
  <si>
    <t>23.35</t>
  </si>
  <si>
    <t>1435565.0</t>
  </si>
  <si>
    <t>1344611.0</t>
  </si>
  <si>
    <t>1288227.0</t>
  </si>
  <si>
    <t>63651.0</t>
  </si>
  <si>
    <t>8494.0</t>
  </si>
  <si>
    <t>10324.0</t>
  </si>
  <si>
    <t>13985.0</t>
  </si>
  <si>
    <t>1549713.0</t>
  </si>
  <si>
    <t>1455323.0</t>
  </si>
  <si>
    <t>1378300.0</t>
  </si>
  <si>
    <t>87947.0</t>
  </si>
  <si>
    <t>16307.0</t>
  </si>
  <si>
    <t>14733.0</t>
  </si>
  <si>
    <t>13927.0</t>
  </si>
  <si>
    <t>1586764.0</t>
  </si>
  <si>
    <t>1473460.0</t>
  </si>
  <si>
    <t>1397259.0</t>
  </si>
  <si>
    <t>156594.0</t>
  </si>
  <si>
    <t>9488.0</t>
  </si>
  <si>
    <t>12104.0</t>
  </si>
  <si>
    <t>16385.0</t>
  </si>
  <si>
    <t>13807.0</t>
  </si>
  <si>
    <t>23282.0</t>
  </si>
  <si>
    <t>1707255.0</t>
  </si>
  <si>
    <t>1660574.0</t>
  </si>
  <si>
    <t>1570081.0</t>
  </si>
  <si>
    <t>26731.0</t>
  </si>
  <si>
    <t>19366.0</t>
  </si>
  <si>
    <t>15684.0</t>
  </si>
  <si>
    <t>8004.0</t>
  </si>
  <si>
    <t>12002.0</t>
  </si>
  <si>
    <t>1714941.0</t>
  </si>
  <si>
    <t>1667260.0</t>
  </si>
  <si>
    <t>1577767.0</t>
  </si>
  <si>
    <t>214090.0</t>
  </si>
  <si>
    <t>1722083.0</t>
  </si>
  <si>
    <t>1674402.0</t>
  </si>
  <si>
    <t>1584909.0</t>
  </si>
  <si>
    <t>1754834.0</t>
  </si>
  <si>
    <t>1616195.0</t>
  </si>
  <si>
    <t>1795660.0</t>
  </si>
  <si>
    <t>1713735.0</t>
  </si>
  <si>
    <t>1616845.0</t>
  </si>
  <si>
    <t>1818587.0</t>
  </si>
  <si>
    <t>1838144.0</t>
  </si>
  <si>
    <t>1748700.0</t>
  </si>
  <si>
    <t>1658308.0</t>
  </si>
  <si>
    <t>1938075.0</t>
  </si>
  <si>
    <t>1884410.0</t>
  </si>
  <si>
    <t>1834194.0</t>
  </si>
  <si>
    <t>32.88</t>
  </si>
  <si>
    <t>19387.0</t>
  </si>
  <si>
    <t>18208.0</t>
  </si>
  <si>
    <t>1997710.0</t>
  </si>
  <si>
    <t>1962326.0</t>
  </si>
  <si>
    <t>1934575.0</t>
  </si>
  <si>
    <t>34.68</t>
  </si>
  <si>
    <t>10941.0</t>
  </si>
  <si>
    <t>15784.0</t>
  </si>
  <si>
    <t>20626.0</t>
  </si>
  <si>
    <t>25469.0</t>
  </si>
  <si>
    <t>2354281.0</t>
  </si>
  <si>
    <t>1984791.0</t>
  </si>
  <si>
    <t>TCD</t>
  </si>
  <si>
    <t>Chad</t>
  </si>
  <si>
    <t>10920.0</t>
  </si>
  <si>
    <t>20478.0</t>
  </si>
  <si>
    <t>15966.0</t>
  </si>
  <si>
    <t>18484.0</t>
  </si>
  <si>
    <t>28810.0</t>
  </si>
  <si>
    <t>29980.0</t>
  </si>
  <si>
    <t>22445.0</t>
  </si>
  <si>
    <t>36173.0</t>
  </si>
  <si>
    <t>40649.0</t>
  </si>
  <si>
    <t>29786.0</t>
  </si>
  <si>
    <t>45390.0</t>
  </si>
  <si>
    <t>33525.0</t>
  </si>
  <si>
    <t>51697.0</t>
  </si>
  <si>
    <t>37024.0</t>
  </si>
  <si>
    <t>14673.0</t>
  </si>
  <si>
    <t>55598.0</t>
  </si>
  <si>
    <t>40329.0</t>
  </si>
  <si>
    <t>68267.0</t>
  </si>
  <si>
    <t>76242.0</t>
  </si>
  <si>
    <t>15811.0</t>
  </si>
  <si>
    <t>98302.0</t>
  </si>
  <si>
    <t>104707.0</t>
  </si>
  <si>
    <t>86821.0</t>
  </si>
  <si>
    <t>123052.0</t>
  </si>
  <si>
    <t>98213.0</t>
  </si>
  <si>
    <t>24839.0</t>
  </si>
  <si>
    <t>142548.0</t>
  </si>
  <si>
    <t>113135.0</t>
  </si>
  <si>
    <t>154042.0</t>
  </si>
  <si>
    <t>123426.0</t>
  </si>
  <si>
    <t>30616.0</t>
  </si>
  <si>
    <t>173184.0</t>
  </si>
  <si>
    <t>139591.0</t>
  </si>
  <si>
    <t>33593.0</t>
  </si>
  <si>
    <t>183351.0</t>
  </si>
  <si>
    <t>146669.0</t>
  </si>
  <si>
    <t>36682.0</t>
  </si>
  <si>
    <t>191439.0</t>
  </si>
  <si>
    <t>150842.0</t>
  </si>
  <si>
    <t>199516.0</t>
  </si>
  <si>
    <t>155038.0</t>
  </si>
  <si>
    <t>224180.0</t>
  </si>
  <si>
    <t>165934.0</t>
  </si>
  <si>
    <t>58246.0</t>
  </si>
  <si>
    <t>226843.0</t>
  </si>
  <si>
    <t>166793.0</t>
  </si>
  <si>
    <t>60050.0</t>
  </si>
  <si>
    <t>229019.0</t>
  </si>
  <si>
    <t>167809.0</t>
  </si>
  <si>
    <t>61210.0</t>
  </si>
  <si>
    <t>234030.0</t>
  </si>
  <si>
    <t>170210.0</t>
  </si>
  <si>
    <t>63820.0</t>
  </si>
  <si>
    <t>237695.0</t>
  </si>
  <si>
    <t>172432.0</t>
  </si>
  <si>
    <t>65263.0</t>
  </si>
  <si>
    <t>242251.0</t>
  </si>
  <si>
    <t>175171.0</t>
  </si>
  <si>
    <t>67080.0</t>
  </si>
  <si>
    <t>249651.0</t>
  </si>
  <si>
    <t>179130.0</t>
  </si>
  <si>
    <t>70521.0</t>
  </si>
  <si>
    <t>258618.0</t>
  </si>
  <si>
    <t>185794.0</t>
  </si>
  <si>
    <t>72824.0</t>
  </si>
  <si>
    <t>275026.0</t>
  </si>
  <si>
    <t>198522.0</t>
  </si>
  <si>
    <t>285922.0</t>
  </si>
  <si>
    <t>205259.0</t>
  </si>
  <si>
    <t>80663.0</t>
  </si>
  <si>
    <t>191341.0</t>
  </si>
  <si>
    <t>11.138</t>
  </si>
  <si>
    <t>374952.0</t>
  </si>
  <si>
    <t>254847.0</t>
  </si>
  <si>
    <t>120105.0</t>
  </si>
  <si>
    <t>194439.0</t>
  </si>
  <si>
    <t>11.318</t>
  </si>
  <si>
    <t>196620.0</t>
  </si>
  <si>
    <t>11.445</t>
  </si>
  <si>
    <t>196852.0</t>
  </si>
  <si>
    <t>11.458</t>
  </si>
  <si>
    <t>392157.0</t>
  </si>
  <si>
    <t>136143.0</t>
  </si>
  <si>
    <t>198518.0</t>
  </si>
  <si>
    <t>11.555</t>
  </si>
  <si>
    <t>398464.0</t>
  </si>
  <si>
    <t>267953.0</t>
  </si>
  <si>
    <t>138854.0</t>
  </si>
  <si>
    <t>200328.0</t>
  </si>
  <si>
    <t>11.661</t>
  </si>
  <si>
    <t>200916.0</t>
  </si>
  <si>
    <t>403992.0</t>
  </si>
  <si>
    <t>271031.0</t>
  </si>
  <si>
    <t>142452.0</t>
  </si>
  <si>
    <t>412309.0</t>
  </si>
  <si>
    <t>276118.0</t>
  </si>
  <si>
    <t>147640.0</t>
  </si>
  <si>
    <t>321.7</t>
  </si>
  <si>
    <t>202215.0</t>
  </si>
  <si>
    <t>11.771</t>
  </si>
  <si>
    <t>418052.0</t>
  </si>
  <si>
    <t>281174.0</t>
  </si>
  <si>
    <t>152238.0</t>
  </si>
  <si>
    <t>165.6</t>
  </si>
  <si>
    <t>230.2</t>
  </si>
  <si>
    <t>262.8</t>
  </si>
  <si>
    <t>419469.0</t>
  </si>
  <si>
    <t>282003.0</t>
  </si>
  <si>
    <t>153238.0</t>
  </si>
  <si>
    <t>7904.0</t>
  </si>
  <si>
    <t>205595.0</t>
  </si>
  <si>
    <t>11.967</t>
  </si>
  <si>
    <t>23308.0</t>
  </si>
  <si>
    <t>23549.0</t>
  </si>
  <si>
    <t>31010.0</t>
  </si>
  <si>
    <t>31359.0</t>
  </si>
  <si>
    <t>38712.0</t>
  </si>
  <si>
    <t>39169.0</t>
  </si>
  <si>
    <t>206951.0</t>
  </si>
  <si>
    <t>12.046</t>
  </si>
  <si>
    <t>46414.0</t>
  </si>
  <si>
    <t>46980.0</t>
  </si>
  <si>
    <t>54116.0</t>
  </si>
  <si>
    <t>54790.0</t>
  </si>
  <si>
    <t>1014743.0</t>
  </si>
  <si>
    <t>884691.0</t>
  </si>
  <si>
    <t>755755.0</t>
  </si>
  <si>
    <t>91078.0</t>
  </si>
  <si>
    <t>46963.0</t>
  </si>
  <si>
    <t>1640446.0</t>
  </si>
  <si>
    <t>128040.0</t>
  </si>
  <si>
    <t>39136.0</t>
  </si>
  <si>
    <t>209345.0</t>
  </si>
  <si>
    <t>12.186</t>
  </si>
  <si>
    <t>130638.0</t>
  </si>
  <si>
    <t>51547.0</t>
  </si>
  <si>
    <t>133236.0</t>
  </si>
  <si>
    <t>63959.0</t>
  </si>
  <si>
    <t>135834.0</t>
  </si>
  <si>
    <t>76370.0</t>
  </si>
  <si>
    <t>138432.0</t>
  </si>
  <si>
    <t>88782.0</t>
  </si>
  <si>
    <t>141029.0</t>
  </si>
  <si>
    <t>101194.0</t>
  </si>
  <si>
    <t>106665.0</t>
  </si>
  <si>
    <t>121432.0</t>
  </si>
  <si>
    <t>12.278</t>
  </si>
  <si>
    <t>141671.0</t>
  </si>
  <si>
    <t>2291152.0</t>
  </si>
  <si>
    <t>2159731.0</t>
  </si>
  <si>
    <t>2038603.0</t>
  </si>
  <si>
    <t>62443.0</t>
  </si>
  <si>
    <t>121876.0</t>
  </si>
  <si>
    <t>52585.0</t>
  </si>
  <si>
    <t>102081.0</t>
  </si>
  <si>
    <t>42727.0</t>
  </si>
  <si>
    <t>82286.0</t>
  </si>
  <si>
    <t>32869.0</t>
  </si>
  <si>
    <t>62491.0</t>
  </si>
  <si>
    <t>42696.0</t>
  </si>
  <si>
    <t>13153.0</t>
  </si>
  <si>
    <t>22901.0</t>
  </si>
  <si>
    <t>212076.0</t>
  </si>
  <si>
    <t>12.345</t>
  </si>
  <si>
    <t>213179.0</t>
  </si>
  <si>
    <t>12.409</t>
  </si>
  <si>
    <t>92.4</t>
  </si>
  <si>
    <t>2347168.0</t>
  </si>
  <si>
    <t>2212530.0</t>
  </si>
  <si>
    <t>2087559.0</t>
  </si>
  <si>
    <t>214107.0</t>
  </si>
  <si>
    <t>12.463</t>
  </si>
  <si>
    <t>94.3</t>
  </si>
  <si>
    <t>1160.8</t>
  </si>
  <si>
    <t>214802.0</t>
  </si>
  <si>
    <t>12.503</t>
  </si>
  <si>
    <t>923.1</t>
  </si>
  <si>
    <t>783.2</t>
  </si>
  <si>
    <t>727.3</t>
  </si>
  <si>
    <t>699.3</t>
  </si>
  <si>
    <t>215421.0</t>
  </si>
  <si>
    <t>12.539</t>
  </si>
  <si>
    <t>307.7</t>
  </si>
  <si>
    <t>314.7</t>
  </si>
  <si>
    <t>318.2</t>
  </si>
  <si>
    <t>325.2</t>
  </si>
  <si>
    <t>657.3</t>
  </si>
  <si>
    <t>664.3</t>
  </si>
  <si>
    <t>216097.0</t>
  </si>
  <si>
    <t>12.579</t>
  </si>
  <si>
    <t>678.3</t>
  </si>
  <si>
    <t>587.4</t>
  </si>
  <si>
    <t>545.5</t>
  </si>
  <si>
    <t>503.5</t>
  </si>
  <si>
    <t>2352921.0</t>
  </si>
  <si>
    <t>2214232.0</t>
  </si>
  <si>
    <t>2089261.0</t>
  </si>
  <si>
    <t>216895.0</t>
  </si>
  <si>
    <t>12.625</t>
  </si>
  <si>
    <t>2355126.0</t>
  </si>
  <si>
    <t>2216437.0</t>
  </si>
  <si>
    <t>2091466.0</t>
  </si>
  <si>
    <t>13.29</t>
  </si>
  <si>
    <t>440.6</t>
  </si>
  <si>
    <t>454.5</t>
  </si>
  <si>
    <t>468.5</t>
  </si>
  <si>
    <t>217565.0</t>
  </si>
  <si>
    <t>269.2</t>
  </si>
  <si>
    <t>300.7</t>
  </si>
  <si>
    <t>218102.0</t>
  </si>
  <si>
    <t>12.695</t>
  </si>
  <si>
    <t>430.1</t>
  </si>
  <si>
    <t>461.5</t>
  </si>
  <si>
    <t>2356138.0</t>
  </si>
  <si>
    <t>2218493.0</t>
  </si>
  <si>
    <t>2093522.0</t>
  </si>
  <si>
    <t>229.4</t>
  </si>
  <si>
    <t>218873.0</t>
  </si>
  <si>
    <t>225.9</t>
  </si>
  <si>
    <t>11700.0</t>
  </si>
  <si>
    <t>19403.0</t>
  </si>
  <si>
    <t>23240.0</t>
  </si>
  <si>
    <t>23254.0</t>
  </si>
  <si>
    <t>27101.0</t>
  </si>
  <si>
    <t>3873794.0</t>
  </si>
  <si>
    <t>3736379.0</t>
  </si>
  <si>
    <t>3608914.0</t>
  </si>
  <si>
    <t>21.86</t>
  </si>
  <si>
    <t>23261.0</t>
  </si>
  <si>
    <t>23262.0</t>
  </si>
  <si>
    <t>19422.0</t>
  </si>
  <si>
    <t>19418.0</t>
  </si>
  <si>
    <t>15582.0</t>
  </si>
  <si>
    <t>11731.0</t>
  </si>
  <si>
    <t>3876928.0</t>
  </si>
  <si>
    <t>3739193.0</t>
  </si>
  <si>
    <t>3611617.0</t>
  </si>
  <si>
    <t>3879297.0</t>
  </si>
  <si>
    <t>3746216.0</t>
  </si>
  <si>
    <t>3619014.0</t>
  </si>
  <si>
    <t>3887776.0</t>
  </si>
  <si>
    <t>3749370.0</t>
  </si>
  <si>
    <t>3621866.0</t>
  </si>
  <si>
    <t>21.16</t>
  </si>
  <si>
    <t>3891785.0</t>
  </si>
  <si>
    <t>3750058.0</t>
  </si>
  <si>
    <t>3625087.0</t>
  </si>
  <si>
    <t>CHL</t>
  </si>
  <si>
    <t>Chile</t>
  </si>
  <si>
    <t>-3.54</t>
  </si>
  <si>
    <t>10.457190404931</t>
  </si>
  <si>
    <t>11.1407335826192</t>
  </si>
  <si>
    <t>11.5284147878751</t>
  </si>
  <si>
    <t>270.6</t>
  </si>
  <si>
    <t>13.8034913345089</t>
  </si>
  <si>
    <t>384.5</t>
  </si>
  <si>
    <t>19.6136083448583</t>
  </si>
  <si>
    <t>15563.0</t>
  </si>
  <si>
    <t>19097.0</t>
  </si>
  <si>
    <t>460.9</t>
  </si>
  <si>
    <t>23.510824671379</t>
  </si>
  <si>
    <t>24554.0</t>
  </si>
  <si>
    <t>8.825</t>
  </si>
  <si>
    <t>10.202</t>
  </si>
  <si>
    <t>33183.0</t>
  </si>
  <si>
    <t>14.283</t>
  </si>
  <si>
    <t>41071.0</t>
  </si>
  <si>
    <t>44414.0</t>
  </si>
  <si>
    <t>567.3</t>
  </si>
  <si>
    <t>28.9383615449626</t>
  </si>
  <si>
    <t>47322.0</t>
  </si>
  <si>
    <t>33.667</t>
  </si>
  <si>
    <t>49580.0</t>
  </si>
  <si>
    <t>52849.0</t>
  </si>
  <si>
    <t>60811.0</t>
  </si>
  <si>
    <t>30.759</t>
  </si>
  <si>
    <t>65255.0</t>
  </si>
  <si>
    <t>68832.0</t>
  </si>
  <si>
    <t>3.531</t>
  </si>
  <si>
    <t>74729.0</t>
  </si>
  <si>
    <t>-1.45</t>
  </si>
  <si>
    <t>27.4284452718604</t>
  </si>
  <si>
    <t>28.464</t>
  </si>
  <si>
    <t>77493.0</t>
  </si>
  <si>
    <t>4310.0</t>
  </si>
  <si>
    <t>0.0979</t>
  </si>
  <si>
    <t>19.333</t>
  </si>
  <si>
    <t>80252.0</t>
  </si>
  <si>
    <t>9.947</t>
  </si>
  <si>
    <t>84331.0</t>
  </si>
  <si>
    <t>4.326</t>
  </si>
  <si>
    <t>0.0944</t>
  </si>
  <si>
    <t>90882.0</t>
  </si>
  <si>
    <t>4.662</t>
  </si>
  <si>
    <t>9.335</t>
  </si>
  <si>
    <t>29.484</t>
  </si>
  <si>
    <t>30.861</t>
  </si>
  <si>
    <t>101349.0</t>
  </si>
  <si>
    <t>106107.0</t>
  </si>
  <si>
    <t>627.6</t>
  </si>
  <si>
    <t>32.0143058445594</t>
  </si>
  <si>
    <t>19.231</t>
  </si>
  <si>
    <t>31.78</t>
  </si>
  <si>
    <t>111285.0</t>
  </si>
  <si>
    <t>32.392</t>
  </si>
  <si>
    <t>114815.0</t>
  </si>
  <si>
    <t>20.353</t>
  </si>
  <si>
    <t>11.222</t>
  </si>
  <si>
    <t>121180.0</t>
  </si>
  <si>
    <t>20.965</t>
  </si>
  <si>
    <t>11.937</t>
  </si>
  <si>
    <t>127605.0</t>
  </si>
  <si>
    <t>6.546</t>
  </si>
  <si>
    <t>32.596</t>
  </si>
  <si>
    <t>134725.0</t>
  </si>
  <si>
    <t>6.911</t>
  </si>
  <si>
    <t>141670.0</t>
  </si>
  <si>
    <t>7.268</t>
  </si>
  <si>
    <t>0.0977</t>
  </si>
  <si>
    <t>35.146</t>
  </si>
  <si>
    <t>148433.0</t>
  </si>
  <si>
    <t>6763.0</t>
  </si>
  <si>
    <t>33.1569451863665</t>
  </si>
  <si>
    <t>11.375</t>
  </si>
  <si>
    <t>153693.0</t>
  </si>
  <si>
    <t>7.884</t>
  </si>
  <si>
    <t>21.833</t>
  </si>
  <si>
    <t>37.442</t>
  </si>
  <si>
    <t>158623.0</t>
  </si>
  <si>
    <t>165077.0</t>
  </si>
  <si>
    <t>8.468</t>
  </si>
  <si>
    <t>21.373</t>
  </si>
  <si>
    <t>10.508</t>
  </si>
  <si>
    <t>181891.0</t>
  </si>
  <si>
    <t>9.331</t>
  </si>
  <si>
    <t>21.68</t>
  </si>
  <si>
    <t>47.695</t>
  </si>
  <si>
    <t>191858.0</t>
  </si>
  <si>
    <t>9.842</t>
  </si>
  <si>
    <t>7170.0</t>
  </si>
  <si>
    <t>198676.0</t>
  </si>
  <si>
    <t>10.192</t>
  </si>
  <si>
    <t>665.6</t>
  </si>
  <si>
    <t>33.9527118708393</t>
  </si>
  <si>
    <t>206589.0</t>
  </si>
  <si>
    <t>7557.0</t>
  </si>
  <si>
    <t>0.1499</t>
  </si>
  <si>
    <t>23.975</t>
  </si>
  <si>
    <t>214553.0</t>
  </si>
  <si>
    <t>11.007</t>
  </si>
  <si>
    <t>224566.0</t>
  </si>
  <si>
    <t>236684.0</t>
  </si>
  <si>
    <t>12118.0</t>
  </si>
  <si>
    <t>9101.0</t>
  </si>
  <si>
    <t>25.913</t>
  </si>
  <si>
    <t>13.977</t>
  </si>
  <si>
    <t>248419.0</t>
  </si>
  <si>
    <t>12.744</t>
  </si>
  <si>
    <t>260362.0</t>
  </si>
  <si>
    <t>13.357</t>
  </si>
  <si>
    <t>15.813</t>
  </si>
  <si>
    <t>273142.0</t>
  </si>
  <si>
    <t>14.012</t>
  </si>
  <si>
    <t>49.1743002456266</t>
  </si>
  <si>
    <t>286515.0</t>
  </si>
  <si>
    <t>14.698</t>
  </si>
  <si>
    <t>11418.0</t>
  </si>
  <si>
    <t>16.834</t>
  </si>
  <si>
    <t>295798.0</t>
  </si>
  <si>
    <t>306208.0</t>
  </si>
  <si>
    <t>15.708</t>
  </si>
  <si>
    <t>317710.0</t>
  </si>
  <si>
    <t>11502.0</t>
  </si>
  <si>
    <t>16.299</t>
  </si>
  <si>
    <t>11575.0</t>
  </si>
  <si>
    <t>36.269</t>
  </si>
  <si>
    <t>333805.0</t>
  </si>
  <si>
    <t>16095.0</t>
  </si>
  <si>
    <t>17.124</t>
  </si>
  <si>
    <t>342618.0</t>
  </si>
  <si>
    <t>17.576</t>
  </si>
  <si>
    <t>0.2165</t>
  </si>
  <si>
    <t>23.465</t>
  </si>
  <si>
    <t>355789.0</t>
  </si>
  <si>
    <t>18.252</t>
  </si>
  <si>
    <t>1276.6</t>
  </si>
  <si>
    <t>65.1202403460238</t>
  </si>
  <si>
    <t>41.166</t>
  </si>
  <si>
    <t>373304.0</t>
  </si>
  <si>
    <t>17515.0</t>
  </si>
  <si>
    <t>44.685</t>
  </si>
  <si>
    <t>389493.0</t>
  </si>
  <si>
    <t>19.981</t>
  </si>
  <si>
    <t>46.114</t>
  </si>
  <si>
    <t>401962.0</t>
  </si>
  <si>
    <t>20.621</t>
  </si>
  <si>
    <t>13679.0</t>
  </si>
  <si>
    <t>48.103</t>
  </si>
  <si>
    <t>418296.0</t>
  </si>
  <si>
    <t>16334.0</t>
  </si>
  <si>
    <t>434386.0</t>
  </si>
  <si>
    <t>22.284</t>
  </si>
  <si>
    <t>0.2576</t>
  </si>
  <si>
    <t>449625.0</t>
  </si>
  <si>
    <t>23.066</t>
  </si>
  <si>
    <t>0.2829</t>
  </si>
  <si>
    <t>34.687</t>
  </si>
  <si>
    <t>464051.0</t>
  </si>
  <si>
    <t>23.806</t>
  </si>
  <si>
    <t>15466.0</t>
  </si>
  <si>
    <t>99.215782134589</t>
  </si>
  <si>
    <t>197.36</t>
  </si>
  <si>
    <t>480334.0</t>
  </si>
  <si>
    <t>16283.0</t>
  </si>
  <si>
    <t>24.641</t>
  </si>
  <si>
    <t>15290.0</t>
  </si>
  <si>
    <t>493418.0</t>
  </si>
  <si>
    <t>25.312</t>
  </si>
  <si>
    <t>0.3338</t>
  </si>
  <si>
    <t>506816.0</t>
  </si>
  <si>
    <t>13398.0</t>
  </si>
  <si>
    <t>522466.0</t>
  </si>
  <si>
    <t>15650.0</t>
  </si>
  <si>
    <t>26.802</t>
  </si>
  <si>
    <t>14881.0</t>
  </si>
  <si>
    <t>0.3424</t>
  </si>
  <si>
    <t>40.298</t>
  </si>
  <si>
    <t>538799.0</t>
  </si>
  <si>
    <t>14916.0</t>
  </si>
  <si>
    <t>555613.0</t>
  </si>
  <si>
    <t>16814.0</t>
  </si>
  <si>
    <t>28.503</t>
  </si>
  <si>
    <t>0.3626</t>
  </si>
  <si>
    <t>39.023</t>
  </si>
  <si>
    <t>574733.0</t>
  </si>
  <si>
    <t>15812.0</t>
  </si>
  <si>
    <t>0.3574</t>
  </si>
  <si>
    <t>3042.9</t>
  </si>
  <si>
    <t>155.220413088607</t>
  </si>
  <si>
    <t>73.761</t>
  </si>
  <si>
    <t>4117.0</t>
  </si>
  <si>
    <t>591623.0</t>
  </si>
  <si>
    <t>0.3606</t>
  </si>
  <si>
    <t>605065.0</t>
  </si>
  <si>
    <t>13442.0</t>
  </si>
  <si>
    <t>31.04</t>
  </si>
  <si>
    <t>0.3555</t>
  </si>
  <si>
    <t>620611.0</t>
  </si>
  <si>
    <t>15546.0</t>
  </si>
  <si>
    <t>16256.0</t>
  </si>
  <si>
    <t>0.3542</t>
  </si>
  <si>
    <t>38.87</t>
  </si>
  <si>
    <t>638751.0</t>
  </si>
  <si>
    <t>32.768</t>
  </si>
  <si>
    <t>0.3467</t>
  </si>
  <si>
    <t>660531.0</t>
  </si>
  <si>
    <t>33.885</t>
  </si>
  <si>
    <t>17390.0</t>
  </si>
  <si>
    <t>679485.0</t>
  </si>
  <si>
    <t>18954.0</t>
  </si>
  <si>
    <t>34.858</t>
  </si>
  <si>
    <t>0.3361</t>
  </si>
  <si>
    <t>79.475</t>
  </si>
  <si>
    <t>700750.0</t>
  </si>
  <si>
    <t>35.948</t>
  </si>
  <si>
    <t>0.3429</t>
  </si>
  <si>
    <t>231.741541510251</t>
  </si>
  <si>
    <t>720790.0</t>
  </si>
  <si>
    <t>20040.0</t>
  </si>
  <si>
    <t>18452.0</t>
  </si>
  <si>
    <t>0.3285</t>
  </si>
  <si>
    <t>738567.0</t>
  </si>
  <si>
    <t>37.888</t>
  </si>
  <si>
    <t>19072.0</t>
  </si>
  <si>
    <t>753044.0</t>
  </si>
  <si>
    <t>14477.0</t>
  </si>
  <si>
    <t>38.631</t>
  </si>
  <si>
    <t>18919.0</t>
  </si>
  <si>
    <t>773020.0</t>
  </si>
  <si>
    <t>19976.0</t>
  </si>
  <si>
    <t>39.656</t>
  </si>
  <si>
    <t>19181.0</t>
  </si>
  <si>
    <t>0.3318</t>
  </si>
  <si>
    <t>40.962</t>
  </si>
  <si>
    <t>791753.0</t>
  </si>
  <si>
    <t>18733.0</t>
  </si>
  <si>
    <t>40.617</t>
  </si>
  <si>
    <t>18746.0</t>
  </si>
  <si>
    <t>0.3589</t>
  </si>
  <si>
    <t>811976.0</t>
  </si>
  <si>
    <t>20223.0</t>
  </si>
  <si>
    <t>41.654</t>
  </si>
  <si>
    <t>18927.0</t>
  </si>
  <si>
    <t>832127.0</t>
  </si>
  <si>
    <t>20151.0</t>
  </si>
  <si>
    <t>42.688</t>
  </si>
  <si>
    <t>18768.0</t>
  </si>
  <si>
    <t>0.3183</t>
  </si>
  <si>
    <t>6022.6</t>
  </si>
  <si>
    <t>307.216950891401</t>
  </si>
  <si>
    <t>850935.0</t>
  </si>
  <si>
    <t>18808.0</t>
  </si>
  <si>
    <t>43.653</t>
  </si>
  <si>
    <t>18592.0</t>
  </si>
  <si>
    <t>865510.0</t>
  </si>
  <si>
    <t>14575.0</t>
  </si>
  <si>
    <t>44.401</t>
  </si>
  <si>
    <t>18135.0</t>
  </si>
  <si>
    <t>878146.0</t>
  </si>
  <si>
    <t>45.049</t>
  </si>
  <si>
    <t>17872.0</t>
  </si>
  <si>
    <t>0.3163</t>
  </si>
  <si>
    <t>895143.0</t>
  </si>
  <si>
    <t>45.921</t>
  </si>
  <si>
    <t>0.3145</t>
  </si>
  <si>
    <t>206.95</t>
  </si>
  <si>
    <t>915490.0</t>
  </si>
  <si>
    <t>46.965</t>
  </si>
  <si>
    <t>0.3066</t>
  </si>
  <si>
    <t>935570.0</t>
  </si>
  <si>
    <t>47.995</t>
  </si>
  <si>
    <t>0.2841</t>
  </si>
  <si>
    <t>955685.0</t>
  </si>
  <si>
    <t>20115.0</t>
  </si>
  <si>
    <t>49.027</t>
  </si>
  <si>
    <t>17651.0</t>
  </si>
  <si>
    <t>0.2734</t>
  </si>
  <si>
    <t>369.368369376123</t>
  </si>
  <si>
    <t>200.37</t>
  </si>
  <si>
    <t>974330.0</t>
  </si>
  <si>
    <t>49.983</t>
  </si>
  <si>
    <t>17628.0</t>
  </si>
  <si>
    <t>102.48</t>
  </si>
  <si>
    <t>987037.0</t>
  </si>
  <si>
    <t>50.635</t>
  </si>
  <si>
    <t>49.225</t>
  </si>
  <si>
    <t>999612.0</t>
  </si>
  <si>
    <t>17352.0</t>
  </si>
  <si>
    <t>1017058.0</t>
  </si>
  <si>
    <t>52.175</t>
  </si>
  <si>
    <t>17416.0</t>
  </si>
  <si>
    <t>0.2786</t>
  </si>
  <si>
    <t>1035307.0</t>
  </si>
  <si>
    <t>53.111</t>
  </si>
  <si>
    <t>17117.0</t>
  </si>
  <si>
    <t>0.2668</t>
  </si>
  <si>
    <t>1053251.0</t>
  </si>
  <si>
    <t>17944.0</t>
  </si>
  <si>
    <t>54.032</t>
  </si>
  <si>
    <t>46.522</t>
  </si>
  <si>
    <t>1071621.0</t>
  </si>
  <si>
    <t>18370.0</t>
  </si>
  <si>
    <t>54.974</t>
  </si>
  <si>
    <t>0.2556</t>
  </si>
  <si>
    <t>8231.1</t>
  </si>
  <si>
    <t>419.874048497695</t>
  </si>
  <si>
    <t>1088420.0</t>
  </si>
  <si>
    <t>16799.0</t>
  </si>
  <si>
    <t>55.836</t>
  </si>
  <si>
    <t>16299.0</t>
  </si>
  <si>
    <t>1101769.0</t>
  </si>
  <si>
    <t>56.521</t>
  </si>
  <si>
    <t>42.543</t>
  </si>
  <si>
    <t>1112154.0</t>
  </si>
  <si>
    <t>1122985.0</t>
  </si>
  <si>
    <t>15132.0</t>
  </si>
  <si>
    <t>107.48</t>
  </si>
  <si>
    <t>1138570.0</t>
  </si>
  <si>
    <t>14752.0</t>
  </si>
  <si>
    <t>147.013</t>
  </si>
  <si>
    <t>1155857.0</t>
  </si>
  <si>
    <t>17287.0</t>
  </si>
  <si>
    <t>59.295</t>
  </si>
  <si>
    <t>1173861.0</t>
  </si>
  <si>
    <t>18004.0</t>
  </si>
  <si>
    <t>60.219</t>
  </si>
  <si>
    <t>0.2303</t>
  </si>
  <si>
    <t>450.067272891249</t>
  </si>
  <si>
    <t>1190238.0</t>
  </si>
  <si>
    <t>16377.0</t>
  </si>
  <si>
    <t>61.059</t>
  </si>
  <si>
    <t>14545.0</t>
  </si>
  <si>
    <t>0.2216</t>
  </si>
  <si>
    <t>1202303.0</t>
  </si>
  <si>
    <t>61.678</t>
  </si>
  <si>
    <t>1212767.0</t>
  </si>
  <si>
    <t>62.215</t>
  </si>
  <si>
    <t>14373.0</t>
  </si>
  <si>
    <t>101.97</t>
  </si>
  <si>
    <t>1229609.0</t>
  </si>
  <si>
    <t>63.079</t>
  </si>
  <si>
    <t>15232.0</t>
  </si>
  <si>
    <t>1247336.0</t>
  </si>
  <si>
    <t>63.988</t>
  </si>
  <si>
    <t>1265604.0</t>
  </si>
  <si>
    <t>18268.0</t>
  </si>
  <si>
    <t>64.925</t>
  </si>
  <si>
    <t>15678.0</t>
  </si>
  <si>
    <t>0.1839</t>
  </si>
  <si>
    <t>1284775.0</t>
  </si>
  <si>
    <t>65.909</t>
  </si>
  <si>
    <t>15845.0</t>
  </si>
  <si>
    <t>9341.1</t>
  </si>
  <si>
    <t>476.495908739028</t>
  </si>
  <si>
    <t>1302242.0</t>
  </si>
  <si>
    <t>66.805</t>
  </si>
  <si>
    <t>123.293</t>
  </si>
  <si>
    <t>1314480.0</t>
  </si>
  <si>
    <t>12238.0</t>
  </si>
  <si>
    <t>67.433</t>
  </si>
  <si>
    <t>95.798</t>
  </si>
  <si>
    <t>1326689.0</t>
  </si>
  <si>
    <t>68.059</t>
  </si>
  <si>
    <t>1343881.0</t>
  </si>
  <si>
    <t>68.941</t>
  </si>
  <si>
    <t>32.188</t>
  </si>
  <si>
    <t>1362580.0</t>
  </si>
  <si>
    <t>1380296.0</t>
  </si>
  <si>
    <t>70.809</t>
  </si>
  <si>
    <t>28.77</t>
  </si>
  <si>
    <t>1396024.0</t>
  </si>
  <si>
    <t>15728.0</t>
  </si>
  <si>
    <t>71.616</t>
  </si>
  <si>
    <t>15893.0</t>
  </si>
  <si>
    <t>9642.2</t>
  </si>
  <si>
    <t>491.855225963051</t>
  </si>
  <si>
    <t>1412367.0</t>
  </si>
  <si>
    <t>72.454</t>
  </si>
  <si>
    <t>15732.0</t>
  </si>
  <si>
    <t>1424957.0</t>
  </si>
  <si>
    <t>15782.0</t>
  </si>
  <si>
    <t>1437750.0</t>
  </si>
  <si>
    <t>73.757</t>
  </si>
  <si>
    <t>15866.0</t>
  </si>
  <si>
    <t>1456617.0</t>
  </si>
  <si>
    <t>18867.0</t>
  </si>
  <si>
    <t>16105.0</t>
  </si>
  <si>
    <t>1477688.0</t>
  </si>
  <si>
    <t>75.805</t>
  </si>
  <si>
    <t>1496821.0</t>
  </si>
  <si>
    <t>19133.0</t>
  </si>
  <si>
    <t>76.787</t>
  </si>
  <si>
    <t>1516530.0</t>
  </si>
  <si>
    <t>77.798</t>
  </si>
  <si>
    <t>9882.3</t>
  </si>
  <si>
    <t>504.102891408046</t>
  </si>
  <si>
    <t>1538074.0</t>
  </si>
  <si>
    <t>21544.0</t>
  </si>
  <si>
    <t>78.903</t>
  </si>
  <si>
    <t>92.074</t>
  </si>
  <si>
    <t>1555670.0</t>
  </si>
  <si>
    <t>17596.0</t>
  </si>
  <si>
    <t>79.806</t>
  </si>
  <si>
    <t>75.751</t>
  </si>
  <si>
    <t>1572800.0</t>
  </si>
  <si>
    <t>17130.0</t>
  </si>
  <si>
    <t>80.685</t>
  </si>
  <si>
    <t>19293.0</t>
  </si>
  <si>
    <t>23.057</t>
  </si>
  <si>
    <t>1593095.0</t>
  </si>
  <si>
    <t>20295.0</t>
  </si>
  <si>
    <t>81.726</t>
  </si>
  <si>
    <t>1615969.0</t>
  </si>
  <si>
    <t>22874.0</t>
  </si>
  <si>
    <t>82.899</t>
  </si>
  <si>
    <t>19754.0</t>
  </si>
  <si>
    <t>1640367.0</t>
  </si>
  <si>
    <t>84.151</t>
  </si>
  <si>
    <t>20507.0</t>
  </si>
  <si>
    <t>1665266.0</t>
  </si>
  <si>
    <t>24899.0</t>
  </si>
  <si>
    <t>85.428</t>
  </si>
  <si>
    <t>10103.2</t>
  </si>
  <si>
    <t>515.37115170292</t>
  </si>
  <si>
    <t>85.953</t>
  </si>
  <si>
    <t>1689535.0</t>
  </si>
  <si>
    <t>24269.0</t>
  </si>
  <si>
    <t>86.673</t>
  </si>
  <si>
    <t>21637.0</t>
  </si>
  <si>
    <t>1708392.0</t>
  </si>
  <si>
    <t>18857.0</t>
  </si>
  <si>
    <t>87.64</t>
  </si>
  <si>
    <t>21817.0</t>
  </si>
  <si>
    <t>1729790.0</t>
  </si>
  <si>
    <t>21398.0</t>
  </si>
  <si>
    <t>88.738</t>
  </si>
  <si>
    <t>22427.0</t>
  </si>
  <si>
    <t>1752592.0</t>
  </si>
  <si>
    <t>22802.0</t>
  </si>
  <si>
    <t>89.908</t>
  </si>
  <si>
    <t>1777835.0</t>
  </si>
  <si>
    <t>25243.0</t>
  </si>
  <si>
    <t>91.203</t>
  </si>
  <si>
    <t>1804872.0</t>
  </si>
  <si>
    <t>27037.0</t>
  </si>
  <si>
    <t>92.59</t>
  </si>
  <si>
    <t>1833332.0</t>
  </si>
  <si>
    <t>28460.0</t>
  </si>
  <si>
    <t>24009.0</t>
  </si>
  <si>
    <t>10253.3</t>
  </si>
  <si>
    <t>523.027855506726</t>
  </si>
  <si>
    <t>1859344.0</t>
  </si>
  <si>
    <t>26012.0</t>
  </si>
  <si>
    <t>95.384</t>
  </si>
  <si>
    <t>24258.0</t>
  </si>
  <si>
    <t>1881593.0</t>
  </si>
  <si>
    <t>22249.0</t>
  </si>
  <si>
    <t>96.526</t>
  </si>
  <si>
    <t>24743.0</t>
  </si>
  <si>
    <t>1900941.0</t>
  </si>
  <si>
    <t>97.518</t>
  </si>
  <si>
    <t>24450.0</t>
  </si>
  <si>
    <t>64.222</t>
  </si>
  <si>
    <t>1924569.0</t>
  </si>
  <si>
    <t>23628.0</t>
  </si>
  <si>
    <t>1952187.0</t>
  </si>
  <si>
    <t>27618.0</t>
  </si>
  <si>
    <t>100.147</t>
  </si>
  <si>
    <t>1980686.0</t>
  </si>
  <si>
    <t>28499.0</t>
  </si>
  <si>
    <t>101.609</t>
  </si>
  <si>
    <t>25116.0</t>
  </si>
  <si>
    <t>2011568.0</t>
  </si>
  <si>
    <t>30882.0</t>
  </si>
  <si>
    <t>103.193</t>
  </si>
  <si>
    <t>25462.0</t>
  </si>
  <si>
    <t>10351.2</t>
  </si>
  <si>
    <t>528.021801558642</t>
  </si>
  <si>
    <t>2036857.0</t>
  </si>
  <si>
    <t>104.491</t>
  </si>
  <si>
    <t>25359.0</t>
  </si>
  <si>
    <t>72.639</t>
  </si>
  <si>
    <t>2060056.0</t>
  </si>
  <si>
    <t>105.681</t>
  </si>
  <si>
    <t>25495.0</t>
  </si>
  <si>
    <t>16.476</t>
  </si>
  <si>
    <t>2079331.0</t>
  </si>
  <si>
    <t>106.67</t>
  </si>
  <si>
    <t>25484.0</t>
  </si>
  <si>
    <t>2105609.0</t>
  </si>
  <si>
    <t>26278.0</t>
  </si>
  <si>
    <t>108.018</t>
  </si>
  <si>
    <t>25863.0</t>
  </si>
  <si>
    <t>16.578</t>
  </si>
  <si>
    <t>2134278.0</t>
  </si>
  <si>
    <t>109.488</t>
  </si>
  <si>
    <t>26013.0</t>
  </si>
  <si>
    <t>2164005.0</t>
  </si>
  <si>
    <t>111.013</t>
  </si>
  <si>
    <t>2195986.0</t>
  </si>
  <si>
    <t>31981.0</t>
  </si>
  <si>
    <t>26345.0</t>
  </si>
  <si>
    <t>10636.1</t>
  </si>
  <si>
    <t>542.554745687251</t>
  </si>
  <si>
    <t>2223440.0</t>
  </si>
  <si>
    <t>27454.0</t>
  </si>
  <si>
    <t>114.062</t>
  </si>
  <si>
    <t>26655.0</t>
  </si>
  <si>
    <t>2247943.0</t>
  </si>
  <si>
    <t>24503.0</t>
  </si>
  <si>
    <t>115.319</t>
  </si>
  <si>
    <t>26841.0</t>
  </si>
  <si>
    <t>2268200.0</t>
  </si>
  <si>
    <t>116.359</t>
  </si>
  <si>
    <t>26981.0</t>
  </si>
  <si>
    <t>2295219.0</t>
  </si>
  <si>
    <t>117.745</t>
  </si>
  <si>
    <t>27087.0</t>
  </si>
  <si>
    <t>16.732</t>
  </si>
  <si>
    <t>2325493.0</t>
  </si>
  <si>
    <t>30274.0</t>
  </si>
  <si>
    <t>119.298</t>
  </si>
  <si>
    <t>2357730.0</t>
  </si>
  <si>
    <t>32237.0</t>
  </si>
  <si>
    <t>120.952</t>
  </si>
  <si>
    <t>27675.0</t>
  </si>
  <si>
    <t>2392499.0</t>
  </si>
  <si>
    <t>34769.0</t>
  </si>
  <si>
    <t>122.735</t>
  </si>
  <si>
    <t>28073.0</t>
  </si>
  <si>
    <t>10872.0</t>
  </si>
  <si>
    <t>554.588166255657</t>
  </si>
  <si>
    <t>16.374</t>
  </si>
  <si>
    <t>2424413.0</t>
  </si>
  <si>
    <t>124.372</t>
  </si>
  <si>
    <t>28710.0</t>
  </si>
  <si>
    <t>2450739.0</t>
  </si>
  <si>
    <t>26326.0</t>
  </si>
  <si>
    <t>125.723</t>
  </si>
  <si>
    <t>28971.0</t>
  </si>
  <si>
    <t>2473485.0</t>
  </si>
  <si>
    <t>22746.0</t>
  </si>
  <si>
    <t>126.89</t>
  </si>
  <si>
    <t>29326.0</t>
  </si>
  <si>
    <t>2500727.0</t>
  </si>
  <si>
    <t>27242.0</t>
  </si>
  <si>
    <t>128.287</t>
  </si>
  <si>
    <t>29358.0</t>
  </si>
  <si>
    <t>47.542</t>
  </si>
  <si>
    <t>15.354</t>
  </si>
  <si>
    <t>2532695.0</t>
  </si>
  <si>
    <t>31968.0</t>
  </si>
  <si>
    <t>129.927</t>
  </si>
  <si>
    <t>15.558</t>
  </si>
  <si>
    <t>2567290.0</t>
  </si>
  <si>
    <t>34595.0</t>
  </si>
  <si>
    <t>131.702</t>
  </si>
  <si>
    <t>46.369</t>
  </si>
  <si>
    <t>2602579.0</t>
  </si>
  <si>
    <t>35289.0</t>
  </si>
  <si>
    <t>133.512</t>
  </si>
  <si>
    <t>30011.0</t>
  </si>
  <si>
    <t>10965.6</t>
  </si>
  <si>
    <t>559.362766362493</t>
  </si>
  <si>
    <t>2633566.0</t>
  </si>
  <si>
    <t>30987.0</t>
  </si>
  <si>
    <t>135.102</t>
  </si>
  <si>
    <t>2661546.0</t>
  </si>
  <si>
    <t>27980.0</t>
  </si>
  <si>
    <t>136.537</t>
  </si>
  <si>
    <t>2683351.0</t>
  </si>
  <si>
    <t>21805.0</t>
  </si>
  <si>
    <t>137.656</t>
  </si>
  <si>
    <t>2711664.0</t>
  </si>
  <si>
    <t>28313.0</t>
  </si>
  <si>
    <t>139.108</t>
  </si>
  <si>
    <t>30134.0</t>
  </si>
  <si>
    <t>18.415</t>
  </si>
  <si>
    <t>2745746.0</t>
  </si>
  <si>
    <t>34082.0</t>
  </si>
  <si>
    <t>140.857</t>
  </si>
  <si>
    <t>30436.0</t>
  </si>
  <si>
    <t>2783808.0</t>
  </si>
  <si>
    <t>38062.0</t>
  </si>
  <si>
    <t>142.809</t>
  </si>
  <si>
    <t>30931.0</t>
  </si>
  <si>
    <t>17.905</t>
  </si>
  <si>
    <t>2820106.0</t>
  </si>
  <si>
    <t>36298.0</t>
  </si>
  <si>
    <t>144.671</t>
  </si>
  <si>
    <t>31075.0</t>
  </si>
  <si>
    <t>11128.2</t>
  </si>
  <si>
    <t>567.657103727575</t>
  </si>
  <si>
    <t>64.988</t>
  </si>
  <si>
    <t>2852683.0</t>
  </si>
  <si>
    <t>32577.0</t>
  </si>
  <si>
    <t>146.343</t>
  </si>
  <si>
    <t>66.314</t>
  </si>
  <si>
    <t>2879880.0</t>
  </si>
  <si>
    <t>27197.0</t>
  </si>
  <si>
    <t>147.738</t>
  </si>
  <si>
    <t>2902982.0</t>
  </si>
  <si>
    <t>23102.0</t>
  </si>
  <si>
    <t>148.923</t>
  </si>
  <si>
    <t>31376.0</t>
  </si>
  <si>
    <t>65.396</t>
  </si>
  <si>
    <t>2934628.0</t>
  </si>
  <si>
    <t>31646.0</t>
  </si>
  <si>
    <t>150.546</t>
  </si>
  <si>
    <t>2967868.0</t>
  </si>
  <si>
    <t>33240.0</t>
  </si>
  <si>
    <t>152.252</t>
  </si>
  <si>
    <t>31732.0</t>
  </si>
  <si>
    <t>3002690.0</t>
  </si>
  <si>
    <t>34822.0</t>
  </si>
  <si>
    <t>154.038</t>
  </si>
  <si>
    <t>31269.0</t>
  </si>
  <si>
    <t>45.961</t>
  </si>
  <si>
    <t>15.456</t>
  </si>
  <si>
    <t>3030310.0</t>
  </si>
  <si>
    <t>27620.0</t>
  </si>
  <si>
    <t>155.455</t>
  </si>
  <si>
    <t>11227.3</t>
  </si>
  <si>
    <t>572.712262601374</t>
  </si>
  <si>
    <t>3047132.0</t>
  </si>
  <si>
    <t>156.318</t>
  </si>
  <si>
    <t>3060521.0</t>
  </si>
  <si>
    <t>157.005</t>
  </si>
  <si>
    <t>25806.0</t>
  </si>
  <si>
    <t>46.267</t>
  </si>
  <si>
    <t>15.405</t>
  </si>
  <si>
    <t>61.468</t>
  </si>
  <si>
    <t>3076094.0</t>
  </si>
  <si>
    <t>15573.0</t>
  </si>
  <si>
    <t>157.804</t>
  </si>
  <si>
    <t>24730.0</t>
  </si>
  <si>
    <t>3105172.0</t>
  </si>
  <si>
    <t>159.295</t>
  </si>
  <si>
    <t>24363.0</t>
  </si>
  <si>
    <t>62.437</t>
  </si>
  <si>
    <t>3142825.0</t>
  </si>
  <si>
    <t>37653.0</t>
  </si>
  <si>
    <t>161.227</t>
  </si>
  <si>
    <t>24994.0</t>
  </si>
  <si>
    <t>3180986.0</t>
  </si>
  <si>
    <t>38161.0</t>
  </si>
  <si>
    <t>163.185</t>
  </si>
  <si>
    <t>25471.0</t>
  </si>
  <si>
    <t>45.297</t>
  </si>
  <si>
    <t>3220391.0</t>
  </si>
  <si>
    <t>39405.0</t>
  </si>
  <si>
    <t>165.206</t>
  </si>
  <si>
    <t>27154.0</t>
  </si>
  <si>
    <t>11380.7</t>
  </si>
  <si>
    <t>580.537301665356</t>
  </si>
  <si>
    <t>3257864.0</t>
  </si>
  <si>
    <t>167.128</t>
  </si>
  <si>
    <t>30105.0</t>
  </si>
  <si>
    <t>3286783.0</t>
  </si>
  <si>
    <t>168.612</t>
  </si>
  <si>
    <t>32323.0</t>
  </si>
  <si>
    <t>3314292.0</t>
  </si>
  <si>
    <t>27509.0</t>
  </si>
  <si>
    <t>170.023</t>
  </si>
  <si>
    <t>34028.0</t>
  </si>
  <si>
    <t>3347825.0</t>
  </si>
  <si>
    <t>171.743</t>
  </si>
  <si>
    <t>34665.0</t>
  </si>
  <si>
    <t>63.661</t>
  </si>
  <si>
    <t>3386499.0</t>
  </si>
  <si>
    <t>38674.0</t>
  </si>
  <si>
    <t>173.727</t>
  </si>
  <si>
    <t>34811.0</t>
  </si>
  <si>
    <t>3422197.0</t>
  </si>
  <si>
    <t>35698.0</t>
  </si>
  <si>
    <t>175.559</t>
  </si>
  <si>
    <t>34459.0</t>
  </si>
  <si>
    <t>43.665</t>
  </si>
  <si>
    <t>3458530.0</t>
  </si>
  <si>
    <t>177.423</t>
  </si>
  <si>
    <t>34020.0</t>
  </si>
  <si>
    <t>11563.3</t>
  </si>
  <si>
    <t>589.85185272848</t>
  </si>
  <si>
    <t>43.512</t>
  </si>
  <si>
    <t>3494728.0</t>
  </si>
  <si>
    <t>36198.0</t>
  </si>
  <si>
    <t>179.279</t>
  </si>
  <si>
    <t>33838.0</t>
  </si>
  <si>
    <t>14.742</t>
  </si>
  <si>
    <t>3521044.0</t>
  </si>
  <si>
    <t>26316.0</t>
  </si>
  <si>
    <t>180.629</t>
  </si>
  <si>
    <t>33466.0</t>
  </si>
  <si>
    <t>41.727</t>
  </si>
  <si>
    <t>61.417</t>
  </si>
  <si>
    <t>3540750.0</t>
  </si>
  <si>
    <t>14.895</t>
  </si>
  <si>
    <t>3573704.0</t>
  </si>
  <si>
    <t>32954.0</t>
  </si>
  <si>
    <t>183.331</t>
  </si>
  <si>
    <t>32268.0</t>
  </si>
  <si>
    <t>3609996.0</t>
  </si>
  <si>
    <t>36292.0</t>
  </si>
  <si>
    <t>185.193</t>
  </si>
  <si>
    <t>31928.0</t>
  </si>
  <si>
    <t>3646018.0</t>
  </si>
  <si>
    <t>187.041</t>
  </si>
  <si>
    <t>31974.0</t>
  </si>
  <si>
    <t>40.349</t>
  </si>
  <si>
    <t>3685229.0</t>
  </si>
  <si>
    <t>189.052</t>
  </si>
  <si>
    <t>11865.7</t>
  </si>
  <si>
    <t>605.277483842876</t>
  </si>
  <si>
    <t>3721136.0</t>
  </si>
  <si>
    <t>35907.0</t>
  </si>
  <si>
    <t>190.894</t>
  </si>
  <si>
    <t>32344.0</t>
  </si>
  <si>
    <t>3746739.0</t>
  </si>
  <si>
    <t>192.208</t>
  </si>
  <si>
    <t>14.028</t>
  </si>
  <si>
    <t>3764090.0</t>
  </si>
  <si>
    <t>17351.0</t>
  </si>
  <si>
    <t>193.098</t>
  </si>
  <si>
    <t>31906.0</t>
  </si>
  <si>
    <t>14.385</t>
  </si>
  <si>
    <t>3782095.0</t>
  </si>
  <si>
    <t>194.021</t>
  </si>
  <si>
    <t>29770.0</t>
  </si>
  <si>
    <t>3813183.0</t>
  </si>
  <si>
    <t>195.616</t>
  </si>
  <si>
    <t>29027.0</t>
  </si>
  <si>
    <t>1.489</t>
  </si>
  <si>
    <t>3849797.0</t>
  </si>
  <si>
    <t>36614.0</t>
  </si>
  <si>
    <t>197.495</t>
  </si>
  <si>
    <t>29111.0</t>
  </si>
  <si>
    <t>39.584</t>
  </si>
  <si>
    <t>13.314</t>
  </si>
  <si>
    <t>3886918.0</t>
  </si>
  <si>
    <t>37121.0</t>
  </si>
  <si>
    <t>199.399</t>
  </si>
  <si>
    <t>12103.3</t>
  </si>
  <si>
    <t>617.397622575615</t>
  </si>
  <si>
    <t>3921589.0</t>
  </si>
  <si>
    <t>34671.0</t>
  </si>
  <si>
    <t>201.177</t>
  </si>
  <si>
    <t>28636.0</t>
  </si>
  <si>
    <t>13.008</t>
  </si>
  <si>
    <t>3947320.0</t>
  </si>
  <si>
    <t>25731.0</t>
  </si>
  <si>
    <t>202.497</t>
  </si>
  <si>
    <t>28654.0</t>
  </si>
  <si>
    <t>3966166.0</t>
  </si>
  <si>
    <t>18846.0</t>
  </si>
  <si>
    <t>203.464</t>
  </si>
  <si>
    <t>28868.0</t>
  </si>
  <si>
    <t>3997900.0</t>
  </si>
  <si>
    <t>31734.0</t>
  </si>
  <si>
    <t>205.092</t>
  </si>
  <si>
    <t>30829.0</t>
  </si>
  <si>
    <t>4035259.0</t>
  </si>
  <si>
    <t>37359.0</t>
  </si>
  <si>
    <t>207.009</t>
  </si>
  <si>
    <t>52.694</t>
  </si>
  <si>
    <t>4073055.0</t>
  </si>
  <si>
    <t>37796.0</t>
  </si>
  <si>
    <t>208.948</t>
  </si>
  <si>
    <t>14.181</t>
  </si>
  <si>
    <t>4111528.0</t>
  </si>
  <si>
    <t>38473.0</t>
  </si>
  <si>
    <t>210.921</t>
  </si>
  <si>
    <t>32087.0</t>
  </si>
  <si>
    <t>12361.2</t>
  </si>
  <si>
    <t>630.553278211867</t>
  </si>
  <si>
    <t>4149360.0</t>
  </si>
  <si>
    <t>37832.0</t>
  </si>
  <si>
    <t>212.862</t>
  </si>
  <si>
    <t>32539.0</t>
  </si>
  <si>
    <t>4169372.0</t>
  </si>
  <si>
    <t>20012.0</t>
  </si>
  <si>
    <t>213.889</t>
  </si>
  <si>
    <t>31722.0</t>
  </si>
  <si>
    <t>4191194.0</t>
  </si>
  <si>
    <t>21822.0</t>
  </si>
  <si>
    <t>215.008</t>
  </si>
  <si>
    <t>32147.0</t>
  </si>
  <si>
    <t>50.144</t>
  </si>
  <si>
    <t>4224600.0</t>
  </si>
  <si>
    <t>33406.0</t>
  </si>
  <si>
    <t>216.722</t>
  </si>
  <si>
    <t>50.399</t>
  </si>
  <si>
    <t>4261480.0</t>
  </si>
  <si>
    <t>36880.0</t>
  </si>
  <si>
    <t>218.614</t>
  </si>
  <si>
    <t>4300738.0</t>
  </si>
  <si>
    <t>220.628</t>
  </si>
  <si>
    <t>32526.0</t>
  </si>
  <si>
    <t>37.901</t>
  </si>
  <si>
    <t>13.926</t>
  </si>
  <si>
    <t>4341890.0</t>
  </si>
  <si>
    <t>222.739</t>
  </si>
  <si>
    <t>32909.0</t>
  </si>
  <si>
    <t>12599.1</t>
  </si>
  <si>
    <t>642.688720150078</t>
  </si>
  <si>
    <t>4378150.0</t>
  </si>
  <si>
    <t>36260.0</t>
  </si>
  <si>
    <t>224.599</t>
  </si>
  <si>
    <t>32684.0</t>
  </si>
  <si>
    <t>4401804.0</t>
  </si>
  <si>
    <t>23654.0</t>
  </si>
  <si>
    <t>225.812</t>
  </si>
  <si>
    <t>13.467</t>
  </si>
  <si>
    <t>4419835.0</t>
  </si>
  <si>
    <t>18031.0</t>
  </si>
  <si>
    <t>226.737</t>
  </si>
  <si>
    <t>32663.0</t>
  </si>
  <si>
    <t>12.702</t>
  </si>
  <si>
    <t>4454063.0</t>
  </si>
  <si>
    <t>228.493</t>
  </si>
  <si>
    <t>32780.0</t>
  </si>
  <si>
    <t>4494556.0</t>
  </si>
  <si>
    <t>40493.0</t>
  </si>
  <si>
    <t>230.571</t>
  </si>
  <si>
    <t>33297.0</t>
  </si>
  <si>
    <t>47.491</t>
  </si>
  <si>
    <t>4533846.0</t>
  </si>
  <si>
    <t>39290.0</t>
  </si>
  <si>
    <t>232.586</t>
  </si>
  <si>
    <t>33301.0</t>
  </si>
  <si>
    <t>4575917.0</t>
  </si>
  <si>
    <t>42071.0</t>
  </si>
  <si>
    <t>234.744</t>
  </si>
  <si>
    <t>2.158</t>
  </si>
  <si>
    <t>33432.0</t>
  </si>
  <si>
    <t>12803.5</t>
  </si>
  <si>
    <t>653.115304144067</t>
  </si>
  <si>
    <t>4613248.0</t>
  </si>
  <si>
    <t>37331.0</t>
  </si>
  <si>
    <t>236.66</t>
  </si>
  <si>
    <t>33585.0</t>
  </si>
  <si>
    <t>4637179.0</t>
  </si>
  <si>
    <t>23931.0</t>
  </si>
  <si>
    <t>237.887</t>
  </si>
  <si>
    <t>33625.0</t>
  </si>
  <si>
    <t>12.906</t>
  </si>
  <si>
    <t>4659327.0</t>
  </si>
  <si>
    <t>22148.0</t>
  </si>
  <si>
    <t>239.023</t>
  </si>
  <si>
    <t>34213.0</t>
  </si>
  <si>
    <t>4695035.0</t>
  </si>
  <si>
    <t>35708.0</t>
  </si>
  <si>
    <t>240.855</t>
  </si>
  <si>
    <t>34425.0</t>
  </si>
  <si>
    <t>4733318.0</t>
  </si>
  <si>
    <t>38283.0</t>
  </si>
  <si>
    <t>242.819</t>
  </si>
  <si>
    <t>4773840.0</t>
  </si>
  <si>
    <t>40522.0</t>
  </si>
  <si>
    <t>244.898</t>
  </si>
  <si>
    <t>34285.0</t>
  </si>
  <si>
    <t>4814654.0</t>
  </si>
  <si>
    <t>40814.0</t>
  </si>
  <si>
    <t>246.992</t>
  </si>
  <si>
    <t>34105.0</t>
  </si>
  <si>
    <t>12938.4</t>
  </si>
  <si>
    <t>659.996645537361</t>
  </si>
  <si>
    <t>4851983.0</t>
  </si>
  <si>
    <t>37329.0</t>
  </si>
  <si>
    <t>248.907</t>
  </si>
  <si>
    <t>4874686.0</t>
  </si>
  <si>
    <t>22703.0</t>
  </si>
  <si>
    <t>250.071</t>
  </si>
  <si>
    <t>33930.0</t>
  </si>
  <si>
    <t>4894911.0</t>
  </si>
  <si>
    <t>251.109</t>
  </si>
  <si>
    <t>4930225.0</t>
  </si>
  <si>
    <t>35314.0</t>
  </si>
  <si>
    <t>252.92</t>
  </si>
  <si>
    <t>4969455.0</t>
  </si>
  <si>
    <t>254.933</t>
  </si>
  <si>
    <t>33734.0</t>
  </si>
  <si>
    <t>5009041.0</t>
  </si>
  <si>
    <t>39586.0</t>
  </si>
  <si>
    <t>256.964</t>
  </si>
  <si>
    <t>5049075.0</t>
  </si>
  <si>
    <t>40034.0</t>
  </si>
  <si>
    <t>259.017</t>
  </si>
  <si>
    <t>667.831886738324</t>
  </si>
  <si>
    <t>35.912</t>
  </si>
  <si>
    <t>52.184</t>
  </si>
  <si>
    <t>5087453.0</t>
  </si>
  <si>
    <t>260.986</t>
  </si>
  <si>
    <t>33639.0</t>
  </si>
  <si>
    <t>35.452</t>
  </si>
  <si>
    <t>5110213.0</t>
  </si>
  <si>
    <t>22760.0</t>
  </si>
  <si>
    <t>262.154</t>
  </si>
  <si>
    <t>12.549</t>
  </si>
  <si>
    <t>5130593.0</t>
  </si>
  <si>
    <t>20380.0</t>
  </si>
  <si>
    <t>263.199</t>
  </si>
  <si>
    <t>33669.0</t>
  </si>
  <si>
    <t>12.192</t>
  </si>
  <si>
    <t>5166772.0</t>
  </si>
  <si>
    <t>36179.0</t>
  </si>
  <si>
    <t>265.055</t>
  </si>
  <si>
    <t>5205698.0</t>
  </si>
  <si>
    <t>38926.0</t>
  </si>
  <si>
    <t>267.052</t>
  </si>
  <si>
    <t>33749.0</t>
  </si>
  <si>
    <t>52.235</t>
  </si>
  <si>
    <t>5245160.0</t>
  </si>
  <si>
    <t>269.077</t>
  </si>
  <si>
    <t>33731.0</t>
  </si>
  <si>
    <t>5287934.0</t>
  </si>
  <si>
    <t>42774.0</t>
  </si>
  <si>
    <t>271.271</t>
  </si>
  <si>
    <t>34123.0</t>
  </si>
  <si>
    <t>13311.1</t>
  </si>
  <si>
    <t>679.008327800374</t>
  </si>
  <si>
    <t>51.164</t>
  </si>
  <si>
    <t>5325430.0</t>
  </si>
  <si>
    <t>37496.0</t>
  </si>
  <si>
    <t>273.194</t>
  </si>
  <si>
    <t>33997.0</t>
  </si>
  <si>
    <t>5349110.0</t>
  </si>
  <si>
    <t>23680.0</t>
  </si>
  <si>
    <t>274.409</t>
  </si>
  <si>
    <t>34128.0</t>
  </si>
  <si>
    <t>5370710.0</t>
  </si>
  <si>
    <t>275.517</t>
  </si>
  <si>
    <t>34302.0</t>
  </si>
  <si>
    <t>5406772.0</t>
  </si>
  <si>
    <t>36062.0</t>
  </si>
  <si>
    <t>277.367</t>
  </si>
  <si>
    <t>5447413.0</t>
  </si>
  <si>
    <t>279.452</t>
  </si>
  <si>
    <t>34531.0</t>
  </si>
  <si>
    <t>5487574.0</t>
  </si>
  <si>
    <t>40161.0</t>
  </si>
  <si>
    <t>281.512</t>
  </si>
  <si>
    <t>34631.0</t>
  </si>
  <si>
    <t>33.565</t>
  </si>
  <si>
    <t>12.396</t>
  </si>
  <si>
    <t>5529751.0</t>
  </si>
  <si>
    <t>42177.0</t>
  </si>
  <si>
    <t>283.676</t>
  </si>
  <si>
    <t>34545.0</t>
  </si>
  <si>
    <t>13546.7</t>
  </si>
  <si>
    <t>12.15</t>
  </si>
  <si>
    <t>691.02644516331</t>
  </si>
  <si>
    <t>33.514</t>
  </si>
  <si>
    <t>5568494.0</t>
  </si>
  <si>
    <t>38743.0</t>
  </si>
  <si>
    <t>285.664</t>
  </si>
  <si>
    <t>34723.0</t>
  </si>
  <si>
    <t>33.412</t>
  </si>
  <si>
    <t>12.141</t>
  </si>
  <si>
    <t>45.859</t>
  </si>
  <si>
    <t>5596679.0</t>
  </si>
  <si>
    <t>28185.0</t>
  </si>
  <si>
    <t>287.11</t>
  </si>
  <si>
    <t>5618871.0</t>
  </si>
  <si>
    <t>22192.0</t>
  </si>
  <si>
    <t>288.248</t>
  </si>
  <si>
    <t>35452.0</t>
  </si>
  <si>
    <t>34.228</t>
  </si>
  <si>
    <t>5651380.0</t>
  </si>
  <si>
    <t>32509.0</t>
  </si>
  <si>
    <t>289.916</t>
  </si>
  <si>
    <t>34944.0</t>
  </si>
  <si>
    <t>5678923.0</t>
  </si>
  <si>
    <t>27543.0</t>
  </si>
  <si>
    <t>291.329</t>
  </si>
  <si>
    <t>33073.0</t>
  </si>
  <si>
    <t>5719282.0</t>
  </si>
  <si>
    <t>40359.0</t>
  </si>
  <si>
    <t>293.399</t>
  </si>
  <si>
    <t>33101.0</t>
  </si>
  <si>
    <t>5767336.0</t>
  </si>
  <si>
    <t>48054.0</t>
  </si>
  <si>
    <t>295.864</t>
  </si>
  <si>
    <t>33941.0</t>
  </si>
  <si>
    <t>13755.6</t>
  </si>
  <si>
    <t>701.682577239359</t>
  </si>
  <si>
    <t>5814212.0</t>
  </si>
  <si>
    <t>46876.0</t>
  </si>
  <si>
    <t>298.269</t>
  </si>
  <si>
    <t>35103.0</t>
  </si>
  <si>
    <t>5843694.0</t>
  </si>
  <si>
    <t>29482.0</t>
  </si>
  <si>
    <t>299.781</t>
  </si>
  <si>
    <t>5869593.0</t>
  </si>
  <si>
    <t>25899.0</t>
  </si>
  <si>
    <t>301.11</t>
  </si>
  <si>
    <t>5909654.0</t>
  </si>
  <si>
    <t>40061.0</t>
  </si>
  <si>
    <t>303.165</t>
  </si>
  <si>
    <t>36896.0</t>
  </si>
  <si>
    <t>14.538</t>
  </si>
  <si>
    <t>5957188.0</t>
  </si>
  <si>
    <t>47534.0</t>
  </si>
  <si>
    <t>305.604</t>
  </si>
  <si>
    <t>39752.0</t>
  </si>
  <si>
    <t>34.279</t>
  </si>
  <si>
    <t>6003914.0</t>
  </si>
  <si>
    <t>46726.0</t>
  </si>
  <si>
    <t>308.001</t>
  </si>
  <si>
    <t>58.305</t>
  </si>
  <si>
    <t>6054199.0</t>
  </si>
  <si>
    <t>50285.0</t>
  </si>
  <si>
    <t>310.58</t>
  </si>
  <si>
    <t>13938.7</t>
  </si>
  <si>
    <t>711.022633644934</t>
  </si>
  <si>
    <t>6099892.0</t>
  </si>
  <si>
    <t>45693.0</t>
  </si>
  <si>
    <t>312.924</t>
  </si>
  <si>
    <t>40811.0</t>
  </si>
  <si>
    <t>60.601</t>
  </si>
  <si>
    <t>6129797.0</t>
  </si>
  <si>
    <t>29905.0</t>
  </si>
  <si>
    <t>314.458</t>
  </si>
  <si>
    <t>16.936</t>
  </si>
  <si>
    <t>6161031.0</t>
  </si>
  <si>
    <t>316.061</t>
  </si>
  <si>
    <t>41634.0</t>
  </si>
  <si>
    <t>6205335.0</t>
  </si>
  <si>
    <t>44304.0</t>
  </si>
  <si>
    <t>318.334</t>
  </si>
  <si>
    <t>42240.0</t>
  </si>
  <si>
    <t>34.585</t>
  </si>
  <si>
    <t>6253346.0</t>
  </si>
  <si>
    <t>48011.0</t>
  </si>
  <si>
    <t>320.797</t>
  </si>
  <si>
    <t>42308.0</t>
  </si>
  <si>
    <t>6301619.0</t>
  </si>
  <si>
    <t>323.273</t>
  </si>
  <si>
    <t>42529.0</t>
  </si>
  <si>
    <t>6328916.0</t>
  </si>
  <si>
    <t>27297.0</t>
  </si>
  <si>
    <t>324.673</t>
  </si>
  <si>
    <t>39245.0</t>
  </si>
  <si>
    <t>8648.0</t>
  </si>
  <si>
    <t>14330.1</t>
  </si>
  <si>
    <t>730.988215715617</t>
  </si>
  <si>
    <t>6352407.0</t>
  </si>
  <si>
    <t>23491.0</t>
  </si>
  <si>
    <t>325.878</t>
  </si>
  <si>
    <t>36074.0</t>
  </si>
  <si>
    <t>6374797.0</t>
  </si>
  <si>
    <t>327.027</t>
  </si>
  <si>
    <t>35000.0</t>
  </si>
  <si>
    <t>6400889.0</t>
  </si>
  <si>
    <t>26092.0</t>
  </si>
  <si>
    <t>328.365</t>
  </si>
  <si>
    <t>34265.0</t>
  </si>
  <si>
    <t>39.074</t>
  </si>
  <si>
    <t>6443459.0</t>
  </si>
  <si>
    <t>42570.0</t>
  </si>
  <si>
    <t>330.549</t>
  </si>
  <si>
    <t>34018.0</t>
  </si>
  <si>
    <t>6494042.0</t>
  </si>
  <si>
    <t>50583.0</t>
  </si>
  <si>
    <t>333.144</t>
  </si>
  <si>
    <t>34385.0</t>
  </si>
  <si>
    <t>6540220.0</t>
  </si>
  <si>
    <t>46178.0</t>
  </si>
  <si>
    <t>335.513</t>
  </si>
  <si>
    <t>34086.0</t>
  </si>
  <si>
    <t>6570004.0</t>
  </si>
  <si>
    <t>29784.0</t>
  </si>
  <si>
    <t>337.041</t>
  </si>
  <si>
    <t>14669.5</t>
  </si>
  <si>
    <t>748.30124217139</t>
  </si>
  <si>
    <t>6595501.0</t>
  </si>
  <si>
    <t>25497.0</t>
  </si>
  <si>
    <t>338.349</t>
  </si>
  <si>
    <t>9053.0</t>
  </si>
  <si>
    <t>6621318.0</t>
  </si>
  <si>
    <t>25817.0</t>
  </si>
  <si>
    <t>339.673</t>
  </si>
  <si>
    <t>35217.0</t>
  </si>
  <si>
    <t>6653354.0</t>
  </si>
  <si>
    <t>32036.0</t>
  </si>
  <si>
    <t>341.317</t>
  </si>
  <si>
    <t>36066.0</t>
  </si>
  <si>
    <t>10703.0</t>
  </si>
  <si>
    <t>20.914</t>
  </si>
  <si>
    <t>6701072.0</t>
  </si>
  <si>
    <t>343.765</t>
  </si>
  <si>
    <t>36802.0</t>
  </si>
  <si>
    <t>0.0784</t>
  </si>
  <si>
    <t>92.686</t>
  </si>
  <si>
    <t>6755113.0</t>
  </si>
  <si>
    <t>346.537</t>
  </si>
  <si>
    <t>2.772</t>
  </si>
  <si>
    <t>6813229.0</t>
  </si>
  <si>
    <t>58116.0</t>
  </si>
  <si>
    <t>349.519</t>
  </si>
  <si>
    <t>39001.0</t>
  </si>
  <si>
    <t>6872955.0</t>
  </si>
  <si>
    <t>352.582</t>
  </si>
  <si>
    <t>43279.0</t>
  </si>
  <si>
    <t>15062.1</t>
  </si>
  <si>
    <t>768.328037063956</t>
  </si>
  <si>
    <t>47.899</t>
  </si>
  <si>
    <t>6930393.0</t>
  </si>
  <si>
    <t>57438.0</t>
  </si>
  <si>
    <t>355.529</t>
  </si>
  <si>
    <t>10706.0</t>
  </si>
  <si>
    <t>6973115.0</t>
  </si>
  <si>
    <t>42722.0</t>
  </si>
  <si>
    <t>357.721</t>
  </si>
  <si>
    <t>2.578</t>
  </si>
  <si>
    <t>29.841</t>
  </si>
  <si>
    <t>7014575.0</t>
  </si>
  <si>
    <t>359.848</t>
  </si>
  <si>
    <t>51603.0</t>
  </si>
  <si>
    <t>11739.0</t>
  </si>
  <si>
    <t>7068691.0</t>
  </si>
  <si>
    <t>362.624</t>
  </si>
  <si>
    <t>18656.0</t>
  </si>
  <si>
    <t>28.923</t>
  </si>
  <si>
    <t>7127668.0</t>
  </si>
  <si>
    <t>58977.0</t>
  </si>
  <si>
    <t>365.649</t>
  </si>
  <si>
    <t>3.026</t>
  </si>
  <si>
    <t>53222.0</t>
  </si>
  <si>
    <t>13783.0</t>
  </si>
  <si>
    <t>7192867.0</t>
  </si>
  <si>
    <t>65199.0</t>
  </si>
  <si>
    <t>368.994</t>
  </si>
  <si>
    <t>54234.0</t>
  </si>
  <si>
    <t>13806.0</t>
  </si>
  <si>
    <t>7261325.0</t>
  </si>
  <si>
    <t>68458.0</t>
  </si>
  <si>
    <t>372.506</t>
  </si>
  <si>
    <t>55481.0</t>
  </si>
  <si>
    <t>15534.0</t>
  </si>
  <si>
    <t>792.399979269258</t>
  </si>
  <si>
    <t>7316998.0</t>
  </si>
  <si>
    <t>55673.0</t>
  </si>
  <si>
    <t>375.362</t>
  </si>
  <si>
    <t>55229.0</t>
  </si>
  <si>
    <t>33227.0</t>
  </si>
  <si>
    <t>7359011.0</t>
  </si>
  <si>
    <t>42013.0</t>
  </si>
  <si>
    <t>377.517</t>
  </si>
  <si>
    <t>52594.0</t>
  </si>
  <si>
    <t>44222.0</t>
  </si>
  <si>
    <t>19367.0</t>
  </si>
  <si>
    <t>2382.0</t>
  </si>
  <si>
    <t>7400515.0</t>
  </si>
  <si>
    <t>41504.0</t>
  </si>
  <si>
    <t>379.646</t>
  </si>
  <si>
    <t>61904.0</t>
  </si>
  <si>
    <t>53532.0</t>
  </si>
  <si>
    <t>60.856</t>
  </si>
  <si>
    <t>7457443.0</t>
  </si>
  <si>
    <t>56928.0</t>
  </si>
  <si>
    <t>382.567</t>
  </si>
  <si>
    <t>64960.0</t>
  </si>
  <si>
    <t>56588.0</t>
  </si>
  <si>
    <t>7519959.0</t>
  </si>
  <si>
    <t>62516.0</t>
  </si>
  <si>
    <t>3.207</t>
  </si>
  <si>
    <t>65375.0</t>
  </si>
  <si>
    <t>56999.0</t>
  </si>
  <si>
    <t>35.248</t>
  </si>
  <si>
    <t>7578387.0</t>
  </si>
  <si>
    <t>58428.0</t>
  </si>
  <si>
    <t>388.771</t>
  </si>
  <si>
    <t>2.825</t>
  </si>
  <si>
    <t>6171.0</t>
  </si>
  <si>
    <t>7643887.0</t>
  </si>
  <si>
    <t>65500.0</t>
  </si>
  <si>
    <t>392.131</t>
  </si>
  <si>
    <t>5383.0</t>
  </si>
  <si>
    <t>16219.4</t>
  </si>
  <si>
    <t>827.362702701158</t>
  </si>
  <si>
    <t>7699116.0</t>
  </si>
  <si>
    <t>394.965</t>
  </si>
  <si>
    <t>54588.0</t>
  </si>
  <si>
    <t>66795.0</t>
  </si>
  <si>
    <t>7742111.0</t>
  </si>
  <si>
    <t>42995.0</t>
  </si>
  <si>
    <t>397.17</t>
  </si>
  <si>
    <t>2.808</t>
  </si>
  <si>
    <t>67409.0</t>
  </si>
  <si>
    <t>57035.0</t>
  </si>
  <si>
    <t>10374.0</t>
  </si>
  <si>
    <t>36.014</t>
  </si>
  <si>
    <t>7781666.0</t>
  </si>
  <si>
    <t>39555.0</t>
  </si>
  <si>
    <t>399.199</t>
  </si>
  <si>
    <t>67444.0</t>
  </si>
  <si>
    <t>34.942</t>
  </si>
  <si>
    <t>7835456.0</t>
  </si>
  <si>
    <t>53790.0</t>
  </si>
  <si>
    <t>401.959</t>
  </si>
  <si>
    <t>54002.0</t>
  </si>
  <si>
    <t>7897397.0</t>
  </si>
  <si>
    <t>61941.0</t>
  </si>
  <si>
    <t>405.136</t>
  </si>
  <si>
    <t>53920.0</t>
  </si>
  <si>
    <t>67449.0</t>
  </si>
  <si>
    <t>10413.0</t>
  </si>
  <si>
    <t>7960705.0</t>
  </si>
  <si>
    <t>63308.0</t>
  </si>
  <si>
    <t>408.384</t>
  </si>
  <si>
    <t>67450.0</t>
  </si>
  <si>
    <t>57037.0</t>
  </si>
  <si>
    <t>8021139.0</t>
  </si>
  <si>
    <t>60434.0</t>
  </si>
  <si>
    <t>411.484</t>
  </si>
  <si>
    <t>67451.0</t>
  </si>
  <si>
    <t>854.224929370606</t>
  </si>
  <si>
    <t>8079848.0</t>
  </si>
  <si>
    <t>58709.0</t>
  </si>
  <si>
    <t>414.496</t>
  </si>
  <si>
    <t>54390.0</t>
  </si>
  <si>
    <t>8125236.0</t>
  </si>
  <si>
    <t>45388.0</t>
  </si>
  <si>
    <t>416.824</t>
  </si>
  <si>
    <t>54732.0</t>
  </si>
  <si>
    <t>8157724.0</t>
  </si>
  <si>
    <t>32488.0</t>
  </si>
  <si>
    <t>418.491</t>
  </si>
  <si>
    <t>53723.0</t>
  </si>
  <si>
    <t>251038.0</t>
  </si>
  <si>
    <t>240618.0</t>
  </si>
  <si>
    <t>170387.0</t>
  </si>
  <si>
    <t>26228.0</t>
  </si>
  <si>
    <t>122.987</t>
  </si>
  <si>
    <t>8209764.0</t>
  </si>
  <si>
    <t>52040.0</t>
  </si>
  <si>
    <t>421.161</t>
  </si>
  <si>
    <t>53473.0</t>
  </si>
  <si>
    <t>427220.0</t>
  </si>
  <si>
    <t>414692.0</t>
  </si>
  <si>
    <t>12528.0</t>
  </si>
  <si>
    <t>176182.0</t>
  </si>
  <si>
    <t>51396.0</t>
  </si>
  <si>
    <t>51094.0</t>
  </si>
  <si>
    <t>37.34</t>
  </si>
  <si>
    <t>8265915.0</t>
  </si>
  <si>
    <t>56151.0</t>
  </si>
  <si>
    <t>424.041</t>
  </si>
  <si>
    <t>52645.0</t>
  </si>
  <si>
    <t>2.701</t>
  </si>
  <si>
    <t>596743.0</t>
  </si>
  <si>
    <t>583544.0</t>
  </si>
  <si>
    <t>169523.0</t>
  </si>
  <si>
    <t>75613.0</t>
  </si>
  <si>
    <t>8325865.0</t>
  </si>
  <si>
    <t>59950.0</t>
  </si>
  <si>
    <t>427.117</t>
  </si>
  <si>
    <t>624604.0</t>
  </si>
  <si>
    <t>611400.0</t>
  </si>
  <si>
    <t>13204.0</t>
  </si>
  <si>
    <t>79195.0</t>
  </si>
  <si>
    <t>8380808.0</t>
  </si>
  <si>
    <t>54943.0</t>
  </si>
  <si>
    <t>429.935</t>
  </si>
  <si>
    <t>51381.0</t>
  </si>
  <si>
    <t>633246.0</t>
  </si>
  <si>
    <t>620039.0</t>
  </si>
  <si>
    <t>13207.0</t>
  </si>
  <si>
    <t>8642.0</t>
  </si>
  <si>
    <t>80828.0</t>
  </si>
  <si>
    <t>80429.0</t>
  </si>
  <si>
    <t>17342.9</t>
  </si>
  <si>
    <t>884.673207188671</t>
  </si>
  <si>
    <t>76.822</t>
  </si>
  <si>
    <t>8431313.0</t>
  </si>
  <si>
    <t>50505.0</t>
  </si>
  <si>
    <t>432.526</t>
  </si>
  <si>
    <t>50209.0</t>
  </si>
  <si>
    <t>866556.0</t>
  </si>
  <si>
    <t>841566.0</t>
  </si>
  <si>
    <t>233310.0</t>
  </si>
  <si>
    <t>114158.0</t>
  </si>
  <si>
    <t>112075.0</t>
  </si>
  <si>
    <t>77.791</t>
  </si>
  <si>
    <t>8470337.0</t>
  </si>
  <si>
    <t>434.528</t>
  </si>
  <si>
    <t>49300.0</t>
  </si>
  <si>
    <t>2.529</t>
  </si>
  <si>
    <t>1128499.0</t>
  </si>
  <si>
    <t>1084119.0</t>
  </si>
  <si>
    <t>261943.0</t>
  </si>
  <si>
    <t>149693.0</t>
  </si>
  <si>
    <t>144841.0</t>
  </si>
  <si>
    <t>8499079.0</t>
  </si>
  <si>
    <t>436.003</t>
  </si>
  <si>
    <t>48765.0</t>
  </si>
  <si>
    <t>1409321.0</t>
  </si>
  <si>
    <t>1356593.0</t>
  </si>
  <si>
    <t>52728.0</t>
  </si>
  <si>
    <t>280822.0</t>
  </si>
  <si>
    <t>165469.0</t>
  </si>
  <si>
    <t>159425.0</t>
  </si>
  <si>
    <t>8551821.0</t>
  </si>
  <si>
    <t>52742.0</t>
  </si>
  <si>
    <t>438.708</t>
  </si>
  <si>
    <t>48865.0</t>
  </si>
  <si>
    <t>1663638.0</t>
  </si>
  <si>
    <t>1608021.0</t>
  </si>
  <si>
    <t>254317.0</t>
  </si>
  <si>
    <t>176631.0</t>
  </si>
  <si>
    <t>170476.0</t>
  </si>
  <si>
    <t>8607083.0</t>
  </si>
  <si>
    <t>55262.0</t>
  </si>
  <si>
    <t>441.543</t>
  </si>
  <si>
    <t>1893135.0</t>
  </si>
  <si>
    <t>1837308.0</t>
  </si>
  <si>
    <t>55827.0</t>
  </si>
  <si>
    <t>229497.0</t>
  </si>
  <si>
    <t>185199.0</t>
  </si>
  <si>
    <t>179109.0</t>
  </si>
  <si>
    <t>112.53</t>
  </si>
  <si>
    <t>8661803.0</t>
  </si>
  <si>
    <t>54720.0</t>
  </si>
  <si>
    <t>444.35</t>
  </si>
  <si>
    <t>47991.0</t>
  </si>
  <si>
    <t>1922700.0</t>
  </si>
  <si>
    <t>1866840.0</t>
  </si>
  <si>
    <t>55860.0</t>
  </si>
  <si>
    <t>185442.0</t>
  </si>
  <si>
    <t>179349.0</t>
  </si>
  <si>
    <t>8716726.0</t>
  </si>
  <si>
    <t>54923.0</t>
  </si>
  <si>
    <t>447.168</t>
  </si>
  <si>
    <t>47988.0</t>
  </si>
  <si>
    <t>1927168.0</t>
  </si>
  <si>
    <t>1871308.0</t>
  </si>
  <si>
    <t>184846.0</t>
  </si>
  <si>
    <t>178753.0</t>
  </si>
  <si>
    <t>912.530142213709</t>
  </si>
  <si>
    <t>8767340.0</t>
  </si>
  <si>
    <t>50614.0</t>
  </si>
  <si>
    <t>449.764</t>
  </si>
  <si>
    <t>48004.0</t>
  </si>
  <si>
    <t>2193075.0</t>
  </si>
  <si>
    <t>2137215.0</t>
  </si>
  <si>
    <t>265907.0</t>
  </si>
  <si>
    <t>189503.0</t>
  </si>
  <si>
    <t>9667.0</t>
  </si>
  <si>
    <t>185093.0</t>
  </si>
  <si>
    <t>8801533.0</t>
  </si>
  <si>
    <t>451.518</t>
  </si>
  <si>
    <t>47314.0</t>
  </si>
  <si>
    <t>2413181.0</t>
  </si>
  <si>
    <t>2357309.0</t>
  </si>
  <si>
    <t>55872.0</t>
  </si>
  <si>
    <t>220106.0</t>
  </si>
  <si>
    <t>183526.0</t>
  </si>
  <si>
    <t>181884.0</t>
  </si>
  <si>
    <t>8826447.0</t>
  </si>
  <si>
    <t>452.797</t>
  </si>
  <si>
    <t>46767.0</t>
  </si>
  <si>
    <t>2601231.0</t>
  </si>
  <si>
    <t>2545359.0</t>
  </si>
  <si>
    <t>188050.0</t>
  </si>
  <si>
    <t>170273.0</t>
  </si>
  <si>
    <t>8686.0</t>
  </si>
  <si>
    <t>169824.0</t>
  </si>
  <si>
    <t>8877643.0</t>
  </si>
  <si>
    <t>455.423</t>
  </si>
  <si>
    <t>2756531.0</t>
  </si>
  <si>
    <t>2700658.0</t>
  </si>
  <si>
    <t>55873.0</t>
  </si>
  <si>
    <t>155300.0</t>
  </si>
  <si>
    <t>156128.0</t>
  </si>
  <si>
    <t>156091.0</t>
  </si>
  <si>
    <t>114.366</t>
  </si>
  <si>
    <t>8927327.0</t>
  </si>
  <si>
    <t>457.972</t>
  </si>
  <si>
    <t>2898686.0</t>
  </si>
  <si>
    <t>2842810.0</t>
  </si>
  <si>
    <t>142155.0</t>
  </si>
  <si>
    <t>143650.0</t>
  </si>
  <si>
    <t>143643.0</t>
  </si>
  <si>
    <t>8979280.0</t>
  </si>
  <si>
    <t>51953.0</t>
  </si>
  <si>
    <t>460.637</t>
  </si>
  <si>
    <t>45354.0</t>
  </si>
  <si>
    <t>2908327.0</t>
  </si>
  <si>
    <t>2852451.0</t>
  </si>
  <si>
    <t>140804.0</t>
  </si>
  <si>
    <t>7183.0</t>
  </si>
  <si>
    <t>140802.0</t>
  </si>
  <si>
    <t>119.212</t>
  </si>
  <si>
    <t>9029308.0</t>
  </si>
  <si>
    <t>50028.0</t>
  </si>
  <si>
    <t>463.203</t>
  </si>
  <si>
    <t>44655.0</t>
  </si>
  <si>
    <t>2909490.0</t>
  </si>
  <si>
    <t>2853614.0</t>
  </si>
  <si>
    <t>140332.0</t>
  </si>
  <si>
    <t>140329.0</t>
  </si>
  <si>
    <t>18434.4</t>
  </si>
  <si>
    <t>940.351369759315</t>
  </si>
  <si>
    <t>9083958.0</t>
  </si>
  <si>
    <t>54650.0</t>
  </si>
  <si>
    <t>466.007</t>
  </si>
  <si>
    <t>45231.0</t>
  </si>
  <si>
    <t>3017655.0</t>
  </si>
  <si>
    <t>2961757.0</t>
  </si>
  <si>
    <t>55898.0</t>
  </si>
  <si>
    <t>108165.0</t>
  </si>
  <si>
    <t>117792.0</t>
  </si>
  <si>
    <t>9115444.0</t>
  </si>
  <si>
    <t>31486.0</t>
  </si>
  <si>
    <t>467.622</t>
  </si>
  <si>
    <t>3111915.0</t>
  </si>
  <si>
    <t>3055977.0</t>
  </si>
  <si>
    <t>55938.0</t>
  </si>
  <si>
    <t>94260.0</t>
  </si>
  <si>
    <t>99819.0</t>
  </si>
  <si>
    <t>99810.0</t>
  </si>
  <si>
    <t>9144328.0</t>
  </si>
  <si>
    <t>28884.0</t>
  </si>
  <si>
    <t>469.104</t>
  </si>
  <si>
    <t>45412.0</t>
  </si>
  <si>
    <t>3198203.0</t>
  </si>
  <si>
    <t>3142091.0</t>
  </si>
  <si>
    <t>56112.0</t>
  </si>
  <si>
    <t>86288.0</t>
  </si>
  <si>
    <t>85282.0</t>
  </si>
  <si>
    <t>85247.0</t>
  </si>
  <si>
    <t>9195354.0</t>
  </si>
  <si>
    <t>51026.0</t>
  </si>
  <si>
    <t>471.722</t>
  </si>
  <si>
    <t>45387.0</t>
  </si>
  <si>
    <t>3284327.0</t>
  </si>
  <si>
    <t>3228070.0</t>
  </si>
  <si>
    <t>56257.0</t>
  </si>
  <si>
    <t>86124.0</t>
  </si>
  <si>
    <t>75399.0</t>
  </si>
  <si>
    <t>75345.0</t>
  </si>
  <si>
    <t>9250264.0</t>
  </si>
  <si>
    <t>54910.0</t>
  </si>
  <si>
    <t>474.538</t>
  </si>
  <si>
    <t>46134.0</t>
  </si>
  <si>
    <t>3362758.0</t>
  </si>
  <si>
    <t>3306383.0</t>
  </si>
  <si>
    <t>56375.0</t>
  </si>
  <si>
    <t>78431.0</t>
  </si>
  <si>
    <t>66296.0</t>
  </si>
  <si>
    <t>66225.0</t>
  </si>
  <si>
    <t>84.627</t>
  </si>
  <si>
    <t>9305564.0</t>
  </si>
  <si>
    <t>477.375</t>
  </si>
  <si>
    <t>46612.0</t>
  </si>
  <si>
    <t>3372808.0</t>
  </si>
  <si>
    <t>3316429.0</t>
  </si>
  <si>
    <t>10050.0</t>
  </si>
  <si>
    <t>66354.0</t>
  </si>
  <si>
    <t>66283.0</t>
  </si>
  <si>
    <t>9358875.0</t>
  </si>
  <si>
    <t>53311.0</t>
  </si>
  <si>
    <t>480.11</t>
  </si>
  <si>
    <t>47081.0</t>
  </si>
  <si>
    <t>3373162.0</t>
  </si>
  <si>
    <t>3316783.0</t>
  </si>
  <si>
    <t>66239.0</t>
  </si>
  <si>
    <t>19037.5</t>
  </si>
  <si>
    <t>971.115913823773</t>
  </si>
  <si>
    <t>121.711</t>
  </si>
  <si>
    <t>9415629.0</t>
  </si>
  <si>
    <t>56754.0</t>
  </si>
  <si>
    <t>483.022</t>
  </si>
  <si>
    <t>47382.0</t>
  </si>
  <si>
    <t>3510762.0</t>
  </si>
  <si>
    <t>3453971.0</t>
  </si>
  <si>
    <t>56791.0</t>
  </si>
  <si>
    <t>137600.0</t>
  </si>
  <si>
    <t>70444.0</t>
  </si>
  <si>
    <t>70316.0</t>
  </si>
  <si>
    <t>9447246.0</t>
  </si>
  <si>
    <t>31617.0</t>
  </si>
  <si>
    <t>484.644</t>
  </si>
  <si>
    <t>47400.0</t>
  </si>
  <si>
    <t>3682159.0</t>
  </si>
  <si>
    <t>3612949.0</t>
  </si>
  <si>
    <t>69210.0</t>
  </si>
  <si>
    <t>171397.0</t>
  </si>
  <si>
    <t>81463.0</t>
  </si>
  <si>
    <t>79567.0</t>
  </si>
  <si>
    <t>9474397.0</t>
  </si>
  <si>
    <t>27151.0</t>
  </si>
  <si>
    <t>486.036</t>
  </si>
  <si>
    <t>47153.0</t>
  </si>
  <si>
    <t>3994192.0</t>
  </si>
  <si>
    <t>3770835.0</t>
  </si>
  <si>
    <t>223357.0</t>
  </si>
  <si>
    <t>312033.0</t>
  </si>
  <si>
    <t>113713.0</t>
  </si>
  <si>
    <t>89821.0</t>
  </si>
  <si>
    <t>9530074.0</t>
  </si>
  <si>
    <t>55677.0</t>
  </si>
  <si>
    <t>488.893</t>
  </si>
  <si>
    <t>47817.0</t>
  </si>
  <si>
    <t>4304882.0</t>
  </si>
  <si>
    <t>3915616.0</t>
  </si>
  <si>
    <t>389266.0</t>
  </si>
  <si>
    <t>310690.0</t>
  </si>
  <si>
    <t>145794.0</t>
  </si>
  <si>
    <t>7437.0</t>
  </si>
  <si>
    <t>98221.0</t>
  </si>
  <si>
    <t>9590794.0</t>
  </si>
  <si>
    <t>492.008</t>
  </si>
  <si>
    <t>3.115</t>
  </si>
  <si>
    <t>4602953.0</t>
  </si>
  <si>
    <t>4051907.0</t>
  </si>
  <si>
    <t>551046.0</t>
  </si>
  <si>
    <t>298071.0</t>
  </si>
  <si>
    <t>177171.0</t>
  </si>
  <si>
    <t>106503.0</t>
  </si>
  <si>
    <t>9649985.0</t>
  </si>
  <si>
    <t>495.044</t>
  </si>
  <si>
    <t>49203.0</t>
  </si>
  <si>
    <t>4636756.0</t>
  </si>
  <si>
    <t>4061556.0</t>
  </si>
  <si>
    <t>575200.0</t>
  </si>
  <si>
    <t>180564.0</t>
  </si>
  <si>
    <t>9211.0</t>
  </si>
  <si>
    <t>90.646</t>
  </si>
  <si>
    <t>9713568.0</t>
  </si>
  <si>
    <t>63583.0</t>
  </si>
  <si>
    <t>498.306</t>
  </si>
  <si>
    <t>4644732.0</t>
  </si>
  <si>
    <t>4062631.0</t>
  </si>
  <si>
    <t>582101.0</t>
  </si>
  <si>
    <t>181653.0</t>
  </si>
  <si>
    <t>9266.0</t>
  </si>
  <si>
    <t>106550.0</t>
  </si>
  <si>
    <t>19792.6</t>
  </si>
  <si>
    <t>1009.63408199335</t>
  </si>
  <si>
    <t>142.473</t>
  </si>
  <si>
    <t>9775575.0</t>
  </si>
  <si>
    <t>501.487</t>
  </si>
  <si>
    <t>51421.0</t>
  </si>
  <si>
    <t>2.638</t>
  </si>
  <si>
    <t>4995549.0</t>
  </si>
  <si>
    <t>4199278.0</t>
  </si>
  <si>
    <t>796271.0</t>
  </si>
  <si>
    <t>350817.0</t>
  </si>
  <si>
    <t>212112.0</t>
  </si>
  <si>
    <t>21.42</t>
  </si>
  <si>
    <t>9811190.0</t>
  </si>
  <si>
    <t>35615.0</t>
  </si>
  <si>
    <t>503.314</t>
  </si>
  <si>
    <t>51992.0</t>
  </si>
  <si>
    <t>5372256.0</t>
  </si>
  <si>
    <t>4338347.0</t>
  </si>
  <si>
    <t>1033909.0</t>
  </si>
  <si>
    <t>376707.0</t>
  </si>
  <si>
    <t>241442.0</t>
  </si>
  <si>
    <t>9846196.0</t>
  </si>
  <si>
    <t>35006.0</t>
  </si>
  <si>
    <t>505.11</t>
  </si>
  <si>
    <t>53114.0</t>
  </si>
  <si>
    <t>5773779.0</t>
  </si>
  <si>
    <t>4474206.0</t>
  </si>
  <si>
    <t>1299573.0</t>
  </si>
  <si>
    <t>401523.0</t>
  </si>
  <si>
    <t>254227.0</t>
  </si>
  <si>
    <t>100482.0</t>
  </si>
  <si>
    <t>97.43</t>
  </si>
  <si>
    <t>9908942.0</t>
  </si>
  <si>
    <t>62746.0</t>
  </si>
  <si>
    <t>508.329</t>
  </si>
  <si>
    <t>54124.0</t>
  </si>
  <si>
    <t>6191005.0</t>
  </si>
  <si>
    <t>4645672.0</t>
  </si>
  <si>
    <t>1545333.0</t>
  </si>
  <si>
    <t>417226.0</t>
  </si>
  <si>
    <t>269446.0</t>
  </si>
  <si>
    <t>104294.0</t>
  </si>
  <si>
    <t>50.348</t>
  </si>
  <si>
    <t>9974628.0</t>
  </si>
  <si>
    <t>65686.0</t>
  </si>
  <si>
    <t>511.698</t>
  </si>
  <si>
    <t>54833.0</t>
  </si>
  <si>
    <t>6565535.0</t>
  </si>
  <si>
    <t>4796938.0</t>
  </si>
  <si>
    <t>1768597.0</t>
  </si>
  <si>
    <t>374530.0</t>
  </si>
  <si>
    <t>280369.0</t>
  </si>
  <si>
    <t>14302.0</t>
  </si>
  <si>
    <t>106433.0</t>
  </si>
  <si>
    <t>10044145.0</t>
  </si>
  <si>
    <t>69517.0</t>
  </si>
  <si>
    <t>515.264</t>
  </si>
  <si>
    <t>56309.0</t>
  </si>
  <si>
    <t>6616022.0</t>
  </si>
  <si>
    <t>4821230.0</t>
  </si>
  <si>
    <t>1794792.0</t>
  </si>
  <si>
    <t>282752.0</t>
  </si>
  <si>
    <t>108525.0</t>
  </si>
  <si>
    <t>102.787</t>
  </si>
  <si>
    <t>10112296.0</t>
  </si>
  <si>
    <t>68151.0</t>
  </si>
  <si>
    <t>518.761</t>
  </si>
  <si>
    <t>56961.0</t>
  </si>
  <si>
    <t>2.922</t>
  </si>
  <si>
    <t>6622614.0</t>
  </si>
  <si>
    <t>4823983.0</t>
  </si>
  <si>
    <t>1798631.0</t>
  </si>
  <si>
    <t>282555.0</t>
  </si>
  <si>
    <t>14413.0</t>
  </si>
  <si>
    <t>108765.0</t>
  </si>
  <si>
    <t>20536.0</t>
  </si>
  <si>
    <t>1047.55542514957</t>
  </si>
  <si>
    <t>10181264.0</t>
  </si>
  <si>
    <t>68968.0</t>
  </si>
  <si>
    <t>522.299</t>
  </si>
  <si>
    <t>57956.0</t>
  </si>
  <si>
    <t>7053108.0</t>
  </si>
  <si>
    <t>4981910.0</t>
  </si>
  <si>
    <t>2071198.0</t>
  </si>
  <si>
    <t>430494.0</t>
  </si>
  <si>
    <t>293937.0</t>
  </si>
  <si>
    <t>14994.0</t>
  </si>
  <si>
    <t>111805.0</t>
  </si>
  <si>
    <t>10227644.0</t>
  </si>
  <si>
    <t>46380.0</t>
  </si>
  <si>
    <t>524.678</t>
  </si>
  <si>
    <t>59493.0</t>
  </si>
  <si>
    <t>7463539.0</t>
  </si>
  <si>
    <t>5148610.0</t>
  </si>
  <si>
    <t>2314929.0</t>
  </si>
  <si>
    <t>410431.0</t>
  </si>
  <si>
    <t>298755.0</t>
  </si>
  <si>
    <t>15240.0</t>
  </si>
  <si>
    <t>115752.0</t>
  </si>
  <si>
    <t>10265109.0</t>
  </si>
  <si>
    <t>37465.0</t>
  </si>
  <si>
    <t>526.6</t>
  </si>
  <si>
    <t>59845.0</t>
  </si>
  <si>
    <t>7831006.0</t>
  </si>
  <si>
    <t>5299959.0</t>
  </si>
  <si>
    <t>2531047.0</t>
  </si>
  <si>
    <t>367467.0</t>
  </si>
  <si>
    <t>293890.0</t>
  </si>
  <si>
    <t>166.856</t>
  </si>
  <si>
    <t>10335304.0</t>
  </si>
  <si>
    <t>70195.0</t>
  </si>
  <si>
    <t>530.201</t>
  </si>
  <si>
    <t>60909.0</t>
  </si>
  <si>
    <t>8166167.0</t>
  </si>
  <si>
    <t>5448892.0</t>
  </si>
  <si>
    <t>2717275.0</t>
  </si>
  <si>
    <t>335161.0</t>
  </si>
  <si>
    <t>282166.0</t>
  </si>
  <si>
    <t>14393.0</t>
  </si>
  <si>
    <t>114746.0</t>
  </si>
  <si>
    <t>170.07</t>
  </si>
  <si>
    <t>10408433.0</t>
  </si>
  <si>
    <t>73129.0</t>
  </si>
  <si>
    <t>533.952</t>
  </si>
  <si>
    <t>3.752</t>
  </si>
  <si>
    <t>61972.0</t>
  </si>
  <si>
    <t>8460915.0</t>
  </si>
  <si>
    <t>5588804.0</t>
  </si>
  <si>
    <t>2872111.0</t>
  </si>
  <si>
    <t>270769.0</t>
  </si>
  <si>
    <t>113124.0</t>
  </si>
  <si>
    <t>57.081</t>
  </si>
  <si>
    <t>10484708.0</t>
  </si>
  <si>
    <t>76275.0</t>
  </si>
  <si>
    <t>537.865</t>
  </si>
  <si>
    <t>62938.0</t>
  </si>
  <si>
    <t>8495131.0</t>
  </si>
  <si>
    <t>5612000.0</t>
  </si>
  <si>
    <t>2883131.0</t>
  </si>
  <si>
    <t>34216.0</t>
  </si>
  <si>
    <t>268444.0</t>
  </si>
  <si>
    <t>13694.0</t>
  </si>
  <si>
    <t>112967.0</t>
  </si>
  <si>
    <t>57.693</t>
  </si>
  <si>
    <t>10561043.0</t>
  </si>
  <si>
    <t>76335.0</t>
  </si>
  <si>
    <t>541.781</t>
  </si>
  <si>
    <t>64107.0</t>
  </si>
  <si>
    <t>8499156.0</t>
  </si>
  <si>
    <t>5614852.0</t>
  </si>
  <si>
    <t>2884304.0</t>
  </si>
  <si>
    <t>268077.0</t>
  </si>
  <si>
    <t>112981.0</t>
  </si>
  <si>
    <t>21167.4</t>
  </si>
  <si>
    <t>1079.76357159676</t>
  </si>
  <si>
    <t>115.743</t>
  </si>
  <si>
    <t>10636923.0</t>
  </si>
  <si>
    <t>545.674</t>
  </si>
  <si>
    <t>8768057.0</t>
  </si>
  <si>
    <t>5761675.0</t>
  </si>
  <si>
    <t>3006382.0</t>
  </si>
  <si>
    <t>244993.0</t>
  </si>
  <si>
    <t>12497.0</t>
  </si>
  <si>
    <t>111395.0</t>
  </si>
  <si>
    <t>189.097</t>
  </si>
  <si>
    <t>10691538.0</t>
  </si>
  <si>
    <t>54615.0</t>
  </si>
  <si>
    <t>548.476</t>
  </si>
  <si>
    <t>66271.0</t>
  </si>
  <si>
    <t>9009088.0</t>
  </si>
  <si>
    <t>5912022.0</t>
  </si>
  <si>
    <t>3097066.0</t>
  </si>
  <si>
    <t>241031.0</t>
  </si>
  <si>
    <t>220793.0</t>
  </si>
  <si>
    <t>11263.0</t>
  </si>
  <si>
    <t>109059.0</t>
  </si>
  <si>
    <t>10731308.0</t>
  </si>
  <si>
    <t>39770.0</t>
  </si>
  <si>
    <t>550.516</t>
  </si>
  <si>
    <t>66600.0</t>
  </si>
  <si>
    <t>9228288.0</t>
  </si>
  <si>
    <t>6066366.0</t>
  </si>
  <si>
    <t>3161922.0</t>
  </si>
  <si>
    <t>219200.0</t>
  </si>
  <si>
    <t>199612.0</t>
  </si>
  <si>
    <t>109487.0</t>
  </si>
  <si>
    <t>10802230.0</t>
  </si>
  <si>
    <t>70922.0</t>
  </si>
  <si>
    <t>554.154</t>
  </si>
  <si>
    <t>3.638</t>
  </si>
  <si>
    <t>66704.0</t>
  </si>
  <si>
    <t>3.422</t>
  </si>
  <si>
    <t>9441120.0</t>
  </si>
  <si>
    <t>6223901.0</t>
  </si>
  <si>
    <t>3217219.0</t>
  </si>
  <si>
    <t>212832.0</t>
  </si>
  <si>
    <t>182136.0</t>
  </si>
  <si>
    <t>110716.0</t>
  </si>
  <si>
    <t>62.539</t>
  </si>
  <si>
    <t>10879538.0</t>
  </si>
  <si>
    <t>77308.0</t>
  </si>
  <si>
    <t>558.12</t>
  </si>
  <si>
    <t>67301.0</t>
  </si>
  <si>
    <t>9658959.0</t>
  </si>
  <si>
    <t>6390544.0</t>
  </si>
  <si>
    <t>3268415.0</t>
  </si>
  <si>
    <t>217839.0</t>
  </si>
  <si>
    <t>171149.0</t>
  </si>
  <si>
    <t>114534.0</t>
  </si>
  <si>
    <t>10958800.0</t>
  </si>
  <si>
    <t>79262.0</t>
  </si>
  <si>
    <t>562.186</t>
  </si>
  <si>
    <t>4.066</t>
  </si>
  <si>
    <t>67727.0</t>
  </si>
  <si>
    <t>9674661.0</t>
  </si>
  <si>
    <t>6403493.0</t>
  </si>
  <si>
    <t>3271168.0</t>
  </si>
  <si>
    <t>168504.0</t>
  </si>
  <si>
    <t>113070.0</t>
  </si>
  <si>
    <t>11037244.0</t>
  </si>
  <si>
    <t>78444.0</t>
  </si>
  <si>
    <t>566.21</t>
  </si>
  <si>
    <t>4.024</t>
  </si>
  <si>
    <t>68029.0</t>
  </si>
  <si>
    <t>0.0951</t>
  </si>
  <si>
    <t>9676055.0</t>
  </si>
  <si>
    <t>6404463.0</t>
  </si>
  <si>
    <t>3271592.0</t>
  </si>
  <si>
    <t>168128.0</t>
  </si>
  <si>
    <t>21979.0</t>
  </si>
  <si>
    <t>1121.16384346331</t>
  </si>
  <si>
    <t>11113202.0</t>
  </si>
  <si>
    <t>75958.0</t>
  </si>
  <si>
    <t>570.107</t>
  </si>
  <si>
    <t>68040.0</t>
  </si>
  <si>
    <t>9942989.0</t>
  </si>
  <si>
    <t>6555809.0</t>
  </si>
  <si>
    <t>3387180.0</t>
  </si>
  <si>
    <t>266934.0</t>
  </si>
  <si>
    <t>167847.0</t>
  </si>
  <si>
    <t>11159589.0</t>
  </si>
  <si>
    <t>46387.0</t>
  </si>
  <si>
    <t>572.487</t>
  </si>
  <si>
    <t>66864.0</t>
  </si>
  <si>
    <t>10221817.0</t>
  </si>
  <si>
    <t>6689813.0</t>
  </si>
  <si>
    <t>3532004.0</t>
  </si>
  <si>
    <t>278828.0</t>
  </si>
  <si>
    <t>173247.0</t>
  </si>
  <si>
    <t>111113.0</t>
  </si>
  <si>
    <t>11201416.0</t>
  </si>
  <si>
    <t>574.632</t>
  </si>
  <si>
    <t>67158.0</t>
  </si>
  <si>
    <t>10502310.0</t>
  </si>
  <si>
    <t>6817030.0</t>
  </si>
  <si>
    <t>3685280.0</t>
  </si>
  <si>
    <t>280493.0</t>
  </si>
  <si>
    <t>182003.0</t>
  </si>
  <si>
    <t>9284.0</t>
  </si>
  <si>
    <t>107238.0</t>
  </si>
  <si>
    <t>11270537.0</t>
  </si>
  <si>
    <t>69121.0</t>
  </si>
  <si>
    <t>578.178</t>
  </si>
  <si>
    <t>66901.0</t>
  </si>
  <si>
    <t>10805873.0</t>
  </si>
  <si>
    <t>6951932.0</t>
  </si>
  <si>
    <t>3853941.0</t>
  </si>
  <si>
    <t>303563.0</t>
  </si>
  <si>
    <t>104004.0</t>
  </si>
  <si>
    <t>212.153</t>
  </si>
  <si>
    <t>11344080.0</t>
  </si>
  <si>
    <t>581.951</t>
  </si>
  <si>
    <t>66363.0</t>
  </si>
  <si>
    <t>10812983.0</t>
  </si>
  <si>
    <t>6953827.0</t>
  </si>
  <si>
    <t>3859156.0</t>
  </si>
  <si>
    <t>164861.0</t>
  </si>
  <si>
    <t>35.47</t>
  </si>
  <si>
    <t>80469.0</t>
  </si>
  <si>
    <t>216.081</t>
  </si>
  <si>
    <t>11414538.0</t>
  </si>
  <si>
    <t>70458.0</t>
  </si>
  <si>
    <t>585.566</t>
  </si>
  <si>
    <t>3.614</t>
  </si>
  <si>
    <t>65105.0</t>
  </si>
  <si>
    <t>10816213.0</t>
  </si>
  <si>
    <t>6955708.0</t>
  </si>
  <si>
    <t>3860505.0</t>
  </si>
  <si>
    <t>163079.0</t>
  </si>
  <si>
    <t>78888.0</t>
  </si>
  <si>
    <t>72.027</t>
  </si>
  <si>
    <t>11483633.0</t>
  </si>
  <si>
    <t>69095.0</t>
  </si>
  <si>
    <t>589.11</t>
  </si>
  <si>
    <t>63770.0</t>
  </si>
  <si>
    <t>10817347.0</t>
  </si>
  <si>
    <t>6956373.0</t>
  </si>
  <si>
    <t>3860974.0</t>
  </si>
  <si>
    <t>163042.0</t>
  </si>
  <si>
    <t>78844.0</t>
  </si>
  <si>
    <t>22847.1</t>
  </si>
  <si>
    <t>1165.44621902682</t>
  </si>
  <si>
    <t>73.863</t>
  </si>
  <si>
    <t>11529454.0</t>
  </si>
  <si>
    <t>591.461</t>
  </si>
  <si>
    <t>59465.0</t>
  </si>
  <si>
    <t>11102403.0</t>
  </si>
  <si>
    <t>7036393.0</t>
  </si>
  <si>
    <t>4066010.0</t>
  </si>
  <si>
    <t>285056.0</t>
  </si>
  <si>
    <t>165631.0</t>
  </si>
  <si>
    <t>20.74</t>
  </si>
  <si>
    <t>68655.0</t>
  </si>
  <si>
    <t>11565058.0</t>
  </si>
  <si>
    <t>35604.0</t>
  </si>
  <si>
    <t>593.287</t>
  </si>
  <si>
    <t>57924.0</t>
  </si>
  <si>
    <t>11342430.0</t>
  </si>
  <si>
    <t>7129598.0</t>
  </si>
  <si>
    <t>4212832.0</t>
  </si>
  <si>
    <t>160088.0</t>
  </si>
  <si>
    <t>62826.0</t>
  </si>
  <si>
    <t>11595729.0</t>
  </si>
  <si>
    <t>30671.0</t>
  </si>
  <si>
    <t>594.861</t>
  </si>
  <si>
    <t>11575869.0</t>
  </si>
  <si>
    <t>7224532.0</t>
  </si>
  <si>
    <t>4351337.0</t>
  </si>
  <si>
    <t>233439.0</t>
  </si>
  <si>
    <t>153366.0</t>
  </si>
  <si>
    <t>7823.0</t>
  </si>
  <si>
    <t>58215.0</t>
  </si>
  <si>
    <t>11665933.0</t>
  </si>
  <si>
    <t>70204.0</t>
  </si>
  <si>
    <t>598.462</t>
  </si>
  <si>
    <t>56485.0</t>
  </si>
  <si>
    <t>11815580.0</t>
  </si>
  <si>
    <t>7301338.0</t>
  </si>
  <si>
    <t>4514242.0</t>
  </si>
  <si>
    <t>239711.0</t>
  </si>
  <si>
    <t>49915.0</t>
  </si>
  <si>
    <t>11743832.0</t>
  </si>
  <si>
    <t>77899.0</t>
  </si>
  <si>
    <t>602.458</t>
  </si>
  <si>
    <t>3.996</t>
  </si>
  <si>
    <t>57107.0</t>
  </si>
  <si>
    <t>12034689.0</t>
  </si>
  <si>
    <t>7372278.0</t>
  </si>
  <si>
    <t>4662411.0</t>
  </si>
  <si>
    <t>219109.0</t>
  </si>
  <si>
    <t>174529.0</t>
  </si>
  <si>
    <t>8903.0</t>
  </si>
  <si>
    <t>11817665.0</t>
  </si>
  <si>
    <t>73833.0</t>
  </si>
  <si>
    <t>606.246</t>
  </si>
  <si>
    <t>57590.0</t>
  </si>
  <si>
    <t>12060739.0</t>
  </si>
  <si>
    <t>7383479.0</t>
  </si>
  <si>
    <t>4677260.0</t>
  </si>
  <si>
    <t>177789.0</t>
  </si>
  <si>
    <t>61110.0</t>
  </si>
  <si>
    <t>11889962.0</t>
  </si>
  <si>
    <t>72297.0</t>
  </si>
  <si>
    <t>609.955</t>
  </si>
  <si>
    <t>3.709</t>
  </si>
  <si>
    <t>58047.0</t>
  </si>
  <si>
    <t>12063197.0</t>
  </si>
  <si>
    <t>7384580.0</t>
  </si>
  <si>
    <t>4678617.0</t>
  </si>
  <si>
    <t>177979.0</t>
  </si>
  <si>
    <t>37.67</t>
  </si>
  <si>
    <t>9079.0</t>
  </si>
  <si>
    <t>23686.2</t>
  </si>
  <si>
    <t>1208.24928472818</t>
  </si>
  <si>
    <t>11963255.0</t>
  </si>
  <si>
    <t>73293.0</t>
  </si>
  <si>
    <t>613.715</t>
  </si>
  <si>
    <t>12300469.0</t>
  </si>
  <si>
    <t>7462808.0</t>
  </si>
  <si>
    <t>4837661.0</t>
  </si>
  <si>
    <t>237272.0</t>
  </si>
  <si>
    <t>171152.0</t>
  </si>
  <si>
    <t>60916.0</t>
  </si>
  <si>
    <t>12013159.0</t>
  </si>
  <si>
    <t>49904.0</t>
  </si>
  <si>
    <t>616.275</t>
  </si>
  <si>
    <t>3.284</t>
  </si>
  <si>
    <t>12535960.0</t>
  </si>
  <si>
    <t>7537863.0</t>
  </si>
  <si>
    <t>4998097.0</t>
  </si>
  <si>
    <t>235491.0</t>
  </si>
  <si>
    <t>170504.0</t>
  </si>
  <si>
    <t>38.45</t>
  </si>
  <si>
    <t>8698.0</t>
  </si>
  <si>
    <t>58324.0</t>
  </si>
  <si>
    <t>12049864.0</t>
  </si>
  <si>
    <t>618.158</t>
  </si>
  <si>
    <t>12765694.0</t>
  </si>
  <si>
    <t>7617289.0</t>
  </si>
  <si>
    <t>5148405.0</t>
  </si>
  <si>
    <t>229734.0</t>
  </si>
  <si>
    <t>169975.0</t>
  </si>
  <si>
    <t>56108.0</t>
  </si>
  <si>
    <t>12120685.0</t>
  </si>
  <si>
    <t>70821.0</t>
  </si>
  <si>
    <t>621.791</t>
  </si>
  <si>
    <t>3.633</t>
  </si>
  <si>
    <t>64965.0</t>
  </si>
  <si>
    <t>12973076.0</t>
  </si>
  <si>
    <t>7679641.0</t>
  </si>
  <si>
    <t>5293435.0</t>
  </si>
  <si>
    <t>207382.0</t>
  </si>
  <si>
    <t>165357.0</t>
  </si>
  <si>
    <t>54043.0</t>
  </si>
  <si>
    <t>12198060.0</t>
  </si>
  <si>
    <t>77375.0</t>
  </si>
  <si>
    <t>625.76</t>
  </si>
  <si>
    <t>64890.0</t>
  </si>
  <si>
    <t>13167522.0</t>
  </si>
  <si>
    <t>7738118.0</t>
  </si>
  <si>
    <t>5429404.0</t>
  </si>
  <si>
    <t>194446.0</t>
  </si>
  <si>
    <t>161833.0</t>
  </si>
  <si>
    <t>12270866.0</t>
  </si>
  <si>
    <t>72806.0</t>
  </si>
  <si>
    <t>629.495</t>
  </si>
  <si>
    <t>64743.0</t>
  </si>
  <si>
    <t>13189829.0</t>
  </si>
  <si>
    <t>7746030.0</t>
  </si>
  <si>
    <t>5443799.0</t>
  </si>
  <si>
    <t>22307.0</t>
  </si>
  <si>
    <t>161299.0</t>
  </si>
  <si>
    <t>8228.0</t>
  </si>
  <si>
    <t>51793.0</t>
  </si>
  <si>
    <t>12345855.0</t>
  </si>
  <si>
    <t>74989.0</t>
  </si>
  <si>
    <t>633.342</t>
  </si>
  <si>
    <t>65128.0</t>
  </si>
  <si>
    <t>13192472.0</t>
  </si>
  <si>
    <t>7746906.0</t>
  </si>
  <si>
    <t>5445566.0</t>
  </si>
  <si>
    <t>161325.0</t>
  </si>
  <si>
    <t>51761.0</t>
  </si>
  <si>
    <t>24510.3</t>
  </si>
  <si>
    <t>1250.287190156</t>
  </si>
  <si>
    <t>12418694.0</t>
  </si>
  <si>
    <t>72839.0</t>
  </si>
  <si>
    <t>637.079</t>
  </si>
  <si>
    <t>3.737</t>
  </si>
  <si>
    <t>65063.0</t>
  </si>
  <si>
    <t>13387798.0</t>
  </si>
  <si>
    <t>7790903.0</t>
  </si>
  <si>
    <t>5596895.0</t>
  </si>
  <si>
    <t>195326.0</t>
  </si>
  <si>
    <t>155333.0</t>
  </si>
  <si>
    <t>12464199.0</t>
  </si>
  <si>
    <t>45505.0</t>
  </si>
  <si>
    <t>639.413</t>
  </si>
  <si>
    <t>64434.0</t>
  </si>
  <si>
    <t>13577376.0</t>
  </si>
  <si>
    <t>7830189.0</t>
  </si>
  <si>
    <t>5747187.0</t>
  </si>
  <si>
    <t>189578.0</t>
  </si>
  <si>
    <t>148774.0</t>
  </si>
  <si>
    <t>41761.0</t>
  </si>
  <si>
    <t>12500327.0</t>
  </si>
  <si>
    <t>36128.0</t>
  </si>
  <si>
    <t>641.267</t>
  </si>
  <si>
    <t>64352.0</t>
  </si>
  <si>
    <t>3.301</t>
  </si>
  <si>
    <t>0.1046</t>
  </si>
  <si>
    <t>13755159.0</t>
  </si>
  <si>
    <t>7861401.0</t>
  </si>
  <si>
    <t>5893758.0</t>
  </si>
  <si>
    <t>177783.0</t>
  </si>
  <si>
    <t>141352.0</t>
  </si>
  <si>
    <t>34873.0</t>
  </si>
  <si>
    <t>12566594.0</t>
  </si>
  <si>
    <t>66267.0</t>
  </si>
  <si>
    <t>644.666</t>
  </si>
  <si>
    <t>63701.0</t>
  </si>
  <si>
    <t>13956088.0</t>
  </si>
  <si>
    <t>7917838.0</t>
  </si>
  <si>
    <t>6038250.0</t>
  </si>
  <si>
    <t>200929.0</t>
  </si>
  <si>
    <t>140430.0</t>
  </si>
  <si>
    <t>40.39</t>
  </si>
  <si>
    <t>12636055.0</t>
  </si>
  <si>
    <t>69461.0</t>
  </si>
  <si>
    <t>648.229</t>
  </si>
  <si>
    <t>62571.0</t>
  </si>
  <si>
    <t>14139900.0</t>
  </si>
  <si>
    <t>7957733.0</t>
  </si>
  <si>
    <t>6182167.0</t>
  </si>
  <si>
    <t>183812.0</t>
  </si>
  <si>
    <t>138911.0</t>
  </si>
  <si>
    <t>40.59</t>
  </si>
  <si>
    <t>31.54</t>
  </si>
  <si>
    <t>172.11</t>
  </si>
  <si>
    <t>12701358.0</t>
  </si>
  <si>
    <t>651.579</t>
  </si>
  <si>
    <t>61499.0</t>
  </si>
  <si>
    <t>14157603.0</t>
  </si>
  <si>
    <t>7963483.0</t>
  </si>
  <si>
    <t>6194120.0</t>
  </si>
  <si>
    <t>17703.0</t>
  </si>
  <si>
    <t>138253.0</t>
  </si>
  <si>
    <t>7052.0</t>
  </si>
  <si>
    <t>31065.0</t>
  </si>
  <si>
    <t>12769290.0</t>
  </si>
  <si>
    <t>67932.0</t>
  </si>
  <si>
    <t>655.064</t>
  </si>
  <si>
    <t>60491.0</t>
  </si>
  <si>
    <t>14158649.0</t>
  </si>
  <si>
    <t>7963836.0</t>
  </si>
  <si>
    <t>6194813.0</t>
  </si>
  <si>
    <t>138025.0</t>
  </si>
  <si>
    <t>30990.0</t>
  </si>
  <si>
    <t>25141.9</t>
  </si>
  <si>
    <t>1282.50553874017</t>
  </si>
  <si>
    <t>12838319.0</t>
  </si>
  <si>
    <t>69029.0</t>
  </si>
  <si>
    <t>658.606</t>
  </si>
  <si>
    <t>3.541</t>
  </si>
  <si>
    <t>59946.0</t>
  </si>
  <si>
    <t>14355585.0</t>
  </si>
  <si>
    <t>8006984.0</t>
  </si>
  <si>
    <t>6348601.0</t>
  </si>
  <si>
    <t>196936.0</t>
  </si>
  <si>
    <t>138255.0</t>
  </si>
  <si>
    <t>12877009.0</t>
  </si>
  <si>
    <t>38690.0</t>
  </si>
  <si>
    <t>660.59</t>
  </si>
  <si>
    <t>58973.0</t>
  </si>
  <si>
    <t>14527260.0</t>
  </si>
  <si>
    <t>8046026.0</t>
  </si>
  <si>
    <t>6481234.0</t>
  </si>
  <si>
    <t>171675.0</t>
  </si>
  <si>
    <t>135698.0</t>
  </si>
  <si>
    <t>33.06</t>
  </si>
  <si>
    <t>12908612.0</t>
  </si>
  <si>
    <t>31603.0</t>
  </si>
  <si>
    <t>662.212</t>
  </si>
  <si>
    <t>58326.0</t>
  </si>
  <si>
    <t>14696563.0</t>
  </si>
  <si>
    <t>8089550.0</t>
  </si>
  <si>
    <t>6607013.0</t>
  </si>
  <si>
    <t>169303.0</t>
  </si>
  <si>
    <t>134486.0</t>
  </si>
  <si>
    <t>41.27</t>
  </si>
  <si>
    <t>70.344</t>
  </si>
  <si>
    <t>12971851.0</t>
  </si>
  <si>
    <t>665.456</t>
  </si>
  <si>
    <t>14852175.0</t>
  </si>
  <si>
    <t>8120470.0</t>
  </si>
  <si>
    <t>6731705.0</t>
  </si>
  <si>
    <t>155612.0</t>
  </si>
  <si>
    <t>128012.0</t>
  </si>
  <si>
    <t>41.42</t>
  </si>
  <si>
    <t>28947.0</t>
  </si>
  <si>
    <t>13043653.0</t>
  </si>
  <si>
    <t>71802.0</t>
  </si>
  <si>
    <t>669.139</t>
  </si>
  <si>
    <t>58228.0</t>
  </si>
  <si>
    <t>14940213.0</t>
  </si>
  <si>
    <t>8171483.0</t>
  </si>
  <si>
    <t>6768730.0</t>
  </si>
  <si>
    <t>88038.0</t>
  </si>
  <si>
    <t>114330.0</t>
  </si>
  <si>
    <t>41.68</t>
  </si>
  <si>
    <t>13108016.0</t>
  </si>
  <si>
    <t>64363.0</t>
  </si>
  <si>
    <t>672.441</t>
  </si>
  <si>
    <t>58094.0</t>
  </si>
  <si>
    <t>14942513.0</t>
  </si>
  <si>
    <t>8172574.0</t>
  </si>
  <si>
    <t>6769939.0</t>
  </si>
  <si>
    <t>112130.0</t>
  </si>
  <si>
    <t>29870.0</t>
  </si>
  <si>
    <t>185.73</t>
  </si>
  <si>
    <t>13174741.0</t>
  </si>
  <si>
    <t>66725.0</t>
  </si>
  <si>
    <t>675.864</t>
  </si>
  <si>
    <t>14943981.0</t>
  </si>
  <si>
    <t>8173375.0</t>
  </si>
  <si>
    <t>6770606.0</t>
  </si>
  <si>
    <t>112190.0</t>
  </si>
  <si>
    <t>1317.14689485718</t>
  </si>
  <si>
    <t>13235478.0</t>
  </si>
  <si>
    <t>678.98</t>
  </si>
  <si>
    <t>3.116</t>
  </si>
  <si>
    <t>56737.0</t>
  </si>
  <si>
    <t>15096111.0</t>
  </si>
  <si>
    <t>8249506.0</t>
  </si>
  <si>
    <t>6846605.0</t>
  </si>
  <si>
    <t>152130.0</t>
  </si>
  <si>
    <t>105789.0</t>
  </si>
  <si>
    <t>13265328.0</t>
  </si>
  <si>
    <t>29850.0</t>
  </si>
  <si>
    <t>680.511</t>
  </si>
  <si>
    <t>55474.0</t>
  </si>
  <si>
    <t>15265968.0</t>
  </si>
  <si>
    <t>8330643.0</t>
  </si>
  <si>
    <t>6935325.0</t>
  </si>
  <si>
    <t>169857.0</t>
  </si>
  <si>
    <t>105530.0</t>
  </si>
  <si>
    <t>13295859.0</t>
  </si>
  <si>
    <t>30531.0</t>
  </si>
  <si>
    <t>682.077</t>
  </si>
  <si>
    <t>55321.0</t>
  </si>
  <si>
    <t>15441306.0</t>
  </si>
  <si>
    <t>8412210.0</t>
  </si>
  <si>
    <t>7029096.0</t>
  </si>
  <si>
    <t>175338.0</t>
  </si>
  <si>
    <t>106392.0</t>
  </si>
  <si>
    <t>46094.0</t>
  </si>
  <si>
    <t>13358675.0</t>
  </si>
  <si>
    <t>62816.0</t>
  </si>
  <si>
    <t>685.3</t>
  </si>
  <si>
    <t>55261.0</t>
  </si>
  <si>
    <t>15599757.0</t>
  </si>
  <si>
    <t>8493863.0</t>
  </si>
  <si>
    <t>7105894.0</t>
  </si>
  <si>
    <t>106797.0</t>
  </si>
  <si>
    <t>36.25</t>
  </si>
  <si>
    <t>62.386</t>
  </si>
  <si>
    <t>13424145.0</t>
  </si>
  <si>
    <t>65470.0</t>
  </si>
  <si>
    <t>688.658</t>
  </si>
  <si>
    <t>54356.0</t>
  </si>
  <si>
    <t>15747938.0</t>
  </si>
  <si>
    <t>8578042.0</t>
  </si>
  <si>
    <t>7169896.0</t>
  </si>
  <si>
    <t>148181.0</t>
  </si>
  <si>
    <t>115389.0</t>
  </si>
  <si>
    <t>58080.0</t>
  </si>
  <si>
    <t>13487140.0</t>
  </si>
  <si>
    <t>62995.0</t>
  </si>
  <si>
    <t>691.89</t>
  </si>
  <si>
    <t>2.778</t>
  </si>
  <si>
    <t>15773539.0</t>
  </si>
  <si>
    <t>8595429.0</t>
  </si>
  <si>
    <t>7178110.0</t>
  </si>
  <si>
    <t>118718.0</t>
  </si>
  <si>
    <t>60408.0</t>
  </si>
  <si>
    <t>13549184.0</t>
  </si>
  <si>
    <t>62044.0</t>
  </si>
  <si>
    <t>695.073</t>
  </si>
  <si>
    <t>15774952.0</t>
  </si>
  <si>
    <t>8596394.0</t>
  </si>
  <si>
    <t>7178558.0</t>
  </si>
  <si>
    <t>118710.0</t>
  </si>
  <si>
    <t>26453.4</t>
  </si>
  <si>
    <t>1349.40605198927</t>
  </si>
  <si>
    <t>13615534.0</t>
  </si>
  <si>
    <t>66350.0</t>
  </si>
  <si>
    <t>698.477</t>
  </si>
  <si>
    <t>54294.0</t>
  </si>
  <si>
    <t>2.785</t>
  </si>
  <si>
    <t>15948907.0</t>
  </si>
  <si>
    <t>8699763.0</t>
  </si>
  <si>
    <t>7249144.0</t>
  </si>
  <si>
    <t>173955.0</t>
  </si>
  <si>
    <t>121828.0</t>
  </si>
  <si>
    <t>44.38</t>
  </si>
  <si>
    <t>13652933.0</t>
  </si>
  <si>
    <t>37399.0</t>
  </si>
  <si>
    <t>700.395</t>
  </si>
  <si>
    <t>55372.0</t>
  </si>
  <si>
    <t>16141820.0</t>
  </si>
  <si>
    <t>8807229.0</t>
  </si>
  <si>
    <t>7334591.0</t>
  </si>
  <si>
    <t>192913.0</t>
  </si>
  <si>
    <t>125122.0</t>
  </si>
  <si>
    <t>68084.0</t>
  </si>
  <si>
    <t>166.499</t>
  </si>
  <si>
    <t>13681335.0</t>
  </si>
  <si>
    <t>28402.0</t>
  </si>
  <si>
    <t>701.852</t>
  </si>
  <si>
    <t>16325344.0</t>
  </si>
  <si>
    <t>8912145.0</t>
  </si>
  <si>
    <t>7413199.0</t>
  </si>
  <si>
    <t>183524.0</t>
  </si>
  <si>
    <t>126291.0</t>
  </si>
  <si>
    <t>71419.0</t>
  </si>
  <si>
    <t>13742311.0</t>
  </si>
  <si>
    <t>60976.0</t>
  </si>
  <si>
    <t>704.98</t>
  </si>
  <si>
    <t>54805.0</t>
  </si>
  <si>
    <t>2.811</t>
  </si>
  <si>
    <t>16483164.0</t>
  </si>
  <si>
    <t>9009204.0</t>
  </si>
  <si>
    <t>7473960.0</t>
  </si>
  <si>
    <t>157820.0</t>
  </si>
  <si>
    <t>126201.0</t>
  </si>
  <si>
    <t>73620.0</t>
  </si>
  <si>
    <t>13808229.0</t>
  </si>
  <si>
    <t>65918.0</t>
  </si>
  <si>
    <t>708.362</t>
  </si>
  <si>
    <t>3.382</t>
  </si>
  <si>
    <t>54869.0</t>
  </si>
  <si>
    <t>16642838.0</t>
  </si>
  <si>
    <t>9112514.0</t>
  </si>
  <si>
    <t>7530324.0</t>
  </si>
  <si>
    <t>159674.0</t>
  </si>
  <si>
    <t>127843.0</t>
  </si>
  <si>
    <t>38.41</t>
  </si>
  <si>
    <t>76353.0</t>
  </si>
  <si>
    <t>13873541.0</t>
  </si>
  <si>
    <t>65312.0</t>
  </si>
  <si>
    <t>711.712</t>
  </si>
  <si>
    <t>55200.0</t>
  </si>
  <si>
    <t>2.832</t>
  </si>
  <si>
    <t>16644305.0</t>
  </si>
  <si>
    <t>9113572.0</t>
  </si>
  <si>
    <t>7530733.0</t>
  </si>
  <si>
    <t>124395.0</t>
  </si>
  <si>
    <t>74020.0</t>
  </si>
  <si>
    <t>13939427.0</t>
  </si>
  <si>
    <t>65886.0</t>
  </si>
  <si>
    <t>715.092</t>
  </si>
  <si>
    <t>55749.0</t>
  </si>
  <si>
    <t>16644746.0</t>
  </si>
  <si>
    <t>9113838.0</t>
  </si>
  <si>
    <t>7530908.0</t>
  </si>
  <si>
    <t>124256.0</t>
  </si>
  <si>
    <t>73921.0</t>
  </si>
  <si>
    <t>27141.5</t>
  </si>
  <si>
    <t>1384.50650427041</t>
  </si>
  <si>
    <t>14005679.0</t>
  </si>
  <si>
    <t>718.491</t>
  </si>
  <si>
    <t>55735.0</t>
  </si>
  <si>
    <t>16816610.0</t>
  </si>
  <si>
    <t>9238506.0</t>
  </si>
  <si>
    <t>7578104.0</t>
  </si>
  <si>
    <t>171864.0</t>
  </si>
  <si>
    <t>123958.0</t>
  </si>
  <si>
    <t>6323.0</t>
  </si>
  <si>
    <t>76963.0</t>
  </si>
  <si>
    <t>14035907.0</t>
  </si>
  <si>
    <t>30228.0</t>
  </si>
  <si>
    <t>720.042</t>
  </si>
  <si>
    <t>54711.0</t>
  </si>
  <si>
    <t>17000626.0</t>
  </si>
  <si>
    <t>9374688.0</t>
  </si>
  <si>
    <t>7625938.0</t>
  </si>
  <si>
    <t>184016.0</t>
  </si>
  <si>
    <t>122687.0</t>
  </si>
  <si>
    <t>81066.0</t>
  </si>
  <si>
    <t>14068377.0</t>
  </si>
  <si>
    <t>721.707</t>
  </si>
  <si>
    <t>55292.0</t>
  </si>
  <si>
    <t>2.836</t>
  </si>
  <si>
    <t>17167823.0</t>
  </si>
  <si>
    <t>9500519.0</t>
  </si>
  <si>
    <t>7667304.0</t>
  </si>
  <si>
    <t>167197.0</t>
  </si>
  <si>
    <t>120354.0</t>
  </si>
  <si>
    <t>84053.0</t>
  </si>
  <si>
    <t>14137098.0</t>
  </si>
  <si>
    <t>725.233</t>
  </si>
  <si>
    <t>3.525</t>
  </si>
  <si>
    <t>56398.0</t>
  </si>
  <si>
    <t>17359882.0</t>
  </si>
  <si>
    <t>9629094.0</t>
  </si>
  <si>
    <t>7730788.0</t>
  </si>
  <si>
    <t>192059.0</t>
  </si>
  <si>
    <t>125245.0</t>
  </si>
  <si>
    <t>88556.0</t>
  </si>
  <si>
    <t>14205256.0</t>
  </si>
  <si>
    <t>68158.0</t>
  </si>
  <si>
    <t>728.729</t>
  </si>
  <si>
    <t>17369735.0</t>
  </si>
  <si>
    <t>9637545.0</t>
  </si>
  <si>
    <t>7732190.0</t>
  </si>
  <si>
    <t>9853.0</t>
  </si>
  <si>
    <t>103842.0</t>
  </si>
  <si>
    <t>75004.0</t>
  </si>
  <si>
    <t>14275657.0</t>
  </si>
  <si>
    <t>70401.0</t>
  </si>
  <si>
    <t>732.341</t>
  </si>
  <si>
    <t>57445.0</t>
  </si>
  <si>
    <t>17402969.0</t>
  </si>
  <si>
    <t>9664492.0</t>
  </si>
  <si>
    <t>7738477.0</t>
  </si>
  <si>
    <t>33234.0</t>
  </si>
  <si>
    <t>108381.0</t>
  </si>
  <si>
    <t>78703.0</t>
  </si>
  <si>
    <t>14340996.0</t>
  </si>
  <si>
    <t>65339.0</t>
  </si>
  <si>
    <t>735.693</t>
  </si>
  <si>
    <t>57367.0</t>
  </si>
  <si>
    <t>17407261.0</t>
  </si>
  <si>
    <t>9668193.0</t>
  </si>
  <si>
    <t>7739068.0</t>
  </si>
  <si>
    <t>108931.0</t>
  </si>
  <si>
    <t>79194.0</t>
  </si>
  <si>
    <t>27916.9</t>
  </si>
  <si>
    <t>1424.0601893435</t>
  </si>
  <si>
    <t>59.274</t>
  </si>
  <si>
    <t>14384798.0</t>
  </si>
  <si>
    <t>43802.0</t>
  </si>
  <si>
    <t>737.94</t>
  </si>
  <si>
    <t>54160.0</t>
  </si>
  <si>
    <t>17644457.0</t>
  </si>
  <si>
    <t>9844136.0</t>
  </si>
  <si>
    <t>7800321.0</t>
  </si>
  <si>
    <t>237196.0</t>
  </si>
  <si>
    <t>118264.0</t>
  </si>
  <si>
    <t>86519.0</t>
  </si>
  <si>
    <t>14418336.0</t>
  </si>
  <si>
    <t>33538.0</t>
  </si>
  <si>
    <t>739.66</t>
  </si>
  <si>
    <t>17891420.0</t>
  </si>
  <si>
    <t>10034088.0</t>
  </si>
  <si>
    <t>7857332.0</t>
  </si>
  <si>
    <t>246963.0</t>
  </si>
  <si>
    <t>91.27</t>
  </si>
  <si>
    <t>94200.0</t>
  </si>
  <si>
    <t>14450725.0</t>
  </si>
  <si>
    <t>32389.0</t>
  </si>
  <si>
    <t>741.322</t>
  </si>
  <si>
    <t>54621.0</t>
  </si>
  <si>
    <t>18120600.0</t>
  </si>
  <si>
    <t>10214816.0</t>
  </si>
  <si>
    <t>7905784.0</t>
  </si>
  <si>
    <t>229180.0</t>
  </si>
  <si>
    <t>136111.0</t>
  </si>
  <si>
    <t>92.43</t>
  </si>
  <si>
    <t>52.11</t>
  </si>
  <si>
    <t>6943.0</t>
  </si>
  <si>
    <t>102042.0</t>
  </si>
  <si>
    <t>14521001.0</t>
  </si>
  <si>
    <t>70276.0</t>
  </si>
  <si>
    <t>744.927</t>
  </si>
  <si>
    <t>18323980.0</t>
  </si>
  <si>
    <t>10381819.0</t>
  </si>
  <si>
    <t>7942161.0</t>
  </si>
  <si>
    <t>203380.0</t>
  </si>
  <si>
    <t>137728.0</t>
  </si>
  <si>
    <t>93.47</t>
  </si>
  <si>
    <t>107532.0</t>
  </si>
  <si>
    <t>14593576.0</t>
  </si>
  <si>
    <t>72575.0</t>
  </si>
  <si>
    <t>748.65</t>
  </si>
  <si>
    <t>18510502.0</t>
  </si>
  <si>
    <t>10527321.0</t>
  </si>
  <si>
    <t>7983181.0</t>
  </si>
  <si>
    <t>186522.0</t>
  </si>
  <si>
    <t>162967.0</t>
  </si>
  <si>
    <t>40.72</t>
  </si>
  <si>
    <t>127111.0</t>
  </si>
  <si>
    <t>14668156.0</t>
  </si>
  <si>
    <t>74580.0</t>
  </si>
  <si>
    <t>752.476</t>
  </si>
  <si>
    <t>56071.0</t>
  </si>
  <si>
    <t>18557905.0</t>
  </si>
  <si>
    <t>10568923.0</t>
  </si>
  <si>
    <t>7988982.0</t>
  </si>
  <si>
    <t>47403.0</t>
  </si>
  <si>
    <t>164991.0</t>
  </si>
  <si>
    <t>94.67</t>
  </si>
  <si>
    <t>8416.0</t>
  </si>
  <si>
    <t>129204.0</t>
  </si>
  <si>
    <t>159.51</t>
  </si>
  <si>
    <t>75.445</t>
  </si>
  <si>
    <t>14745204.0</t>
  </si>
  <si>
    <t>756.429</t>
  </si>
  <si>
    <t>57744.0</t>
  </si>
  <si>
    <t>18568007.0</t>
  </si>
  <si>
    <t>10578046.0</t>
  </si>
  <si>
    <t>7989961.0</t>
  </si>
  <si>
    <t>165821.0</t>
  </si>
  <si>
    <t>94.72</t>
  </si>
  <si>
    <t>129979.0</t>
  </si>
  <si>
    <t>28698.0</t>
  </si>
  <si>
    <t>1463.90463532053</t>
  </si>
  <si>
    <t>14816953.0</t>
  </si>
  <si>
    <t>71749.0</t>
  </si>
  <si>
    <t>760.109</t>
  </si>
  <si>
    <t>61736.0</t>
  </si>
  <si>
    <t>3.167</t>
  </si>
  <si>
    <t>18783899.0</t>
  </si>
  <si>
    <t>10734157.0</t>
  </si>
  <si>
    <t>8049816.0</t>
  </si>
  <si>
    <t>215892.0</t>
  </si>
  <si>
    <t>162777.0</t>
  </si>
  <si>
    <t>95.82</t>
  </si>
  <si>
    <t>127146.0</t>
  </si>
  <si>
    <t>14860601.0</t>
  </si>
  <si>
    <t>762.349</t>
  </si>
  <si>
    <t>63181.0</t>
  </si>
  <si>
    <t>19005595.0</t>
  </si>
  <si>
    <t>10884127.0</t>
  </si>
  <si>
    <t>8131942.0</t>
  </si>
  <si>
    <t>221696.0</t>
  </si>
  <si>
    <t>159168.0</t>
  </si>
  <si>
    <t>121434.0</t>
  </si>
  <si>
    <t>14899682.0</t>
  </si>
  <si>
    <t>39081.0</t>
  </si>
  <si>
    <t>764.353</t>
  </si>
  <si>
    <t>64137.0</t>
  </si>
  <si>
    <t>19209979.0</t>
  </si>
  <si>
    <t>11016626.0</t>
  </si>
  <si>
    <t>8227159.0</t>
  </si>
  <si>
    <t>204384.0</t>
  </si>
  <si>
    <t>155626.0</t>
  </si>
  <si>
    <t>97.99</t>
  </si>
  <si>
    <t>114544.0</t>
  </si>
  <si>
    <t>14973117.0</t>
  </si>
  <si>
    <t>73435.0</t>
  </si>
  <si>
    <t>768.121</t>
  </si>
  <si>
    <t>64588.0</t>
  </si>
  <si>
    <t>19373940.0</t>
  </si>
  <si>
    <t>11111920.0</t>
  </si>
  <si>
    <t>8335468.0</t>
  </si>
  <si>
    <t>163961.0</t>
  </si>
  <si>
    <t>149994.0</t>
  </si>
  <si>
    <t>98.83</t>
  </si>
  <si>
    <t>104300.0</t>
  </si>
  <si>
    <t>15045608.0</t>
  </si>
  <si>
    <t>72491.0</t>
  </si>
  <si>
    <t>771.839</t>
  </si>
  <si>
    <t>64576.0</t>
  </si>
  <si>
    <t>19519330.0</t>
  </si>
  <si>
    <t>11188745.0</t>
  </si>
  <si>
    <t>8438420.0</t>
  </si>
  <si>
    <t>145390.0</t>
  </si>
  <si>
    <t>144118.0</t>
  </si>
  <si>
    <t>94489.0</t>
  </si>
  <si>
    <t>15130172.0</t>
  </si>
  <si>
    <t>776.178</t>
  </si>
  <si>
    <t>4.338</t>
  </si>
  <si>
    <t>66002.0</t>
  </si>
  <si>
    <t>19557073.0</t>
  </si>
  <si>
    <t>11213412.0</t>
  </si>
  <si>
    <t>8461406.0</t>
  </si>
  <si>
    <t>37743.0</t>
  </si>
  <si>
    <t>142738.0</t>
  </si>
  <si>
    <t>92070.0</t>
  </si>
  <si>
    <t>15213386.0</t>
  </si>
  <si>
    <t>83214.0</t>
  </si>
  <si>
    <t>780.446</t>
  </si>
  <si>
    <t>66883.0</t>
  </si>
  <si>
    <t>19562091.0</t>
  </si>
  <si>
    <t>11217189.0</t>
  </si>
  <si>
    <t>8464438.0</t>
  </si>
  <si>
    <t>142012.0</t>
  </si>
  <si>
    <t>99.79</t>
  </si>
  <si>
    <t>91306.0</t>
  </si>
  <si>
    <t>29384.6</t>
  </si>
  <si>
    <t>1498.92857157432</t>
  </si>
  <si>
    <t>15292214.0</t>
  </si>
  <si>
    <t>78828.0</t>
  </si>
  <si>
    <t>784.49</t>
  </si>
  <si>
    <t>4.044</t>
  </si>
  <si>
    <t>67894.0</t>
  </si>
  <si>
    <t>19743722.0</t>
  </si>
  <si>
    <t>11298617.0</t>
  </si>
  <si>
    <t>8592129.0</t>
  </si>
  <si>
    <t>181631.0</t>
  </si>
  <si>
    <t>137118.0</t>
  </si>
  <si>
    <t>80637.0</t>
  </si>
  <si>
    <t>166.55</t>
  </si>
  <si>
    <t>15344524.0</t>
  </si>
  <si>
    <t>52310.0</t>
  </si>
  <si>
    <t>787.174</t>
  </si>
  <si>
    <t>69132.0</t>
  </si>
  <si>
    <t>19928735.0</t>
  </si>
  <si>
    <t>11379022.0</t>
  </si>
  <si>
    <t>8716831.0</t>
  </si>
  <si>
    <t>185013.0</t>
  </si>
  <si>
    <t>131877.0</t>
  </si>
  <si>
    <t>70699.0</t>
  </si>
  <si>
    <t>15389651.0</t>
  </si>
  <si>
    <t>45127.0</t>
  </si>
  <si>
    <t>789.489</t>
  </si>
  <si>
    <t>69996.0</t>
  </si>
  <si>
    <t>20122584.0</t>
  </si>
  <si>
    <t>11472426.0</t>
  </si>
  <si>
    <t>8834018.0</t>
  </si>
  <si>
    <t>193849.0</t>
  </si>
  <si>
    <t>130372.0</t>
  </si>
  <si>
    <t>102.65</t>
  </si>
  <si>
    <t>6650.0</t>
  </si>
  <si>
    <t>65114.0</t>
  </si>
  <si>
    <t>15467728.0</t>
  </si>
  <si>
    <t>78077.0</t>
  </si>
  <si>
    <t>793.494</t>
  </si>
  <si>
    <t>70659.0</t>
  </si>
  <si>
    <t>20325891.0</t>
  </si>
  <si>
    <t>11582004.0</t>
  </si>
  <si>
    <t>8940917.0</t>
  </si>
  <si>
    <t>203307.0</t>
  </si>
  <si>
    <t>135993.0</t>
  </si>
  <si>
    <t>67155.0</t>
  </si>
  <si>
    <t>168.947</t>
  </si>
  <si>
    <t>15550433.0</t>
  </si>
  <si>
    <t>82705.0</t>
  </si>
  <si>
    <t>797.737</t>
  </si>
  <si>
    <t>72118.0</t>
  </si>
  <si>
    <t>20505032.0</t>
  </si>
  <si>
    <t>11666703.0</t>
  </si>
  <si>
    <t>9039403.0</t>
  </si>
  <si>
    <t>179141.0</t>
  </si>
  <si>
    <t>140815.0</t>
  </si>
  <si>
    <t>15630608.0</t>
  </si>
  <si>
    <t>80175.0</t>
  </si>
  <si>
    <t>801.85</t>
  </si>
  <si>
    <t>71491.0</t>
  </si>
  <si>
    <t>20537559.0</t>
  </si>
  <si>
    <t>11689819.0</t>
  </si>
  <si>
    <t>9049208.0</t>
  </si>
  <si>
    <t>32527.0</t>
  </si>
  <si>
    <t>140069.0</t>
  </si>
  <si>
    <t>104.76</t>
  </si>
  <si>
    <t>7145.0</t>
  </si>
  <si>
    <t>68058.0</t>
  </si>
  <si>
    <t>4168.0</t>
  </si>
  <si>
    <t>15717043.0</t>
  </si>
  <si>
    <t>86435.0</t>
  </si>
  <si>
    <t>806.284</t>
  </si>
  <si>
    <t>4.434</t>
  </si>
  <si>
    <t>71951.0</t>
  </si>
  <si>
    <t>20539636.0</t>
  </si>
  <si>
    <t>11691297.0</t>
  </si>
  <si>
    <t>9049857.0</t>
  </si>
  <si>
    <t>139649.0</t>
  </si>
  <si>
    <t>67730.0</t>
  </si>
  <si>
    <t>30082.5</t>
  </si>
  <si>
    <t>1534.52892856749</t>
  </si>
  <si>
    <t>15790762.0</t>
  </si>
  <si>
    <t>73719.0</t>
  </si>
  <si>
    <t>810.066</t>
  </si>
  <si>
    <t>71221.0</t>
  </si>
  <si>
    <t>20761538.0</t>
  </si>
  <si>
    <t>11800581.0</t>
  </si>
  <si>
    <t>9166657.0</t>
  </si>
  <si>
    <t>221902.0</t>
  </si>
  <si>
    <t>145402.0</t>
  </si>
  <si>
    <t>105.91</t>
  </si>
  <si>
    <t>167.06</t>
  </si>
  <si>
    <t>15839858.0</t>
  </si>
  <si>
    <t>812.584</t>
  </si>
  <si>
    <t>20972511.0</t>
  </si>
  <si>
    <t>11889424.0</t>
  </si>
  <si>
    <t>9292468.0</t>
  </si>
  <si>
    <t>210973.0</t>
  </si>
  <si>
    <t>149111.0</t>
  </si>
  <si>
    <t>106.98</t>
  </si>
  <si>
    <t>7606.0</t>
  </si>
  <si>
    <t>72915.0</t>
  </si>
  <si>
    <t>71.313</t>
  </si>
  <si>
    <t>15881077.0</t>
  </si>
  <si>
    <t>41219.0</t>
  </si>
  <si>
    <t>814.699</t>
  </si>
  <si>
    <t>21199630.0</t>
  </si>
  <si>
    <t>11999033.0</t>
  </si>
  <si>
    <t>9413932.0</t>
  </si>
  <si>
    <t>227119.0</t>
  </si>
  <si>
    <t>153864.0</t>
  </si>
  <si>
    <t>15962708.0</t>
  </si>
  <si>
    <t>81631.0</t>
  </si>
  <si>
    <t>818.887</t>
  </si>
  <si>
    <t>4.188</t>
  </si>
  <si>
    <t>70711.0</t>
  </si>
  <si>
    <t>21383849.0</t>
  </si>
  <si>
    <t>12073074.0</t>
  </si>
  <si>
    <t>9527155.0</t>
  </si>
  <si>
    <t>184219.0</t>
  </si>
  <si>
    <t>151137.0</t>
  </si>
  <si>
    <t>7710.0</t>
  </si>
  <si>
    <t>70153.0</t>
  </si>
  <si>
    <t>16042992.0</t>
  </si>
  <si>
    <t>80284.0</t>
  </si>
  <si>
    <t>823.005</t>
  </si>
  <si>
    <t>4.119</t>
  </si>
  <si>
    <t>70366.0</t>
  </si>
  <si>
    <t>21491265.0</t>
  </si>
  <si>
    <t>12136954.0</t>
  </si>
  <si>
    <t>9573069.0</t>
  </si>
  <si>
    <t>107416.0</t>
  </si>
  <si>
    <t>140890.0</t>
  </si>
  <si>
    <t>67179.0</t>
  </si>
  <si>
    <t>16120026.0</t>
  </si>
  <si>
    <t>77034.0</t>
  </si>
  <si>
    <t>826.957</t>
  </si>
  <si>
    <t>3.952</t>
  </si>
  <si>
    <t>69917.0</t>
  </si>
  <si>
    <t>3.587</t>
  </si>
  <si>
    <t>21528043.0</t>
  </si>
  <si>
    <t>12153827.0</t>
  </si>
  <si>
    <t>9593253.0</t>
  </si>
  <si>
    <t>36778.0</t>
  </si>
  <si>
    <t>66287.0</t>
  </si>
  <si>
    <t>16192809.0</t>
  </si>
  <si>
    <t>72783.0</t>
  </si>
  <si>
    <t>830.691</t>
  </si>
  <si>
    <t>67967.0</t>
  </si>
  <si>
    <t>3.487</t>
  </si>
  <si>
    <t>21532001.0</t>
  </si>
  <si>
    <t>12155635.0</t>
  </si>
  <si>
    <t>9595415.0</t>
  </si>
  <si>
    <t>141766.0</t>
  </si>
  <si>
    <t>109.84</t>
  </si>
  <si>
    <t>66334.0</t>
  </si>
  <si>
    <t>30725.9</t>
  </si>
  <si>
    <t>1567.34920323351</t>
  </si>
  <si>
    <t>16268657.0</t>
  </si>
  <si>
    <t>75848.0</t>
  </si>
  <si>
    <t>834.582</t>
  </si>
  <si>
    <t>21551804.0</t>
  </si>
  <si>
    <t>12163059.0</t>
  </si>
  <si>
    <t>9607873.0</t>
  </si>
  <si>
    <t>19803.0</t>
  </si>
  <si>
    <t>112895.0</t>
  </si>
  <si>
    <t>51783.0</t>
  </si>
  <si>
    <t>16309742.0</t>
  </si>
  <si>
    <t>41085.0</t>
  </si>
  <si>
    <t>836.689</t>
  </si>
  <si>
    <t>21861239.0</t>
  </si>
  <si>
    <t>12266584.0</t>
  </si>
  <si>
    <t>9817548.0</t>
  </si>
  <si>
    <t>309435.0</t>
  </si>
  <si>
    <t>111.52</t>
  </si>
  <si>
    <t>53880.0</t>
  </si>
  <si>
    <t>16337213.0</t>
  </si>
  <si>
    <t>27471.0</t>
  </si>
  <si>
    <t>838.099</t>
  </si>
  <si>
    <t>65162.0</t>
  </si>
  <si>
    <t>3.343</t>
  </si>
  <si>
    <t>22113113.0</t>
  </si>
  <si>
    <t>12354599.0</t>
  </si>
  <si>
    <t>9993845.0</t>
  </si>
  <si>
    <t>251874.0</t>
  </si>
  <si>
    <t>130498.0</t>
  </si>
  <si>
    <t>165.53</t>
  </si>
  <si>
    <t>16379341.0</t>
  </si>
  <si>
    <t>42128.0</t>
  </si>
  <si>
    <t>840.26</t>
  </si>
  <si>
    <t>59519.0</t>
  </si>
  <si>
    <t>22366603.0</t>
  </si>
  <si>
    <t>12466718.0</t>
  </si>
  <si>
    <t>10198820.0</t>
  </si>
  <si>
    <t>253490.0</t>
  </si>
  <si>
    <t>140393.0</t>
  </si>
  <si>
    <t>7162.0</t>
  </si>
  <si>
    <t>56235.0</t>
  </si>
  <si>
    <t>16453479.0</t>
  </si>
  <si>
    <t>74138.0</t>
  </si>
  <si>
    <t>844.063</t>
  </si>
  <si>
    <t>58641.0</t>
  </si>
  <si>
    <t>22578080.0</t>
  </si>
  <si>
    <t>12555076.0</t>
  </si>
  <si>
    <t>10372094.0</t>
  </si>
  <si>
    <t>211477.0</t>
  </si>
  <si>
    <t>59732.0</t>
  </si>
  <si>
    <t>16526613.0</t>
  </si>
  <si>
    <t>73134.0</t>
  </si>
  <si>
    <t>847.815</t>
  </si>
  <si>
    <t>58084.0</t>
  </si>
  <si>
    <t>22631052.0</t>
  </si>
  <si>
    <t>12576254.0</t>
  </si>
  <si>
    <t>10413968.0</t>
  </si>
  <si>
    <t>52972.0</t>
  </si>
  <si>
    <t>157573.0</t>
  </si>
  <si>
    <t>115.44</t>
  </si>
  <si>
    <t>60347.0</t>
  </si>
  <si>
    <t>156.144</t>
  </si>
  <si>
    <t>16598628.0</t>
  </si>
  <si>
    <t>72015.0</t>
  </si>
  <si>
    <t>851.509</t>
  </si>
  <si>
    <t>3.694</t>
  </si>
  <si>
    <t>57974.0</t>
  </si>
  <si>
    <t>22636730.0</t>
  </si>
  <si>
    <t>12578548.0</t>
  </si>
  <si>
    <t>10418608.0</t>
  </si>
  <si>
    <t>157818.0</t>
  </si>
  <si>
    <t>8050.0</t>
  </si>
  <si>
    <t>60416.0</t>
  </si>
  <si>
    <t>1600.35821743366</t>
  </si>
  <si>
    <t>16667819.0</t>
  </si>
  <si>
    <t>69191.0</t>
  </si>
  <si>
    <t>855.059</t>
  </si>
  <si>
    <t>3.549</t>
  </si>
  <si>
    <t>57023.0</t>
  </si>
  <si>
    <t>22642367.0</t>
  </si>
  <si>
    <t>12581022.0</t>
  </si>
  <si>
    <t>10422998.0</t>
  </si>
  <si>
    <t>155795.0</t>
  </si>
  <si>
    <t>53.17</t>
  </si>
  <si>
    <t>7947.0</t>
  </si>
  <si>
    <t>59709.0</t>
  </si>
  <si>
    <t>16704788.0</t>
  </si>
  <si>
    <t>36969.0</t>
  </si>
  <si>
    <t>856.955</t>
  </si>
  <si>
    <t>2.895</t>
  </si>
  <si>
    <t>22892093.0</t>
  </si>
  <si>
    <t>12652934.0</t>
  </si>
  <si>
    <t>10632743.0</t>
  </si>
  <si>
    <t>249726.0</t>
  </si>
  <si>
    <t>147265.0</t>
  </si>
  <si>
    <t>55193.0</t>
  </si>
  <si>
    <t>152.726</t>
  </si>
  <si>
    <t>16731268.0</t>
  </si>
  <si>
    <t>858.314</t>
  </si>
  <si>
    <t>56294.0</t>
  </si>
  <si>
    <t>23097338.0</t>
  </si>
  <si>
    <t>12724004.0</t>
  </si>
  <si>
    <t>10789837.0</t>
  </si>
  <si>
    <t>205245.0</t>
  </si>
  <si>
    <t>140604.0</t>
  </si>
  <si>
    <t>52772.0</t>
  </si>
  <si>
    <t>16771566.0</t>
  </si>
  <si>
    <t>40298.0</t>
  </si>
  <si>
    <t>860.381</t>
  </si>
  <si>
    <t>56032.0</t>
  </si>
  <si>
    <t>23280380.0</t>
  </si>
  <si>
    <t>12825034.0</t>
  </si>
  <si>
    <t>10885883.0</t>
  </si>
  <si>
    <t>183042.0</t>
  </si>
  <si>
    <t>130540.0</t>
  </si>
  <si>
    <t>51188.0</t>
  </si>
  <si>
    <t>16842572.0</t>
  </si>
  <si>
    <t>71006.0</t>
  </si>
  <si>
    <t>864.024</t>
  </si>
  <si>
    <t>55585.0</t>
  </si>
  <si>
    <t>23422331.0</t>
  </si>
  <si>
    <t>12901979.0</t>
  </si>
  <si>
    <t>10962370.0</t>
  </si>
  <si>
    <t>141951.0</t>
  </si>
  <si>
    <t>120607.0</t>
  </si>
  <si>
    <t>119.48</t>
  </si>
  <si>
    <t>49558.0</t>
  </si>
  <si>
    <t>16914474.0</t>
  </si>
  <si>
    <t>71902.0</t>
  </si>
  <si>
    <t>867.712</t>
  </si>
  <si>
    <t>55409.0</t>
  </si>
  <si>
    <t>23460345.0</t>
  </si>
  <si>
    <t>12920970.0</t>
  </si>
  <si>
    <t>10984826.0</t>
  </si>
  <si>
    <t>38014.0</t>
  </si>
  <si>
    <t>118470.0</t>
  </si>
  <si>
    <t>119.67</t>
  </si>
  <si>
    <t>6043.0</t>
  </si>
  <si>
    <t>49245.0</t>
  </si>
  <si>
    <t>16986387.0</t>
  </si>
  <si>
    <t>871.401</t>
  </si>
  <si>
    <t>55394.0</t>
  </si>
  <si>
    <t>23464869.0</t>
  </si>
  <si>
    <t>12923381.0</t>
  </si>
  <si>
    <t>10987341.0</t>
  </si>
  <si>
    <t>4524.0</t>
  </si>
  <si>
    <t>118306.0</t>
  </si>
  <si>
    <t>49262.0</t>
  </si>
  <si>
    <t>32135.9</t>
  </si>
  <si>
    <t>1639.27426894547</t>
  </si>
  <si>
    <t>141.912</t>
  </si>
  <si>
    <t>47.389</t>
  </si>
  <si>
    <t>17050168.0</t>
  </si>
  <si>
    <t>63781.0</t>
  </si>
  <si>
    <t>874.673</t>
  </si>
  <si>
    <t>23620283.0</t>
  </si>
  <si>
    <t>12981610.0</t>
  </si>
  <si>
    <t>11094946.0</t>
  </si>
  <si>
    <t>155414.0</t>
  </si>
  <si>
    <t>139702.0</t>
  </si>
  <si>
    <t>120.49</t>
  </si>
  <si>
    <t>57227.0</t>
  </si>
  <si>
    <t>17086931.0</t>
  </si>
  <si>
    <t>36763.0</t>
  </si>
  <si>
    <t>876.559</t>
  </si>
  <si>
    <t>23750863.0</t>
  </si>
  <si>
    <t>13032945.0</t>
  </si>
  <si>
    <t>11181790.0</t>
  </si>
  <si>
    <t>130580.0</t>
  </si>
  <si>
    <t>122681.0</t>
  </si>
  <si>
    <t>121.15</t>
  </si>
  <si>
    <t>54287.0</t>
  </si>
  <si>
    <t>17123932.0</t>
  </si>
  <si>
    <t>37001.0</t>
  </si>
  <si>
    <t>878.457</t>
  </si>
  <si>
    <t>23913205.0</t>
  </si>
  <si>
    <t>13111602.0</t>
  </si>
  <si>
    <t>11270276.0</t>
  </si>
  <si>
    <t>162342.0</t>
  </si>
  <si>
    <t>116552.0</t>
  </si>
  <si>
    <t>121.98</t>
  </si>
  <si>
    <t>17193012.0</t>
  </si>
  <si>
    <t>69080.0</t>
  </si>
  <si>
    <t>882.001</t>
  </si>
  <si>
    <t>24070042.0</t>
  </si>
  <si>
    <t>13173569.0</t>
  </si>
  <si>
    <t>11369019.0</t>
  </si>
  <si>
    <t>156837.0</t>
  </si>
  <si>
    <t>112809.0</t>
  </si>
  <si>
    <t>122.78</t>
  </si>
  <si>
    <t>49791.0</t>
  </si>
  <si>
    <t>17260492.0</t>
  </si>
  <si>
    <t>67480.0</t>
  </si>
  <si>
    <t>885.463</t>
  </si>
  <si>
    <t>59703.0</t>
  </si>
  <si>
    <t>24209670.0</t>
  </si>
  <si>
    <t>13228099.0</t>
  </si>
  <si>
    <t>11458036.0</t>
  </si>
  <si>
    <t>112477.0</t>
  </si>
  <si>
    <t>123.5</t>
  </si>
  <si>
    <t>46589.0</t>
  </si>
  <si>
    <t>17326341.0</t>
  </si>
  <si>
    <t>888.841</t>
  </si>
  <si>
    <t>58838.0</t>
  </si>
  <si>
    <t>24253143.0</t>
  </si>
  <si>
    <t>13249694.0</t>
  </si>
  <si>
    <t>11481490.0</t>
  </si>
  <si>
    <t>43473.0</t>
  </si>
  <si>
    <t>113257.0</t>
  </si>
  <si>
    <t>123.72</t>
  </si>
  <si>
    <t>17391824.0</t>
  </si>
  <si>
    <t>65483.0</t>
  </si>
  <si>
    <t>892.2</t>
  </si>
  <si>
    <t>24258265.0</t>
  </si>
  <si>
    <t>13252270.0</t>
  </si>
  <si>
    <t>11484208.0</t>
  </si>
  <si>
    <t>123.74</t>
  </si>
  <si>
    <t>5782.0</t>
  </si>
  <si>
    <t>46984.0</t>
  </si>
  <si>
    <t>32742.5</t>
  </si>
  <si>
    <t>19.23</t>
  </si>
  <si>
    <t>1670.21735040709</t>
  </si>
  <si>
    <t>17451455.0</t>
  </si>
  <si>
    <t>59631.0</t>
  </si>
  <si>
    <t>895.259</t>
  </si>
  <si>
    <t>24438306.0</t>
  </si>
  <si>
    <t>13305605.0</t>
  </si>
  <si>
    <t>11615007.0</t>
  </si>
  <si>
    <t>180041.0</t>
  </si>
  <si>
    <t>116860.0</t>
  </si>
  <si>
    <t>46285.0</t>
  </si>
  <si>
    <t>17484050.0</t>
  </si>
  <si>
    <t>896.931</t>
  </si>
  <si>
    <t>56731.0</t>
  </si>
  <si>
    <t>24622604.0</t>
  </si>
  <si>
    <t>13388716.0</t>
  </si>
  <si>
    <t>11719031.0</t>
  </si>
  <si>
    <t>184298.0</t>
  </si>
  <si>
    <t>124534.0</t>
  </si>
  <si>
    <t>50824.0</t>
  </si>
  <si>
    <t>17516060.0</t>
  </si>
  <si>
    <t>32010.0</t>
  </si>
  <si>
    <t>898.574</t>
  </si>
  <si>
    <t>24785620.0</t>
  </si>
  <si>
    <t>13446183.0</t>
  </si>
  <si>
    <t>11827310.0</t>
  </si>
  <si>
    <t>163016.0</t>
  </si>
  <si>
    <t>124631.0</t>
  </si>
  <si>
    <t>126.43</t>
  </si>
  <si>
    <t>68.59</t>
  </si>
  <si>
    <t>6358.0</t>
  </si>
  <si>
    <t>47797.0</t>
  </si>
  <si>
    <t>17584758.0</t>
  </si>
  <si>
    <t>68698.0</t>
  </si>
  <si>
    <t>902.098</t>
  </si>
  <si>
    <t>55964.0</t>
  </si>
  <si>
    <t>2.871</t>
  </si>
  <si>
    <t>24953056.0</t>
  </si>
  <si>
    <t>13523005.0</t>
  </si>
  <si>
    <t>11923241.0</t>
  </si>
  <si>
    <t>167436.0</t>
  </si>
  <si>
    <t>126145.0</t>
  </si>
  <si>
    <t>68.98</t>
  </si>
  <si>
    <t>28.107</t>
  </si>
  <si>
    <t>17647840.0</t>
  </si>
  <si>
    <t>63082.0</t>
  </si>
  <si>
    <t>905.334</t>
  </si>
  <si>
    <t>3.236</t>
  </si>
  <si>
    <t>24957896.0</t>
  </si>
  <si>
    <t>13525230.0</t>
  </si>
  <si>
    <t>11925955.0</t>
  </si>
  <si>
    <t>106889.0</t>
  </si>
  <si>
    <t>127.31</t>
  </si>
  <si>
    <t>42447.0</t>
  </si>
  <si>
    <t>27.801</t>
  </si>
  <si>
    <t>17708037.0</t>
  </si>
  <si>
    <t>60197.0</t>
  </si>
  <si>
    <t>908.422</t>
  </si>
  <si>
    <t>54528.0</t>
  </si>
  <si>
    <t>24981756.0</t>
  </si>
  <si>
    <t>13535643.0</t>
  </si>
  <si>
    <t>11939871.0</t>
  </si>
  <si>
    <t>23860.0</t>
  </si>
  <si>
    <t>104088.0</t>
  </si>
  <si>
    <t>127.43</t>
  </si>
  <si>
    <t>40850.0</t>
  </si>
  <si>
    <t>17761059.0</t>
  </si>
  <si>
    <t>53022.0</t>
  </si>
  <si>
    <t>911.142</t>
  </si>
  <si>
    <t>52748.0</t>
  </si>
  <si>
    <t>24983994.0</t>
  </si>
  <si>
    <t>13536677.0</t>
  </si>
  <si>
    <t>11941177.0</t>
  </si>
  <si>
    <t>103676.0</t>
  </si>
  <si>
    <t>127.45</t>
  </si>
  <si>
    <t>40630.0</t>
  </si>
  <si>
    <t>33301.4</t>
  </si>
  <si>
    <t>1698.72722219887</t>
  </si>
  <si>
    <t>17794927.0</t>
  </si>
  <si>
    <t>33868.0</t>
  </si>
  <si>
    <t>912.879</t>
  </si>
  <si>
    <t>49067.0</t>
  </si>
  <si>
    <t>25107518.0</t>
  </si>
  <si>
    <t>13587036.0</t>
  </si>
  <si>
    <t>12016978.0</t>
  </si>
  <si>
    <t>123524.0</t>
  </si>
  <si>
    <t>95602.0</t>
  </si>
  <si>
    <t>128.08</t>
  </si>
  <si>
    <t>4877.0</t>
  </si>
  <si>
    <t>40204.0</t>
  </si>
  <si>
    <t>17823948.0</t>
  </si>
  <si>
    <t>29021.0</t>
  </si>
  <si>
    <t>914.368</t>
  </si>
  <si>
    <t>48557.0</t>
  </si>
  <si>
    <t>25242182.0</t>
  </si>
  <si>
    <t>13629053.0</t>
  </si>
  <si>
    <t>12111362.0</t>
  </si>
  <si>
    <t>134664.0</t>
  </si>
  <si>
    <t>34334.0</t>
  </si>
  <si>
    <t>17856325.0</t>
  </si>
  <si>
    <t>32377.0</t>
  </si>
  <si>
    <t>916.029</t>
  </si>
  <si>
    <t>48609.0</t>
  </si>
  <si>
    <t>25347166.0</t>
  </si>
  <si>
    <t>13663858.0</t>
  </si>
  <si>
    <t>12182945.0</t>
  </si>
  <si>
    <t>104984.0</t>
  </si>
  <si>
    <t>62.15</t>
  </si>
  <si>
    <t>31096.0</t>
  </si>
  <si>
    <t>17923880.0</t>
  </si>
  <si>
    <t>919.495</t>
  </si>
  <si>
    <t>48446.0</t>
  </si>
  <si>
    <t>25425670.0</t>
  </si>
  <si>
    <t>13701333.0</t>
  </si>
  <si>
    <t>12225567.0</t>
  </si>
  <si>
    <t>78504.0</t>
  </si>
  <si>
    <t>67516.0</t>
  </si>
  <si>
    <t>17985052.0</t>
  </si>
  <si>
    <t>922.633</t>
  </si>
  <si>
    <t>48173.0</t>
  </si>
  <si>
    <t>25541879.0</t>
  </si>
  <si>
    <t>13760774.0</t>
  </si>
  <si>
    <t>12283567.0</t>
  </si>
  <si>
    <t>116209.0</t>
  </si>
  <si>
    <t>83426.0</t>
  </si>
  <si>
    <t>130.29</t>
  </si>
  <si>
    <t>33649.0</t>
  </si>
  <si>
    <t>20.863</t>
  </si>
  <si>
    <t>18045869.0</t>
  </si>
  <si>
    <t>60817.0</t>
  </si>
  <si>
    <t>925.753</t>
  </si>
  <si>
    <t>25576519.0</t>
  </si>
  <si>
    <t>13785247.0</t>
  </si>
  <si>
    <t>12295163.0</t>
  </si>
  <si>
    <t>34640.0</t>
  </si>
  <si>
    <t>84966.0</t>
  </si>
  <si>
    <t>70.32</t>
  </si>
  <si>
    <t>35658.0</t>
  </si>
  <si>
    <t>18108440.0</t>
  </si>
  <si>
    <t>928.963</t>
  </si>
  <si>
    <t>49626.0</t>
  </si>
  <si>
    <t>25579488.0</t>
  </si>
  <si>
    <t>13787353.0</t>
  </si>
  <si>
    <t>12296068.0</t>
  </si>
  <si>
    <t>85071.0</t>
  </si>
  <si>
    <t>35811.0</t>
  </si>
  <si>
    <t>33621.3</t>
  </si>
  <si>
    <t>1715.04554029905</t>
  </si>
  <si>
    <t>85.137</t>
  </si>
  <si>
    <t>18163489.0</t>
  </si>
  <si>
    <t>931.787</t>
  </si>
  <si>
    <t>52652.0</t>
  </si>
  <si>
    <t>25636361.0</t>
  </si>
  <si>
    <t>13803812.0</t>
  </si>
  <si>
    <t>12337432.0</t>
  </si>
  <si>
    <t>56873.0</t>
  </si>
  <si>
    <t>75549.0</t>
  </si>
  <si>
    <t>130.77</t>
  </si>
  <si>
    <t>18195337.0</t>
  </si>
  <si>
    <t>31848.0</t>
  </si>
  <si>
    <t>933.42</t>
  </si>
  <si>
    <t>53056.0</t>
  </si>
  <si>
    <t>25687522.0</t>
  </si>
  <si>
    <t>13813895.0</t>
  </si>
  <si>
    <t>12379290.0</t>
  </si>
  <si>
    <t>51161.0</t>
  </si>
  <si>
    <t>131.03</t>
  </si>
  <si>
    <t>26406.0</t>
  </si>
  <si>
    <t>80.138</t>
  </si>
  <si>
    <t>18229654.0</t>
  </si>
  <si>
    <t>935.181</t>
  </si>
  <si>
    <t>53333.0</t>
  </si>
  <si>
    <t>25723038.0</t>
  </si>
  <si>
    <t>13821783.0</t>
  </si>
  <si>
    <t>12407453.0</t>
  </si>
  <si>
    <t>35516.0</t>
  </si>
  <si>
    <t>53696.0</t>
  </si>
  <si>
    <t>131.21</t>
  </si>
  <si>
    <t>22561.0</t>
  </si>
  <si>
    <t>18297548.0</t>
  </si>
  <si>
    <t>938.664</t>
  </si>
  <si>
    <t>53381.0</t>
  </si>
  <si>
    <t>25813497.0</t>
  </si>
  <si>
    <t>13830927.0</t>
  </si>
  <si>
    <t>12489246.0</t>
  </si>
  <si>
    <t>90459.0</t>
  </si>
  <si>
    <t>55404.0</t>
  </si>
  <si>
    <t>131.68</t>
  </si>
  <si>
    <t>18513.0</t>
  </si>
  <si>
    <t>18360896.0</t>
  </si>
  <si>
    <t>63348.0</t>
  </si>
  <si>
    <t>941.914</t>
  </si>
  <si>
    <t>53692.0</t>
  </si>
  <si>
    <t>25890507.0</t>
  </si>
  <si>
    <t>13839732.0</t>
  </si>
  <si>
    <t>12557727.0</t>
  </si>
  <si>
    <t>77010.0</t>
  </si>
  <si>
    <t>49804.0</t>
  </si>
  <si>
    <t>18421129.0</t>
  </si>
  <si>
    <t>945.004</t>
  </si>
  <si>
    <t>53609.0</t>
  </si>
  <si>
    <t>25901738.0</t>
  </si>
  <si>
    <t>13840812.0</t>
  </si>
  <si>
    <t>12567891.0</t>
  </si>
  <si>
    <t>11231.0</t>
  </si>
  <si>
    <t>46460.0</t>
  </si>
  <si>
    <t>132.13</t>
  </si>
  <si>
    <t>69.885</t>
  </si>
  <si>
    <t>18485799.0</t>
  </si>
  <si>
    <t>64670.0</t>
  </si>
  <si>
    <t>948.321</t>
  </si>
  <si>
    <t>3.318</t>
  </si>
  <si>
    <t>53908.0</t>
  </si>
  <si>
    <t>25902214.0</t>
  </si>
  <si>
    <t>13840851.0</t>
  </si>
  <si>
    <t>12568329.0</t>
  </si>
  <si>
    <t>46104.0</t>
  </si>
  <si>
    <t>33877.2</t>
  </si>
  <si>
    <t>1728.0991745655</t>
  </si>
  <si>
    <t>18545228.0</t>
  </si>
  <si>
    <t>951.37</t>
  </si>
  <si>
    <t>26026538.0</t>
  </si>
  <si>
    <t>13941463.0</t>
  </si>
  <si>
    <t>12593042.0</t>
  </si>
  <si>
    <t>124324.0</t>
  </si>
  <si>
    <t>55740.0</t>
  </si>
  <si>
    <t>132.76</t>
  </si>
  <si>
    <t>68.507</t>
  </si>
  <si>
    <t>18576354.0</t>
  </si>
  <si>
    <t>31126.0</t>
  </si>
  <si>
    <t>952.967</t>
  </si>
  <si>
    <t>54431.0</t>
  </si>
  <si>
    <t>26165710.0</t>
  </si>
  <si>
    <t>14055194.0</t>
  </si>
  <si>
    <t>12619338.0</t>
  </si>
  <si>
    <t>139172.0</t>
  </si>
  <si>
    <t>68313.0</t>
  </si>
  <si>
    <t>133.47</t>
  </si>
  <si>
    <t>34471.0</t>
  </si>
  <si>
    <t>18609535.0</t>
  </si>
  <si>
    <t>33181.0</t>
  </si>
  <si>
    <t>954.669</t>
  </si>
  <si>
    <t>54269.0</t>
  </si>
  <si>
    <t>26230539.0</t>
  </si>
  <si>
    <t>14060215.0</t>
  </si>
  <si>
    <t>12679370.0</t>
  </si>
  <si>
    <t>72500.0</t>
  </si>
  <si>
    <t>34062.0</t>
  </si>
  <si>
    <t>18676801.0</t>
  </si>
  <si>
    <t>67266.0</t>
  </si>
  <si>
    <t>958.12</t>
  </si>
  <si>
    <t>54179.0</t>
  </si>
  <si>
    <t>26276911.0</t>
  </si>
  <si>
    <t>14063680.0</t>
  </si>
  <si>
    <t>12722459.0</t>
  </si>
  <si>
    <t>46372.0</t>
  </si>
  <si>
    <t>66202.0</t>
  </si>
  <si>
    <t>134.04</t>
  </si>
  <si>
    <t>33250.0</t>
  </si>
  <si>
    <t>18738272.0</t>
  </si>
  <si>
    <t>61471.0</t>
  </si>
  <si>
    <t>961.273</t>
  </si>
  <si>
    <t>26311675.0</t>
  </si>
  <si>
    <t>14066856.0</t>
  </si>
  <si>
    <t>12754228.0</t>
  </si>
  <si>
    <t>34764.0</t>
  </si>
  <si>
    <t>134.22</t>
  </si>
  <si>
    <t>32446.0</t>
  </si>
  <si>
    <t>18802145.0</t>
  </si>
  <si>
    <t>964.55</t>
  </si>
  <si>
    <t>26312847.0</t>
  </si>
  <si>
    <t>14067114.0</t>
  </si>
  <si>
    <t>12755158.0</t>
  </si>
  <si>
    <t>58730.0</t>
  </si>
  <si>
    <t>32329.0</t>
  </si>
  <si>
    <t>18862231.0</t>
  </si>
  <si>
    <t>60086.0</t>
  </si>
  <si>
    <t>967.632</t>
  </si>
  <si>
    <t>3.082</t>
  </si>
  <si>
    <t>26312929.0</t>
  </si>
  <si>
    <t>14067170.0</t>
  </si>
  <si>
    <t>12755184.0</t>
  </si>
  <si>
    <t>58674.0</t>
  </si>
  <si>
    <t>34049.8</t>
  </si>
  <si>
    <t>1736.9036187796</t>
  </si>
  <si>
    <t>14.691</t>
  </si>
  <si>
    <t>18919302.0</t>
  </si>
  <si>
    <t>57071.0</t>
  </si>
  <si>
    <t>970.56</t>
  </si>
  <si>
    <t>2.928</t>
  </si>
  <si>
    <t>26411339.0</t>
  </si>
  <si>
    <t>14144304.0</t>
  </si>
  <si>
    <t>12776681.0</t>
  </si>
  <si>
    <t>98410.0</t>
  </si>
  <si>
    <t>54972.0</t>
  </si>
  <si>
    <t>134.73</t>
  </si>
  <si>
    <t>28977.0</t>
  </si>
  <si>
    <t>54.836</t>
  </si>
  <si>
    <t>41.064</t>
  </si>
  <si>
    <t>18950183.0</t>
  </si>
  <si>
    <t>972.144</t>
  </si>
  <si>
    <t>53404.0</t>
  </si>
  <si>
    <t>26499221.0</t>
  </si>
  <si>
    <t>14212624.0</t>
  </si>
  <si>
    <t>12796455.0</t>
  </si>
  <si>
    <t>87882.0</t>
  </si>
  <si>
    <t>47644.0</t>
  </si>
  <si>
    <t>135.17</t>
  </si>
  <si>
    <t>18983026.0</t>
  </si>
  <si>
    <t>32843.0</t>
  </si>
  <si>
    <t>973.829</t>
  </si>
  <si>
    <t>53356.0</t>
  </si>
  <si>
    <t>26690153.0</t>
  </si>
  <si>
    <t>14215582.0</t>
  </si>
  <si>
    <t>12914477.0</t>
  </si>
  <si>
    <t>70104.0</t>
  </si>
  <si>
    <t>190932.0</t>
  </si>
  <si>
    <t>65659.0</t>
  </si>
  <si>
    <t>136.15</t>
  </si>
  <si>
    <t>19048353.0</t>
  </si>
  <si>
    <t>65327.0</t>
  </si>
  <si>
    <t>977.18</t>
  </si>
  <si>
    <t>53079.0</t>
  </si>
  <si>
    <t>26861856.0</t>
  </si>
  <si>
    <t>14218022.0</t>
  </si>
  <si>
    <t>12993966.0</t>
  </si>
  <si>
    <t>159989.0</t>
  </si>
  <si>
    <t>171703.0</t>
  </si>
  <si>
    <t>83564.0</t>
  </si>
  <si>
    <t>137.02</t>
  </si>
  <si>
    <t>22049.0</t>
  </si>
  <si>
    <t>19110783.0</t>
  </si>
  <si>
    <t>62430.0</t>
  </si>
  <si>
    <t>980.383</t>
  </si>
  <si>
    <t>27009992.0</t>
  </si>
  <si>
    <t>14220221.0</t>
  </si>
  <si>
    <t>13043172.0</t>
  </si>
  <si>
    <t>256817.0</t>
  </si>
  <si>
    <t>148136.0</t>
  </si>
  <si>
    <t>99760.0</t>
  </si>
  <si>
    <t>19171841.0</t>
  </si>
  <si>
    <t>61058.0</t>
  </si>
  <si>
    <t>983.515</t>
  </si>
  <si>
    <t>52814.0</t>
  </si>
  <si>
    <t>27014756.0</t>
  </si>
  <si>
    <t>14220517.0</t>
  </si>
  <si>
    <t>13044192.0</t>
  </si>
  <si>
    <t>260278.0</t>
  </si>
  <si>
    <t>100273.0</t>
  </si>
  <si>
    <t>137.8</t>
  </si>
  <si>
    <t>21915.0</t>
  </si>
  <si>
    <t>19232026.0</t>
  </si>
  <si>
    <t>60185.0</t>
  </si>
  <si>
    <t>986.603</t>
  </si>
  <si>
    <t>52828.0</t>
  </si>
  <si>
    <t>27015276.0</t>
  </si>
  <si>
    <t>14220743.0</t>
  </si>
  <si>
    <t>13044396.0</t>
  </si>
  <si>
    <t>260368.0</t>
  </si>
  <si>
    <t>137.81</t>
  </si>
  <si>
    <t>34276.7</t>
  </si>
  <si>
    <t>1748.47794318389</t>
  </si>
  <si>
    <t>19287869.0</t>
  </si>
  <si>
    <t>55843.0</t>
  </si>
  <si>
    <t>989.467</t>
  </si>
  <si>
    <t>27234627.0</t>
  </si>
  <si>
    <t>14259755.0</t>
  </si>
  <si>
    <t>13066858.0</t>
  </si>
  <si>
    <t>418666.0</t>
  </si>
  <si>
    <t>219351.0</t>
  </si>
  <si>
    <t>117613.0</t>
  </si>
  <si>
    <t>138.93</t>
  </si>
  <si>
    <t>19320505.0</t>
  </si>
  <si>
    <t>32636.0</t>
  </si>
  <si>
    <t>991.142</t>
  </si>
  <si>
    <t>27473901.0</t>
  </si>
  <si>
    <t>14297160.0</t>
  </si>
  <si>
    <t>13093757.0</t>
  </si>
  <si>
    <t>596721.0</t>
  </si>
  <si>
    <t>239274.0</t>
  </si>
  <si>
    <t>139240.0</t>
  </si>
  <si>
    <t>140.15</t>
  </si>
  <si>
    <t>19353420.0</t>
  </si>
  <si>
    <t>32915.0</t>
  </si>
  <si>
    <t>992.83</t>
  </si>
  <si>
    <t>52913.0</t>
  </si>
  <si>
    <t>27664263.0</t>
  </si>
  <si>
    <t>14300418.0</t>
  </si>
  <si>
    <t>13172190.0</t>
  </si>
  <si>
    <t>706702.0</t>
  </si>
  <si>
    <t>190362.0</t>
  </si>
  <si>
    <t>139159.0</t>
  </si>
  <si>
    <t>141.12</t>
  </si>
  <si>
    <t>34.483</t>
  </si>
  <si>
    <t>19421472.0</t>
  </si>
  <si>
    <t>68052.0</t>
  </si>
  <si>
    <t>996.321</t>
  </si>
  <si>
    <t>53303.0</t>
  </si>
  <si>
    <t>27834123.0</t>
  </si>
  <si>
    <t>14303479.0</t>
  </si>
  <si>
    <t>13232977.0</t>
  </si>
  <si>
    <t>814202.0</t>
  </si>
  <si>
    <t>169860.0</t>
  </si>
  <si>
    <t>138895.0</t>
  </si>
  <si>
    <t>141.98</t>
  </si>
  <si>
    <t>12208.0</t>
  </si>
  <si>
    <t>19482660.0</t>
  </si>
  <si>
    <t>61188.0</t>
  </si>
  <si>
    <t>999.46</t>
  </si>
  <si>
    <t>27984235.0</t>
  </si>
  <si>
    <t>14306700.0</t>
  </si>
  <si>
    <t>13289484.0</t>
  </si>
  <si>
    <t>906460.0</t>
  </si>
  <si>
    <t>150112.0</t>
  </si>
  <si>
    <t>139178.0</t>
  </si>
  <si>
    <t>142.75</t>
  </si>
  <si>
    <t>12354.0</t>
  </si>
  <si>
    <t>19543126.0</t>
  </si>
  <si>
    <t>60466.0</t>
  </si>
  <si>
    <t>1002.562</t>
  </si>
  <si>
    <t>53041.0</t>
  </si>
  <si>
    <t>27990699.0</t>
  </si>
  <si>
    <t>14308053.0</t>
  </si>
  <si>
    <t>13292477.0</t>
  </si>
  <si>
    <t>909752.0</t>
  </si>
  <si>
    <t>6464.0</t>
  </si>
  <si>
    <t>139420.0</t>
  </si>
  <si>
    <t>142.78</t>
  </si>
  <si>
    <t>11.018</t>
  </si>
  <si>
    <t>19602606.0</t>
  </si>
  <si>
    <t>59480.0</t>
  </si>
  <si>
    <t>1005.613</t>
  </si>
  <si>
    <t>52940.0</t>
  </si>
  <si>
    <t>2.716</t>
  </si>
  <si>
    <t>27992018.0</t>
  </si>
  <si>
    <t>14308749.0</t>
  </si>
  <si>
    <t>13293295.0</t>
  </si>
  <si>
    <t>910176.0</t>
  </si>
  <si>
    <t>139535.0</t>
  </si>
  <si>
    <t>34521.3</t>
  </si>
  <si>
    <t>1760.95515671094</t>
  </si>
  <si>
    <t>19654566.0</t>
  </si>
  <si>
    <t>51960.0</t>
  </si>
  <si>
    <t>1008.279</t>
  </si>
  <si>
    <t>52385.0</t>
  </si>
  <si>
    <t>28111117.0</t>
  </si>
  <si>
    <t>14338780.0</t>
  </si>
  <si>
    <t>13323074.0</t>
  </si>
  <si>
    <t>974413.0</t>
  </si>
  <si>
    <t>119099.0</t>
  </si>
  <si>
    <t>125213.0</t>
  </si>
  <si>
    <t>143.4</t>
  </si>
  <si>
    <t>11289.0</t>
  </si>
  <si>
    <t>19683767.0</t>
  </si>
  <si>
    <t>29201.0</t>
  </si>
  <si>
    <t>1009.777</t>
  </si>
  <si>
    <t>51895.0</t>
  </si>
  <si>
    <t>28229837.0</t>
  </si>
  <si>
    <t>14365787.0</t>
  </si>
  <si>
    <t>13345850.0</t>
  </si>
  <si>
    <t>1048132.0</t>
  </si>
  <si>
    <t>118720.0</t>
  </si>
  <si>
    <t>107991.0</t>
  </si>
  <si>
    <t>19721796.0</t>
  </si>
  <si>
    <t>38029.0</t>
  </si>
  <si>
    <t>1011.728</t>
  </si>
  <si>
    <t>28343213.0</t>
  </si>
  <si>
    <t>14383739.0</t>
  </si>
  <si>
    <t>13363218.0</t>
  </si>
  <si>
    <t>1129772.0</t>
  </si>
  <si>
    <t>113376.0</t>
  </si>
  <si>
    <t>73.37</t>
  </si>
  <si>
    <t>9.488</t>
  </si>
  <si>
    <t>19785781.0</t>
  </si>
  <si>
    <t>63985.0</t>
  </si>
  <si>
    <t>1015.01</t>
  </si>
  <si>
    <t>52044.0</t>
  </si>
  <si>
    <t>28527504.0</t>
  </si>
  <si>
    <t>14386803.0</t>
  </si>
  <si>
    <t>13444434.0</t>
  </si>
  <si>
    <t>1231266.0</t>
  </si>
  <si>
    <t>184291.0</t>
  </si>
  <si>
    <t>99054.0</t>
  </si>
  <si>
    <t>145.52</t>
  </si>
  <si>
    <t>19846701.0</t>
  </si>
  <si>
    <t>60920.0</t>
  </si>
  <si>
    <t>1018.135</t>
  </si>
  <si>
    <t>52006.0</t>
  </si>
  <si>
    <t>28661041.0</t>
  </si>
  <si>
    <t>14389701.0</t>
  </si>
  <si>
    <t>13498618.0</t>
  </si>
  <si>
    <t>1309187.0</t>
  </si>
  <si>
    <t>133537.0</t>
  </si>
  <si>
    <t>96687.0</t>
  </si>
  <si>
    <t>11857.0</t>
  </si>
  <si>
    <t>19904398.0</t>
  </si>
  <si>
    <t>57697.0</t>
  </si>
  <si>
    <t>1021.095</t>
  </si>
  <si>
    <t>51610.0</t>
  </si>
  <si>
    <t>28665305.0</t>
  </si>
  <si>
    <t>14390984.0</t>
  </si>
  <si>
    <t>13500814.0</t>
  </si>
  <si>
    <t>1311027.0</t>
  </si>
  <si>
    <t>96372.0</t>
  </si>
  <si>
    <t>68.87</t>
  </si>
  <si>
    <t>4916.0</t>
  </si>
  <si>
    <t>19960537.0</t>
  </si>
  <si>
    <t>1023.975</t>
  </si>
  <si>
    <t>51133.0</t>
  </si>
  <si>
    <t>2.623</t>
  </si>
  <si>
    <t>28666171.0</t>
  </si>
  <si>
    <t>14391459.0</t>
  </si>
  <si>
    <t>13501382.0</t>
  </si>
  <si>
    <t>1311246.0</t>
  </si>
  <si>
    <t>96308.0</t>
  </si>
  <si>
    <t>146.23</t>
  </si>
  <si>
    <t>34536.9</t>
  </si>
  <si>
    <t>1761.75092339542</t>
  </si>
  <si>
    <t>8.366</t>
  </si>
  <si>
    <t>23.414</t>
  </si>
  <si>
    <t>20009412.0</t>
  </si>
  <si>
    <t>48875.0</t>
  </si>
  <si>
    <t>1026.482</t>
  </si>
  <si>
    <t>50692.0</t>
  </si>
  <si>
    <t>28860005.0</t>
  </si>
  <si>
    <t>14413437.0</t>
  </si>
  <si>
    <t>13582720.0</t>
  </si>
  <si>
    <t>1405777.0</t>
  </si>
  <si>
    <t>193834.0</t>
  </si>
  <si>
    <t>106984.0</t>
  </si>
  <si>
    <t>147.22</t>
  </si>
  <si>
    <t>10665.0</t>
  </si>
  <si>
    <t>8.315</t>
  </si>
  <si>
    <t>22.088</t>
  </si>
  <si>
    <t>20035523.0</t>
  </si>
  <si>
    <t>1027.822</t>
  </si>
  <si>
    <t>50251.0</t>
  </si>
  <si>
    <t>29063159.0</t>
  </si>
  <si>
    <t>14435404.0</t>
  </si>
  <si>
    <t>13677332.0</t>
  </si>
  <si>
    <t>1496650.0</t>
  </si>
  <si>
    <t>203154.0</t>
  </si>
  <si>
    <t>119046.0</t>
  </si>
  <si>
    <t>148.25</t>
  </si>
  <si>
    <t>7.907</t>
  </si>
  <si>
    <t>20077494.0</t>
  </si>
  <si>
    <t>41971.0</t>
  </si>
  <si>
    <t>1029.975</t>
  </si>
  <si>
    <t>50814.0</t>
  </si>
  <si>
    <t>2.607</t>
  </si>
  <si>
    <t>29220189.0</t>
  </si>
  <si>
    <t>14438196.0</t>
  </si>
  <si>
    <t>13711995.0</t>
  </si>
  <si>
    <t>1617597.0</t>
  </si>
  <si>
    <t>157030.0</t>
  </si>
  <si>
    <t>125282.0</t>
  </si>
  <si>
    <t>149.05</t>
  </si>
  <si>
    <t>64301.0</t>
  </si>
  <si>
    <t>1033.274</t>
  </si>
  <si>
    <t>50859.0</t>
  </si>
  <si>
    <t>29360615.0</t>
  </si>
  <si>
    <t>14440607.0</t>
  </si>
  <si>
    <t>13736690.0</t>
  </si>
  <si>
    <t>1732050.0</t>
  </si>
  <si>
    <t>140426.0</t>
  </si>
  <si>
    <t>119016.0</t>
  </si>
  <si>
    <t>149.77</t>
  </si>
  <si>
    <t>73.66</t>
  </si>
  <si>
    <t>7.039</t>
  </si>
  <si>
    <t>20199113.0</t>
  </si>
  <si>
    <t>57318.0</t>
  </si>
  <si>
    <t>1036.214</t>
  </si>
  <si>
    <t>50345.0</t>
  </si>
  <si>
    <t>29462593.0</t>
  </si>
  <si>
    <t>14442895.0</t>
  </si>
  <si>
    <t>13754815.0</t>
  </si>
  <si>
    <t>1814942.0</t>
  </si>
  <si>
    <t>101978.0</t>
  </si>
  <si>
    <t>150.29</t>
  </si>
  <si>
    <t>30.453</t>
  </si>
  <si>
    <t>20257916.0</t>
  </si>
  <si>
    <t>58803.0</t>
  </si>
  <si>
    <t>1039.231</t>
  </si>
  <si>
    <t>29465265.0</t>
  </si>
  <si>
    <t>14443437.0</t>
  </si>
  <si>
    <t>13755654.0</t>
  </si>
  <si>
    <t>1816591.0</t>
  </si>
  <si>
    <t>114280.0</t>
  </si>
  <si>
    <t>20315103.0</t>
  </si>
  <si>
    <t>57187.0</t>
  </si>
  <si>
    <t>1042.164</t>
  </si>
  <si>
    <t>50652.0</t>
  </si>
  <si>
    <t>29465561.0</t>
  </si>
  <si>
    <t>14443582.0</t>
  </si>
  <si>
    <t>13755814.0</t>
  </si>
  <si>
    <t>1816706.0</t>
  </si>
  <si>
    <t>114199.0</t>
  </si>
  <si>
    <t>150.31</t>
  </si>
  <si>
    <t>34597.5</t>
  </si>
  <si>
    <t>1764.84217090048</t>
  </si>
  <si>
    <t>7.193</t>
  </si>
  <si>
    <t>20364296.0</t>
  </si>
  <si>
    <t>49193.0</t>
  </si>
  <si>
    <t>1044.688</t>
  </si>
  <si>
    <t>29620348.0</t>
  </si>
  <si>
    <t>14460822.0</t>
  </si>
  <si>
    <t>13817445.0</t>
  </si>
  <si>
    <t>1895004.0</t>
  </si>
  <si>
    <t>154787.0</t>
  </si>
  <si>
    <t>108620.0</t>
  </si>
  <si>
    <t>151.1</t>
  </si>
  <si>
    <t>6769.0</t>
  </si>
  <si>
    <t>20391665.0</t>
  </si>
  <si>
    <t>1046.092</t>
  </si>
  <si>
    <t>50877.0</t>
  </si>
  <si>
    <t>29803186.0</t>
  </si>
  <si>
    <t>14478155.0</t>
  </si>
  <si>
    <t>13880728.0</t>
  </si>
  <si>
    <t>1999327.0</t>
  </si>
  <si>
    <t>182838.0</t>
  </si>
  <si>
    <t>105718.0</t>
  </si>
  <si>
    <t>152.03</t>
  </si>
  <si>
    <t>7.397</t>
  </si>
  <si>
    <t>19.384</t>
  </si>
  <si>
    <t>20435163.0</t>
  </si>
  <si>
    <t>43498.0</t>
  </si>
  <si>
    <t>1048.324</t>
  </si>
  <si>
    <t>51096.0</t>
  </si>
  <si>
    <t>2.621</t>
  </si>
  <si>
    <t>29953735.0</t>
  </si>
  <si>
    <t>14480084.0</t>
  </si>
  <si>
    <t>13896682.0</t>
  </si>
  <si>
    <t>2132736.0</t>
  </si>
  <si>
    <t>150549.0</t>
  </si>
  <si>
    <t>104792.0</t>
  </si>
  <si>
    <t>152.8</t>
  </si>
  <si>
    <t>5346.0</t>
  </si>
  <si>
    <t>7.499</t>
  </si>
  <si>
    <t>20495244.0</t>
  </si>
  <si>
    <t>60081.0</t>
  </si>
  <si>
    <t>1051.406</t>
  </si>
  <si>
    <t>50493.0</t>
  </si>
  <si>
    <t>30091015.0</t>
  </si>
  <si>
    <t>14481834.0</t>
  </si>
  <si>
    <t>13908347.0</t>
  </si>
  <si>
    <t>2257249.0</t>
  </si>
  <si>
    <t>137280.0</t>
  </si>
  <si>
    <t>26.985</t>
  </si>
  <si>
    <t>20552962.0</t>
  </si>
  <si>
    <t>57718.0</t>
  </si>
  <si>
    <t>1054.367</t>
  </si>
  <si>
    <t>50550.0</t>
  </si>
  <si>
    <t>30225889.0</t>
  </si>
  <si>
    <t>14483336.0</t>
  </si>
  <si>
    <t>13917908.0</t>
  </si>
  <si>
    <t>2381639.0</t>
  </si>
  <si>
    <t>134874.0</t>
  </si>
  <si>
    <t>109042.0</t>
  </si>
  <si>
    <t>154.18</t>
  </si>
  <si>
    <t>20609630.0</t>
  </si>
  <si>
    <t>56668.0</t>
  </si>
  <si>
    <t>1057.274</t>
  </si>
  <si>
    <t>30229241.0</t>
  </si>
  <si>
    <t>14483714.0</t>
  </si>
  <si>
    <t>13918526.0</t>
  </si>
  <si>
    <t>2384197.0</t>
  </si>
  <si>
    <t>109139.0</t>
  </si>
  <si>
    <t>20666024.0</t>
  </si>
  <si>
    <t>56394.0</t>
  </si>
  <si>
    <t>1060.167</t>
  </si>
  <si>
    <t>50132.0</t>
  </si>
  <si>
    <t>30229555.0</t>
  </si>
  <si>
    <t>14483759.0</t>
  </si>
  <si>
    <t>13918585.0</t>
  </si>
  <si>
    <t>2384434.0</t>
  </si>
  <si>
    <t>109142.0</t>
  </si>
  <si>
    <t>34657.9</t>
  </si>
  <si>
    <t>1767.92321626857</t>
  </si>
  <si>
    <t>20712826.0</t>
  </si>
  <si>
    <t>1062.568</t>
  </si>
  <si>
    <t>30422114.0</t>
  </si>
  <si>
    <t>14550321.0</t>
  </si>
  <si>
    <t>13958515.0</t>
  </si>
  <si>
    <t>2471662.0</t>
  </si>
  <si>
    <t>192559.0</t>
  </si>
  <si>
    <t>155.19</t>
  </si>
  <si>
    <t>12786.0</t>
  </si>
  <si>
    <t>20741439.0</t>
  </si>
  <si>
    <t>28613.0</t>
  </si>
  <si>
    <t>1064.035</t>
  </si>
  <si>
    <t>49968.0</t>
  </si>
  <si>
    <t>2.563</t>
  </si>
  <si>
    <t>30601485.0</t>
  </si>
  <si>
    <t>14603521.0</t>
  </si>
  <si>
    <t>13998555.0</t>
  </si>
  <si>
    <t>2559095.0</t>
  </si>
  <si>
    <t>179371.0</t>
  </si>
  <si>
    <t>114043.0</t>
  </si>
  <si>
    <t>156.1</t>
  </si>
  <si>
    <t>17909.0</t>
  </si>
  <si>
    <t>24.281</t>
  </si>
  <si>
    <t>20778405.0</t>
  </si>
  <si>
    <t>1065.932</t>
  </si>
  <si>
    <t>49035.0</t>
  </si>
  <si>
    <t>30742285.0</t>
  </si>
  <si>
    <t>14659621.0</t>
  </si>
  <si>
    <t>14014913.0</t>
  </si>
  <si>
    <t>2628466.0</t>
  </si>
  <si>
    <t>140800.0</t>
  </si>
  <si>
    <t>112650.0</t>
  </si>
  <si>
    <t>25648.0</t>
  </si>
  <si>
    <t>6.223</t>
  </si>
  <si>
    <t>20840102.0</t>
  </si>
  <si>
    <t>61697.0</t>
  </si>
  <si>
    <t>1069.097</t>
  </si>
  <si>
    <t>49265.0</t>
  </si>
  <si>
    <t>30808947.0</t>
  </si>
  <si>
    <t>14687266.0</t>
  </si>
  <si>
    <t>14023422.0</t>
  </si>
  <si>
    <t>2659552.0</t>
  </si>
  <si>
    <t>66662.0</t>
  </si>
  <si>
    <t>102562.0</t>
  </si>
  <si>
    <t>74.92</t>
  </si>
  <si>
    <t>29347.0</t>
  </si>
  <si>
    <t>6.172</t>
  </si>
  <si>
    <t>20897947.0</t>
  </si>
  <si>
    <t>57845.0</t>
  </si>
  <si>
    <t>1072.064</t>
  </si>
  <si>
    <t>106.2</t>
  </si>
  <si>
    <t>30809133.0</t>
  </si>
  <si>
    <t>14687348.0</t>
  </si>
  <si>
    <t>14023477.0</t>
  </si>
  <si>
    <t>2659605.0</t>
  </si>
  <si>
    <t>83321.0</t>
  </si>
  <si>
    <t>6.019</t>
  </si>
  <si>
    <t>20951917.0</t>
  </si>
  <si>
    <t>1074.833</t>
  </si>
  <si>
    <t>48898.0</t>
  </si>
  <si>
    <t>30809155.0</t>
  </si>
  <si>
    <t>14687364.0</t>
  </si>
  <si>
    <t>14023494.0</t>
  </si>
  <si>
    <t>82845.0</t>
  </si>
  <si>
    <t>29093.0</t>
  </si>
  <si>
    <t>5.815</t>
  </si>
  <si>
    <t>20989321.0</t>
  </si>
  <si>
    <t>37404.0</t>
  </si>
  <si>
    <t>1076.752</t>
  </si>
  <si>
    <t>30809160.0</t>
  </si>
  <si>
    <t>14687367.0</t>
  </si>
  <si>
    <t>14023499.0</t>
  </si>
  <si>
    <t>82801.0</t>
  </si>
  <si>
    <t>34769.3</t>
  </si>
  <si>
    <t>1773.60580656667</t>
  </si>
  <si>
    <t>22.139</t>
  </si>
  <si>
    <t>5.509</t>
  </si>
  <si>
    <t>21012184.0</t>
  </si>
  <si>
    <t>22863.0</t>
  </si>
  <si>
    <t>1077.925</t>
  </si>
  <si>
    <t>42765.0</t>
  </si>
  <si>
    <t>30954684.0</t>
  </si>
  <si>
    <t>14754157.0</t>
  </si>
  <si>
    <t>14046926.0</t>
  </si>
  <si>
    <t>2715867.0</t>
  </si>
  <si>
    <t>145524.0</t>
  </si>
  <si>
    <t>76081.0</t>
  </si>
  <si>
    <t>29119.0</t>
  </si>
  <si>
    <t>22.19</t>
  </si>
  <si>
    <t>21032522.0</t>
  </si>
  <si>
    <t>20338.0</t>
  </si>
  <si>
    <t>1078.968</t>
  </si>
  <si>
    <t>31113299.0</t>
  </si>
  <si>
    <t>14816669.0</t>
  </si>
  <si>
    <t>14071424.0</t>
  </si>
  <si>
    <t>2788392.0</t>
  </si>
  <si>
    <t>158615.0</t>
  </si>
  <si>
    <t>73116.0</t>
  </si>
  <si>
    <t>158.71</t>
  </si>
  <si>
    <t>5.407</t>
  </si>
  <si>
    <t>21075949.0</t>
  </si>
  <si>
    <t>43427.0</t>
  </si>
  <si>
    <t>1081.196</t>
  </si>
  <si>
    <t>31279976.0</t>
  </si>
  <si>
    <t>14891165.0</t>
  </si>
  <si>
    <t>14089454.0</t>
  </si>
  <si>
    <t>2863201.0</t>
  </si>
  <si>
    <t>166677.0</t>
  </si>
  <si>
    <t>76813.0</t>
  </si>
  <si>
    <t>159.56</t>
  </si>
  <si>
    <t>21145577.0</t>
  </si>
  <si>
    <t>69628.0</t>
  </si>
  <si>
    <t>1084.768</t>
  </si>
  <si>
    <t>43639.0</t>
  </si>
  <si>
    <t>31423786.0</t>
  </si>
  <si>
    <t>14943160.0</t>
  </si>
  <si>
    <t>14100783.0</t>
  </si>
  <si>
    <t>2944263.0</t>
  </si>
  <si>
    <t>143810.0</t>
  </si>
  <si>
    <t>87834.0</t>
  </si>
  <si>
    <t>160.29</t>
  </si>
  <si>
    <t>36556.0</t>
  </si>
  <si>
    <t>5.611</t>
  </si>
  <si>
    <t>21218163.0</t>
  </si>
  <si>
    <t>72586.0</t>
  </si>
  <si>
    <t>1088.491</t>
  </si>
  <si>
    <t>45745.0</t>
  </si>
  <si>
    <t>31572801.0</t>
  </si>
  <si>
    <t>15015400.0</t>
  </si>
  <si>
    <t>14110536.0</t>
  </si>
  <si>
    <t>3011795.0</t>
  </si>
  <si>
    <t>149015.0</t>
  </si>
  <si>
    <t>109095.0</t>
  </si>
  <si>
    <t>161.06</t>
  </si>
  <si>
    <t>46865.0</t>
  </si>
  <si>
    <t>21288937.0</t>
  </si>
  <si>
    <t>70774.0</t>
  </si>
  <si>
    <t>1092.122</t>
  </si>
  <si>
    <t>48146.0</t>
  </si>
  <si>
    <t>31575531.0</t>
  </si>
  <si>
    <t>15016313.0</t>
  </si>
  <si>
    <t>14110940.0</t>
  </si>
  <si>
    <t>3013340.0</t>
  </si>
  <si>
    <t>46993.0</t>
  </si>
  <si>
    <t>19.945</t>
  </si>
  <si>
    <t>21363711.0</t>
  </si>
  <si>
    <t>74774.0</t>
  </si>
  <si>
    <t>1095.958</t>
  </si>
  <si>
    <t>53484.0</t>
  </si>
  <si>
    <t>31575956.0</t>
  </si>
  <si>
    <t>15016554.0</t>
  </si>
  <si>
    <t>14111004.0</t>
  </si>
  <si>
    <t>3013499.0</t>
  </si>
  <si>
    <t>109542.0</t>
  </si>
  <si>
    <t>47027.0</t>
  </si>
  <si>
    <t>34793.2</t>
  </si>
  <si>
    <t>1774.82496193583</t>
  </si>
  <si>
    <t>5.203</t>
  </si>
  <si>
    <t>17.089</t>
  </si>
  <si>
    <t>21422011.0</t>
  </si>
  <si>
    <t>58300.0</t>
  </si>
  <si>
    <t>1098.949</t>
  </si>
  <si>
    <t>58547.0</t>
  </si>
  <si>
    <t>31774859.0</t>
  </si>
  <si>
    <t>15116052.0</t>
  </si>
  <si>
    <t>14128932.0</t>
  </si>
  <si>
    <t>3095542.0</t>
  </si>
  <si>
    <t>198903.0</t>
  </si>
  <si>
    <t>117168.0</t>
  </si>
  <si>
    <t>162.09</t>
  </si>
  <si>
    <t>51699.0</t>
  </si>
  <si>
    <t>21454419.0</t>
  </si>
  <si>
    <t>32408.0</t>
  </si>
  <si>
    <t>1100.611</t>
  </si>
  <si>
    <t>60271.0</t>
  </si>
  <si>
    <t>32008390.0</t>
  </si>
  <si>
    <t>15237760.0</t>
  </si>
  <si>
    <t>14149125.0</t>
  </si>
  <si>
    <t>3187759.0</t>
  </si>
  <si>
    <t>127870.0</t>
  </si>
  <si>
    <t>21500852.0</t>
  </si>
  <si>
    <t>46433.0</t>
  </si>
  <si>
    <t>1102.993</t>
  </si>
  <si>
    <t>60700.0</t>
  </si>
  <si>
    <t>32230235.0</t>
  </si>
  <si>
    <t>15361948.0</t>
  </si>
  <si>
    <t>14160805.0</t>
  </si>
  <si>
    <t>3274301.0</t>
  </si>
  <si>
    <t>221845.0</t>
  </si>
  <si>
    <t>135751.0</t>
  </si>
  <si>
    <t>67255.0</t>
  </si>
  <si>
    <t>18.568</t>
  </si>
  <si>
    <t>21568379.0</t>
  </si>
  <si>
    <t>67527.0</t>
  </si>
  <si>
    <t>1106.457</t>
  </si>
  <si>
    <t>3.464</t>
  </si>
  <si>
    <t>60400.0</t>
  </si>
  <si>
    <t>3.099</t>
  </si>
  <si>
    <t>32431173.0</t>
  </si>
  <si>
    <t>15477703.0</t>
  </si>
  <si>
    <t>14169755.0</t>
  </si>
  <si>
    <t>3350962.0</t>
  </si>
  <si>
    <t>200938.0</t>
  </si>
  <si>
    <t>143912.0</t>
  </si>
  <si>
    <t>165.43</t>
  </si>
  <si>
    <t>76363.0</t>
  </si>
  <si>
    <t>4.795</t>
  </si>
  <si>
    <t>21638992.0</t>
  </si>
  <si>
    <t>70613.0</t>
  </si>
  <si>
    <t>1110.08</t>
  </si>
  <si>
    <t>60118.0</t>
  </si>
  <si>
    <t>32613900.0</t>
  </si>
  <si>
    <t>15583469.0</t>
  </si>
  <si>
    <t>14177572.0</t>
  </si>
  <si>
    <t>3420731.0</t>
  </si>
  <si>
    <t>182727.0</t>
  </si>
  <si>
    <t>148728.0</t>
  </si>
  <si>
    <t>166.37</t>
  </si>
  <si>
    <t>81153.0</t>
  </si>
  <si>
    <t>5.356</t>
  </si>
  <si>
    <t>21705935.0</t>
  </si>
  <si>
    <t>66943.0</t>
  </si>
  <si>
    <t>1113.514</t>
  </si>
  <si>
    <t>59571.0</t>
  </si>
  <si>
    <t>32622327.0</t>
  </si>
  <si>
    <t>15589470.0</t>
  </si>
  <si>
    <t>14177939.0</t>
  </si>
  <si>
    <t>3422846.0</t>
  </si>
  <si>
    <t>149542.0</t>
  </si>
  <si>
    <t>21767583.0</t>
  </si>
  <si>
    <t>61648.0</t>
  </si>
  <si>
    <t>1116.677</t>
  </si>
  <si>
    <t>57696.0</t>
  </si>
  <si>
    <t>32623287.0</t>
  </si>
  <si>
    <t>15589912.0</t>
  </si>
  <si>
    <t>14178027.0</t>
  </si>
  <si>
    <t>3423303.0</t>
  </si>
  <si>
    <t>149619.0</t>
  </si>
  <si>
    <t>81908.0</t>
  </si>
  <si>
    <t>34797.3</t>
  </si>
  <si>
    <t>1775.03410574393</t>
  </si>
  <si>
    <t>6.121</t>
  </si>
  <si>
    <t>21819938.0</t>
  </si>
  <si>
    <t>52355.0</t>
  </si>
  <si>
    <t>1119.362</t>
  </si>
  <si>
    <t>32794226.0</t>
  </si>
  <si>
    <t>15674129.0</t>
  </si>
  <si>
    <t>14193494.0</t>
  </si>
  <si>
    <t>3494880.0</t>
  </si>
  <si>
    <t>170939.0</t>
  </si>
  <si>
    <t>145624.0</t>
  </si>
  <si>
    <t>79725.0</t>
  </si>
  <si>
    <t>21851544.0</t>
  </si>
  <si>
    <t>31606.0</t>
  </si>
  <si>
    <t>1120.984</t>
  </si>
  <si>
    <t>56732.0</t>
  </si>
  <si>
    <t>32963202.0</t>
  </si>
  <si>
    <t>15751555.0</t>
  </si>
  <si>
    <t>14209335.0</t>
  </si>
  <si>
    <t>3570906.0</t>
  </si>
  <si>
    <t>168976.0</t>
  </si>
  <si>
    <t>136402.0</t>
  </si>
  <si>
    <t>168.15</t>
  </si>
  <si>
    <t>73399.0</t>
  </si>
  <si>
    <t>5.968</t>
  </si>
  <si>
    <t>21894629.0</t>
  </si>
  <si>
    <t>43085.0</t>
  </si>
  <si>
    <t>1123.194</t>
  </si>
  <si>
    <t>56254.0</t>
  </si>
  <si>
    <t>33117465.0</t>
  </si>
  <si>
    <t>15821655.0</t>
  </si>
  <si>
    <t>14216908.0</t>
  </si>
  <si>
    <t>3647911.0</t>
  </si>
  <si>
    <t>154263.0</t>
  </si>
  <si>
    <t>126747.0</t>
  </si>
  <si>
    <t>168.93</t>
  </si>
  <si>
    <t>65672.0</t>
  </si>
  <si>
    <t>20.557</t>
  </si>
  <si>
    <t>21959119.0</t>
  </si>
  <si>
    <t>64490.0</t>
  </si>
  <si>
    <t>1126.502</t>
  </si>
  <si>
    <t>55820.0</t>
  </si>
  <si>
    <t>33272595.0</t>
  </si>
  <si>
    <t>15885771.0</t>
  </si>
  <si>
    <t>14223103.0</t>
  </si>
  <si>
    <t>3732989.0</t>
  </si>
  <si>
    <t>155130.0</t>
  </si>
  <si>
    <t>120203.0</t>
  </si>
  <si>
    <t>169.73</t>
  </si>
  <si>
    <t>6132.0</t>
  </si>
  <si>
    <t>58295.0</t>
  </si>
  <si>
    <t>22022079.0</t>
  </si>
  <si>
    <t>62960.0</t>
  </si>
  <si>
    <t>1129.732</t>
  </si>
  <si>
    <t>54727.0</t>
  </si>
  <si>
    <t>33417587.0</t>
  </si>
  <si>
    <t>15940698.0</t>
  </si>
  <si>
    <t>14228825.0</t>
  </si>
  <si>
    <t>3817520.0</t>
  </si>
  <si>
    <t>144992.0</t>
  </si>
  <si>
    <t>114812.0</t>
  </si>
  <si>
    <t>170.47</t>
  </si>
  <si>
    <t>6.427</t>
  </si>
  <si>
    <t>22084334.0</t>
  </si>
  <si>
    <t>62255.0</t>
  </si>
  <si>
    <t>1132.926</t>
  </si>
  <si>
    <t>54057.0</t>
  </si>
  <si>
    <t>33421335.0</t>
  </si>
  <si>
    <t>15942761.0</t>
  </si>
  <si>
    <t>14229122.0</t>
  </si>
  <si>
    <t>3818956.0</t>
  </si>
  <si>
    <t>114144.0</t>
  </si>
  <si>
    <t>170.48</t>
  </si>
  <si>
    <t>22143213.0</t>
  </si>
  <si>
    <t>58879.0</t>
  </si>
  <si>
    <t>1135.946</t>
  </si>
  <si>
    <t>53661.0</t>
  </si>
  <si>
    <t>33421746.0</t>
  </si>
  <si>
    <t>15942868.0</t>
  </si>
  <si>
    <t>14229146.0</t>
  </si>
  <si>
    <t>3819237.0</t>
  </si>
  <si>
    <t>114066.0</t>
  </si>
  <si>
    <t>170.49</t>
  </si>
  <si>
    <t>34931.7</t>
  </si>
  <si>
    <t>1781.88994179477</t>
  </si>
  <si>
    <t>22194480.0</t>
  </si>
  <si>
    <t>51267.0</t>
  </si>
  <si>
    <t>1138.576</t>
  </si>
  <si>
    <t>33423262.0</t>
  </si>
  <si>
    <t>15943391.0</t>
  </si>
  <si>
    <t>14229432.0</t>
  </si>
  <si>
    <t>3819944.0</t>
  </si>
  <si>
    <t>22223096.0</t>
  </si>
  <si>
    <t>28616.0</t>
  </si>
  <si>
    <t>1140.044</t>
  </si>
  <si>
    <t>33637487.0</t>
  </si>
  <si>
    <t>16001500.0</t>
  </si>
  <si>
    <t>14295054.0</t>
  </si>
  <si>
    <t>3910650.0</t>
  </si>
  <si>
    <t>214225.0</t>
  </si>
  <si>
    <t>96326.0</t>
  </si>
  <si>
    <t>171.59</t>
  </si>
  <si>
    <t>72.92</t>
  </si>
  <si>
    <t>35706.0</t>
  </si>
  <si>
    <t>22252016.0</t>
  </si>
  <si>
    <t>28920.0</t>
  </si>
  <si>
    <t>1141.528</t>
  </si>
  <si>
    <t>51055.0</t>
  </si>
  <si>
    <t>33862752.0</t>
  </si>
  <si>
    <t>16059648.0</t>
  </si>
  <si>
    <t>14348619.0</t>
  </si>
  <si>
    <t>4024367.0</t>
  </si>
  <si>
    <t>225265.0</t>
  </si>
  <si>
    <t>106470.0</t>
  </si>
  <si>
    <t>172.74</t>
  </si>
  <si>
    <t>22299937.0</t>
  </si>
  <si>
    <t>47921.0</t>
  </si>
  <si>
    <t>1143.986</t>
  </si>
  <si>
    <t>48688.0</t>
  </si>
  <si>
    <t>34058290.0</t>
  </si>
  <si>
    <t>16109512.0</t>
  </si>
  <si>
    <t>14381181.0</t>
  </si>
  <si>
    <t>4137655.0</t>
  </si>
  <si>
    <t>195538.0</t>
  </si>
  <si>
    <t>173.73</t>
  </si>
  <si>
    <t>31963.0</t>
  </si>
  <si>
    <t>22366688.0</t>
  </si>
  <si>
    <t>66751.0</t>
  </si>
  <si>
    <t>1147.411</t>
  </si>
  <si>
    <t>3.424</t>
  </si>
  <si>
    <t>49230.0</t>
  </si>
  <si>
    <t>34232037.0</t>
  </si>
  <si>
    <t>16149719.0</t>
  </si>
  <si>
    <t>14399450.0</t>
  </si>
  <si>
    <t>4253103.0</t>
  </si>
  <si>
    <t>173747.0</t>
  </si>
  <si>
    <t>174.62</t>
  </si>
  <si>
    <t>29860.0</t>
  </si>
  <si>
    <t>26.577</t>
  </si>
  <si>
    <t>22432801.0</t>
  </si>
  <si>
    <t>66113.0</t>
  </si>
  <si>
    <t>1150.802</t>
  </si>
  <si>
    <t>3.392</t>
  </si>
  <si>
    <t>49781.0</t>
  </si>
  <si>
    <t>34238152.0</t>
  </si>
  <si>
    <t>16151558.0</t>
  </si>
  <si>
    <t>14399881.0</t>
  </si>
  <si>
    <t>4256955.0</t>
  </si>
  <si>
    <t>116688.0</t>
  </si>
  <si>
    <t>19.486</t>
  </si>
  <si>
    <t>22497971.0</t>
  </si>
  <si>
    <t>65170.0</t>
  </si>
  <si>
    <t>1154.146</t>
  </si>
  <si>
    <t>50680.0</t>
  </si>
  <si>
    <t>34238971.0</t>
  </si>
  <si>
    <t>16151665.0</t>
  </si>
  <si>
    <t>14399921.0</t>
  </si>
  <si>
    <t>4257629.0</t>
  </si>
  <si>
    <t>116746.0</t>
  </si>
  <si>
    <t>174.66</t>
  </si>
  <si>
    <t>35164.8</t>
  </si>
  <si>
    <t>1793.78053244545</t>
  </si>
  <si>
    <t>7.652</t>
  </si>
  <si>
    <t>27.342</t>
  </si>
  <si>
    <t>22549945.0</t>
  </si>
  <si>
    <t>51974.0</t>
  </si>
  <si>
    <t>1156.812</t>
  </si>
  <si>
    <t>50781.0</t>
  </si>
  <si>
    <t>34430214.0</t>
  </si>
  <si>
    <t>16191500.0</t>
  </si>
  <si>
    <t>14447067.0</t>
  </si>
  <si>
    <t>4362053.0</t>
  </si>
  <si>
    <t>191243.0</t>
  </si>
  <si>
    <t>143850.0</t>
  </si>
  <si>
    <t>175.63</t>
  </si>
  <si>
    <t>35444.0</t>
  </si>
  <si>
    <t>22584614.0</t>
  </si>
  <si>
    <t>1158.59</t>
  </si>
  <si>
    <t>51645.0</t>
  </si>
  <si>
    <t>34656950.0</t>
  </si>
  <si>
    <t>16237046.0</t>
  </si>
  <si>
    <t>14501582.0</t>
  </si>
  <si>
    <t>4488903.0</t>
  </si>
  <si>
    <t>226736.0</t>
  </si>
  <si>
    <t>145638.0</t>
  </si>
  <si>
    <t>176.79</t>
  </si>
  <si>
    <t>7429.0</t>
  </si>
  <si>
    <t>22630928.0</t>
  </si>
  <si>
    <t>46314.0</t>
  </si>
  <si>
    <t>1160.966</t>
  </si>
  <si>
    <t>54130.0</t>
  </si>
  <si>
    <t>34895350.0</t>
  </si>
  <si>
    <t>16277014.0</t>
  </si>
  <si>
    <t>14563302.0</t>
  </si>
  <si>
    <t>4625885.0</t>
  </si>
  <si>
    <t>238400.0</t>
  </si>
  <si>
    <t>147514.0</t>
  </si>
  <si>
    <t>31052.0</t>
  </si>
  <si>
    <t>8.774</t>
  </si>
  <si>
    <t>22696812.0</t>
  </si>
  <si>
    <t>65884.0</t>
  </si>
  <si>
    <t>1164.346</t>
  </si>
  <si>
    <t>35127098.0</t>
  </si>
  <si>
    <t>16313384.0</t>
  </si>
  <si>
    <t>14611822.0</t>
  </si>
  <si>
    <t>4772875.0</t>
  </si>
  <si>
    <t>231748.0</t>
  </si>
  <si>
    <t>152687.0</t>
  </si>
  <si>
    <t>179.19</t>
  </si>
  <si>
    <t>24.35</t>
  </si>
  <si>
    <t>29125.0</t>
  </si>
  <si>
    <t>22767005.0</t>
  </si>
  <si>
    <t>70193.0</t>
  </si>
  <si>
    <t>1167.947</t>
  </si>
  <si>
    <t>57188.0</t>
  </si>
  <si>
    <t>35370057.0</t>
  </si>
  <si>
    <t>16343283.0</t>
  </si>
  <si>
    <t>14667402.0</t>
  </si>
  <si>
    <t>4930489.0</t>
  </si>
  <si>
    <t>242959.0</t>
  </si>
  <si>
    <t>162574.0</t>
  </si>
  <si>
    <t>180.43</t>
  </si>
  <si>
    <t>9.539</t>
  </si>
  <si>
    <t>22835250.0</t>
  </si>
  <si>
    <t>68245.0</t>
  </si>
  <si>
    <t>1171.448</t>
  </si>
  <si>
    <t>57493.0</t>
  </si>
  <si>
    <t>2.949</t>
  </si>
  <si>
    <t>35379726.0</t>
  </si>
  <si>
    <t>16344698.0</t>
  </si>
  <si>
    <t>14668653.0</t>
  </si>
  <si>
    <t>4937505.0</t>
  </si>
  <si>
    <t>180.47</t>
  </si>
  <si>
    <t>9.743</t>
  </si>
  <si>
    <t>22905819.0</t>
  </si>
  <si>
    <t>1175.068</t>
  </si>
  <si>
    <t>58264.0</t>
  </si>
  <si>
    <t>2.989</t>
  </si>
  <si>
    <t>35380760.0</t>
  </si>
  <si>
    <t>16344826.0</t>
  </si>
  <si>
    <t>14668717.0</t>
  </si>
  <si>
    <t>4938347.0</t>
  </si>
  <si>
    <t>163113.0</t>
  </si>
  <si>
    <t>180.48</t>
  </si>
  <si>
    <t>27594.0</t>
  </si>
  <si>
    <t>35282.2</t>
  </si>
  <si>
    <t>1799.76918685295</t>
  </si>
  <si>
    <t>22963268.0</t>
  </si>
  <si>
    <t>57449.0</t>
  </si>
  <si>
    <t>1178.015</t>
  </si>
  <si>
    <t>59046.0</t>
  </si>
  <si>
    <t>35658232.0</t>
  </si>
  <si>
    <t>16379716.0</t>
  </si>
  <si>
    <t>14747610.0</t>
  </si>
  <si>
    <t>5102195.0</t>
  </si>
  <si>
    <t>277472.0</t>
  </si>
  <si>
    <t>175431.0</t>
  </si>
  <si>
    <t>83.55</t>
  </si>
  <si>
    <t>22999386.0</t>
  </si>
  <si>
    <t>36118.0</t>
  </si>
  <si>
    <t>1179.868</t>
  </si>
  <si>
    <t>59253.0</t>
  </si>
  <si>
    <t>35979242.0</t>
  </si>
  <si>
    <t>16412360.0</t>
  </si>
  <si>
    <t>14842231.0</t>
  </si>
  <si>
    <t>5296087.0</t>
  </si>
  <si>
    <t>321010.0</t>
  </si>
  <si>
    <t>188899.0</t>
  </si>
  <si>
    <t>25045.0</t>
  </si>
  <si>
    <t>23.363</t>
  </si>
  <si>
    <t>10.253</t>
  </si>
  <si>
    <t>23052203.0</t>
  </si>
  <si>
    <t>52817.0</t>
  </si>
  <si>
    <t>1182.578</t>
  </si>
  <si>
    <t>36303506.0</t>
  </si>
  <si>
    <t>16444363.0</t>
  </si>
  <si>
    <t>14943923.0</t>
  </si>
  <si>
    <t>5486814.0</t>
  </si>
  <si>
    <t>324264.0</t>
  </si>
  <si>
    <t>201165.0</t>
  </si>
  <si>
    <t>23907.0</t>
  </si>
  <si>
    <t>23123219.0</t>
  </si>
  <si>
    <t>71016.0</t>
  </si>
  <si>
    <t>1186.221</t>
  </si>
  <si>
    <t>60915.0</t>
  </si>
  <si>
    <t>36623362.0</t>
  </si>
  <si>
    <t>16474053.0</t>
  </si>
  <si>
    <t>15045047.0</t>
  </si>
  <si>
    <t>5675942.0</t>
  </si>
  <si>
    <t>319856.0</t>
  </si>
  <si>
    <t>213752.0</t>
  </si>
  <si>
    <t>186.82</t>
  </si>
  <si>
    <t>10904.0</t>
  </si>
  <si>
    <t>22.955</t>
  </si>
  <si>
    <t>23194182.0</t>
  </si>
  <si>
    <t>70963.0</t>
  </si>
  <si>
    <t>1189.861</t>
  </si>
  <si>
    <t>61025.0</t>
  </si>
  <si>
    <t>36917813.0</t>
  </si>
  <si>
    <t>16498978.0</t>
  </si>
  <si>
    <t>15136321.0</t>
  </si>
  <si>
    <t>5854272.0</t>
  </si>
  <si>
    <t>294451.0</t>
  </si>
  <si>
    <t>221108.0</t>
  </si>
  <si>
    <t>188.32</t>
  </si>
  <si>
    <t>11279.0</t>
  </si>
  <si>
    <t>22242.0</t>
  </si>
  <si>
    <t>23265104.0</t>
  </si>
  <si>
    <t>1193.499</t>
  </si>
  <si>
    <t>61408.0</t>
  </si>
  <si>
    <t>36945011.0</t>
  </si>
  <si>
    <t>16501379.0</t>
  </si>
  <si>
    <t>15140592.0</t>
  </si>
  <si>
    <t>5874802.0</t>
  </si>
  <si>
    <t>27198.0</t>
  </si>
  <si>
    <t>223612.0</t>
  </si>
  <si>
    <t>188.46</t>
  </si>
  <si>
    <t>11407.0</t>
  </si>
  <si>
    <t>23333898.0</t>
  </si>
  <si>
    <t>68794.0</t>
  </si>
  <si>
    <t>1197.029</t>
  </si>
  <si>
    <t>61154.0</t>
  </si>
  <si>
    <t>3.137</t>
  </si>
  <si>
    <t>36947796.0</t>
  </si>
  <si>
    <t>16501646.0</t>
  </si>
  <si>
    <t>15140853.0</t>
  </si>
  <si>
    <t>5877063.0</t>
  </si>
  <si>
    <t>223862.0</t>
  </si>
  <si>
    <t>188.47</t>
  </si>
  <si>
    <t>22403.0</t>
  </si>
  <si>
    <t>35605.8</t>
  </si>
  <si>
    <t>1816.27624448727</t>
  </si>
  <si>
    <t>23391074.0</t>
  </si>
  <si>
    <t>57176.0</t>
  </si>
  <si>
    <t>1199.962</t>
  </si>
  <si>
    <t>61115.0</t>
  </si>
  <si>
    <t>36950299.0</t>
  </si>
  <si>
    <t>16501855.0</t>
  </si>
  <si>
    <t>15141380.0</t>
  </si>
  <si>
    <t>5878836.0</t>
  </si>
  <si>
    <t>184581.0</t>
  </si>
  <si>
    <t>23431204.0</t>
  </si>
  <si>
    <t>40130.0</t>
  </si>
  <si>
    <t>1202.02</t>
  </si>
  <si>
    <t>61688.0</t>
  </si>
  <si>
    <t>37209316.0</t>
  </si>
  <si>
    <t>16528262.0</t>
  </si>
  <si>
    <t>15235324.0</t>
  </si>
  <si>
    <t>6017702.0</t>
  </si>
  <si>
    <t>259017.0</t>
  </si>
  <si>
    <t>175725.0</t>
  </si>
  <si>
    <t>189.81</t>
  </si>
  <si>
    <t>16557.0</t>
  </si>
  <si>
    <t>25.199</t>
  </si>
  <si>
    <t>23465367.0</t>
  </si>
  <si>
    <t>34163.0</t>
  </si>
  <si>
    <t>1203.773</t>
  </si>
  <si>
    <t>59023.0</t>
  </si>
  <si>
    <t>3.028</t>
  </si>
  <si>
    <t>37517779.0</t>
  </si>
  <si>
    <t>16555121.0</t>
  </si>
  <si>
    <t>15323685.0</t>
  </si>
  <si>
    <t>6211082.0</t>
  </si>
  <si>
    <t>308463.0</t>
  </si>
  <si>
    <t>173468.0</t>
  </si>
  <si>
    <t>191.38</t>
  </si>
  <si>
    <t>15823.0</t>
  </si>
  <si>
    <t>10.814</t>
  </si>
  <si>
    <t>23521852.0</t>
  </si>
  <si>
    <t>1206.671</t>
  </si>
  <si>
    <t>37810846.0</t>
  </si>
  <si>
    <t>16580868.0</t>
  </si>
  <si>
    <t>15404862.0</t>
  </si>
  <si>
    <t>6397394.0</t>
  </si>
  <si>
    <t>293067.0</t>
  </si>
  <si>
    <t>169641.0</t>
  </si>
  <si>
    <t>15259.0</t>
  </si>
  <si>
    <t>25.505</t>
  </si>
  <si>
    <t>23601879.0</t>
  </si>
  <si>
    <t>1210.776</t>
  </si>
  <si>
    <t>58242.0</t>
  </si>
  <si>
    <t>2.988</t>
  </si>
  <si>
    <t>38071033.0</t>
  </si>
  <si>
    <t>16604794.0</t>
  </si>
  <si>
    <t>15475569.0</t>
  </si>
  <si>
    <t>6563064.0</t>
  </si>
  <si>
    <t>33.48</t>
  </si>
  <si>
    <t>8404.0</t>
  </si>
  <si>
    <t>10.916</t>
  </si>
  <si>
    <t>23684298.0</t>
  </si>
  <si>
    <t>82419.0</t>
  </si>
  <si>
    <t>1215.004</t>
  </si>
  <si>
    <t>38103821.0</t>
  </si>
  <si>
    <t>16607621.0</t>
  </si>
  <si>
    <t>15479820.0</t>
  </si>
  <si>
    <t>6588782.0</t>
  </si>
  <si>
    <t>32788.0</t>
  </si>
  <si>
    <t>165544.0</t>
  </si>
  <si>
    <t>15177.0</t>
  </si>
  <si>
    <t>23765222.0</t>
  </si>
  <si>
    <t>80924.0</t>
  </si>
  <si>
    <t>1219.155</t>
  </si>
  <si>
    <t>4.151</t>
  </si>
  <si>
    <t>61618.0</t>
  </si>
  <si>
    <t>38107057.0</t>
  </si>
  <si>
    <t>16607827.0</t>
  </si>
  <si>
    <t>15480032.0</t>
  </si>
  <si>
    <t>6591600.0</t>
  </si>
  <si>
    <t>165609.0</t>
  </si>
  <si>
    <t>194.39</t>
  </si>
  <si>
    <t>35788.4</t>
  </si>
  <si>
    <t>1825.5907955504</t>
  </si>
  <si>
    <t>23831039.0</t>
  </si>
  <si>
    <t>65817.0</t>
  </si>
  <si>
    <t>1222.532</t>
  </si>
  <si>
    <t>62852.0</t>
  </si>
  <si>
    <t>38292063.0</t>
  </si>
  <si>
    <t>16631784.0</t>
  </si>
  <si>
    <t>15522904.0</t>
  </si>
  <si>
    <t>6709937.0</t>
  </si>
  <si>
    <t>185006.0</t>
  </si>
  <si>
    <t>191681.0</t>
  </si>
  <si>
    <t>195.33</t>
  </si>
  <si>
    <t>23880933.0</t>
  </si>
  <si>
    <t>1225.091</t>
  </si>
  <si>
    <t>64247.0</t>
  </si>
  <si>
    <t>38521382.0</t>
  </si>
  <si>
    <t>16654316.0</t>
  </si>
  <si>
    <t>15582035.0</t>
  </si>
  <si>
    <t>6857756.0</t>
  </si>
  <si>
    <t>229319.0</t>
  </si>
  <si>
    <t>187438.0</t>
  </si>
  <si>
    <t>196.5</t>
  </si>
  <si>
    <t>9561.0</t>
  </si>
  <si>
    <t>23940997.0</t>
  </si>
  <si>
    <t>60064.0</t>
  </si>
  <si>
    <t>1228.173</t>
  </si>
  <si>
    <t>67947.0</t>
  </si>
  <si>
    <t>38733482.0</t>
  </si>
  <si>
    <t>16674265.0</t>
  </si>
  <si>
    <t>15639327.0</t>
  </si>
  <si>
    <t>6992664.0</t>
  </si>
  <si>
    <t>212100.0</t>
  </si>
  <si>
    <t>173672.0</t>
  </si>
  <si>
    <t>197.58</t>
  </si>
  <si>
    <t>8859.0</t>
  </si>
  <si>
    <t>17021.0</t>
  </si>
  <si>
    <t>12.243</t>
  </si>
  <si>
    <t>24024611.0</t>
  </si>
  <si>
    <t>83614.0</t>
  </si>
  <si>
    <t>1232.462</t>
  </si>
  <si>
    <t>71823.0</t>
  </si>
  <si>
    <t>38922963.0</t>
  </si>
  <si>
    <t>16692188.0</t>
  </si>
  <si>
    <t>15694127.0</t>
  </si>
  <si>
    <t>7109466.0</t>
  </si>
  <si>
    <t>189481.0</t>
  </si>
  <si>
    <t>158874.0</t>
  </si>
  <si>
    <t>85.15</t>
  </si>
  <si>
    <t>8104.0</t>
  </si>
  <si>
    <t>15903.0</t>
  </si>
  <si>
    <t>12.294</t>
  </si>
  <si>
    <t>24107512.0</t>
  </si>
  <si>
    <t>1236.715</t>
  </si>
  <si>
    <t>4.253</t>
  </si>
  <si>
    <t>39118257.0</t>
  </si>
  <si>
    <t>16710311.0</t>
  </si>
  <si>
    <t>15741950.0</t>
  </si>
  <si>
    <t>7238857.0</t>
  </si>
  <si>
    <t>195294.0</t>
  </si>
  <si>
    <t>149603.0</t>
  </si>
  <si>
    <t>199.54</t>
  </si>
  <si>
    <t>7631.0</t>
  </si>
  <si>
    <t>15074.0</t>
  </si>
  <si>
    <t>30.147</t>
  </si>
  <si>
    <t>24190387.0</t>
  </si>
  <si>
    <t>82875.0</t>
  </si>
  <si>
    <t>1240.966</t>
  </si>
  <si>
    <t>39151070.0</t>
  </si>
  <si>
    <t>16713255.0</t>
  </si>
  <si>
    <t>15745742.0</t>
  </si>
  <si>
    <t>7264951.0</t>
  </si>
  <si>
    <t>32813.0</t>
  </si>
  <si>
    <t>149607.0</t>
  </si>
  <si>
    <t>24270576.0</t>
  </si>
  <si>
    <t>80189.0</t>
  </si>
  <si>
    <t>1245.08</t>
  </si>
  <si>
    <t>4.114</t>
  </si>
  <si>
    <t>72193.0</t>
  </si>
  <si>
    <t>3.703</t>
  </si>
  <si>
    <t>39154349.0</t>
  </si>
  <si>
    <t>16713481.0</t>
  </si>
  <si>
    <t>15746005.0</t>
  </si>
  <si>
    <t>7267755.0</t>
  </si>
  <si>
    <t>149613.0</t>
  </si>
  <si>
    <t>15093.0</t>
  </si>
  <si>
    <t>36113.5</t>
  </si>
  <si>
    <t>1842.17436921207</t>
  </si>
  <si>
    <t>24341309.0</t>
  </si>
  <si>
    <t>70733.0</t>
  </si>
  <si>
    <t>1248.709</t>
  </si>
  <si>
    <t>72896.0</t>
  </si>
  <si>
    <t>39347484.0</t>
  </si>
  <si>
    <t>16733473.0</t>
  </si>
  <si>
    <t>15792447.0</t>
  </si>
  <si>
    <t>7394509.0</t>
  </si>
  <si>
    <t>193135.0</t>
  </si>
  <si>
    <t>150774.0</t>
  </si>
  <si>
    <t>7691.0</t>
  </si>
  <si>
    <t>30.555</t>
  </si>
  <si>
    <t>24392441.0</t>
  </si>
  <si>
    <t>51132.0</t>
  </si>
  <si>
    <t>1251.332</t>
  </si>
  <si>
    <t>73073.0</t>
  </si>
  <si>
    <t>39539403.0</t>
  </si>
  <si>
    <t>16751824.0</t>
  </si>
  <si>
    <t>15838993.0</t>
  </si>
  <si>
    <t>7521575.0</t>
  </si>
  <si>
    <t>145432.0</t>
  </si>
  <si>
    <t>201.69</t>
  </si>
  <si>
    <t>24452173.0</t>
  </si>
  <si>
    <t>1254.396</t>
  </si>
  <si>
    <t>73025.0</t>
  </si>
  <si>
    <t>3.746</t>
  </si>
  <si>
    <t>39721210.0</t>
  </si>
  <si>
    <t>16767723.0</t>
  </si>
  <si>
    <t>15881497.0</t>
  </si>
  <si>
    <t>7645017.0</t>
  </si>
  <si>
    <t>181807.0</t>
  </si>
  <si>
    <t>141104.0</t>
  </si>
  <si>
    <t>24532123.0</t>
  </si>
  <si>
    <t>79950.0</t>
  </si>
  <si>
    <t>1258.497</t>
  </si>
  <si>
    <t>72502.0</t>
  </si>
  <si>
    <t>39884966.0</t>
  </si>
  <si>
    <t>16781812.0</t>
  </si>
  <si>
    <t>15919265.0</t>
  </si>
  <si>
    <t>7756957.0</t>
  </si>
  <si>
    <t>163756.0</t>
  </si>
  <si>
    <t>137429.0</t>
  </si>
  <si>
    <t>12803.0</t>
  </si>
  <si>
    <t>14.232</t>
  </si>
  <si>
    <t>24614078.0</t>
  </si>
  <si>
    <t>81955.0</t>
  </si>
  <si>
    <t>1262.702</t>
  </si>
  <si>
    <t>72367.0</t>
  </si>
  <si>
    <t>40043337.0</t>
  </si>
  <si>
    <t>16794602.0</t>
  </si>
  <si>
    <t>15951189.0</t>
  </si>
  <si>
    <t>7870653.0</t>
  </si>
  <si>
    <t>158371.0</t>
  </si>
  <si>
    <t>132154.0</t>
  </si>
  <si>
    <t>204.26</t>
  </si>
  <si>
    <t>12042.0</t>
  </si>
  <si>
    <t>24697095.0</t>
  </si>
  <si>
    <t>83017.0</t>
  </si>
  <si>
    <t>1266.961</t>
  </si>
  <si>
    <t>4.259</t>
  </si>
  <si>
    <t>40065393.0</t>
  </si>
  <si>
    <t>16796226.0</t>
  </si>
  <si>
    <t>15953340.0</t>
  </si>
  <si>
    <t>7888937.0</t>
  </si>
  <si>
    <t>22056.0</t>
  </si>
  <si>
    <t>130618.0</t>
  </si>
  <si>
    <t>204.38</t>
  </si>
  <si>
    <t>24774508.0</t>
  </si>
  <si>
    <t>77413.0</t>
  </si>
  <si>
    <t>1270.932</t>
  </si>
  <si>
    <t>3.971</t>
  </si>
  <si>
    <t>71990.0</t>
  </si>
  <si>
    <t>40067435.0</t>
  </si>
  <si>
    <t>16796364.0</t>
  </si>
  <si>
    <t>15953476.0</t>
  </si>
  <si>
    <t>7890706.0</t>
  </si>
  <si>
    <t>130441.0</t>
  </si>
  <si>
    <t>6654.0</t>
  </si>
  <si>
    <t>36454.1</t>
  </si>
  <si>
    <t>1859.54860848973</t>
  </si>
  <si>
    <t>24840401.0</t>
  </si>
  <si>
    <t>1274.312</t>
  </si>
  <si>
    <t>71299.0</t>
  </si>
  <si>
    <t>40205393.0</t>
  </si>
  <si>
    <t>16809894.0</t>
  </si>
  <si>
    <t>15984791.0</t>
  </si>
  <si>
    <t>7983850.0</t>
  </si>
  <si>
    <t>137958.0</t>
  </si>
  <si>
    <t>122558.0</t>
  </si>
  <si>
    <t>85.75</t>
  </si>
  <si>
    <t>40.73</t>
  </si>
  <si>
    <t>24884903.0</t>
  </si>
  <si>
    <t>44502.0</t>
  </si>
  <si>
    <t>1276.595</t>
  </si>
  <si>
    <t>70352.0</t>
  </si>
  <si>
    <t>40347700.0</t>
  </si>
  <si>
    <t>16822367.0</t>
  </si>
  <si>
    <t>16018963.0</t>
  </si>
  <si>
    <t>8079553.0</t>
  </si>
  <si>
    <t>142307.0</t>
  </si>
  <si>
    <t>115471.0</t>
  </si>
  <si>
    <t>205.82</t>
  </si>
  <si>
    <t>24939381.0</t>
  </si>
  <si>
    <t>54478.0</t>
  </si>
  <si>
    <t>1279.39</t>
  </si>
  <si>
    <t>69601.0</t>
  </si>
  <si>
    <t>40485340.0</t>
  </si>
  <si>
    <t>16833471.0</t>
  </si>
  <si>
    <t>16051334.0</t>
  </si>
  <si>
    <t>8173760.0</t>
  </si>
  <si>
    <t>137640.0</t>
  </si>
  <si>
    <t>109161.0</t>
  </si>
  <si>
    <t>206.52</t>
  </si>
  <si>
    <t>9393.0</t>
  </si>
  <si>
    <t>34.126</t>
  </si>
  <si>
    <t>25021058.0</t>
  </si>
  <si>
    <t>81677.0</t>
  </si>
  <si>
    <t>1283.58</t>
  </si>
  <si>
    <t>69848.0</t>
  </si>
  <si>
    <t>3.583</t>
  </si>
  <si>
    <t>40610617.0</t>
  </si>
  <si>
    <t>16843804.0</t>
  </si>
  <si>
    <t>16082473.0</t>
  </si>
  <si>
    <t>8257593.0</t>
  </si>
  <si>
    <t>125277.0</t>
  </si>
  <si>
    <t>103664.0</t>
  </si>
  <si>
    <t>207.16</t>
  </si>
  <si>
    <t>25096408.0</t>
  </si>
  <si>
    <t>75350.0</t>
  </si>
  <si>
    <t>1287.445</t>
  </si>
  <si>
    <t>68904.0</t>
  </si>
  <si>
    <t>40735921.0</t>
  </si>
  <si>
    <t>16853587.0</t>
  </si>
  <si>
    <t>16111045.0</t>
  </si>
  <si>
    <t>8344560.0</t>
  </si>
  <si>
    <t>125304.0</t>
  </si>
  <si>
    <t>98941.0</t>
  </si>
  <si>
    <t>85.97</t>
  </si>
  <si>
    <t>25171677.0</t>
  </si>
  <si>
    <t>75269.0</t>
  </si>
  <si>
    <t>1291.307</t>
  </si>
  <si>
    <t>67797.0</t>
  </si>
  <si>
    <t>3.478</t>
  </si>
  <si>
    <t>40760305.0</t>
  </si>
  <si>
    <t>16855480.0</t>
  </si>
  <si>
    <t>16114033.0</t>
  </si>
  <si>
    <t>8364073.0</t>
  </si>
  <si>
    <t>99273.0</t>
  </si>
  <si>
    <t>207.92</t>
  </si>
  <si>
    <t>8465.0</t>
  </si>
  <si>
    <t>13.671</t>
  </si>
  <si>
    <t>25243875.0</t>
  </si>
  <si>
    <t>72198.0</t>
  </si>
  <si>
    <t>1295.01</t>
  </si>
  <si>
    <t>67052.0</t>
  </si>
  <si>
    <t>40763449.0</t>
  </si>
  <si>
    <t>16855731.0</t>
  </si>
  <si>
    <t>16114319.0</t>
  </si>
  <si>
    <t>8366682.0</t>
  </si>
  <si>
    <t>99431.0</t>
  </si>
  <si>
    <t>42.68</t>
  </si>
  <si>
    <t>36793.5</t>
  </si>
  <si>
    <t>1876.8616349455</t>
  </si>
  <si>
    <t>25310363.0</t>
  </si>
  <si>
    <t>66488.0</t>
  </si>
  <si>
    <t>1298.421</t>
  </si>
  <si>
    <t>67137.0</t>
  </si>
  <si>
    <t>40899692.0</t>
  </si>
  <si>
    <t>16868086.0</t>
  </si>
  <si>
    <t>16134332.0</t>
  </si>
  <si>
    <t>8470606.0</t>
  </si>
  <si>
    <t>136243.0</t>
  </si>
  <si>
    <t>99186.0</t>
  </si>
  <si>
    <t>208.63</t>
  </si>
  <si>
    <t>86.05</t>
  </si>
  <si>
    <t>5060.0</t>
  </si>
  <si>
    <t>25350902.0</t>
  </si>
  <si>
    <t>40539.0</t>
  </si>
  <si>
    <t>1300.501</t>
  </si>
  <si>
    <t>66571.0</t>
  </si>
  <si>
    <t>3.415</t>
  </si>
  <si>
    <t>41067717.0</t>
  </si>
  <si>
    <t>16880164.0</t>
  </si>
  <si>
    <t>16161852.0</t>
  </si>
  <si>
    <t>8599068.0</t>
  </si>
  <si>
    <t>168025.0</t>
  </si>
  <si>
    <t>209.49</t>
  </si>
  <si>
    <t>12.855</t>
  </si>
  <si>
    <t>25402975.0</t>
  </si>
  <si>
    <t>52073.0</t>
  </si>
  <si>
    <t>1303.172</t>
  </si>
  <si>
    <t>66228.0</t>
  </si>
  <si>
    <t>41227541.0</t>
  </si>
  <si>
    <t>16891049.0</t>
  </si>
  <si>
    <t>16185970.0</t>
  </si>
  <si>
    <t>8723926.0</t>
  </si>
  <si>
    <t>159824.0</t>
  </si>
  <si>
    <t>106029.0</t>
  </si>
  <si>
    <t>210.3</t>
  </si>
  <si>
    <t>86.16</t>
  </si>
  <si>
    <t>25482860.0</t>
  </si>
  <si>
    <t>79885.0</t>
  </si>
  <si>
    <t>1307.27</t>
  </si>
  <si>
    <t>4.098</t>
  </si>
  <si>
    <t>3.384</t>
  </si>
  <si>
    <t>41377743.0</t>
  </si>
  <si>
    <t>16900817.0</t>
  </si>
  <si>
    <t>16209163.0</t>
  </si>
  <si>
    <t>8841193.0</t>
  </si>
  <si>
    <t>150202.0</t>
  </si>
  <si>
    <t>109589.0</t>
  </si>
  <si>
    <t>211.07</t>
  </si>
  <si>
    <t>25562196.0</t>
  </si>
  <si>
    <t>79336.0</t>
  </si>
  <si>
    <t>1311.34</t>
  </si>
  <si>
    <t>66541.0</t>
  </si>
  <si>
    <t>41525263.0</t>
  </si>
  <si>
    <t>16909797.0</t>
  </si>
  <si>
    <t>16230921.0</t>
  </si>
  <si>
    <t>8958007.0</t>
  </si>
  <si>
    <t>147520.0</t>
  </si>
  <si>
    <t>211.82</t>
  </si>
  <si>
    <t>25637968.0</t>
  </si>
  <si>
    <t>75772.0</t>
  </si>
  <si>
    <t>1315.227</t>
  </si>
  <si>
    <t>66613.0</t>
  </si>
  <si>
    <t>41550454.0</t>
  </si>
  <si>
    <t>16911285.0</t>
  </si>
  <si>
    <t>16233317.0</t>
  </si>
  <si>
    <t>8979326.0</t>
  </si>
  <si>
    <t>25191.0</t>
  </si>
  <si>
    <t>112878.0</t>
  </si>
  <si>
    <t>211.95</t>
  </si>
  <si>
    <t>86.27</t>
  </si>
  <si>
    <t>25709328.0</t>
  </si>
  <si>
    <t>71360.0</t>
  </si>
  <si>
    <t>1318.888</t>
  </si>
  <si>
    <t>3.661</t>
  </si>
  <si>
    <t>66493.0</t>
  </si>
  <si>
    <t>41553980.0</t>
  </si>
  <si>
    <t>16911495.0</t>
  </si>
  <si>
    <t>16233557.0</t>
  </si>
  <si>
    <t>8982402.0</t>
  </si>
  <si>
    <t>112933.0</t>
  </si>
  <si>
    <t>37313.4</t>
  </si>
  <si>
    <t>1903.3820900261</t>
  </si>
  <si>
    <t>42.186</t>
  </si>
  <si>
    <t>25769327.0</t>
  </si>
  <si>
    <t>59999.0</t>
  </si>
  <si>
    <t>1321.966</t>
  </si>
  <si>
    <t>3.078</t>
  </si>
  <si>
    <t>65566.0</t>
  </si>
  <si>
    <t>41716040.0</t>
  </si>
  <si>
    <t>16926719.0</t>
  </si>
  <si>
    <t>16257564.0</t>
  </si>
  <si>
    <t>9105276.0</t>
  </si>
  <si>
    <t>162060.0</t>
  </si>
  <si>
    <t>116621.0</t>
  </si>
  <si>
    <t>25810794.0</t>
  </si>
  <si>
    <t>41467.0</t>
  </si>
  <si>
    <t>1324.093</t>
  </si>
  <si>
    <t>65699.0</t>
  </si>
  <si>
    <t>41886692.0</t>
  </si>
  <si>
    <t>16942432.0</t>
  </si>
  <si>
    <t>16281155.0</t>
  </si>
  <si>
    <t>9236666.0</t>
  </si>
  <si>
    <t>170652.0</t>
  </si>
  <si>
    <t>116996.0</t>
  </si>
  <si>
    <t>25862441.0</t>
  </si>
  <si>
    <t>51647.0</t>
  </si>
  <si>
    <t>1326.743</t>
  </si>
  <si>
    <t>41889877.0</t>
  </si>
  <si>
    <t>16942751.0</t>
  </si>
  <si>
    <t>16281430.0</t>
  </si>
  <si>
    <t>9239257.0</t>
  </si>
  <si>
    <t>213.68</t>
  </si>
  <si>
    <t>25931660.0</t>
  </si>
  <si>
    <t>69219.0</t>
  </si>
  <si>
    <t>1330.294</t>
  </si>
  <si>
    <t>64114.0</t>
  </si>
  <si>
    <t>42051198.0</t>
  </si>
  <si>
    <t>16982554.0</t>
  </si>
  <si>
    <t>16305265.0</t>
  </si>
  <si>
    <t>9336955.0</t>
  </si>
  <si>
    <t>161321.0</t>
  </si>
  <si>
    <t>96208.0</t>
  </si>
  <si>
    <t>25984239.0</t>
  </si>
  <si>
    <t>52579.0</t>
  </si>
  <si>
    <t>1332.991</t>
  </si>
  <si>
    <t>2.697</t>
  </si>
  <si>
    <t>60292.0</t>
  </si>
  <si>
    <t>42200752.0</t>
  </si>
  <si>
    <t>17019396.0</t>
  </si>
  <si>
    <t>16325547.0</t>
  </si>
  <si>
    <t>9429410.0</t>
  </si>
  <si>
    <t>149554.0</t>
  </si>
  <si>
    <t>96498.0</t>
  </si>
  <si>
    <t>215.27</t>
  </si>
  <si>
    <t>11.732</t>
  </si>
  <si>
    <t>26034874.0</t>
  </si>
  <si>
    <t>1335.589</t>
  </si>
  <si>
    <t>56701.0</t>
  </si>
  <si>
    <t>42229600.0</t>
  </si>
  <si>
    <t>17023370.0</t>
  </si>
  <si>
    <t>16328249.0</t>
  </si>
  <si>
    <t>9451584.0</t>
  </si>
  <si>
    <t>28848.0</t>
  </si>
  <si>
    <t>97021.0</t>
  </si>
  <si>
    <t>215.42</t>
  </si>
  <si>
    <t>86.84</t>
  </si>
  <si>
    <t>26099866.0</t>
  </si>
  <si>
    <t>64992.0</t>
  </si>
  <si>
    <t>1338.923</t>
  </si>
  <si>
    <t>55791.0</t>
  </si>
  <si>
    <t>42233392.0</t>
  </si>
  <si>
    <t>17023725.0</t>
  </si>
  <si>
    <t>16328580.0</t>
  </si>
  <si>
    <t>9454690.0</t>
  </si>
  <si>
    <t>97059.0</t>
  </si>
  <si>
    <t>215.44</t>
  </si>
  <si>
    <t>16033.0</t>
  </si>
  <si>
    <t>37722.8</t>
  </si>
  <si>
    <t>1924.26586442503</t>
  </si>
  <si>
    <t>33.769</t>
  </si>
  <si>
    <t>26156617.0</t>
  </si>
  <si>
    <t>1341.834</t>
  </si>
  <si>
    <t>55327.0</t>
  </si>
  <si>
    <t>42403593.0</t>
  </si>
  <si>
    <t>17057088.0</t>
  </si>
  <si>
    <t>16351496.0</t>
  </si>
  <si>
    <t>9568639.0</t>
  </si>
  <si>
    <t>170201.0</t>
  </si>
  <si>
    <t>98222.0</t>
  </si>
  <si>
    <t>83.41</t>
  </si>
  <si>
    <t>26197235.0</t>
  </si>
  <si>
    <t>1343.918</t>
  </si>
  <si>
    <t>42564805.0</t>
  </si>
  <si>
    <t>17087822.0</t>
  </si>
  <si>
    <t>16372484.0</t>
  </si>
  <si>
    <t>9678178.0</t>
  </si>
  <si>
    <t>161212.0</t>
  </si>
  <si>
    <t>96873.0</t>
  </si>
  <si>
    <t>217.13</t>
  </si>
  <si>
    <t>83.52</t>
  </si>
  <si>
    <t>26248390.0</t>
  </si>
  <si>
    <t>51155.0</t>
  </si>
  <si>
    <t>1346.542</t>
  </si>
  <si>
    <t>2.624</t>
  </si>
  <si>
    <t>55136.0</t>
  </si>
  <si>
    <t>42710293.0</t>
  </si>
  <si>
    <t>17115088.0</t>
  </si>
  <si>
    <t>16391677.0</t>
  </si>
  <si>
    <t>9777266.0</t>
  </si>
  <si>
    <t>117202.0</t>
  </si>
  <si>
    <t>49.87</t>
  </si>
  <si>
    <t>10.355</t>
  </si>
  <si>
    <t>26318201.0</t>
  </si>
  <si>
    <t>69811.0</t>
  </si>
  <si>
    <t>1350.123</t>
  </si>
  <si>
    <t>55220.0</t>
  </si>
  <si>
    <t>42840871.0</t>
  </si>
  <si>
    <t>17140155.0</t>
  </si>
  <si>
    <t>16408418.0</t>
  </si>
  <si>
    <t>9866066.0</t>
  </si>
  <si>
    <t>130578.0</t>
  </si>
  <si>
    <t>112810.0</t>
  </si>
  <si>
    <t>87.43</t>
  </si>
  <si>
    <t>22514.0</t>
  </si>
  <si>
    <t>26388222.0</t>
  </si>
  <si>
    <t>70021.0</t>
  </si>
  <si>
    <t>1353.715</t>
  </si>
  <si>
    <t>57712.0</t>
  </si>
  <si>
    <t>42956697.0</t>
  </si>
  <si>
    <t>17161684.0</t>
  </si>
  <si>
    <t>16422963.0</t>
  </si>
  <si>
    <t>9945836.0</t>
  </si>
  <si>
    <t>107992.0</t>
  </si>
  <si>
    <t>20327.0</t>
  </si>
  <si>
    <t>26455061.0</t>
  </si>
  <si>
    <t>66839.0</t>
  </si>
  <si>
    <t>1357.144</t>
  </si>
  <si>
    <t>60027.0</t>
  </si>
  <si>
    <t>42978071.0</t>
  </si>
  <si>
    <t>17164505.0</t>
  </si>
  <si>
    <t>16424764.0</t>
  </si>
  <si>
    <t>9962591.0</t>
  </si>
  <si>
    <t>21374.0</t>
  </si>
  <si>
    <t>106924.0</t>
  </si>
  <si>
    <t>219.23</t>
  </si>
  <si>
    <t>20162.0</t>
  </si>
  <si>
    <t>31.933</t>
  </si>
  <si>
    <t>8.927</t>
  </si>
  <si>
    <t>26513712.0</t>
  </si>
  <si>
    <t>58651.0</t>
  </si>
  <si>
    <t>1360.153</t>
  </si>
  <si>
    <t>59121.0</t>
  </si>
  <si>
    <t>42980614.0</t>
  </si>
  <si>
    <t>17164739.0</t>
  </si>
  <si>
    <t>16424915.0</t>
  </si>
  <si>
    <t>9964752.0</t>
  </si>
  <si>
    <t>106746.0</t>
  </si>
  <si>
    <t>20145.0</t>
  </si>
  <si>
    <t>38135.4</t>
  </si>
  <si>
    <t>1945.31287301563</t>
  </si>
  <si>
    <t>26569335.0</t>
  </si>
  <si>
    <t>55623.0</t>
  </si>
  <si>
    <t>1363.006</t>
  </si>
  <si>
    <t>58960.0</t>
  </si>
  <si>
    <t>43107347.0</t>
  </si>
  <si>
    <t>17184988.0</t>
  </si>
  <si>
    <t>16439955.0</t>
  </si>
  <si>
    <t>10056217.0</t>
  </si>
  <si>
    <t>126733.0</t>
  </si>
  <si>
    <t>100536.0</t>
  </si>
  <si>
    <t>18271.0</t>
  </si>
  <si>
    <t>31.014</t>
  </si>
  <si>
    <t>8.417</t>
  </si>
  <si>
    <t>26604567.0</t>
  </si>
  <si>
    <t>1364.814</t>
  </si>
  <si>
    <t>58190.0</t>
  </si>
  <si>
    <t>43227006.0</t>
  </si>
  <si>
    <t>17203004.0</t>
  </si>
  <si>
    <t>16454339.0</t>
  </si>
  <si>
    <t>10143492.0</t>
  </si>
  <si>
    <t>119659.0</t>
  </si>
  <si>
    <t>94600.0</t>
  </si>
  <si>
    <t>220.5</t>
  </si>
  <si>
    <t>29.943</t>
  </si>
  <si>
    <t>26650853.0</t>
  </si>
  <si>
    <t>46286.0</t>
  </si>
  <si>
    <t>1367.188</t>
  </si>
  <si>
    <t>43327551.0</t>
  </si>
  <si>
    <t>17217393.0</t>
  </si>
  <si>
    <t>16467005.0</t>
  </si>
  <si>
    <t>10216993.0</t>
  </si>
  <si>
    <t>100545.0</t>
  </si>
  <si>
    <t>88180.0</t>
  </si>
  <si>
    <t>52.12</t>
  </si>
  <si>
    <t>14615.0</t>
  </si>
  <si>
    <t>7.805</t>
  </si>
  <si>
    <t>26718970.0</t>
  </si>
  <si>
    <t>68117.0</t>
  </si>
  <si>
    <t>1370.683</t>
  </si>
  <si>
    <t>43405053.0</t>
  </si>
  <si>
    <t>17227305.0</t>
  </si>
  <si>
    <t>16477213.0</t>
  </si>
  <si>
    <t>10274389.0</t>
  </si>
  <si>
    <t>77502.0</t>
  </si>
  <si>
    <t>80597.0</t>
  </si>
  <si>
    <t>221.41</t>
  </si>
  <si>
    <t>12450.0</t>
  </si>
  <si>
    <t>26777576.0</t>
  </si>
  <si>
    <t>58606.0</t>
  </si>
  <si>
    <t>1373.689</t>
  </si>
  <si>
    <t>3.006</t>
  </si>
  <si>
    <t>55622.0</t>
  </si>
  <si>
    <t>43425100.0</t>
  </si>
  <si>
    <t>17229101.0</t>
  </si>
  <si>
    <t>16479734.0</t>
  </si>
  <si>
    <t>10290119.0</t>
  </si>
  <si>
    <t>20047.0</t>
  </si>
  <si>
    <t>221.51</t>
  </si>
  <si>
    <t>87.89</t>
  </si>
  <si>
    <t>26834619.0</t>
  </si>
  <si>
    <t>57043.0</t>
  </si>
  <si>
    <t>1376.615</t>
  </si>
  <si>
    <t>54223.0</t>
  </si>
  <si>
    <t>43425184.0</t>
  </si>
  <si>
    <t>17229102.0</t>
  </si>
  <si>
    <t>16479736.0</t>
  </si>
  <si>
    <t>10290200.0</t>
  </si>
  <si>
    <t>9228.0</t>
  </si>
  <si>
    <t>26888969.0</t>
  </si>
  <si>
    <t>1379.404</t>
  </si>
  <si>
    <t>53608.0</t>
  </si>
  <si>
    <t>43426498.0</t>
  </si>
  <si>
    <t>17229207.0</t>
  </si>
  <si>
    <t>16479857.0</t>
  </si>
  <si>
    <t>10291288.0</t>
  </si>
  <si>
    <t>63698.0</t>
  </si>
  <si>
    <t>221.52</t>
  </si>
  <si>
    <t>38547.3</t>
  </si>
  <si>
    <t>1966.32417412681</t>
  </si>
  <si>
    <t>6.784</t>
  </si>
  <si>
    <t>30.351</t>
  </si>
  <si>
    <t>26915681.0</t>
  </si>
  <si>
    <t>26712.0</t>
  </si>
  <si>
    <t>1380.774</t>
  </si>
  <si>
    <t>49478.0</t>
  </si>
  <si>
    <t>43591632.0</t>
  </si>
  <si>
    <t>17247655.0</t>
  </si>
  <si>
    <t>16495802.0</t>
  </si>
  <si>
    <t>10422041.0</t>
  </si>
  <si>
    <t>165134.0</t>
  </si>
  <si>
    <t>69184.0</t>
  </si>
  <si>
    <t>222.36</t>
  </si>
  <si>
    <t>87.98</t>
  </si>
  <si>
    <t>26939983.0</t>
  </si>
  <si>
    <t>24302.0</t>
  </si>
  <si>
    <t>1382.021</t>
  </si>
  <si>
    <t>47917.0</t>
  </si>
  <si>
    <t>43809891.0</t>
  </si>
  <si>
    <t>17268098.0</t>
  </si>
  <si>
    <t>16512789.0</t>
  </si>
  <si>
    <t>10602888.0</t>
  </si>
  <si>
    <t>218259.0</t>
  </si>
  <si>
    <t>83269.0</t>
  </si>
  <si>
    <t>223.48</t>
  </si>
  <si>
    <t>26991309.0</t>
  </si>
  <si>
    <t>51326.0</t>
  </si>
  <si>
    <t>1384.654</t>
  </si>
  <si>
    <t>44039618.0</t>
  </si>
  <si>
    <t>17287577.0</t>
  </si>
  <si>
    <t>16529202.0</t>
  </si>
  <si>
    <t>10796742.0</t>
  </si>
  <si>
    <t>229727.0</t>
  </si>
  <si>
    <t>101724.0</t>
  </si>
  <si>
    <t>27060003.0</t>
  </si>
  <si>
    <t>68694.0</t>
  </si>
  <si>
    <t>1388.178</t>
  </si>
  <si>
    <t>44258374.0</t>
  </si>
  <si>
    <t>17304504.0</t>
  </si>
  <si>
    <t>16544247.0</t>
  </si>
  <si>
    <t>10983538.0</t>
  </si>
  <si>
    <t>218756.0</t>
  </si>
  <si>
    <t>121903.0</t>
  </si>
  <si>
    <t>27121207.0</t>
  </si>
  <si>
    <t>61204.0</t>
  </si>
  <si>
    <t>1391.317</t>
  </si>
  <si>
    <t>49090.0</t>
  </si>
  <si>
    <t>44314046.0</t>
  </si>
  <si>
    <t>17307875.0</t>
  </si>
  <si>
    <t>16547786.0</t>
  </si>
  <si>
    <t>11032301.0</t>
  </si>
  <si>
    <t>55672.0</t>
  </si>
  <si>
    <t>126992.0</t>
  </si>
  <si>
    <t>226.05</t>
  </si>
  <si>
    <t>88.29</t>
  </si>
  <si>
    <t>11253.0</t>
  </si>
  <si>
    <t>27184296.0</t>
  </si>
  <si>
    <t>63089.0</t>
  </si>
  <si>
    <t>1394.554</t>
  </si>
  <si>
    <t>49954.0</t>
  </si>
  <si>
    <t>44314156.0</t>
  </si>
  <si>
    <t>17307883.0</t>
  </si>
  <si>
    <t>16547792.0</t>
  </si>
  <si>
    <t>11032397.0</t>
  </si>
  <si>
    <t>126996.0</t>
  </si>
  <si>
    <t>27243571.0</t>
  </si>
  <si>
    <t>59275.0</t>
  </si>
  <si>
    <t>1397.595</t>
  </si>
  <si>
    <t>50657.0</t>
  </si>
  <si>
    <t>44315037.0</t>
  </si>
  <si>
    <t>17307924.0</t>
  </si>
  <si>
    <t>16547848.0</t>
  </si>
  <si>
    <t>11033181.0</t>
  </si>
  <si>
    <t>126934.0</t>
  </si>
  <si>
    <t>6475.0</t>
  </si>
  <si>
    <t>39032.4</t>
  </si>
  <si>
    <t>1991.06945737282</t>
  </si>
  <si>
    <t>27270125.0</t>
  </si>
  <si>
    <t>26554.0</t>
  </si>
  <si>
    <t>1398.957</t>
  </si>
  <si>
    <t>44497380.0</t>
  </si>
  <si>
    <t>17327748.0</t>
  </si>
  <si>
    <t>16564522.0</t>
  </si>
  <si>
    <t>11179040.0</t>
  </si>
  <si>
    <t>182343.0</t>
  </si>
  <si>
    <t>129393.0</t>
  </si>
  <si>
    <t>226.98</t>
  </si>
  <si>
    <t>88.39</t>
  </si>
  <si>
    <t>27295908.0</t>
  </si>
  <si>
    <t>1400.28</t>
  </si>
  <si>
    <t>44669215.0</t>
  </si>
  <si>
    <t>17348464.0</t>
  </si>
  <si>
    <t>16582334.0</t>
  </si>
  <si>
    <t>11312360.0</t>
  </si>
  <si>
    <t>171835.0</t>
  </si>
  <si>
    <t>122761.0</t>
  </si>
  <si>
    <t>227.86</t>
  </si>
  <si>
    <t>11481.0</t>
  </si>
  <si>
    <t>27347931.0</t>
  </si>
  <si>
    <t>1402.948</t>
  </si>
  <si>
    <t>50946.0</t>
  </si>
  <si>
    <t>44812432.0</t>
  </si>
  <si>
    <t>17367537.0</t>
  </si>
  <si>
    <t>16594997.0</t>
  </si>
  <si>
    <t>11423868.0</t>
  </si>
  <si>
    <t>143217.0</t>
  </si>
  <si>
    <t>110402.0</t>
  </si>
  <si>
    <t>11423.0</t>
  </si>
  <si>
    <t>27422369.0</t>
  </si>
  <si>
    <t>74438.0</t>
  </si>
  <si>
    <t>1406.767</t>
  </si>
  <si>
    <t>51767.0</t>
  </si>
  <si>
    <t>44953108.0</t>
  </si>
  <si>
    <t>17384951.0</t>
  </si>
  <si>
    <t>16622762.0</t>
  </si>
  <si>
    <t>11519385.0</t>
  </si>
  <si>
    <t>140676.0</t>
  </si>
  <si>
    <t>99248.0</t>
  </si>
  <si>
    <t>229.31</t>
  </si>
  <si>
    <t>88.68</t>
  </si>
  <si>
    <t>27496851.0</t>
  </si>
  <si>
    <t>74482.0</t>
  </si>
  <si>
    <t>1410.588</t>
  </si>
  <si>
    <t>53663.0</t>
  </si>
  <si>
    <t>45090259.0</t>
  </si>
  <si>
    <t>17402200.0</t>
  </si>
  <si>
    <t>16651513.0</t>
  </si>
  <si>
    <t>11610544.0</t>
  </si>
  <si>
    <t>137151.0</t>
  </si>
  <si>
    <t>110888.0</t>
  </si>
  <si>
    <t>13475.0</t>
  </si>
  <si>
    <t>27574680.0</t>
  </si>
  <si>
    <t>77829.0</t>
  </si>
  <si>
    <t>1414.581</t>
  </si>
  <si>
    <t>55769.0</t>
  </si>
  <si>
    <t>45105253.0</t>
  </si>
  <si>
    <t>17403975.0</t>
  </si>
  <si>
    <t>16653634.0</t>
  </si>
  <si>
    <t>11621643.0</t>
  </si>
  <si>
    <t>113014.0</t>
  </si>
  <si>
    <t>230.08</t>
  </si>
  <si>
    <t>6.529</t>
  </si>
  <si>
    <t>27650659.0</t>
  </si>
  <si>
    <t>75979.0</t>
  </si>
  <si>
    <t>1418.478</t>
  </si>
  <si>
    <t>58155.0</t>
  </si>
  <si>
    <t>45107621.0</t>
  </si>
  <si>
    <t>17404197.0</t>
  </si>
  <si>
    <t>16653839.0</t>
  </si>
  <si>
    <t>11623584.0</t>
  </si>
  <si>
    <t>113226.0</t>
  </si>
  <si>
    <t>230.1</t>
  </si>
  <si>
    <t>5776.0</t>
  </si>
  <si>
    <t>13753.0</t>
  </si>
  <si>
    <t>39423.8</t>
  </si>
  <si>
    <t>2011.0350394435</t>
  </si>
  <si>
    <t>27717609.0</t>
  </si>
  <si>
    <t>1421.913</t>
  </si>
  <si>
    <t>45257138.0</t>
  </si>
  <si>
    <t>17424364.0</t>
  </si>
  <si>
    <t>16683490.0</t>
  </si>
  <si>
    <t>11723297.0</t>
  </si>
  <si>
    <t>149517.0</t>
  </si>
  <si>
    <t>108537.0</t>
  </si>
  <si>
    <t>230.86</t>
  </si>
  <si>
    <t>27768144.0</t>
  </si>
  <si>
    <t>50535.0</t>
  </si>
  <si>
    <t>1424.505</t>
  </si>
  <si>
    <t>67462.0</t>
  </si>
  <si>
    <t>45385796.0</t>
  </si>
  <si>
    <t>17441903.0</t>
  </si>
  <si>
    <t>16710365.0</t>
  </si>
  <si>
    <t>11807561.0</t>
  </si>
  <si>
    <t>128658.0</t>
  </si>
  <si>
    <t>102369.0</t>
  </si>
  <si>
    <t>231.52</t>
  </si>
  <si>
    <t>88.97</t>
  </si>
  <si>
    <t>27827182.0</t>
  </si>
  <si>
    <t>59038.0</t>
  </si>
  <si>
    <t>1427.534</t>
  </si>
  <si>
    <t>68464.0</t>
  </si>
  <si>
    <t>45496466.0</t>
  </si>
  <si>
    <t>17456981.0</t>
  </si>
  <si>
    <t>16734255.0</t>
  </si>
  <si>
    <t>11879275.0</t>
  </si>
  <si>
    <t>110670.0</t>
  </si>
  <si>
    <t>97719.0</t>
  </si>
  <si>
    <t>232.08</t>
  </si>
  <si>
    <t>12778.0</t>
  </si>
  <si>
    <t>27923149.0</t>
  </si>
  <si>
    <t>95967.0</t>
  </si>
  <si>
    <t>1432.457</t>
  </si>
  <si>
    <t>4.923</t>
  </si>
  <si>
    <t>71540.0</t>
  </si>
  <si>
    <t>45595277.0</t>
  </si>
  <si>
    <t>17470640.0</t>
  </si>
  <si>
    <t>16757045.0</t>
  </si>
  <si>
    <t>11941643.0</t>
  </si>
  <si>
    <t>98811.0</t>
  </si>
  <si>
    <t>91738.0</t>
  </si>
  <si>
    <t>232.58</t>
  </si>
  <si>
    <t>60.92</t>
  </si>
  <si>
    <t>21.782</t>
  </si>
  <si>
    <t>45.91</t>
  </si>
  <si>
    <t>28012401.0</t>
  </si>
  <si>
    <t>1437.036</t>
  </si>
  <si>
    <t>45689828.0</t>
  </si>
  <si>
    <t>17484116.0</t>
  </si>
  <si>
    <t>16778260.0</t>
  </si>
  <si>
    <t>12001514.0</t>
  </si>
  <si>
    <t>94551.0</t>
  </si>
  <si>
    <t>85653.0</t>
  </si>
  <si>
    <t>233.07</t>
  </si>
  <si>
    <t>28107226.0</t>
  </si>
  <si>
    <t>94825.0</t>
  </si>
  <si>
    <t>1441.9</t>
  </si>
  <si>
    <t>4.865</t>
  </si>
  <si>
    <t>76078.0</t>
  </si>
  <si>
    <t>3.903</t>
  </si>
  <si>
    <t>45701500.0</t>
  </si>
  <si>
    <t>17485716.0</t>
  </si>
  <si>
    <t>16780193.0</t>
  </si>
  <si>
    <t>12009654.0</t>
  </si>
  <si>
    <t>11672.0</t>
  </si>
  <si>
    <t>85178.0</t>
  </si>
  <si>
    <t>5.764</t>
  </si>
  <si>
    <t>28203334.0</t>
  </si>
  <si>
    <t>96108.0</t>
  </si>
  <si>
    <t>1446.831</t>
  </si>
  <si>
    <t>78954.0</t>
  </si>
  <si>
    <t>45702431.0</t>
  </si>
  <si>
    <t>17485818.0</t>
  </si>
  <si>
    <t>16780291.0</t>
  </si>
  <si>
    <t>12010385.0</t>
  </si>
  <si>
    <t>39908.4</t>
  </si>
  <si>
    <t>2035.75481734706</t>
  </si>
  <si>
    <t>28290902.0</t>
  </si>
  <si>
    <t>87568.0</t>
  </si>
  <si>
    <t>1451.323</t>
  </si>
  <si>
    <t>81899.0</t>
  </si>
  <si>
    <t>4.201</t>
  </si>
  <si>
    <t>45806990.0</t>
  </si>
  <si>
    <t>17502402.0</t>
  </si>
  <si>
    <t>16803281.0</t>
  </si>
  <si>
    <t>12075394.0</t>
  </si>
  <si>
    <t>104559.0</t>
  </si>
  <si>
    <t>78550.0</t>
  </si>
  <si>
    <t>233.66</t>
  </si>
  <si>
    <t>28350873.0</t>
  </si>
  <si>
    <t>59971.0</t>
  </si>
  <si>
    <t>1454.399</t>
  </si>
  <si>
    <t>3.077</t>
  </si>
  <si>
    <t>0.0956</t>
  </si>
  <si>
    <t>45891706.0</t>
  </si>
  <si>
    <t>17515915.0</t>
  </si>
  <si>
    <t>16821579.0</t>
  </si>
  <si>
    <t>12128313.0</t>
  </si>
  <si>
    <t>84716.0</t>
  </si>
  <si>
    <t>72273.0</t>
  </si>
  <si>
    <t>234.1</t>
  </si>
  <si>
    <t>58.356</t>
  </si>
  <si>
    <t>28421353.0</t>
  </si>
  <si>
    <t>70480.0</t>
  </si>
  <si>
    <t>1458.015</t>
  </si>
  <si>
    <t>84882.0</t>
  </si>
  <si>
    <t>4.354</t>
  </si>
  <si>
    <t>45979666.0</t>
  </si>
  <si>
    <t>17530512.0</t>
  </si>
  <si>
    <t>16840797.0</t>
  </si>
  <si>
    <t>12182481.0</t>
  </si>
  <si>
    <t>87960.0</t>
  </si>
  <si>
    <t>234.55</t>
  </si>
  <si>
    <t>28518334.0</t>
  </si>
  <si>
    <t>96981.0</t>
  </si>
  <si>
    <t>1462.99</t>
  </si>
  <si>
    <t>85026.0</t>
  </si>
  <si>
    <t>46098163.0</t>
  </si>
  <si>
    <t>17542766.0</t>
  </si>
  <si>
    <t>16855702.0</t>
  </si>
  <si>
    <t>12273825.0</t>
  </si>
  <si>
    <t>71841.0</t>
  </si>
  <si>
    <t>28621089.0</t>
  </si>
  <si>
    <t>102755.0</t>
  </si>
  <si>
    <t>1468.261</t>
  </si>
  <si>
    <t>5.271</t>
  </si>
  <si>
    <t>86955.0</t>
  </si>
  <si>
    <t>46195633.0</t>
  </si>
  <si>
    <t>17553895.0</t>
  </si>
  <si>
    <t>16866978.0</t>
  </si>
  <si>
    <t>12348907.0</t>
  </si>
  <si>
    <t>97470.0</t>
  </si>
  <si>
    <t>72258.0</t>
  </si>
  <si>
    <t>89.54</t>
  </si>
  <si>
    <t>28717672.0</t>
  </si>
  <si>
    <t>96583.0</t>
  </si>
  <si>
    <t>1473.216</t>
  </si>
  <si>
    <t>4.955</t>
  </si>
  <si>
    <t>87207.0</t>
  </si>
  <si>
    <t>0.1353</t>
  </si>
  <si>
    <t>46204933.0</t>
  </si>
  <si>
    <t>17555097.0</t>
  </si>
  <si>
    <t>16868009.0</t>
  </si>
  <si>
    <t>12355975.0</t>
  </si>
  <si>
    <t>71919.0</t>
  </si>
  <si>
    <t>7.754</t>
  </si>
  <si>
    <t>28809387.0</t>
  </si>
  <si>
    <t>91715.0</t>
  </si>
  <si>
    <t>1477.921</t>
  </si>
  <si>
    <t>4.442</t>
  </si>
  <si>
    <t>46205909.0</t>
  </si>
  <si>
    <t>17555203.0</t>
  </si>
  <si>
    <t>16868078.0</t>
  </si>
  <si>
    <t>12356776.0</t>
  </si>
  <si>
    <t>71925.0</t>
  </si>
  <si>
    <t>235.7</t>
  </si>
  <si>
    <t>40274.5</t>
  </si>
  <si>
    <t>17.84</t>
  </si>
  <si>
    <t>2054.42982908972</t>
  </si>
  <si>
    <t>7.856</t>
  </si>
  <si>
    <t>28905541.0</t>
  </si>
  <si>
    <t>96154.0</t>
  </si>
  <si>
    <t>1482.854</t>
  </si>
  <si>
    <t>87806.0</t>
  </si>
  <si>
    <t>4.504</t>
  </si>
  <si>
    <t>46309916.0</t>
  </si>
  <si>
    <t>17569191.0</t>
  </si>
  <si>
    <t>16884466.0</t>
  </si>
  <si>
    <t>12430423.0</t>
  </si>
  <si>
    <t>104007.0</t>
  </si>
  <si>
    <t>71847.0</t>
  </si>
  <si>
    <t>9541.0</t>
  </si>
  <si>
    <t>28985704.0</t>
  </si>
  <si>
    <t>1486.966</t>
  </si>
  <si>
    <t>90690.0</t>
  </si>
  <si>
    <t>4.652</t>
  </si>
  <si>
    <t>46402264.0</t>
  </si>
  <si>
    <t>17581500.0</t>
  </si>
  <si>
    <t>16901021.0</t>
  </si>
  <si>
    <t>12493912.0</t>
  </si>
  <si>
    <t>92348.0</t>
  </si>
  <si>
    <t>72937.0</t>
  </si>
  <si>
    <t>236.7</t>
  </si>
  <si>
    <t>29077102.0</t>
  </si>
  <si>
    <t>91398.0</t>
  </si>
  <si>
    <t>1491.655</t>
  </si>
  <si>
    <t>93678.0</t>
  </si>
  <si>
    <t>4.806</t>
  </si>
  <si>
    <t>46482144.0</t>
  </si>
  <si>
    <t>17591941.0</t>
  </si>
  <si>
    <t>16916578.0</t>
  </si>
  <si>
    <t>12547802.0</t>
  </si>
  <si>
    <t>79880.0</t>
  </si>
  <si>
    <t>71783.0</t>
  </si>
  <si>
    <t>237.11</t>
  </si>
  <si>
    <t>89.74</t>
  </si>
  <si>
    <t>86.29</t>
  </si>
  <si>
    <t>29191165.0</t>
  </si>
  <si>
    <t>114063.0</t>
  </si>
  <si>
    <t>1497.506</t>
  </si>
  <si>
    <t>96119.0</t>
  </si>
  <si>
    <t>0.1922</t>
  </si>
  <si>
    <t>46553514.0</t>
  </si>
  <si>
    <t>17601726.0</t>
  </si>
  <si>
    <t>16930784.0</t>
  </si>
  <si>
    <t>12595192.0</t>
  </si>
  <si>
    <t>71370.0</t>
  </si>
  <si>
    <t>29316380.0</t>
  </si>
  <si>
    <t>125215.0</t>
  </si>
  <si>
    <t>1503.93</t>
  </si>
  <si>
    <t>99327.0</t>
  </si>
  <si>
    <t>5.095</t>
  </si>
  <si>
    <t>46620089.0</t>
  </si>
  <si>
    <t>17610804.0</t>
  </si>
  <si>
    <t>16941684.0</t>
  </si>
  <si>
    <t>12641799.0</t>
  </si>
  <si>
    <t>237.81</t>
  </si>
  <si>
    <t>8130.0</t>
  </si>
  <si>
    <t>29448679.0</t>
  </si>
  <si>
    <t>132299.0</t>
  </si>
  <si>
    <t>1510.717</t>
  </si>
  <si>
    <t>104430.0</t>
  </si>
  <si>
    <t>46627856.0</t>
  </si>
  <si>
    <t>17611972.0</t>
  </si>
  <si>
    <t>16942555.0</t>
  </si>
  <si>
    <t>12647527.0</t>
  </si>
  <si>
    <t>60418.0</t>
  </si>
  <si>
    <t>8125.0</t>
  </si>
  <si>
    <t>29579648.0</t>
  </si>
  <si>
    <t>130969.0</t>
  </si>
  <si>
    <t>1517.435</t>
  </si>
  <si>
    <t>110037.0</t>
  </si>
  <si>
    <t>46628574.0</t>
  </si>
  <si>
    <t>17612056.0</t>
  </si>
  <si>
    <t>16942628.0</t>
  </si>
  <si>
    <t>12648088.0</t>
  </si>
  <si>
    <t>60381.0</t>
  </si>
  <si>
    <t>237.86</t>
  </si>
  <si>
    <t>8122.0</t>
  </si>
  <si>
    <t>40868.9</t>
  </si>
  <si>
    <t>2084.75058019553</t>
  </si>
  <si>
    <t>122.63</t>
  </si>
  <si>
    <t>29699065.0</t>
  </si>
  <si>
    <t>119417.0</t>
  </si>
  <si>
    <t>1523.562</t>
  </si>
  <si>
    <t>113361.0</t>
  </si>
  <si>
    <t>46712213.0</t>
  </si>
  <si>
    <t>17624025.0</t>
  </si>
  <si>
    <t>16958957.0</t>
  </si>
  <si>
    <t>12703439.0</t>
  </si>
  <si>
    <t>83639.0</t>
  </si>
  <si>
    <t>57471.0</t>
  </si>
  <si>
    <t>238.28</t>
  </si>
  <si>
    <t>86.51</t>
  </si>
  <si>
    <t>29792093.0</t>
  </si>
  <si>
    <t>93028.0</t>
  </si>
  <si>
    <t>1528.334</t>
  </si>
  <si>
    <t>4.772</t>
  </si>
  <si>
    <t>115198.0</t>
  </si>
  <si>
    <t>46785067.0</t>
  </si>
  <si>
    <t>17634348.0</t>
  </si>
  <si>
    <t>16974399.0</t>
  </si>
  <si>
    <t>12750541.0</t>
  </si>
  <si>
    <t>72854.0</t>
  </si>
  <si>
    <t>54686.0</t>
  </si>
  <si>
    <t>238.65</t>
  </si>
  <si>
    <t>12.447</t>
  </si>
  <si>
    <t>29903399.0</t>
  </si>
  <si>
    <t>111306.0</t>
  </si>
  <si>
    <t>1534.044</t>
  </si>
  <si>
    <t>118042.0</t>
  </si>
  <si>
    <t>6.056</t>
  </si>
  <si>
    <t>0.2435</t>
  </si>
  <si>
    <t>46851088.0</t>
  </si>
  <si>
    <t>17643600.0</t>
  </si>
  <si>
    <t>16989607.0</t>
  </si>
  <si>
    <t>12792110.0</t>
  </si>
  <si>
    <t>66021.0</t>
  </si>
  <si>
    <t>52706.0</t>
  </si>
  <si>
    <t>238.99</t>
  </si>
  <si>
    <t>7380.0</t>
  </si>
  <si>
    <t>30040412.0</t>
  </si>
  <si>
    <t>137013.0</t>
  </si>
  <si>
    <t>1541.073</t>
  </si>
  <si>
    <t>121321.0</t>
  </si>
  <si>
    <t>46913442.0</t>
  </si>
  <si>
    <t>17652199.0</t>
  </si>
  <si>
    <t>17003754.0</t>
  </si>
  <si>
    <t>12831726.0</t>
  </si>
  <si>
    <t>51418.0</t>
  </si>
  <si>
    <t>239.31</t>
  </si>
  <si>
    <t>14.589</t>
  </si>
  <si>
    <t>30181646.0</t>
  </si>
  <si>
    <t>141234.0</t>
  </si>
  <si>
    <t>1548.318</t>
  </si>
  <si>
    <t>7.245</t>
  </si>
  <si>
    <t>123609.0</t>
  </si>
  <si>
    <t>0.2554</t>
  </si>
  <si>
    <t>46974675.0</t>
  </si>
  <si>
    <t>17659980.0</t>
  </si>
  <si>
    <t>17017995.0</t>
  </si>
  <si>
    <t>12870942.0</t>
  </si>
  <si>
    <t>239.62</t>
  </si>
  <si>
    <t>86.81</t>
  </si>
  <si>
    <t>30317719.0</t>
  </si>
  <si>
    <t>136073.0</t>
  </si>
  <si>
    <t>1555.298</t>
  </si>
  <si>
    <t>6.981</t>
  </si>
  <si>
    <t>124149.0</t>
  </si>
  <si>
    <t>46980153.0</t>
  </si>
  <si>
    <t>17660729.0</t>
  </si>
  <si>
    <t>17019013.0</t>
  </si>
  <si>
    <t>12874653.0</t>
  </si>
  <si>
    <t>50328.0</t>
  </si>
  <si>
    <t>239.65</t>
  </si>
  <si>
    <t>30.657</t>
  </si>
  <si>
    <t>30451904.0</t>
  </si>
  <si>
    <t>134185.0</t>
  </si>
  <si>
    <t>1562.182</t>
  </si>
  <si>
    <t>6.884</t>
  </si>
  <si>
    <t>124608.0</t>
  </si>
  <si>
    <t>6.392</t>
  </si>
  <si>
    <t>46980760.0</t>
  </si>
  <si>
    <t>17660811.0</t>
  </si>
  <si>
    <t>17019116.0</t>
  </si>
  <si>
    <t>12875075.0</t>
  </si>
  <si>
    <t>50312.0</t>
  </si>
  <si>
    <t>41707.5</t>
  </si>
  <si>
    <t>2127.52814055443</t>
  </si>
  <si>
    <t>160.429</t>
  </si>
  <si>
    <t>30570728.0</t>
  </si>
  <si>
    <t>1568.278</t>
  </si>
  <si>
    <t>6.096</t>
  </si>
  <si>
    <t>124523.0</t>
  </si>
  <si>
    <t>6.388</t>
  </si>
  <si>
    <t>47090765.0</t>
  </si>
  <si>
    <t>17670752.0</t>
  </si>
  <si>
    <t>17035673.0</t>
  </si>
  <si>
    <t>12958589.0</t>
  </si>
  <si>
    <t>110005.0</t>
  </si>
  <si>
    <t>54079.0</t>
  </si>
  <si>
    <t>90.14</t>
  </si>
  <si>
    <t>30666947.0</t>
  </si>
  <si>
    <t>96219.0</t>
  </si>
  <si>
    <t>1573.214</t>
  </si>
  <si>
    <t>4.936</t>
  </si>
  <si>
    <t>124979.0</t>
  </si>
  <si>
    <t>6.411</t>
  </si>
  <si>
    <t>0.2758</t>
  </si>
  <si>
    <t>47187984.0</t>
  </si>
  <si>
    <t>17680135.0</t>
  </si>
  <si>
    <t>17051521.0</t>
  </si>
  <si>
    <t>13030582.0</t>
  </si>
  <si>
    <t>173.64</t>
  </si>
  <si>
    <t>30780913.0</t>
  </si>
  <si>
    <t>113966.0</t>
  </si>
  <si>
    <t>1579.06</t>
  </si>
  <si>
    <t>125359.0</t>
  </si>
  <si>
    <t>6.431</t>
  </si>
  <si>
    <t>47268041.0</t>
  </si>
  <si>
    <t>17688418.0</t>
  </si>
  <si>
    <t>17065626.0</t>
  </si>
  <si>
    <t>13088256.0</t>
  </si>
  <si>
    <t>241.12</t>
  </si>
  <si>
    <t>22.241</t>
  </si>
  <si>
    <t>30910518.0</t>
  </si>
  <si>
    <t>129605.0</t>
  </si>
  <si>
    <t>1585.709</t>
  </si>
  <si>
    <t>6.649</t>
  </si>
  <si>
    <t>124301.0</t>
  </si>
  <si>
    <t>47338179.0</t>
  </si>
  <si>
    <t>17696297.0</t>
  </si>
  <si>
    <t>17078698.0</t>
  </si>
  <si>
    <t>13137446.0</t>
  </si>
  <si>
    <t>70138.0</t>
  </si>
  <si>
    <t>60677.0</t>
  </si>
  <si>
    <t>241.48</t>
  </si>
  <si>
    <t>31045582.0</t>
  </si>
  <si>
    <t>135064.0</t>
  </si>
  <si>
    <t>1592.638</t>
  </si>
  <si>
    <t>6.929</t>
  </si>
  <si>
    <t>123419.0</t>
  </si>
  <si>
    <t>6.331</t>
  </si>
  <si>
    <t>47399653.0</t>
  </si>
  <si>
    <t>17703066.0</t>
  </si>
  <si>
    <t>17090697.0</t>
  </si>
  <si>
    <t>13180155.0</t>
  </si>
  <si>
    <t>61474.0</t>
  </si>
  <si>
    <t>60711.0</t>
  </si>
  <si>
    <t>241.79</t>
  </si>
  <si>
    <t>24.332</t>
  </si>
  <si>
    <t>31170286.0</t>
  </si>
  <si>
    <t>124704.0</t>
  </si>
  <si>
    <t>1599.035</t>
  </si>
  <si>
    <t>121795.0</t>
  </si>
  <si>
    <t>6.248</t>
  </si>
  <si>
    <t>0.2908</t>
  </si>
  <si>
    <t>47405132.0</t>
  </si>
  <si>
    <t>17703737.0</t>
  </si>
  <si>
    <t>17091699.0</t>
  </si>
  <si>
    <t>13183963.0</t>
  </si>
  <si>
    <t>241.82</t>
  </si>
  <si>
    <t>31294229.0</t>
  </si>
  <si>
    <t>123943.0</t>
  </si>
  <si>
    <t>1605.393</t>
  </si>
  <si>
    <t>6.173</t>
  </si>
  <si>
    <t>0.2963</t>
  </si>
  <si>
    <t>47405816.0</t>
  </si>
  <si>
    <t>17703849.0</t>
  </si>
  <si>
    <t>17091807.0</t>
  </si>
  <si>
    <t>13184427.0</t>
  </si>
  <si>
    <t>60722.0</t>
  </si>
  <si>
    <t>6148.0</t>
  </si>
  <si>
    <t>42747.4</t>
  </si>
  <si>
    <t>2180.57415178413</t>
  </si>
  <si>
    <t>31393526.0</t>
  </si>
  <si>
    <t>99297.0</t>
  </si>
  <si>
    <t>1610.487</t>
  </si>
  <si>
    <t>117543.0</t>
  </si>
  <si>
    <t>0.3002</t>
  </si>
  <si>
    <t>47554639.0</t>
  </si>
  <si>
    <t>17710900.0</t>
  </si>
  <si>
    <t>17104633.0</t>
  </si>
  <si>
    <t>13313379.0</t>
  </si>
  <si>
    <t>148823.0</t>
  </si>
  <si>
    <t>66268.0</t>
  </si>
  <si>
    <t>242.58</t>
  </si>
  <si>
    <t>23.873</t>
  </si>
  <si>
    <t>31469236.0</t>
  </si>
  <si>
    <t>75710.0</t>
  </si>
  <si>
    <t>1614.371</t>
  </si>
  <si>
    <t>114613.0</t>
  </si>
  <si>
    <t>47688042.0</t>
  </si>
  <si>
    <t>17717713.0</t>
  </si>
  <si>
    <t>17116983.0</t>
  </si>
  <si>
    <t>13427630.0</t>
  </si>
  <si>
    <t>133403.0</t>
  </si>
  <si>
    <t>71437.0</t>
  </si>
  <si>
    <t>243.26</t>
  </si>
  <si>
    <t>31571004.0</t>
  </si>
  <si>
    <t>101768.0</t>
  </si>
  <si>
    <t>1619.592</t>
  </si>
  <si>
    <t>112870.0</t>
  </si>
  <si>
    <t>47805621.0</t>
  </si>
  <si>
    <t>17724519.0</t>
  </si>
  <si>
    <t>17129922.0</t>
  </si>
  <si>
    <t>13525473.0</t>
  </si>
  <si>
    <t>117579.0</t>
  </si>
  <si>
    <t>76797.0</t>
  </si>
  <si>
    <t>243.86</t>
  </si>
  <si>
    <t>31693388.0</t>
  </si>
  <si>
    <t>122384.0</t>
  </si>
  <si>
    <t>1625.87</t>
  </si>
  <si>
    <t>6.278</t>
  </si>
  <si>
    <t>111839.0</t>
  </si>
  <si>
    <t>5.737</t>
  </si>
  <si>
    <t>47910597.0</t>
  </si>
  <si>
    <t>17731547.0</t>
  </si>
  <si>
    <t>17142117.0</t>
  </si>
  <si>
    <t>13611229.0</t>
  </si>
  <si>
    <t>104976.0</t>
  </si>
  <si>
    <t>244.4</t>
  </si>
  <si>
    <t>31807203.0</t>
  </si>
  <si>
    <t>113815.0</t>
  </si>
  <si>
    <t>1631.709</t>
  </si>
  <si>
    <t>5.839</t>
  </si>
  <si>
    <t>108803.0</t>
  </si>
  <si>
    <t>5.582</t>
  </si>
  <si>
    <t>47999839.0</t>
  </si>
  <si>
    <t>17738437.0</t>
  </si>
  <si>
    <t>17154046.0</t>
  </si>
  <si>
    <t>13681658.0</t>
  </si>
  <si>
    <t>89242.0</t>
  </si>
  <si>
    <t>85741.0</t>
  </si>
  <si>
    <t>244.85</t>
  </si>
  <si>
    <t>50.705</t>
  </si>
  <si>
    <t>31918718.0</t>
  </si>
  <si>
    <t>111515.0</t>
  </si>
  <si>
    <t>1637.43</t>
  </si>
  <si>
    <t>106919.0</t>
  </si>
  <si>
    <t>5.485</t>
  </si>
  <si>
    <t>0.3157</t>
  </si>
  <si>
    <t>48005891.0</t>
  </si>
  <si>
    <t>17738999.0</t>
  </si>
  <si>
    <t>17154967.0</t>
  </si>
  <si>
    <t>13686227.0</t>
  </si>
  <si>
    <t>85823.0</t>
  </si>
  <si>
    <t>244.88</t>
  </si>
  <si>
    <t>87.51</t>
  </si>
  <si>
    <t>32025850.0</t>
  </si>
  <si>
    <t>107132.0</t>
  </si>
  <si>
    <t>1642.926</t>
  </si>
  <si>
    <t>104517.0</t>
  </si>
  <si>
    <t>48006297.0</t>
  </si>
  <si>
    <t>17739045.0</t>
  </si>
  <si>
    <t>17155016.0</t>
  </si>
  <si>
    <t>13686538.0</t>
  </si>
  <si>
    <t>85783.0</t>
  </si>
  <si>
    <t>69.82</t>
  </si>
  <si>
    <t>43996.5</t>
  </si>
  <si>
    <t>2244.29159829535</t>
  </si>
  <si>
    <t>51.266</t>
  </si>
  <si>
    <t>32112548.0</t>
  </si>
  <si>
    <t>86698.0</t>
  </si>
  <si>
    <t>1647.373</t>
  </si>
  <si>
    <t>102717.0</t>
  </si>
  <si>
    <t>0.3112</t>
  </si>
  <si>
    <t>48153283.0</t>
  </si>
  <si>
    <t>17749223.0</t>
  </si>
  <si>
    <t>17168781.0</t>
  </si>
  <si>
    <t>13809590.0</t>
  </si>
  <si>
    <t>146986.0</t>
  </si>
  <si>
    <t>85521.0</t>
  </si>
  <si>
    <t>32183032.0</t>
  </si>
  <si>
    <t>70484.0</t>
  </si>
  <si>
    <t>1650.989</t>
  </si>
  <si>
    <t>101971.0</t>
  </si>
  <si>
    <t>48284723.0</t>
  </si>
  <si>
    <t>17758664.0</t>
  </si>
  <si>
    <t>17182633.0</t>
  </si>
  <si>
    <t>13917744.0</t>
  </si>
  <si>
    <t>131440.0</t>
  </si>
  <si>
    <t>85240.0</t>
  </si>
  <si>
    <t>246.3</t>
  </si>
  <si>
    <t>87.65</t>
  </si>
  <si>
    <t>25.403</t>
  </si>
  <si>
    <t>32271718.0</t>
  </si>
  <si>
    <t>1655.539</t>
  </si>
  <si>
    <t>100102.0</t>
  </si>
  <si>
    <t>5.135</t>
  </si>
  <si>
    <t>48397088.0</t>
  </si>
  <si>
    <t>17767591.0</t>
  </si>
  <si>
    <t>17195115.0</t>
  </si>
  <si>
    <t>14008703.0</t>
  </si>
  <si>
    <t>112365.0</t>
  </si>
  <si>
    <t>84495.0</t>
  </si>
  <si>
    <t>246.88</t>
  </si>
  <si>
    <t>87.71</t>
  </si>
  <si>
    <t>153.44</t>
  </si>
  <si>
    <t>32381790.0</t>
  </si>
  <si>
    <t>110072.0</t>
  </si>
  <si>
    <t>1661.185</t>
  </si>
  <si>
    <t>5.647</t>
  </si>
  <si>
    <t>0.2997</t>
  </si>
  <si>
    <t>48497781.0</t>
  </si>
  <si>
    <t>17776631.0</t>
  </si>
  <si>
    <t>17207903.0</t>
  </si>
  <si>
    <t>14087572.0</t>
  </si>
  <si>
    <t>100693.0</t>
  </si>
  <si>
    <t>83883.0</t>
  </si>
  <si>
    <t>247.39</t>
  </si>
  <si>
    <t>32490390.0</t>
  </si>
  <si>
    <t>108600.0</t>
  </si>
  <si>
    <t>1666.756</t>
  </si>
  <si>
    <t>5.571</t>
  </si>
  <si>
    <t>97598.0</t>
  </si>
  <si>
    <t>48587224.0</t>
  </si>
  <si>
    <t>17785536.0</t>
  </si>
  <si>
    <t>17220563.0</t>
  </si>
  <si>
    <t>14155457.0</t>
  </si>
  <si>
    <t>89443.0</t>
  </si>
  <si>
    <t>83912.0</t>
  </si>
  <si>
    <t>247.85</t>
  </si>
  <si>
    <t>4280.0</t>
  </si>
  <si>
    <t>25.862</t>
  </si>
  <si>
    <t>32593405.0</t>
  </si>
  <si>
    <t>103015.0</t>
  </si>
  <si>
    <t>1672.041</t>
  </si>
  <si>
    <t>96384.0</t>
  </si>
  <si>
    <t>48594426.0</t>
  </si>
  <si>
    <t>17786440.0</t>
  </si>
  <si>
    <t>17221687.0</t>
  </si>
  <si>
    <t>14160631.0</t>
  </si>
  <si>
    <t>7202.0</t>
  </si>
  <si>
    <t>84076.0</t>
  </si>
  <si>
    <t>32693218.0</t>
  </si>
  <si>
    <t>99813.0</t>
  </si>
  <si>
    <t>1677.162</t>
  </si>
  <si>
    <t>95338.0</t>
  </si>
  <si>
    <t>48594994.0</t>
  </si>
  <si>
    <t>17786519.0</t>
  </si>
  <si>
    <t>17221764.0</t>
  </si>
  <si>
    <t>14161043.0</t>
  </si>
  <si>
    <t>84100.0</t>
  </si>
  <si>
    <t>247.89</t>
  </si>
  <si>
    <t>45226.4</t>
  </si>
  <si>
    <t>2307.02963965644</t>
  </si>
  <si>
    <t>32771075.0</t>
  </si>
  <si>
    <t>77857.0</t>
  </si>
  <si>
    <t>1681.156</t>
  </si>
  <si>
    <t>3.994</t>
  </si>
  <si>
    <t>94075.0</t>
  </si>
  <si>
    <t>48750858.0</t>
  </si>
  <si>
    <t>17797999.0</t>
  </si>
  <si>
    <t>17237572.0</t>
  </si>
  <si>
    <t>14289635.0</t>
  </si>
  <si>
    <t>155864.0</t>
  </si>
  <si>
    <t>85368.0</t>
  </si>
  <si>
    <t>32822346.0</t>
  </si>
  <si>
    <t>1683.786</t>
  </si>
  <si>
    <t>91331.0</t>
  </si>
  <si>
    <t>48888942.0</t>
  </si>
  <si>
    <t>17807344.0</t>
  </si>
  <si>
    <t>17250723.0</t>
  </si>
  <si>
    <t>14405230.0</t>
  </si>
  <si>
    <t>138084.0</t>
  </si>
  <si>
    <t>86317.0</t>
  </si>
  <si>
    <t>249.39</t>
  </si>
  <si>
    <t>32903157.0</t>
  </si>
  <si>
    <t>80811.0</t>
  </si>
  <si>
    <t>1687.931</t>
  </si>
  <si>
    <t>4.146</t>
  </si>
  <si>
    <t>90206.0</t>
  </si>
  <si>
    <t>4.628</t>
  </si>
  <si>
    <t>48998988.0</t>
  </si>
  <si>
    <t>17813667.0</t>
  </si>
  <si>
    <t>17259344.0</t>
  </si>
  <si>
    <t>14500369.0</t>
  </si>
  <si>
    <t>110046.0</t>
  </si>
  <si>
    <t>85986.0</t>
  </si>
  <si>
    <t>249.95</t>
  </si>
  <si>
    <t>88.04</t>
  </si>
  <si>
    <t>6582.0</t>
  </si>
  <si>
    <t>32999838.0</t>
  </si>
  <si>
    <t>96681.0</t>
  </si>
  <si>
    <t>1692.891</t>
  </si>
  <si>
    <t>4.529</t>
  </si>
  <si>
    <t>49098799.0</t>
  </si>
  <si>
    <t>17819241.0</t>
  </si>
  <si>
    <t>17267287.0</t>
  </si>
  <si>
    <t>14586671.0</t>
  </si>
  <si>
    <t>99811.0</t>
  </si>
  <si>
    <t>85860.0</t>
  </si>
  <si>
    <t>88.08</t>
  </si>
  <si>
    <t>33095254.0</t>
  </si>
  <si>
    <t>95416.0</t>
  </si>
  <si>
    <t>1697.786</t>
  </si>
  <si>
    <t>4.895</t>
  </si>
  <si>
    <t>86409.0</t>
  </si>
  <si>
    <t>49202205.0</t>
  </si>
  <si>
    <t>17825503.0</t>
  </si>
  <si>
    <t>17277129.0</t>
  </si>
  <si>
    <t>14673990.0</t>
  </si>
  <si>
    <t>103406.0</t>
  </si>
  <si>
    <t>88.13</t>
  </si>
  <si>
    <t>33186920.0</t>
  </si>
  <si>
    <t>91666.0</t>
  </si>
  <si>
    <t>1702.488</t>
  </si>
  <si>
    <t>84788.0</t>
  </si>
  <si>
    <t>49212733.0</t>
  </si>
  <si>
    <t>17826123.0</t>
  </si>
  <si>
    <t>17278144.0</t>
  </si>
  <si>
    <t>14682883.0</t>
  </si>
  <si>
    <t>10528.0</t>
  </si>
  <si>
    <t>88330.0</t>
  </si>
  <si>
    <t>251.04</t>
  </si>
  <si>
    <t>53.561</t>
  </si>
  <si>
    <t>33278712.0</t>
  </si>
  <si>
    <t>1707.197</t>
  </si>
  <si>
    <t>4.709</t>
  </si>
  <si>
    <t>83642.0</t>
  </si>
  <si>
    <t>49213244.0</t>
  </si>
  <si>
    <t>17826165.0</t>
  </si>
  <si>
    <t>17278208.0</t>
  </si>
  <si>
    <t>14683288.0</t>
  </si>
  <si>
    <t>88321.0</t>
  </si>
  <si>
    <t>46386.3</t>
  </si>
  <si>
    <t>2366.19693307439</t>
  </si>
  <si>
    <t>33346607.0</t>
  </si>
  <si>
    <t>67895.0</t>
  </si>
  <si>
    <t>1710.68</t>
  </si>
  <si>
    <t>49332439.0</t>
  </si>
  <si>
    <t>17830737.0</t>
  </si>
  <si>
    <t>17285644.0</t>
  </si>
  <si>
    <t>14790483.0</t>
  </si>
  <si>
    <t>83083.0</t>
  </si>
  <si>
    <t>251.65</t>
  </si>
  <si>
    <t>33400089.0</t>
  </si>
  <si>
    <t>1713.424</t>
  </si>
  <si>
    <t>0.2654</t>
  </si>
  <si>
    <t>49439844.0</t>
  </si>
  <si>
    <t>17834171.0</t>
  </si>
  <si>
    <t>17292019.0</t>
  </si>
  <si>
    <t>14888088.0</t>
  </si>
  <si>
    <t>107405.0</t>
  </si>
  <si>
    <t>78700.0</t>
  </si>
  <si>
    <t>252.2</t>
  </si>
  <si>
    <t>33480350.0</t>
  </si>
  <si>
    <t>80261.0</t>
  </si>
  <si>
    <t>1717.541</t>
  </si>
  <si>
    <t>82456.0</t>
  </si>
  <si>
    <t>49537197.0</t>
  </si>
  <si>
    <t>17837351.0</t>
  </si>
  <si>
    <t>17298364.0</t>
  </si>
  <si>
    <t>14975962.0</t>
  </si>
  <si>
    <t>97353.0</t>
  </si>
  <si>
    <t>76887.0</t>
  </si>
  <si>
    <t>252.69</t>
  </si>
  <si>
    <t>33576200.0</t>
  </si>
  <si>
    <t>95850.0</t>
  </si>
  <si>
    <t>1722.458</t>
  </si>
  <si>
    <t>82337.0</t>
  </si>
  <si>
    <t>4.224</t>
  </si>
  <si>
    <t>49627643.0</t>
  </si>
  <si>
    <t>17840226.0</t>
  </si>
  <si>
    <t>17304208.0</t>
  </si>
  <si>
    <t>15057694.0</t>
  </si>
  <si>
    <t>90446.0</t>
  </si>
  <si>
    <t>33670819.0</t>
  </si>
  <si>
    <t>1727.312</t>
  </si>
  <si>
    <t>82224.0</t>
  </si>
  <si>
    <t>49724074.0</t>
  </si>
  <si>
    <t>17844233.0</t>
  </si>
  <si>
    <t>17312174.0</t>
  </si>
  <si>
    <t>15142156.0</t>
  </si>
  <si>
    <t>96431.0</t>
  </si>
  <si>
    <t>253.65</t>
  </si>
  <si>
    <t>49.531</t>
  </si>
  <si>
    <t>33765236.0</t>
  </si>
  <si>
    <t>94417.0</t>
  </si>
  <si>
    <t>1732.156</t>
  </si>
  <si>
    <t>4.238</t>
  </si>
  <si>
    <t>49737233.0</t>
  </si>
  <si>
    <t>17844743.0</t>
  </si>
  <si>
    <t>17313138.0</t>
  </si>
  <si>
    <t>15153841.0</t>
  </si>
  <si>
    <t>74929.0</t>
  </si>
  <si>
    <t>253.71</t>
  </si>
  <si>
    <t>91.03</t>
  </si>
  <si>
    <t>47.746</t>
  </si>
  <si>
    <t>33856467.0</t>
  </si>
  <si>
    <t>91231.0</t>
  </si>
  <si>
    <t>1736.836</t>
  </si>
  <si>
    <t>49737887.0</t>
  </si>
  <si>
    <t>17844775.0</t>
  </si>
  <si>
    <t>17313198.0</t>
  </si>
  <si>
    <t>15154403.0</t>
  </si>
  <si>
    <t>74949.0</t>
  </si>
  <si>
    <t>47315.4</t>
  </si>
  <si>
    <t>2413.59096041693</t>
  </si>
  <si>
    <t>33920113.0</t>
  </si>
  <si>
    <t>63646.0</t>
  </si>
  <si>
    <t>1740.101</t>
  </si>
  <si>
    <t>81929.0</t>
  </si>
  <si>
    <t>4.203</t>
  </si>
  <si>
    <t>49829341.0</t>
  </si>
  <si>
    <t>17848070.0</t>
  </si>
  <si>
    <t>17319261.0</t>
  </si>
  <si>
    <t>15236504.0</t>
  </si>
  <si>
    <t>91454.0</t>
  </si>
  <si>
    <t>70986.0</t>
  </si>
  <si>
    <t>254.18</t>
  </si>
  <si>
    <t>91.04</t>
  </si>
  <si>
    <t>33969376.0</t>
  </si>
  <si>
    <t>49263.0</t>
  </si>
  <si>
    <t>1742.628</t>
  </si>
  <si>
    <t>81327.0</t>
  </si>
  <si>
    <t>49918459.0</t>
  </si>
  <si>
    <t>17850932.0</t>
  </si>
  <si>
    <t>17324821.0</t>
  </si>
  <si>
    <t>15317201.0</t>
  </si>
  <si>
    <t>68374.0</t>
  </si>
  <si>
    <t>254.64</t>
  </si>
  <si>
    <t>91.06</t>
  </si>
  <si>
    <t>74.425</t>
  </si>
  <si>
    <t>34060173.0</t>
  </si>
  <si>
    <t>1747.286</t>
  </si>
  <si>
    <t>82832.0</t>
  </si>
  <si>
    <t>4.249</t>
  </si>
  <si>
    <t>49996798.0</t>
  </si>
  <si>
    <t>17853389.0</t>
  </si>
  <si>
    <t>17330040.0</t>
  </si>
  <si>
    <t>15387869.0</t>
  </si>
  <si>
    <t>78339.0</t>
  </si>
  <si>
    <t>65657.0</t>
  </si>
  <si>
    <t>255.04</t>
  </si>
  <si>
    <t>13.263</t>
  </si>
  <si>
    <t>34169092.0</t>
  </si>
  <si>
    <t>108919.0</t>
  </si>
  <si>
    <t>1752.874</t>
  </si>
  <si>
    <t>5.588</t>
  </si>
  <si>
    <t>84699.0</t>
  </si>
  <si>
    <t>4.345</t>
  </si>
  <si>
    <t>50069913.0</t>
  </si>
  <si>
    <t>17855885.0</t>
  </si>
  <si>
    <t>17334885.0</t>
  </si>
  <si>
    <t>15453646.0</t>
  </si>
  <si>
    <t>73115.0</t>
  </si>
  <si>
    <t>255.41</t>
  </si>
  <si>
    <t>91.08</t>
  </si>
  <si>
    <t>88.43</t>
  </si>
  <si>
    <t>34274042.0</t>
  </si>
  <si>
    <t>104950.0</t>
  </si>
  <si>
    <t>1758.258</t>
  </si>
  <si>
    <t>5.384</t>
  </si>
  <si>
    <t>86175.0</t>
  </si>
  <si>
    <t>50158049.0</t>
  </si>
  <si>
    <t>17858842.0</t>
  </si>
  <si>
    <t>17341547.0</t>
  </si>
  <si>
    <t>15532178.0</t>
  </si>
  <si>
    <t>61996.0</t>
  </si>
  <si>
    <t>255.86</t>
  </si>
  <si>
    <t>34369259.0</t>
  </si>
  <si>
    <t>1763.142</t>
  </si>
  <si>
    <t>86289.0</t>
  </si>
  <si>
    <t>4.427</t>
  </si>
  <si>
    <t>50170738.0</t>
  </si>
  <si>
    <t>17859194.0</t>
  </si>
  <si>
    <t>17342335.0</t>
  </si>
  <si>
    <t>15543727.0</t>
  </si>
  <si>
    <t>61929.0</t>
  </si>
  <si>
    <t>255.92</t>
  </si>
  <si>
    <t>34461388.0</t>
  </si>
  <si>
    <t>92129.0</t>
  </si>
  <si>
    <t>1767.869</t>
  </si>
  <si>
    <t>86417.0</t>
  </si>
  <si>
    <t>50171321.0</t>
  </si>
  <si>
    <t>17859220.0</t>
  </si>
  <si>
    <t>17342377.0</t>
  </si>
  <si>
    <t>15544242.0</t>
  </si>
  <si>
    <t>61919.0</t>
  </si>
  <si>
    <t>255.93</t>
  </si>
  <si>
    <t>48037.5</t>
  </si>
  <si>
    <t>2450.42577598474</t>
  </si>
  <si>
    <t>11.477</t>
  </si>
  <si>
    <t>34530373.0</t>
  </si>
  <si>
    <t>68985.0</t>
  </si>
  <si>
    <t>1771.408</t>
  </si>
  <si>
    <t>87180.0</t>
  </si>
  <si>
    <t>50255526.0</t>
  </si>
  <si>
    <t>17861904.0</t>
  </si>
  <si>
    <t>17348224.0</t>
  </si>
  <si>
    <t>15619917.0</t>
  </si>
  <si>
    <t>60884.0</t>
  </si>
  <si>
    <t>256.36</t>
  </si>
  <si>
    <t>88.49</t>
  </si>
  <si>
    <t>34572962.0</t>
  </si>
  <si>
    <t>42589.0</t>
  </si>
  <si>
    <t>1773.592</t>
  </si>
  <si>
    <t>86227.0</t>
  </si>
  <si>
    <t>4.423</t>
  </si>
  <si>
    <t>50336651.0</t>
  </si>
  <si>
    <t>17864328.0</t>
  </si>
  <si>
    <t>17353915.0</t>
  </si>
  <si>
    <t>15692938.0</t>
  </si>
  <si>
    <t>81125.0</t>
  </si>
  <si>
    <t>59742.0</t>
  </si>
  <si>
    <t>256.77</t>
  </si>
  <si>
    <t>91.13</t>
  </si>
  <si>
    <t>34652039.0</t>
  </si>
  <si>
    <t>79077.0</t>
  </si>
  <si>
    <t>1777.649</t>
  </si>
  <si>
    <t>84552.0</t>
  </si>
  <si>
    <t>50410330.0</t>
  </si>
  <si>
    <t>17866727.0</t>
  </si>
  <si>
    <t>17359318.0</t>
  </si>
  <si>
    <t>15758817.0</t>
  </si>
  <si>
    <t>73679.0</t>
  </si>
  <si>
    <t>59076.0</t>
  </si>
  <si>
    <t>257.15</t>
  </si>
  <si>
    <t>91.14</t>
  </si>
  <si>
    <t>34755620.0</t>
  </si>
  <si>
    <t>103581.0</t>
  </si>
  <si>
    <t>1782.963</t>
  </si>
  <si>
    <t>83790.0</t>
  </si>
  <si>
    <t>4.298</t>
  </si>
  <si>
    <t>50477541.0</t>
  </si>
  <si>
    <t>17868942.0</t>
  </si>
  <si>
    <t>17364337.0</t>
  </si>
  <si>
    <t>15818796.0</t>
  </si>
  <si>
    <t>58233.0</t>
  </si>
  <si>
    <t>257.49</t>
  </si>
  <si>
    <t>91.15</t>
  </si>
  <si>
    <t>9.386</t>
  </si>
  <si>
    <t>34851693.0</t>
  </si>
  <si>
    <t>96073.0</t>
  </si>
  <si>
    <t>1787.891</t>
  </si>
  <si>
    <t>4.929</t>
  </si>
  <si>
    <t>82522.0</t>
  </si>
  <si>
    <t>50558300.0</t>
  </si>
  <si>
    <t>17871909.0</t>
  </si>
  <si>
    <t>17371475.0</t>
  </si>
  <si>
    <t>15889458.0</t>
  </si>
  <si>
    <t>80759.0</t>
  </si>
  <si>
    <t>57179.0</t>
  </si>
  <si>
    <t>257.9</t>
  </si>
  <si>
    <t>91.17</t>
  </si>
  <si>
    <t>34935997.0</t>
  </si>
  <si>
    <t>84304.0</t>
  </si>
  <si>
    <t>1792.216</t>
  </si>
  <si>
    <t>80963.0</t>
  </si>
  <si>
    <t>4.153</t>
  </si>
  <si>
    <t>50571460.0</t>
  </si>
  <si>
    <t>17872329.0</t>
  </si>
  <si>
    <t>17372421.0</t>
  </si>
  <si>
    <t>15901252.0</t>
  </si>
  <si>
    <t>57246.0</t>
  </si>
  <si>
    <t>257.97</t>
  </si>
  <si>
    <t>35016330.0</t>
  </si>
  <si>
    <t>80333.0</t>
  </si>
  <si>
    <t>1796.337</t>
  </si>
  <si>
    <t>4.121</t>
  </si>
  <si>
    <t>79277.0</t>
  </si>
  <si>
    <t>4.067</t>
  </si>
  <si>
    <t>50572059.0</t>
  </si>
  <si>
    <t>17872361.0</t>
  </si>
  <si>
    <t>17372485.0</t>
  </si>
  <si>
    <t>15901755.0</t>
  </si>
  <si>
    <t>57248.0</t>
  </si>
  <si>
    <t>48629.9</t>
  </si>
  <si>
    <t>2480.64450572075</t>
  </si>
  <si>
    <t>35072725.0</t>
  </si>
  <si>
    <t>56395.0</t>
  </si>
  <si>
    <t>1799.23</t>
  </si>
  <si>
    <t>77479.0</t>
  </si>
  <si>
    <t>50638624.0</t>
  </si>
  <si>
    <t>17875064.0</t>
  </si>
  <si>
    <t>17379109.0</t>
  </si>
  <si>
    <t>15958993.0</t>
  </si>
  <si>
    <t>66565.0</t>
  </si>
  <si>
    <t>54728.0</t>
  </si>
  <si>
    <t>258.31</t>
  </si>
  <si>
    <t>91.18</t>
  </si>
  <si>
    <t>88.65</t>
  </si>
  <si>
    <t>35107510.0</t>
  </si>
  <si>
    <t>34785.0</t>
  </si>
  <si>
    <t>1801.015</t>
  </si>
  <si>
    <t>76364.0</t>
  </si>
  <si>
    <t>50698542.0</t>
  </si>
  <si>
    <t>17877305.0</t>
  </si>
  <si>
    <t>17384707.0</t>
  </si>
  <si>
    <t>16011115.0</t>
  </si>
  <si>
    <t>59918.0</t>
  </si>
  <si>
    <t>258.62</t>
  </si>
  <si>
    <t>91.19</t>
  </si>
  <si>
    <t>35177212.0</t>
  </si>
  <si>
    <t>69702.0</t>
  </si>
  <si>
    <t>1804.59</t>
  </si>
  <si>
    <t>75025.0</t>
  </si>
  <si>
    <t>50754968.0</t>
  </si>
  <si>
    <t>17879649.0</t>
  </si>
  <si>
    <t>17389761.0</t>
  </si>
  <si>
    <t>16060144.0</t>
  </si>
  <si>
    <t>56426.0</t>
  </si>
  <si>
    <t>258.9</t>
  </si>
  <si>
    <t>91.21</t>
  </si>
  <si>
    <t>35259304.0</t>
  </si>
  <si>
    <t>82092.0</t>
  </si>
  <si>
    <t>1808.802</t>
  </si>
  <si>
    <t>4.211</t>
  </si>
  <si>
    <t>71955.0</t>
  </si>
  <si>
    <t>50804619.0</t>
  </si>
  <si>
    <t>17881640.0</t>
  </si>
  <si>
    <t>17394108.0</t>
  </si>
  <si>
    <t>16103459.0</t>
  </si>
  <si>
    <t>49651.0</t>
  </si>
  <si>
    <t>46725.0</t>
  </si>
  <si>
    <t>259.16</t>
  </si>
  <si>
    <t>91.22</t>
  </si>
  <si>
    <t>88.73</t>
  </si>
  <si>
    <t>35336336.0</t>
  </si>
  <si>
    <t>77032.0</t>
  </si>
  <si>
    <t>1812.753</t>
  </si>
  <si>
    <t>69235.0</t>
  </si>
  <si>
    <t>50861764.0</t>
  </si>
  <si>
    <t>17884070.0</t>
  </si>
  <si>
    <t>17400138.0</t>
  </si>
  <si>
    <t>16152145.0</t>
  </si>
  <si>
    <t>259.45</t>
  </si>
  <si>
    <t>91.23</t>
  </si>
  <si>
    <t>35407400.0</t>
  </si>
  <si>
    <t>71064.0</t>
  </si>
  <si>
    <t>1816.399</t>
  </si>
  <si>
    <t>67343.0</t>
  </si>
  <si>
    <t>50870660.0</t>
  </si>
  <si>
    <t>17884361.0</t>
  </si>
  <si>
    <t>17400813.0</t>
  </si>
  <si>
    <t>16160077.0</t>
  </si>
  <si>
    <t>8896.0</t>
  </si>
  <si>
    <t>42743.0</t>
  </si>
  <si>
    <t>259.49</t>
  </si>
  <si>
    <t>35472578.0</t>
  </si>
  <si>
    <t>65178.0</t>
  </si>
  <si>
    <t>1819.743</t>
  </si>
  <si>
    <t>50871044.0</t>
  </si>
  <si>
    <t>17884374.0</t>
  </si>
  <si>
    <t>17400836.0</t>
  </si>
  <si>
    <t>16160425.0</t>
  </si>
  <si>
    <t>42712.0</t>
  </si>
  <si>
    <t>259.5</t>
  </si>
  <si>
    <t>49113.8</t>
  </si>
  <si>
    <t>2505.32857614487</t>
  </si>
  <si>
    <t>35516119.0</t>
  </si>
  <si>
    <t>43541.0</t>
  </si>
  <si>
    <t>1821.976</t>
  </si>
  <si>
    <t>63342.0</t>
  </si>
  <si>
    <t>50944912.0</t>
  </si>
  <si>
    <t>17886743.0</t>
  </si>
  <si>
    <t>17405721.0</t>
  </si>
  <si>
    <t>16227041.0</t>
  </si>
  <si>
    <t>73868.0</t>
  </si>
  <si>
    <t>43755.0</t>
  </si>
  <si>
    <t>259.87</t>
  </si>
  <si>
    <t>91.24</t>
  </si>
  <si>
    <t>26.526</t>
  </si>
  <si>
    <t>35548916.0</t>
  </si>
  <si>
    <t>32797.0</t>
  </si>
  <si>
    <t>1823.659</t>
  </si>
  <si>
    <t>63058.0</t>
  </si>
  <si>
    <t>51015264.0</t>
  </si>
  <si>
    <t>17888903.0</t>
  </si>
  <si>
    <t>17409842.0</t>
  </si>
  <si>
    <t>16291114.0</t>
  </si>
  <si>
    <t>260.23</t>
  </si>
  <si>
    <t>35609491.0</t>
  </si>
  <si>
    <t>60575.0</t>
  </si>
  <si>
    <t>1826.766</t>
  </si>
  <si>
    <t>61754.0</t>
  </si>
  <si>
    <t>3.168</t>
  </si>
  <si>
    <t>51083538.0</t>
  </si>
  <si>
    <t>17890865.0</t>
  </si>
  <si>
    <t>17413601.0</t>
  </si>
  <si>
    <t>16353667.0</t>
  </si>
  <si>
    <t>46939.0</t>
  </si>
  <si>
    <t>260.58</t>
  </si>
  <si>
    <t>91.26</t>
  </si>
  <si>
    <t>35682768.0</t>
  </si>
  <si>
    <t>73277.0</t>
  </si>
  <si>
    <t>1830.525</t>
  </si>
  <si>
    <t>3.759</t>
  </si>
  <si>
    <t>60495.0</t>
  </si>
  <si>
    <t>51144423.0</t>
  </si>
  <si>
    <t>17892729.0</t>
  </si>
  <si>
    <t>17416994.0</t>
  </si>
  <si>
    <t>16409298.0</t>
  </si>
  <si>
    <t>60885.0</t>
  </si>
  <si>
    <t>48543.0</t>
  </si>
  <si>
    <t>260.89</t>
  </si>
  <si>
    <t>88.85</t>
  </si>
  <si>
    <t>35750401.0</t>
  </si>
  <si>
    <t>1833.995</t>
  </si>
  <si>
    <t>59152.0</t>
  </si>
  <si>
    <t>51209453.0</t>
  </si>
  <si>
    <t>17894820.0</t>
  </si>
  <si>
    <t>17421607.0</t>
  </si>
  <si>
    <t>16467629.0</t>
  </si>
  <si>
    <t>65030.0</t>
  </si>
  <si>
    <t>49670.0</t>
  </si>
  <si>
    <t>261.22</t>
  </si>
  <si>
    <t>91.28</t>
  </si>
  <si>
    <t>88.87</t>
  </si>
  <si>
    <t>4.999</t>
  </si>
  <si>
    <t>35812250.0</t>
  </si>
  <si>
    <t>61849.0</t>
  </si>
  <si>
    <t>1837.168</t>
  </si>
  <si>
    <t>57836.0</t>
  </si>
  <si>
    <t>51221789.0</t>
  </si>
  <si>
    <t>17895155.0</t>
  </si>
  <si>
    <t>17422397.0</t>
  </si>
  <si>
    <t>16478841.0</t>
  </si>
  <si>
    <t>50161.0</t>
  </si>
  <si>
    <t>261.29</t>
  </si>
  <si>
    <t>4.591</t>
  </si>
  <si>
    <t>35874692.0</t>
  </si>
  <si>
    <t>62442.0</t>
  </si>
  <si>
    <t>1840.371</t>
  </si>
  <si>
    <t>51222167.0</t>
  </si>
  <si>
    <t>17895174.0</t>
  </si>
  <si>
    <t>17422423.0</t>
  </si>
  <si>
    <t>16479174.0</t>
  </si>
  <si>
    <t>50160.0</t>
  </si>
  <si>
    <t>49536.7</t>
  </si>
  <si>
    <t>2526.90099478997</t>
  </si>
  <si>
    <t>35918551.0</t>
  </si>
  <si>
    <t>43859.0</t>
  </si>
  <si>
    <t>1842.621</t>
  </si>
  <si>
    <t>57490.0</t>
  </si>
  <si>
    <t>51306947.0</t>
  </si>
  <si>
    <t>17897142.0</t>
  </si>
  <si>
    <t>17426171.0</t>
  </si>
  <si>
    <t>16558239.0</t>
  </si>
  <si>
    <t>51719.0</t>
  </si>
  <si>
    <t>261.72</t>
  </si>
  <si>
    <t>91.29</t>
  </si>
  <si>
    <t>88.89</t>
  </si>
  <si>
    <t>35949925.0</t>
  </si>
  <si>
    <t>1844.231</t>
  </si>
  <si>
    <t>57287.0</t>
  </si>
  <si>
    <t>2.939</t>
  </si>
  <si>
    <t>51392777.0</t>
  </si>
  <si>
    <t>17898740.0</t>
  </si>
  <si>
    <t>17429229.0</t>
  </si>
  <si>
    <t>16639413.0</t>
  </si>
  <si>
    <t>53930.0</t>
  </si>
  <si>
    <t>262.16</t>
  </si>
  <si>
    <t>3.928</t>
  </si>
  <si>
    <t>36003497.0</t>
  </si>
  <si>
    <t>53572.0</t>
  </si>
  <si>
    <t>1846.979</t>
  </si>
  <si>
    <t>51477840.0</t>
  </si>
  <si>
    <t>17900296.0</t>
  </si>
  <si>
    <t>17432172.0</t>
  </si>
  <si>
    <t>16719977.0</t>
  </si>
  <si>
    <t>85063.0</t>
  </si>
  <si>
    <t>262.59</t>
  </si>
  <si>
    <t>91.31</t>
  </si>
  <si>
    <t>36067535.0</t>
  </si>
  <si>
    <t>64038.0</t>
  </si>
  <si>
    <t>1850.264</t>
  </si>
  <si>
    <t>51571707.0</t>
  </si>
  <si>
    <t>17902079.0</t>
  </si>
  <si>
    <t>17435571.0</t>
  </si>
  <si>
    <t>16808662.0</t>
  </si>
  <si>
    <t>93867.0</t>
  </si>
  <si>
    <t>61041.0</t>
  </si>
  <si>
    <t>263.07</t>
  </si>
  <si>
    <t>91.32</t>
  </si>
  <si>
    <t>36124618.0</t>
  </si>
  <si>
    <t>57083.0</t>
  </si>
  <si>
    <t>1853.192</t>
  </si>
  <si>
    <t>51572569.0</t>
  </si>
  <si>
    <t>17902098.0</t>
  </si>
  <si>
    <t>17435591.0</t>
  </si>
  <si>
    <t>16809485.0</t>
  </si>
  <si>
    <t>51874.0</t>
  </si>
  <si>
    <t>263.08</t>
  </si>
  <si>
    <t>36177178.0</t>
  </si>
  <si>
    <t>1855.889</t>
  </si>
  <si>
    <t>52133.0</t>
  </si>
  <si>
    <t>51573204.0</t>
  </si>
  <si>
    <t>17902106.0</t>
  </si>
  <si>
    <t>17435613.0</t>
  </si>
  <si>
    <t>16810090.0</t>
  </si>
  <si>
    <t>36206758.0</t>
  </si>
  <si>
    <t>29580.0</t>
  </si>
  <si>
    <t>1857.406</t>
  </si>
  <si>
    <t>47438.0</t>
  </si>
  <si>
    <t>2.434</t>
  </si>
  <si>
    <t>51573614.0</t>
  </si>
  <si>
    <t>17902115.0</t>
  </si>
  <si>
    <t>17435624.0</t>
  </si>
  <si>
    <t>16810480.0</t>
  </si>
  <si>
    <t>50207.0</t>
  </si>
  <si>
    <t>49679.6</t>
  </si>
  <si>
    <t>2534.19042166248</t>
  </si>
  <si>
    <t>36229996.0</t>
  </si>
  <si>
    <t>23238.0</t>
  </si>
  <si>
    <t>1858.598</t>
  </si>
  <si>
    <t>44492.0</t>
  </si>
  <si>
    <t>51686645.0</t>
  </si>
  <si>
    <t>17903906.0</t>
  </si>
  <si>
    <t>17438991.0</t>
  </si>
  <si>
    <t>16918354.0</t>
  </si>
  <si>
    <t>113031.0</t>
  </si>
  <si>
    <t>263.66</t>
  </si>
  <si>
    <t>91.33</t>
  </si>
  <si>
    <t>88.96</t>
  </si>
  <si>
    <t>36252298.0</t>
  </si>
  <si>
    <t>22302.0</t>
  </si>
  <si>
    <t>1859.742</t>
  </si>
  <si>
    <t>51810382.0</t>
  </si>
  <si>
    <t>17905393.0</t>
  </si>
  <si>
    <t>17441916.0</t>
  </si>
  <si>
    <t>17037681.0</t>
  </si>
  <si>
    <t>123737.0</t>
  </si>
  <si>
    <t>59658.0</t>
  </si>
  <si>
    <t>264.29</t>
  </si>
  <si>
    <t>91.34</t>
  </si>
  <si>
    <t>86.91</t>
  </si>
  <si>
    <t>36302694.0</t>
  </si>
  <si>
    <t>1862.328</t>
  </si>
  <si>
    <t>51936615.0</t>
  </si>
  <si>
    <t>17906947.0</t>
  </si>
  <si>
    <t>17444690.0</t>
  </si>
  <si>
    <t>17159586.0</t>
  </si>
  <si>
    <t>126233.0</t>
  </si>
  <si>
    <t>65539.0</t>
  </si>
  <si>
    <t>264.93</t>
  </si>
  <si>
    <t>87.53</t>
  </si>
  <si>
    <t>15.048</t>
  </si>
  <si>
    <t>36363665.0</t>
  </si>
  <si>
    <t>60971.0</t>
  </si>
  <si>
    <t>1865.455</t>
  </si>
  <si>
    <t>42304.0</t>
  </si>
  <si>
    <t>52055959.0</t>
  </si>
  <si>
    <t>17908389.0</t>
  </si>
  <si>
    <t>17447105.0</t>
  </si>
  <si>
    <t>17275075.0</t>
  </si>
  <si>
    <t>119344.0</t>
  </si>
  <si>
    <t>69179.0</t>
  </si>
  <si>
    <t>265.54</t>
  </si>
  <si>
    <t>91.35</t>
  </si>
  <si>
    <t>88.12</t>
  </si>
  <si>
    <t>36419764.0</t>
  </si>
  <si>
    <t>56099.0</t>
  </si>
  <si>
    <t>1868.333</t>
  </si>
  <si>
    <t>52182956.0</t>
  </si>
  <si>
    <t>17909960.0</t>
  </si>
  <si>
    <t>17450202.0</t>
  </si>
  <si>
    <t>17397410.0</t>
  </si>
  <si>
    <t>87198.0</t>
  </si>
  <si>
    <t>266.19</t>
  </si>
  <si>
    <t>91.36</t>
  </si>
  <si>
    <t>36470556.0</t>
  </si>
  <si>
    <t>50792.0</t>
  </si>
  <si>
    <t>1870.939</t>
  </si>
  <si>
    <t>41911.0</t>
  </si>
  <si>
    <t>52202747.0</t>
  </si>
  <si>
    <t>17910251.0</t>
  </si>
  <si>
    <t>17450735.0</t>
  </si>
  <si>
    <t>17416377.0</t>
  </si>
  <si>
    <t>19791.0</t>
  </si>
  <si>
    <t>266.29</t>
  </si>
  <si>
    <t>36513983.0</t>
  </si>
  <si>
    <t>1873.167</t>
  </si>
  <si>
    <t>43889.0</t>
  </si>
  <si>
    <t>52203738.0</t>
  </si>
  <si>
    <t>17910259.0</t>
  </si>
  <si>
    <t>17450751.0</t>
  </si>
  <si>
    <t>17417344.0</t>
  </si>
  <si>
    <t>90018.0</t>
  </si>
  <si>
    <t>50031.0</t>
  </si>
  <si>
    <t>2552.11557633708</t>
  </si>
  <si>
    <t>36546412.0</t>
  </si>
  <si>
    <t>1874.83</t>
  </si>
  <si>
    <t>45202.0</t>
  </si>
  <si>
    <t>52321105.0</t>
  </si>
  <si>
    <t>17911970.0</t>
  </si>
  <si>
    <t>17453636.0</t>
  </si>
  <si>
    <t>17530122.0</t>
  </si>
  <si>
    <t>117367.0</t>
  </si>
  <si>
    <t>90637.0</t>
  </si>
  <si>
    <t>266.89</t>
  </si>
  <si>
    <t>89.03</t>
  </si>
  <si>
    <t>36569416.0</t>
  </si>
  <si>
    <t>23004.0</t>
  </si>
  <si>
    <t>1876.01</t>
  </si>
  <si>
    <t>45303.0</t>
  </si>
  <si>
    <t>52430204.0</t>
  </si>
  <si>
    <t>17913487.0</t>
  </si>
  <si>
    <t>17456121.0</t>
  </si>
  <si>
    <t>17635226.0</t>
  </si>
  <si>
    <t>109099.0</t>
  </si>
  <si>
    <t>88546.0</t>
  </si>
  <si>
    <t>267.45</t>
  </si>
  <si>
    <t>91.38</t>
  </si>
  <si>
    <t>36615127.0</t>
  </si>
  <si>
    <t>45711.0</t>
  </si>
  <si>
    <t>1878.355</t>
  </si>
  <si>
    <t>44633.0</t>
  </si>
  <si>
    <t>52530085.0</t>
  </si>
  <si>
    <t>17914909.0</t>
  </si>
  <si>
    <t>17458557.0</t>
  </si>
  <si>
    <t>17731256.0</t>
  </si>
  <si>
    <t>99881.0</t>
  </si>
  <si>
    <t>84781.0</t>
  </si>
  <si>
    <t>267.96</t>
  </si>
  <si>
    <t>91.39</t>
  </si>
  <si>
    <t>89.06</t>
  </si>
  <si>
    <t>36667741.0</t>
  </si>
  <si>
    <t>1881.054</t>
  </si>
  <si>
    <t>43439.0</t>
  </si>
  <si>
    <t>52635295.0</t>
  </si>
  <si>
    <t>17916389.0</t>
  </si>
  <si>
    <t>17461094.0</t>
  </si>
  <si>
    <t>17832454.0</t>
  </si>
  <si>
    <t>105210.0</t>
  </si>
  <si>
    <t>82762.0</t>
  </si>
  <si>
    <t>268.5</t>
  </si>
  <si>
    <t>36714632.0</t>
  </si>
  <si>
    <t>46891.0</t>
  </si>
  <si>
    <t>1883.46</t>
  </si>
  <si>
    <t>52762033.0</t>
  </si>
  <si>
    <t>17918024.0</t>
  </si>
  <si>
    <t>17463914.0</t>
  </si>
  <si>
    <t>17954741.0</t>
  </si>
  <si>
    <t>126738.0</t>
  </si>
  <si>
    <t>82725.0</t>
  </si>
  <si>
    <t>269.14</t>
  </si>
  <si>
    <t>91.4</t>
  </si>
  <si>
    <t>91.59</t>
  </si>
  <si>
    <t>36760590.0</t>
  </si>
  <si>
    <t>1885.818</t>
  </si>
  <si>
    <t>41433.0</t>
  </si>
  <si>
    <t>52784917.0</t>
  </si>
  <si>
    <t>17918322.0</t>
  </si>
  <si>
    <t>17464393.0</t>
  </si>
  <si>
    <t>17976848.0</t>
  </si>
  <si>
    <t>83167.0</t>
  </si>
  <si>
    <t>269.26</t>
  </si>
  <si>
    <t>91.7</t>
  </si>
  <si>
    <t>36808974.0</t>
  </si>
  <si>
    <t>48384.0</t>
  </si>
  <si>
    <t>1888.3</t>
  </si>
  <si>
    <t>2.482</t>
  </si>
  <si>
    <t>52785122.0</t>
  </si>
  <si>
    <t>17918324.0</t>
  </si>
  <si>
    <t>17464394.0</t>
  </si>
  <si>
    <t>17977050.0</t>
  </si>
  <si>
    <t>50174.9</t>
  </si>
  <si>
    <t>2559.45601389449</t>
  </si>
  <si>
    <t>10.661</t>
  </si>
  <si>
    <t>2.398</t>
  </si>
  <si>
    <t>36842874.0</t>
  </si>
  <si>
    <t>1890.039</t>
  </si>
  <si>
    <t>42352.0</t>
  </si>
  <si>
    <t>52919592.0</t>
  </si>
  <si>
    <t>17920028.0</t>
  </si>
  <si>
    <t>17467103.0</t>
  </si>
  <si>
    <t>18107110.0</t>
  </si>
  <si>
    <t>134470.0</t>
  </si>
  <si>
    <t>85498.0</t>
  </si>
  <si>
    <t>269.95</t>
  </si>
  <si>
    <t>91.41</t>
  </si>
  <si>
    <t>36864419.0</t>
  </si>
  <si>
    <t>1891.144</t>
  </si>
  <si>
    <t>53049298.0</t>
  </si>
  <si>
    <t>17921621.0</t>
  </si>
  <si>
    <t>17469691.0</t>
  </si>
  <si>
    <t>18232641.0</t>
  </si>
  <si>
    <t>129706.0</t>
  </si>
  <si>
    <t>88442.0</t>
  </si>
  <si>
    <t>270.61</t>
  </si>
  <si>
    <t>36912065.0</t>
  </si>
  <si>
    <t>47646.0</t>
  </si>
  <si>
    <t>1893.588</t>
  </si>
  <si>
    <t>42420.0</t>
  </si>
  <si>
    <t>53171445.0</t>
  </si>
  <si>
    <t>17923214.0</t>
  </si>
  <si>
    <t>17472319.0</t>
  </si>
  <si>
    <t>18350573.0</t>
  </si>
  <si>
    <t>122147.0</t>
  </si>
  <si>
    <t>91623.0</t>
  </si>
  <si>
    <t>271.23</t>
  </si>
  <si>
    <t>91.43</t>
  </si>
  <si>
    <t>93.61</t>
  </si>
  <si>
    <t>36968878.0</t>
  </si>
  <si>
    <t>56813.0</t>
  </si>
  <si>
    <t>1896.503</t>
  </si>
  <si>
    <t>2.915</t>
  </si>
  <si>
    <t>43020.0</t>
  </si>
  <si>
    <t>53283343.0</t>
  </si>
  <si>
    <t>17924817.0</t>
  </si>
  <si>
    <t>17474803.0</t>
  </si>
  <si>
    <t>18458390.0</t>
  </si>
  <si>
    <t>111898.0</t>
  </si>
  <si>
    <t>92578.0</t>
  </si>
  <si>
    <t>271.8</t>
  </si>
  <si>
    <t>91.44</t>
  </si>
  <si>
    <t>94.16</t>
  </si>
  <si>
    <t>37021857.0</t>
  </si>
  <si>
    <t>52979.0</t>
  </si>
  <si>
    <t>1899.221</t>
  </si>
  <si>
    <t>53397303.0</t>
  </si>
  <si>
    <t>17926520.0</t>
  </si>
  <si>
    <t>17477576.0</t>
  </si>
  <si>
    <t>18567882.0</t>
  </si>
  <si>
    <t>113960.0</t>
  </si>
  <si>
    <t>90753.0</t>
  </si>
  <si>
    <t>272.38</t>
  </si>
  <si>
    <t>89.15</t>
  </si>
  <si>
    <t>37071725.0</t>
  </si>
  <si>
    <t>49868.0</t>
  </si>
  <si>
    <t>1901.779</t>
  </si>
  <si>
    <t>44448.0</t>
  </si>
  <si>
    <t>53418719.0</t>
  </si>
  <si>
    <t>17926866.0</t>
  </si>
  <si>
    <t>17478100.0</t>
  </si>
  <si>
    <t>18588428.0</t>
  </si>
  <si>
    <t>21416.0</t>
  </si>
  <si>
    <t>90543.0</t>
  </si>
  <si>
    <t>272.49</t>
  </si>
  <si>
    <t>91.45</t>
  </si>
  <si>
    <t>89.16</t>
  </si>
  <si>
    <t>94.82</t>
  </si>
  <si>
    <t>37122270.0</t>
  </si>
  <si>
    <t>50545.0</t>
  </si>
  <si>
    <t>1904.372</t>
  </si>
  <si>
    <t>53420037.0</t>
  </si>
  <si>
    <t>17926880.0</t>
  </si>
  <si>
    <t>17478129.0</t>
  </si>
  <si>
    <t>18589703.0</t>
  </si>
  <si>
    <t>90702.0</t>
  </si>
  <si>
    <t>272.5</t>
  </si>
  <si>
    <t>94.83</t>
  </si>
  <si>
    <t>50479.0</t>
  </si>
  <si>
    <t>2574.96836317322</t>
  </si>
  <si>
    <t>37155352.0</t>
  </si>
  <si>
    <t>33082.0</t>
  </si>
  <si>
    <t>1906.069</t>
  </si>
  <si>
    <t>44640.0</t>
  </si>
  <si>
    <t>53531297.0</t>
  </si>
  <si>
    <t>17928590.0</t>
  </si>
  <si>
    <t>17480913.0</t>
  </si>
  <si>
    <t>18696472.0</t>
  </si>
  <si>
    <t>111260.0</t>
  </si>
  <si>
    <t>87386.0</t>
  </si>
  <si>
    <t>273.07</t>
  </si>
  <si>
    <t>89.17</t>
  </si>
  <si>
    <t>95.37</t>
  </si>
  <si>
    <t>37178577.0</t>
  </si>
  <si>
    <t>23225.0</t>
  </si>
  <si>
    <t>1907.26</t>
  </si>
  <si>
    <t>44880.0</t>
  </si>
  <si>
    <t>53655094.0</t>
  </si>
  <si>
    <t>17930169.0</t>
  </si>
  <si>
    <t>17483380.0</t>
  </si>
  <si>
    <t>18816223.0</t>
  </si>
  <si>
    <t>123797.0</t>
  </si>
  <si>
    <t>273.7</t>
  </si>
  <si>
    <t>95.98</t>
  </si>
  <si>
    <t>37225524.0</t>
  </si>
  <si>
    <t>46947.0</t>
  </si>
  <si>
    <t>1909.669</t>
  </si>
  <si>
    <t>2.297</t>
  </si>
  <si>
    <t>53840484.0</t>
  </si>
  <si>
    <t>17931846.0</t>
  </si>
  <si>
    <t>17485838.0</t>
  </si>
  <si>
    <t>18997478.0</t>
  </si>
  <si>
    <t>185390.0</t>
  </si>
  <si>
    <t>95577.0</t>
  </si>
  <si>
    <t>274.64</t>
  </si>
  <si>
    <t>91.47</t>
  </si>
  <si>
    <t>37284128.0</t>
  </si>
  <si>
    <t>58604.0</t>
  </si>
  <si>
    <t>1912.675</t>
  </si>
  <si>
    <t>54026024.0</t>
  </si>
  <si>
    <t>17933681.0</t>
  </si>
  <si>
    <t>17488313.0</t>
  </si>
  <si>
    <t>19178709.0</t>
  </si>
  <si>
    <t>185540.0</t>
  </si>
  <si>
    <t>106097.0</t>
  </si>
  <si>
    <t>275.59</t>
  </si>
  <si>
    <t>91.48</t>
  </si>
  <si>
    <t>8.723</t>
  </si>
  <si>
    <t>37340823.0</t>
  </si>
  <si>
    <t>56695.0</t>
  </si>
  <si>
    <t>1915.584</t>
  </si>
  <si>
    <t>45567.0</t>
  </si>
  <si>
    <t>54212299.0</t>
  </si>
  <si>
    <t>17935625.0</t>
  </si>
  <si>
    <t>17490851.0</t>
  </si>
  <si>
    <t>19360503.0</t>
  </si>
  <si>
    <t>186275.0</t>
  </si>
  <si>
    <t>116428.0</t>
  </si>
  <si>
    <t>276.54</t>
  </si>
  <si>
    <t>91.49</t>
  </si>
  <si>
    <t>37396125.0</t>
  </si>
  <si>
    <t>55302.0</t>
  </si>
  <si>
    <t>1918.421</t>
  </si>
  <si>
    <t>46343.0</t>
  </si>
  <si>
    <t>54258347.0</t>
  </si>
  <si>
    <t>17936063.0</t>
  </si>
  <si>
    <t>17491420.0</t>
  </si>
  <si>
    <t>19405544.0</t>
  </si>
  <si>
    <t>119947.0</t>
  </si>
  <si>
    <t>276.78</t>
  </si>
  <si>
    <t>8.111</t>
  </si>
  <si>
    <t>37452483.0</t>
  </si>
  <si>
    <t>56358.0</t>
  </si>
  <si>
    <t>1921.312</t>
  </si>
  <si>
    <t>2.891</t>
  </si>
  <si>
    <t>47173.0</t>
  </si>
  <si>
    <t>54262124.0</t>
  </si>
  <si>
    <t>17936088.0</t>
  </si>
  <si>
    <t>17491464.0</t>
  </si>
  <si>
    <t>19409252.0</t>
  </si>
  <si>
    <t>120298.0</t>
  </si>
  <si>
    <t>276.79</t>
  </si>
  <si>
    <t>89.23</t>
  </si>
  <si>
    <t>99.01</t>
  </si>
  <si>
    <t>50882.9</t>
  </si>
  <si>
    <t>2595.57157880518</t>
  </si>
  <si>
    <t>37496476.0</t>
  </si>
  <si>
    <t>43993.0</t>
  </si>
  <si>
    <t>1923.569</t>
  </si>
  <si>
    <t>48732.0</t>
  </si>
  <si>
    <t>54464641.0</t>
  </si>
  <si>
    <t>17938349.0</t>
  </si>
  <si>
    <t>17494340.0</t>
  </si>
  <si>
    <t>19606633.0</t>
  </si>
  <si>
    <t>202517.0</t>
  </si>
  <si>
    <t>133335.0</t>
  </si>
  <si>
    <t>277.83</t>
  </si>
  <si>
    <t>8.213</t>
  </si>
  <si>
    <t>37522606.0</t>
  </si>
  <si>
    <t>26130.0</t>
  </si>
  <si>
    <t>1924.909</t>
  </si>
  <si>
    <t>49147.0</t>
  </si>
  <si>
    <t>54667322.0</t>
  </si>
  <si>
    <t>17940690.0</t>
  </si>
  <si>
    <t>17497317.0</t>
  </si>
  <si>
    <t>19803998.0</t>
  </si>
  <si>
    <t>202681.0</t>
  </si>
  <si>
    <t>144604.0</t>
  </si>
  <si>
    <t>278.86</t>
  </si>
  <si>
    <t>91.52</t>
  </si>
  <si>
    <t>101.02</t>
  </si>
  <si>
    <t>37576631.0</t>
  </si>
  <si>
    <t>1927.681</t>
  </si>
  <si>
    <t>50158.0</t>
  </si>
  <si>
    <t>54865414.0</t>
  </si>
  <si>
    <t>17942990.0</t>
  </si>
  <si>
    <t>17500462.0</t>
  </si>
  <si>
    <t>19996646.0</t>
  </si>
  <si>
    <t>198092.0</t>
  </si>
  <si>
    <t>146419.0</t>
  </si>
  <si>
    <t>279.87</t>
  </si>
  <si>
    <t>91.53</t>
  </si>
  <si>
    <t>7469.0</t>
  </si>
  <si>
    <t>2.551</t>
  </si>
  <si>
    <t>37647486.0</t>
  </si>
  <si>
    <t>70855.0</t>
  </si>
  <si>
    <t>1931.315</t>
  </si>
  <si>
    <t>3.635</t>
  </si>
  <si>
    <t>55045738.0</t>
  </si>
  <si>
    <t>17945302.0</t>
  </si>
  <si>
    <t>17503383.0</t>
  </si>
  <si>
    <t>20171737.0</t>
  </si>
  <si>
    <t>180324.0</t>
  </si>
  <si>
    <t>145673.0</t>
  </si>
  <si>
    <t>280.79</t>
  </si>
  <si>
    <t>89.29</t>
  </si>
  <si>
    <t>37716111.0</t>
  </si>
  <si>
    <t>68625.0</t>
  </si>
  <si>
    <t>1934.836</t>
  </si>
  <si>
    <t>53613.0</t>
  </si>
  <si>
    <t>55239754.0</t>
  </si>
  <si>
    <t>17947790.0</t>
  </si>
  <si>
    <t>17506561.0</t>
  </si>
  <si>
    <t>20360088.0</t>
  </si>
  <si>
    <t>194016.0</t>
  </si>
  <si>
    <t>146779.0</t>
  </si>
  <si>
    <t>281.78</t>
  </si>
  <si>
    <t>91.55</t>
  </si>
  <si>
    <t>103.86</t>
  </si>
  <si>
    <t>7.295</t>
  </si>
  <si>
    <t>37777499.0</t>
  </si>
  <si>
    <t>61388.0</t>
  </si>
  <si>
    <t>1937.985</t>
  </si>
  <si>
    <t>54482.0</t>
  </si>
  <si>
    <t>55268542.0</t>
  </si>
  <si>
    <t>17948054.0</t>
  </si>
  <si>
    <t>17506929.0</t>
  </si>
  <si>
    <t>20388245.0</t>
  </si>
  <si>
    <t>144314.0</t>
  </si>
  <si>
    <t>281.93</t>
  </si>
  <si>
    <t>37838882.0</t>
  </si>
  <si>
    <t>61383.0</t>
  </si>
  <si>
    <t>1941.134</t>
  </si>
  <si>
    <t>55272794.0</t>
  </si>
  <si>
    <t>17948086.0</t>
  </si>
  <si>
    <t>17506980.0</t>
  </si>
  <si>
    <t>20392414.0</t>
  </si>
  <si>
    <t>144381.0</t>
  </si>
  <si>
    <t>281.95</t>
  </si>
  <si>
    <t>104.02</t>
  </si>
  <si>
    <t>51182.0</t>
  </si>
  <si>
    <t>2610.8288746594</t>
  </si>
  <si>
    <t>29.076</t>
  </si>
  <si>
    <t>37882348.0</t>
  </si>
  <si>
    <t>43466.0</t>
  </si>
  <si>
    <t>1943.364</t>
  </si>
  <si>
    <t>55125.0</t>
  </si>
  <si>
    <t>55469191.0</t>
  </si>
  <si>
    <t>17950647.0</t>
  </si>
  <si>
    <t>17510117.0</t>
  </si>
  <si>
    <t>20583116.0</t>
  </si>
  <si>
    <t>196397.0</t>
  </si>
  <si>
    <t>143507.0</t>
  </si>
  <si>
    <t>282.95</t>
  </si>
  <si>
    <t>91.57</t>
  </si>
  <si>
    <t>37912099.0</t>
  </si>
  <si>
    <t>29751.0</t>
  </si>
  <si>
    <t>1944.89</t>
  </si>
  <si>
    <t>55642.0</t>
  </si>
  <si>
    <t>2.854</t>
  </si>
  <si>
    <t>55661159.0</t>
  </si>
  <si>
    <t>17953140.0</t>
  </si>
  <si>
    <t>17513014.0</t>
  </si>
  <si>
    <t>20769695.0</t>
  </si>
  <si>
    <t>191968.0</t>
  </si>
  <si>
    <t>141977.0</t>
  </si>
  <si>
    <t>283.93</t>
  </si>
  <si>
    <t>91.58</t>
  </si>
  <si>
    <t>37969480.0</t>
  </si>
  <si>
    <t>57381.0</t>
  </si>
  <si>
    <t>1947.834</t>
  </si>
  <si>
    <t>56121.0</t>
  </si>
  <si>
    <t>55846592.0</t>
  </si>
  <si>
    <t>17955595.0</t>
  </si>
  <si>
    <t>17516051.0</t>
  </si>
  <si>
    <t>20949639.0</t>
  </si>
  <si>
    <t>185433.0</t>
  </si>
  <si>
    <t>140168.0</t>
  </si>
  <si>
    <t>284.88</t>
  </si>
  <si>
    <t>38042802.0</t>
  </si>
  <si>
    <t>73322.0</t>
  </si>
  <si>
    <t>1951.595</t>
  </si>
  <si>
    <t>3.761</t>
  </si>
  <si>
    <t>56474.0</t>
  </si>
  <si>
    <t>56025098.0</t>
  </si>
  <si>
    <t>17957964.0</t>
  </si>
  <si>
    <t>17519101.0</t>
  </si>
  <si>
    <t>21122729.0</t>
  </si>
  <si>
    <t>178506.0</t>
  </si>
  <si>
    <t>139909.0</t>
  </si>
  <si>
    <t>285.79</t>
  </si>
  <si>
    <t>91.6</t>
  </si>
  <si>
    <t>107.75</t>
  </si>
  <si>
    <t>38114582.0</t>
  </si>
  <si>
    <t>71780.0</t>
  </si>
  <si>
    <t>1955.277</t>
  </si>
  <si>
    <t>56924.0</t>
  </si>
  <si>
    <t>56215875.0</t>
  </si>
  <si>
    <t>17960260.0</t>
  </si>
  <si>
    <t>17522021.0</t>
  </si>
  <si>
    <t>21308293.0</t>
  </si>
  <si>
    <t>190777.0</t>
  </si>
  <si>
    <t>139446.0</t>
  </si>
  <si>
    <t>286.76</t>
  </si>
  <si>
    <t>91.62</t>
  </si>
  <si>
    <t>38182691.0</t>
  </si>
  <si>
    <t>68109.0</t>
  </si>
  <si>
    <t>1958.771</t>
  </si>
  <si>
    <t>57885.0</t>
  </si>
  <si>
    <t>56287500.0</t>
  </si>
  <si>
    <t>17960966.0</t>
  </si>
  <si>
    <t>17522879.0</t>
  </si>
  <si>
    <t>21378355.0</t>
  </si>
  <si>
    <t>71625.0</t>
  </si>
  <si>
    <t>145565.0</t>
  </si>
  <si>
    <t>287.13</t>
  </si>
  <si>
    <t>38250820.0</t>
  </si>
  <si>
    <t>68129.0</t>
  </si>
  <si>
    <t>1962.266</t>
  </si>
  <si>
    <t>56294326.0</t>
  </si>
  <si>
    <t>17961016.0</t>
  </si>
  <si>
    <t>17522947.0</t>
  </si>
  <si>
    <t>21385063.0</t>
  </si>
  <si>
    <t>287.16</t>
  </si>
  <si>
    <t>109.09</t>
  </si>
  <si>
    <t>51313.9</t>
  </si>
  <si>
    <t>2617.55718399799</t>
  </si>
  <si>
    <t>38298161.0</t>
  </si>
  <si>
    <t>47341.0</t>
  </si>
  <si>
    <t>1964.695</t>
  </si>
  <si>
    <t>56527049.0</t>
  </si>
  <si>
    <t>17963377.0</t>
  </si>
  <si>
    <t>17525996.0</t>
  </si>
  <si>
    <t>21612376.0</t>
  </si>
  <si>
    <t>232723.0</t>
  </si>
  <si>
    <t>151123.0</t>
  </si>
  <si>
    <t>288.35</t>
  </si>
  <si>
    <t>38328670.0</t>
  </si>
  <si>
    <t>30509.0</t>
  </si>
  <si>
    <t>1966.26</t>
  </si>
  <si>
    <t>59510.0</t>
  </si>
  <si>
    <t>56780400.0</t>
  </si>
  <si>
    <t>17965760.0</t>
  </si>
  <si>
    <t>17529288.0</t>
  </si>
  <si>
    <t>21860052.0</t>
  </si>
  <si>
    <t>253351.0</t>
  </si>
  <si>
    <t>159892.0</t>
  </si>
  <si>
    <t>289.64</t>
  </si>
  <si>
    <t>91.64</t>
  </si>
  <si>
    <t>8156.0</t>
  </si>
  <si>
    <t>38388071.0</t>
  </si>
  <si>
    <t>59401.0</t>
  </si>
  <si>
    <t>1969.307</t>
  </si>
  <si>
    <t>59799.0</t>
  </si>
  <si>
    <t>56991513.0</t>
  </si>
  <si>
    <t>17968191.0</t>
  </si>
  <si>
    <t>17532371.0</t>
  </si>
  <si>
    <t>22065652.0</t>
  </si>
  <si>
    <t>211113.0</t>
  </si>
  <si>
    <t>163560.0</t>
  </si>
  <si>
    <t>290.72</t>
  </si>
  <si>
    <t>91.66</t>
  </si>
  <si>
    <t>39.737</t>
  </si>
  <si>
    <t>38462293.0</t>
  </si>
  <si>
    <t>74222.0</t>
  </si>
  <si>
    <t>1973.115</t>
  </si>
  <si>
    <t>59927.0</t>
  </si>
  <si>
    <t>57171915.0</t>
  </si>
  <si>
    <t>17970326.0</t>
  </si>
  <si>
    <t>17535144.0</t>
  </si>
  <si>
    <t>22241148.0</t>
  </si>
  <si>
    <t>180402.0</t>
  </si>
  <si>
    <t>163831.0</t>
  </si>
  <si>
    <t>291.64</t>
  </si>
  <si>
    <t>38531902.0</t>
  </si>
  <si>
    <t>69609.0</t>
  </si>
  <si>
    <t>1976.686</t>
  </si>
  <si>
    <t>59617.0</t>
  </si>
  <si>
    <t>57331752.0</t>
  </si>
  <si>
    <t>17972089.0</t>
  </si>
  <si>
    <t>17537566.0</t>
  </si>
  <si>
    <t>22396801.0</t>
  </si>
  <si>
    <t>159411.0</t>
  </si>
  <si>
    <t>292.45</t>
  </si>
  <si>
    <t>114.25</t>
  </si>
  <si>
    <t>4.642</t>
  </si>
  <si>
    <t>38602257.0</t>
  </si>
  <si>
    <t>70355.0</t>
  </si>
  <si>
    <t>1980.295</t>
  </si>
  <si>
    <t>59938.0</t>
  </si>
  <si>
    <t>57381530.0</t>
  </si>
  <si>
    <t>17972587.0</t>
  </si>
  <si>
    <t>17538185.0</t>
  </si>
  <si>
    <t>22445462.0</t>
  </si>
  <si>
    <t>49778.0</t>
  </si>
  <si>
    <t>156290.0</t>
  </si>
  <si>
    <t>292.71</t>
  </si>
  <si>
    <t>38668444.0</t>
  </si>
  <si>
    <t>66187.0</t>
  </si>
  <si>
    <t>1983.691</t>
  </si>
  <si>
    <t>59661.0</t>
  </si>
  <si>
    <t>57386421.0</t>
  </si>
  <si>
    <t>17972633.0</t>
  </si>
  <si>
    <t>17538246.0</t>
  </si>
  <si>
    <t>22450246.0</t>
  </si>
  <si>
    <t>292.73</t>
  </si>
  <si>
    <t>51837.3</t>
  </si>
  <si>
    <t>2644.25617647575</t>
  </si>
  <si>
    <t>4.948</t>
  </si>
  <si>
    <t>38718740.0</t>
  </si>
  <si>
    <t>50296.0</t>
  </si>
  <si>
    <t>1986.271</t>
  </si>
  <si>
    <t>60083.0</t>
  </si>
  <si>
    <t>57560694.0</t>
  </si>
  <si>
    <t>17974946.0</t>
  </si>
  <si>
    <t>17541175.0</t>
  </si>
  <si>
    <t>22619280.0</t>
  </si>
  <si>
    <t>174273.0</t>
  </si>
  <si>
    <t>147664.0</t>
  </si>
  <si>
    <t>293.62</t>
  </si>
  <si>
    <t>38749443.0</t>
  </si>
  <si>
    <t>30703.0</t>
  </si>
  <si>
    <t>1987.846</t>
  </si>
  <si>
    <t>57715374.0</t>
  </si>
  <si>
    <t>17977061.0</t>
  </si>
  <si>
    <t>17543779.0</t>
  </si>
  <si>
    <t>22769242.0</t>
  </si>
  <si>
    <t>154680.0</t>
  </si>
  <si>
    <t>133568.0</t>
  </si>
  <si>
    <t>294.41</t>
  </si>
  <si>
    <t>38815977.0</t>
  </si>
  <si>
    <t>66534.0</t>
  </si>
  <si>
    <t>1991.259</t>
  </si>
  <si>
    <t>61129.0</t>
  </si>
  <si>
    <t>57855827.0</t>
  </si>
  <si>
    <t>17979175.0</t>
  </si>
  <si>
    <t>17546411.0</t>
  </si>
  <si>
    <t>22904949.0</t>
  </si>
  <si>
    <t>140453.0</t>
  </si>
  <si>
    <t>123473.0</t>
  </si>
  <si>
    <t>295.13</t>
  </si>
  <si>
    <t>91.71</t>
  </si>
  <si>
    <t>89.51</t>
  </si>
  <si>
    <t>116.84</t>
  </si>
  <si>
    <t>4.438</t>
  </si>
  <si>
    <t>48.613</t>
  </si>
  <si>
    <t>38897776.0</t>
  </si>
  <si>
    <t>81799.0</t>
  </si>
  <si>
    <t>1995.455</t>
  </si>
  <si>
    <t>4.196</t>
  </si>
  <si>
    <t>62212.0</t>
  </si>
  <si>
    <t>57982800.0</t>
  </si>
  <si>
    <t>17981213.0</t>
  </si>
  <si>
    <t>17548998.0</t>
  </si>
  <si>
    <t>23027300.0</t>
  </si>
  <si>
    <t>126973.0</t>
  </si>
  <si>
    <t>115841.0</t>
  </si>
  <si>
    <t>295.77</t>
  </si>
  <si>
    <t>89.52</t>
  </si>
  <si>
    <t>38979478.0</t>
  </si>
  <si>
    <t>81702.0</t>
  </si>
  <si>
    <t>1999.647</t>
  </si>
  <si>
    <t>63939.0</t>
  </si>
  <si>
    <t>58116912.0</t>
  </si>
  <si>
    <t>17983083.0</t>
  </si>
  <si>
    <t>17551655.0</t>
  </si>
  <si>
    <t>23156887.0</t>
  </si>
  <si>
    <t>134112.0</t>
  </si>
  <si>
    <t>112166.0</t>
  </si>
  <si>
    <t>296.46</t>
  </si>
  <si>
    <t>91.73</t>
  </si>
  <si>
    <t>39058319.0</t>
  </si>
  <si>
    <t>78841.0</t>
  </si>
  <si>
    <t>2003.691</t>
  </si>
  <si>
    <t>4.045</t>
  </si>
  <si>
    <t>65152.0</t>
  </si>
  <si>
    <t>58157360.0</t>
  </si>
  <si>
    <t>17983556.0</t>
  </si>
  <si>
    <t>17552216.0</t>
  </si>
  <si>
    <t>23196301.0</t>
  </si>
  <si>
    <t>110833.0</t>
  </si>
  <si>
    <t>296.66</t>
  </si>
  <si>
    <t>118.33</t>
  </si>
  <si>
    <t>39134768.0</t>
  </si>
  <si>
    <t>76449.0</t>
  </si>
  <si>
    <t>2007.613</t>
  </si>
  <si>
    <t>58161271.0</t>
  </si>
  <si>
    <t>17983616.0</t>
  </si>
  <si>
    <t>17552266.0</t>
  </si>
  <si>
    <t>23200102.0</t>
  </si>
  <si>
    <t>110693.0</t>
  </si>
  <si>
    <t>296.68</t>
  </si>
  <si>
    <t>52135.9</t>
  </si>
  <si>
    <t>2659.48796698752</t>
  </si>
  <si>
    <t>39195661.0</t>
  </si>
  <si>
    <t>60893.0</t>
  </si>
  <si>
    <t>2010.737</t>
  </si>
  <si>
    <t>68132.0</t>
  </si>
  <si>
    <t>58286553.0</t>
  </si>
  <si>
    <t>17985565.0</t>
  </si>
  <si>
    <t>17554819.0</t>
  </si>
  <si>
    <t>23320883.0</t>
  </si>
  <si>
    <t>103694.0</t>
  </si>
  <si>
    <t>297.32</t>
  </si>
  <si>
    <t>118.96</t>
  </si>
  <si>
    <t>39230041.0</t>
  </si>
  <si>
    <t>2012.5</t>
  </si>
  <si>
    <t>58399039.0</t>
  </si>
  <si>
    <t>17987264.0</t>
  </si>
  <si>
    <t>17557236.0</t>
  </si>
  <si>
    <t>23429253.0</t>
  </si>
  <si>
    <t>112486.0</t>
  </si>
  <si>
    <t>97666.0</t>
  </si>
  <si>
    <t>39300566.0</t>
  </si>
  <si>
    <t>70525.0</t>
  </si>
  <si>
    <t>2016.118</t>
  </si>
  <si>
    <t>69227.0</t>
  </si>
  <si>
    <t>58507202.0</t>
  </si>
  <si>
    <t>17989097.0</t>
  </si>
  <si>
    <t>17559640.0</t>
  </si>
  <si>
    <t>23533179.0</t>
  </si>
  <si>
    <t>108163.0</t>
  </si>
  <si>
    <t>93054.0</t>
  </si>
  <si>
    <t>298.45</t>
  </si>
  <si>
    <t>91.76</t>
  </si>
  <si>
    <t>89.57</t>
  </si>
  <si>
    <t>39387912.0</t>
  </si>
  <si>
    <t>2020.599</t>
  </si>
  <si>
    <t>4.481</t>
  </si>
  <si>
    <t>58604179.0</t>
  </si>
  <si>
    <t>17990792.0</t>
  </si>
  <si>
    <t>17562046.0</t>
  </si>
  <si>
    <t>23626055.0</t>
  </si>
  <si>
    <t>96977.0</t>
  </si>
  <si>
    <t>88768.0</t>
  </si>
  <si>
    <t>298.94</t>
  </si>
  <si>
    <t>89.59</t>
  </si>
  <si>
    <t>120.52</t>
  </si>
  <si>
    <t>39475379.0</t>
  </si>
  <si>
    <t>87467.0</t>
  </si>
  <si>
    <t>2025.086</t>
  </si>
  <si>
    <t>70843.0</t>
  </si>
  <si>
    <t>58705049.0</t>
  </si>
  <si>
    <t>17992407.0</t>
  </si>
  <si>
    <t>17564257.0</t>
  </si>
  <si>
    <t>23723099.0</t>
  </si>
  <si>
    <t>100870.0</t>
  </si>
  <si>
    <t>84020.0</t>
  </si>
  <si>
    <t>299.46</t>
  </si>
  <si>
    <t>91.78</t>
  </si>
  <si>
    <t>121.01</t>
  </si>
  <si>
    <t>39554979.0</t>
  </si>
  <si>
    <t>79600.0</t>
  </si>
  <si>
    <t>2029.17</t>
  </si>
  <si>
    <t>70951.0</t>
  </si>
  <si>
    <t>58734015.0</t>
  </si>
  <si>
    <t>17992765.0</t>
  </si>
  <si>
    <t>17564738.0</t>
  </si>
  <si>
    <t>23751226.0</t>
  </si>
  <si>
    <t>28966.0</t>
  </si>
  <si>
    <t>82379.0</t>
  </si>
  <si>
    <t>299.61</t>
  </si>
  <si>
    <t>4202.0</t>
  </si>
  <si>
    <t>39634409.0</t>
  </si>
  <si>
    <t>79430.0</t>
  </si>
  <si>
    <t>2033.244</t>
  </si>
  <si>
    <t>71377.0</t>
  </si>
  <si>
    <t>58736157.0</t>
  </si>
  <si>
    <t>17992793.0</t>
  </si>
  <si>
    <t>17564774.0</t>
  </si>
  <si>
    <t>23753304.0</t>
  </si>
  <si>
    <t>82127.0</t>
  </si>
  <si>
    <t>299.62</t>
  </si>
  <si>
    <t>52439.0</t>
  </si>
  <si>
    <t>2674.94930558134</t>
  </si>
  <si>
    <t>39686567.0</t>
  </si>
  <si>
    <t>2035.92</t>
  </si>
  <si>
    <t>70129.0</t>
  </si>
  <si>
    <t>58868668.0</t>
  </si>
  <si>
    <t>17994391.0</t>
  </si>
  <si>
    <t>17567217.0</t>
  </si>
  <si>
    <t>23881774.0</t>
  </si>
  <si>
    <t>132511.0</t>
  </si>
  <si>
    <t>83159.0</t>
  </si>
  <si>
    <t>300.29</t>
  </si>
  <si>
    <t>9.641</t>
  </si>
  <si>
    <t>39714502.0</t>
  </si>
  <si>
    <t>2037.353</t>
  </si>
  <si>
    <t>69209.0</t>
  </si>
  <si>
    <t>58874894.0</t>
  </si>
  <si>
    <t>17994461.0</t>
  </si>
  <si>
    <t>17567319.0</t>
  </si>
  <si>
    <t>23887828.0</t>
  </si>
  <si>
    <t>67979.0</t>
  </si>
  <si>
    <t>300.32</t>
  </si>
  <si>
    <t>9.794</t>
  </si>
  <si>
    <t>52.745</t>
  </si>
  <si>
    <t>39773213.0</t>
  </si>
  <si>
    <t>58711.0</t>
  </si>
  <si>
    <t>2040.365</t>
  </si>
  <si>
    <t>67521.0</t>
  </si>
  <si>
    <t>58969166.0</t>
  </si>
  <si>
    <t>17996066.0</t>
  </si>
  <si>
    <t>17569618.0</t>
  </si>
  <si>
    <t>23978196.0</t>
  </si>
  <si>
    <t>94272.0</t>
  </si>
  <si>
    <t>65995.0</t>
  </si>
  <si>
    <t>300.81</t>
  </si>
  <si>
    <t>122.31</t>
  </si>
  <si>
    <t>59048737.0</t>
  </si>
  <si>
    <t>17997453.0</t>
  </si>
  <si>
    <t>17571457.0</t>
  </si>
  <si>
    <t>24054541.0</t>
  </si>
  <si>
    <t>79571.0</t>
  </si>
  <si>
    <t>63508.0</t>
  </si>
  <si>
    <t>301.21</t>
  </si>
  <si>
    <t>91.81</t>
  </si>
  <si>
    <t>59137678.0</t>
  </si>
  <si>
    <t>17998915.0</t>
  </si>
  <si>
    <t>17573659.0</t>
  </si>
  <si>
    <t>24139818.0</t>
  </si>
  <si>
    <t>88941.0</t>
  </si>
  <si>
    <t>61804.0</t>
  </si>
  <si>
    <t>301.67</t>
  </si>
  <si>
    <t>89.64</t>
  </si>
  <si>
    <t>123.14</t>
  </si>
  <si>
    <t>59165462.0</t>
  </si>
  <si>
    <t>17999249.0</t>
  </si>
  <si>
    <t>17574150.0</t>
  </si>
  <si>
    <t>24166777.0</t>
  </si>
  <si>
    <t>61635.0</t>
  </si>
  <si>
    <t>301.81</t>
  </si>
  <si>
    <t>91.82</t>
  </si>
  <si>
    <t>123.28</t>
  </si>
  <si>
    <t>59168128.0</t>
  </si>
  <si>
    <t>17999286.0</t>
  </si>
  <si>
    <t>17574209.0</t>
  </si>
  <si>
    <t>24169347.0</t>
  </si>
  <si>
    <t>61710.0</t>
  </si>
  <si>
    <t>301.82</t>
  </si>
  <si>
    <t>52673.9</t>
  </si>
  <si>
    <t>2686.93171546485</t>
  </si>
  <si>
    <t>59173336.0</t>
  </si>
  <si>
    <t>17999356.0</t>
  </si>
  <si>
    <t>17574301.0</t>
  </si>
  <si>
    <t>24174393.0</t>
  </si>
  <si>
    <t>43524.0</t>
  </si>
  <si>
    <t>301.85</t>
  </si>
  <si>
    <t>53.408</t>
  </si>
  <si>
    <t>59268152.0</t>
  </si>
  <si>
    <t>18000931.0</t>
  </si>
  <si>
    <t>17576861.0</t>
  </si>
  <si>
    <t>24265074.0</t>
  </si>
  <si>
    <t>94816.0</t>
  </si>
  <si>
    <t>56180.0</t>
  </si>
  <si>
    <t>302.33</t>
  </si>
  <si>
    <t>123.78</t>
  </si>
  <si>
    <t>4.183</t>
  </si>
  <si>
    <t>59360528.0</t>
  </si>
  <si>
    <t>18002396.0</t>
  </si>
  <si>
    <t>17579173.0</t>
  </si>
  <si>
    <t>24353673.0</t>
  </si>
  <si>
    <t>92376.0</t>
  </si>
  <si>
    <t>55909.0</t>
  </si>
  <si>
    <t>302.8</t>
  </si>
  <si>
    <t>91.83</t>
  </si>
  <si>
    <t>124.23</t>
  </si>
  <si>
    <t>59453208.0</t>
  </si>
  <si>
    <t>18003772.0</t>
  </si>
  <si>
    <t>17581506.0</t>
  </si>
  <si>
    <t>24442644.0</t>
  </si>
  <si>
    <t>92680.0</t>
  </si>
  <si>
    <t>57782.0</t>
  </si>
  <si>
    <t>303.27</t>
  </si>
  <si>
    <t>91.84</t>
  </si>
  <si>
    <t>124.68</t>
  </si>
  <si>
    <t>53.918</t>
  </si>
  <si>
    <t>59526507.0</t>
  </si>
  <si>
    <t>18004684.0</t>
  </si>
  <si>
    <t>17583145.0</t>
  </si>
  <si>
    <t>24513392.0</t>
  </si>
  <si>
    <t>73299.0</t>
  </si>
  <si>
    <t>55547.0</t>
  </si>
  <si>
    <t>303.65</t>
  </si>
  <si>
    <t>59548675.0</t>
  </si>
  <si>
    <t>18004972.0</t>
  </si>
  <si>
    <t>17583537.0</t>
  </si>
  <si>
    <t>24534880.0</t>
  </si>
  <si>
    <t>22168.0</t>
  </si>
  <si>
    <t>54745.0</t>
  </si>
  <si>
    <t>303.76</t>
  </si>
  <si>
    <t>125.15</t>
  </si>
  <si>
    <t>59550989.0</t>
  </si>
  <si>
    <t>18005007.0</t>
  </si>
  <si>
    <t>17583585.0</t>
  </si>
  <si>
    <t>24537111.0</t>
  </si>
  <si>
    <t>54694.0</t>
  </si>
  <si>
    <t>303.77</t>
  </si>
  <si>
    <t>125.17</t>
  </si>
  <si>
    <t>52957.5</t>
  </si>
  <si>
    <t>2701.39834570308</t>
  </si>
  <si>
    <t>59656844.0</t>
  </si>
  <si>
    <t>18006562.0</t>
  </si>
  <si>
    <t>17586235.0</t>
  </si>
  <si>
    <t>24638761.0</t>
  </si>
  <si>
    <t>105855.0</t>
  </si>
  <si>
    <t>69073.0</t>
  </si>
  <si>
    <t>304.31</t>
  </si>
  <si>
    <t>125.68</t>
  </si>
  <si>
    <t>59752439.0</t>
  </si>
  <si>
    <t>18008004.0</t>
  </si>
  <si>
    <t>17588683.0</t>
  </si>
  <si>
    <t>24730466.0</t>
  </si>
  <si>
    <t>95595.0</t>
  </si>
  <si>
    <t>304.8</t>
  </si>
  <si>
    <t>91.86</t>
  </si>
  <si>
    <t>59835377.0</t>
  </si>
  <si>
    <t>18009236.0</t>
  </si>
  <si>
    <t>17590684.0</t>
  </si>
  <si>
    <t>24810171.0</t>
  </si>
  <si>
    <t>82938.0</t>
  </si>
  <si>
    <t>67836.0</t>
  </si>
  <si>
    <t>305.22</t>
  </si>
  <si>
    <t>91.87</t>
  </si>
  <si>
    <t>59919876.0</t>
  </si>
  <si>
    <t>18010766.0</t>
  </si>
  <si>
    <t>17592976.0</t>
  </si>
  <si>
    <t>24890848.0</t>
  </si>
  <si>
    <t>84499.0</t>
  </si>
  <si>
    <t>66667.0</t>
  </si>
  <si>
    <t>305.66</t>
  </si>
  <si>
    <t>126.97</t>
  </si>
  <si>
    <t>59999050.0</t>
  </si>
  <si>
    <t>18011980.0</t>
  </si>
  <si>
    <t>17595076.0</t>
  </si>
  <si>
    <t>24966708.0</t>
  </si>
  <si>
    <t>79174.0</t>
  </si>
  <si>
    <t>306.06</t>
  </si>
  <si>
    <t>55.704</t>
  </si>
  <si>
    <t>60016822.0</t>
  </si>
  <si>
    <t>18012226.0</t>
  </si>
  <si>
    <t>17595469.0</t>
  </si>
  <si>
    <t>24983841.0</t>
  </si>
  <si>
    <t>66878.0</t>
  </si>
  <si>
    <t>306.15</t>
  </si>
  <si>
    <t>127.44</t>
  </si>
  <si>
    <t>60018848.0</t>
  </si>
  <si>
    <t>18012263.0</t>
  </si>
  <si>
    <t>17595538.0</t>
  </si>
  <si>
    <t>24985761.0</t>
  </si>
  <si>
    <t>66837.0</t>
  </si>
  <si>
    <t>306.16</t>
  </si>
  <si>
    <t>53416.9</t>
  </si>
  <si>
    <t>2724.83265434711</t>
  </si>
  <si>
    <t>60104981.0</t>
  </si>
  <si>
    <t>18013706.0</t>
  </si>
  <si>
    <t>17597877.0</t>
  </si>
  <si>
    <t>25068112.0</t>
  </si>
  <si>
    <t>86133.0</t>
  </si>
  <si>
    <t>64020.0</t>
  </si>
  <si>
    <t>306.6</t>
  </si>
  <si>
    <t>91.89</t>
  </si>
  <si>
    <t>89.77</t>
  </si>
  <si>
    <t>127.87</t>
  </si>
  <si>
    <t>60186717.0</t>
  </si>
  <si>
    <t>18015101.0</t>
  </si>
  <si>
    <t>17600222.0</t>
  </si>
  <si>
    <t>25146108.0</t>
  </si>
  <si>
    <t>81736.0</t>
  </si>
  <si>
    <t>62040.0</t>
  </si>
  <si>
    <t>307.02</t>
  </si>
  <si>
    <t>60264262.0</t>
  </si>
  <si>
    <t>18016394.0</t>
  </si>
  <si>
    <t>17602331.0</t>
  </si>
  <si>
    <t>25220251.0</t>
  </si>
  <si>
    <t>77545.0</t>
  </si>
  <si>
    <t>61269.0</t>
  </si>
  <si>
    <t>307.41</t>
  </si>
  <si>
    <t>128.65</t>
  </si>
  <si>
    <t>60324694.0</t>
  </si>
  <si>
    <t>18017487.0</t>
  </si>
  <si>
    <t>17603966.0</t>
  </si>
  <si>
    <t>25277955.0</t>
  </si>
  <si>
    <t>60432.0</t>
  </si>
  <si>
    <t>57831.0</t>
  </si>
  <si>
    <t>307.72</t>
  </si>
  <si>
    <t>91.91</t>
  </si>
  <si>
    <t>60384843.0</t>
  </si>
  <si>
    <t>18018642.0</t>
  </si>
  <si>
    <t>17605621.0</t>
  </si>
  <si>
    <t>25335294.0</t>
  </si>
  <si>
    <t>60149.0</t>
  </si>
  <si>
    <t>55113.0</t>
  </si>
  <si>
    <t>308.03</t>
  </si>
  <si>
    <t>129.24</t>
  </si>
  <si>
    <t>60391351.0</t>
  </si>
  <si>
    <t>18018740.0</t>
  </si>
  <si>
    <t>17605761.0</t>
  </si>
  <si>
    <t>25341564.0</t>
  </si>
  <si>
    <t>6508.0</t>
  </si>
  <si>
    <t>53504.0</t>
  </si>
  <si>
    <t>308.06</t>
  </si>
  <si>
    <t>129.27</t>
  </si>
  <si>
    <t>60392843.0</t>
  </si>
  <si>
    <t>18018772.0</t>
  </si>
  <si>
    <t>17605794.0</t>
  </si>
  <si>
    <t>25342991.0</t>
  </si>
  <si>
    <t>53428.0</t>
  </si>
  <si>
    <t>308.07</t>
  </si>
  <si>
    <t>129.28</t>
  </si>
  <si>
    <t>53954.5</t>
  </si>
  <si>
    <t>21.34</t>
  </si>
  <si>
    <t>2752.25599855048</t>
  </si>
  <si>
    <t>60478109.0</t>
  </si>
  <si>
    <t>18020384.0</t>
  </si>
  <si>
    <t>17608252.0</t>
  </si>
  <si>
    <t>25424187.0</t>
  </si>
  <si>
    <t>85266.0</t>
  </si>
  <si>
    <t>53304.0</t>
  </si>
  <si>
    <t>308.5</t>
  </si>
  <si>
    <t>91.92</t>
  </si>
  <si>
    <t>129.69</t>
  </si>
  <si>
    <t>60557133.0</t>
  </si>
  <si>
    <t>18021947.0</t>
  </si>
  <si>
    <t>17610435.0</t>
  </si>
  <si>
    <t>25499465.0</t>
  </si>
  <si>
    <t>79024.0</t>
  </si>
  <si>
    <t>52917.0</t>
  </si>
  <si>
    <t>308.91</t>
  </si>
  <si>
    <t>130.07</t>
  </si>
  <si>
    <t>60631842.0</t>
  </si>
  <si>
    <t>18023440.0</t>
  </si>
  <si>
    <t>17612742.0</t>
  </si>
  <si>
    <t>25570374.0</t>
  </si>
  <si>
    <t>309.29</t>
  </si>
  <si>
    <t>91.94</t>
  </si>
  <si>
    <t>130.44</t>
  </si>
  <si>
    <t>60702643.0</t>
  </si>
  <si>
    <t>18024896.0</t>
  </si>
  <si>
    <t>17614895.0</t>
  </si>
  <si>
    <t>25637566.0</t>
  </si>
  <si>
    <t>70801.0</t>
  </si>
  <si>
    <t>53993.0</t>
  </si>
  <si>
    <t>309.65</t>
  </si>
  <si>
    <t>60773126.0</t>
  </si>
  <si>
    <t>18026431.0</t>
  </si>
  <si>
    <t>17617208.0</t>
  </si>
  <si>
    <t>25704201.0</t>
  </si>
  <si>
    <t>70483.0</t>
  </si>
  <si>
    <t>55469.0</t>
  </si>
  <si>
    <t>310.01</t>
  </si>
  <si>
    <t>131.12</t>
  </si>
  <si>
    <t>60790018.0</t>
  </si>
  <si>
    <t>18026799.0</t>
  </si>
  <si>
    <t>17617691.0</t>
  </si>
  <si>
    <t>25720242.0</t>
  </si>
  <si>
    <t>56952.0</t>
  </si>
  <si>
    <t>310.09</t>
  </si>
  <si>
    <t>91.96</t>
  </si>
  <si>
    <t>131.2</t>
  </si>
  <si>
    <t>60791722.0</t>
  </si>
  <si>
    <t>18026831.0</t>
  </si>
  <si>
    <t>17617737.0</t>
  </si>
  <si>
    <t>25721868.0</t>
  </si>
  <si>
    <t>56983.0</t>
  </si>
  <si>
    <t>310.1</t>
  </si>
  <si>
    <t>54448.1</t>
  </si>
  <si>
    <t>2777.43487261816</t>
  </si>
  <si>
    <t>60850202.0</t>
  </si>
  <si>
    <t>18028284.0</t>
  </si>
  <si>
    <t>17619485.0</t>
  </si>
  <si>
    <t>25777147.0</t>
  </si>
  <si>
    <t>58480.0</t>
  </si>
  <si>
    <t>53156.0</t>
  </si>
  <si>
    <t>310.4</t>
  </si>
  <si>
    <t>60902722.0</t>
  </si>
  <si>
    <t>18029539.0</t>
  </si>
  <si>
    <t>17621131.0</t>
  </si>
  <si>
    <t>25826766.0</t>
  </si>
  <si>
    <t>52520.0</t>
  </si>
  <si>
    <t>49370.0</t>
  </si>
  <si>
    <t>310.67</t>
  </si>
  <si>
    <t>60954681.0</t>
  </si>
  <si>
    <t>18030770.0</t>
  </si>
  <si>
    <t>17622883.0</t>
  </si>
  <si>
    <t>25875742.0</t>
  </si>
  <si>
    <t>51959.0</t>
  </si>
  <si>
    <t>46120.0</t>
  </si>
  <si>
    <t>310.93</t>
  </si>
  <si>
    <t>4.693</t>
  </si>
  <si>
    <t>61005125.0</t>
  </si>
  <si>
    <t>18032101.0</t>
  </si>
  <si>
    <t>17624665.0</t>
  </si>
  <si>
    <t>25923073.0</t>
  </si>
  <si>
    <t>50444.0</t>
  </si>
  <si>
    <t>43212.0</t>
  </si>
  <si>
    <t>311.19</t>
  </si>
  <si>
    <t>132.24</t>
  </si>
  <si>
    <t>61057631.0</t>
  </si>
  <si>
    <t>18033378.0</t>
  </si>
  <si>
    <t>17626314.0</t>
  </si>
  <si>
    <t>25972653.0</t>
  </si>
  <si>
    <t>52506.0</t>
  </si>
  <si>
    <t>40644.0</t>
  </si>
  <si>
    <t>311.46</t>
  </si>
  <si>
    <t>91.99</t>
  </si>
  <si>
    <t>61070990.0</t>
  </si>
  <si>
    <t>18033660.0</t>
  </si>
  <si>
    <t>17626740.0</t>
  </si>
  <si>
    <t>25985304.0</t>
  </si>
  <si>
    <t>13359.0</t>
  </si>
  <si>
    <t>40139.0</t>
  </si>
  <si>
    <t>311.53</t>
  </si>
  <si>
    <t>61072360.0</t>
  </si>
  <si>
    <t>18033688.0</t>
  </si>
  <si>
    <t>17626779.0</t>
  </si>
  <si>
    <t>25986607.0</t>
  </si>
  <si>
    <t>54595.7</t>
  </si>
  <si>
    <t>2784.96404970971</t>
  </si>
  <si>
    <t>61120373.0</t>
  </si>
  <si>
    <t>18034932.0</t>
  </si>
  <si>
    <t>17628423.0</t>
  </si>
  <si>
    <t>26031732.0</t>
  </si>
  <si>
    <t>48013.0</t>
  </si>
  <si>
    <t>38596.0</t>
  </si>
  <si>
    <t>311.78</t>
  </si>
  <si>
    <t>61165420.0</t>
  </si>
  <si>
    <t>18036112.0</t>
  </si>
  <si>
    <t>17629975.0</t>
  </si>
  <si>
    <t>26074047.0</t>
  </si>
  <si>
    <t>45047.0</t>
  </si>
  <si>
    <t>37528.0</t>
  </si>
  <si>
    <t>312.01</t>
  </si>
  <si>
    <t>61209604.0</t>
  </si>
  <si>
    <t>18037272.0</t>
  </si>
  <si>
    <t>17631473.0</t>
  </si>
  <si>
    <t>26115573.0</t>
  </si>
  <si>
    <t>44184.0</t>
  </si>
  <si>
    <t>36418.0</t>
  </si>
  <si>
    <t>312.23</t>
  </si>
  <si>
    <t>92.01</t>
  </si>
  <si>
    <t>133.22</t>
  </si>
  <si>
    <t>61250288.0</t>
  </si>
  <si>
    <t>18038303.0</t>
  </si>
  <si>
    <t>17633011.0</t>
  </si>
  <si>
    <t>26153688.0</t>
  </si>
  <si>
    <t>40684.0</t>
  </si>
  <si>
    <t>35023.0</t>
  </si>
  <si>
    <t>312.44</t>
  </si>
  <si>
    <t>133.41</t>
  </si>
  <si>
    <t>61293672.0</t>
  </si>
  <si>
    <t>18039320.0</t>
  </si>
  <si>
    <t>17634424.0</t>
  </si>
  <si>
    <t>26194642.0</t>
  </si>
  <si>
    <t>43384.0</t>
  </si>
  <si>
    <t>33720.0</t>
  </si>
  <si>
    <t>312.66</t>
  </si>
  <si>
    <t>61303149.0</t>
  </si>
  <si>
    <t>18039504.0</t>
  </si>
  <si>
    <t>17634660.0</t>
  </si>
  <si>
    <t>26203699.0</t>
  </si>
  <si>
    <t>33166.0</t>
  </si>
  <si>
    <t>312.71</t>
  </si>
  <si>
    <t>133.67</t>
  </si>
  <si>
    <t>61304219.0</t>
  </si>
  <si>
    <t>18039525.0</t>
  </si>
  <si>
    <t>17634691.0</t>
  </si>
  <si>
    <t>26204717.0</t>
  </si>
  <si>
    <t>33123.0</t>
  </si>
  <si>
    <t>312.72</t>
  </si>
  <si>
    <t>54721.1</t>
  </si>
  <si>
    <t>2791.36078959643</t>
  </si>
  <si>
    <t>61347396.0</t>
  </si>
  <si>
    <t>18040699.0</t>
  </si>
  <si>
    <t>17636353.0</t>
  </si>
  <si>
    <t>26245058.0</t>
  </si>
  <si>
    <t>43177.0</t>
  </si>
  <si>
    <t>32432.0</t>
  </si>
  <si>
    <t>312.94</t>
  </si>
  <si>
    <t>61387384.0</t>
  </si>
  <si>
    <t>18041919.0</t>
  </si>
  <si>
    <t>17637936.0</t>
  </si>
  <si>
    <t>26282243.0</t>
  </si>
  <si>
    <t>39988.0</t>
  </si>
  <si>
    <t>313.14</t>
  </si>
  <si>
    <t>45.246</t>
  </si>
  <si>
    <t>61427274.0</t>
  </si>
  <si>
    <t>18043039.0</t>
  </si>
  <si>
    <t>17639542.0</t>
  </si>
  <si>
    <t>26319407.0</t>
  </si>
  <si>
    <t>313.34</t>
  </si>
  <si>
    <t>134.26</t>
  </si>
  <si>
    <t>61464040.0</t>
  </si>
  <si>
    <t>18044043.0</t>
  </si>
  <si>
    <t>17640921.0</t>
  </si>
  <si>
    <t>26353790.0</t>
  </si>
  <si>
    <t>36766.0</t>
  </si>
  <si>
    <t>313.53</t>
  </si>
  <si>
    <t>61504386.0</t>
  </si>
  <si>
    <t>18045115.0</t>
  </si>
  <si>
    <t>17642345.0</t>
  </si>
  <si>
    <t>26391642.0</t>
  </si>
  <si>
    <t>40346.0</t>
  </si>
  <si>
    <t>30102.0</t>
  </si>
  <si>
    <t>313.74</t>
  </si>
  <si>
    <t>61514577.0</t>
  </si>
  <si>
    <t>18045352.0</t>
  </si>
  <si>
    <t>17642636.0</t>
  </si>
  <si>
    <t>26401305.0</t>
  </si>
  <si>
    <t>30204.0</t>
  </si>
  <si>
    <t>313.79</t>
  </si>
  <si>
    <t>61515638.0</t>
  </si>
  <si>
    <t>18045369.0</t>
  </si>
  <si>
    <t>17642657.0</t>
  </si>
  <si>
    <t>26402328.0</t>
  </si>
  <si>
    <t>30203.0</t>
  </si>
  <si>
    <t>313.8</t>
  </si>
  <si>
    <t>134.68</t>
  </si>
  <si>
    <t>54947.7</t>
  </si>
  <si>
    <t>2802.91981079525</t>
  </si>
  <si>
    <t>61517224.0</t>
  </si>
  <si>
    <t>18045395.0</t>
  </si>
  <si>
    <t>17642692.0</t>
  </si>
  <si>
    <t>26403853.0</t>
  </si>
  <si>
    <t>24261.0</t>
  </si>
  <si>
    <t>134.69</t>
  </si>
  <si>
    <t>40.656</t>
  </si>
  <si>
    <t>61554008.0</t>
  </si>
  <si>
    <t>18046445.0</t>
  </si>
  <si>
    <t>17644284.0</t>
  </si>
  <si>
    <t>26437995.0</t>
  </si>
  <si>
    <t>36784.0</t>
  </si>
  <si>
    <t>23803.0</t>
  </si>
  <si>
    <t>313.99</t>
  </si>
  <si>
    <t>92.06</t>
  </si>
  <si>
    <t>134.86</t>
  </si>
  <si>
    <t>61591232.0</t>
  </si>
  <si>
    <t>18047513.0</t>
  </si>
  <si>
    <t>17645793.0</t>
  </si>
  <si>
    <t>26472642.0</t>
  </si>
  <si>
    <t>37224.0</t>
  </si>
  <si>
    <t>314.18</t>
  </si>
  <si>
    <t>135.04</t>
  </si>
  <si>
    <t>61628512.0</t>
  </si>
  <si>
    <t>18048589.0</t>
  </si>
  <si>
    <t>17647362.0</t>
  </si>
  <si>
    <t>26507277.0</t>
  </si>
  <si>
    <t>37280.0</t>
  </si>
  <si>
    <t>314.37</t>
  </si>
  <si>
    <t>92.07</t>
  </si>
  <si>
    <t>135.22</t>
  </si>
  <si>
    <t>61668369.0</t>
  </si>
  <si>
    <t>18049680.0</t>
  </si>
  <si>
    <t>17648985.0</t>
  </si>
  <si>
    <t>26544420.0</t>
  </si>
  <si>
    <t>39857.0</t>
  </si>
  <si>
    <t>23426.0</t>
  </si>
  <si>
    <t>314.57</t>
  </si>
  <si>
    <t>61678917.0</t>
  </si>
  <si>
    <t>18049900.0</t>
  </si>
  <si>
    <t>17649310.0</t>
  </si>
  <si>
    <t>26554423.0</t>
  </si>
  <si>
    <t>23477.0</t>
  </si>
  <si>
    <t>314.63</t>
  </si>
  <si>
    <t>135.46</t>
  </si>
  <si>
    <t>61679785.0</t>
  </si>
  <si>
    <t>18049912.0</t>
  </si>
  <si>
    <t>17649342.0</t>
  </si>
  <si>
    <t>26555247.0</t>
  </si>
  <si>
    <t>55277.1</t>
  </si>
  <si>
    <t>2819.722730402</t>
  </si>
  <si>
    <t>61717503.0</t>
  </si>
  <si>
    <t>18050972.0</t>
  </si>
  <si>
    <t>17650974.0</t>
  </si>
  <si>
    <t>26590273.0</t>
  </si>
  <si>
    <t>37718.0</t>
  </si>
  <si>
    <t>314.83</t>
  </si>
  <si>
    <t>92.08</t>
  </si>
  <si>
    <t>135.64</t>
  </si>
  <si>
    <t>61751348.0</t>
  </si>
  <si>
    <t>18051954.0</t>
  </si>
  <si>
    <t>17652410.0</t>
  </si>
  <si>
    <t>26621700.0</t>
  </si>
  <si>
    <t>33845.0</t>
  </si>
  <si>
    <t>61785938.0</t>
  </si>
  <si>
    <t>18052946.0</t>
  </si>
  <si>
    <t>17653881.0</t>
  </si>
  <si>
    <t>26653827.0</t>
  </si>
  <si>
    <t>34590.0</t>
  </si>
  <si>
    <t>315.17</t>
  </si>
  <si>
    <t>92.09</t>
  </si>
  <si>
    <t>135.96</t>
  </si>
  <si>
    <t>61817788.0</t>
  </si>
  <si>
    <t>18053833.0</t>
  </si>
  <si>
    <t>17655213.0</t>
  </si>
  <si>
    <t>26683458.0</t>
  </si>
  <si>
    <t>31850.0</t>
  </si>
  <si>
    <t>27039.0</t>
  </si>
  <si>
    <t>315.34</t>
  </si>
  <si>
    <t>136.11</t>
  </si>
  <si>
    <t>61852252.0</t>
  </si>
  <si>
    <t>18054807.0</t>
  </si>
  <si>
    <t>17656682.0</t>
  </si>
  <si>
    <t>26715479.0</t>
  </si>
  <si>
    <t>34464.0</t>
  </si>
  <si>
    <t>26269.0</t>
  </si>
  <si>
    <t>315.51</t>
  </si>
  <si>
    <t>92.1</t>
  </si>
  <si>
    <t>90.07</t>
  </si>
  <si>
    <t>61861422.0</t>
  </si>
  <si>
    <t>18055016.0</t>
  </si>
  <si>
    <t>17656975.0</t>
  </si>
  <si>
    <t>26724147.0</t>
  </si>
  <si>
    <t>315.56</t>
  </si>
  <si>
    <t>136.32</t>
  </si>
  <si>
    <t>61862375.0</t>
  </si>
  <si>
    <t>18055040.0</t>
  </si>
  <si>
    <t>17657012.0</t>
  </si>
  <si>
    <t>26725039.0</t>
  </si>
  <si>
    <t>26084.0</t>
  </si>
  <si>
    <t>136.33</t>
  </si>
  <si>
    <t>55523.5</t>
  </si>
  <si>
    <t>2832.29176316188</t>
  </si>
  <si>
    <t>61895242.0</t>
  </si>
  <si>
    <t>18056143.0</t>
  </si>
  <si>
    <t>17658663.0</t>
  </si>
  <si>
    <t>26755152.0</t>
  </si>
  <si>
    <t>32867.0</t>
  </si>
  <si>
    <t>315.73</t>
  </si>
  <si>
    <t>92.11</t>
  </si>
  <si>
    <t>136.48</t>
  </si>
  <si>
    <t>61926927.0</t>
  </si>
  <si>
    <t>18057070.0</t>
  </si>
  <si>
    <t>17660044.0</t>
  </si>
  <si>
    <t>26784529.0</t>
  </si>
  <si>
    <t>31685.0</t>
  </si>
  <si>
    <t>25083.0</t>
  </si>
  <si>
    <t>315.89</t>
  </si>
  <si>
    <t>61956244.0</t>
  </si>
  <si>
    <t>18057912.0</t>
  </si>
  <si>
    <t>17661313.0</t>
  </si>
  <si>
    <t>26811735.0</t>
  </si>
  <si>
    <t>29317.0</t>
  </si>
  <si>
    <t>24329.0</t>
  </si>
  <si>
    <t>316.04</t>
  </si>
  <si>
    <t>136.77</t>
  </si>
  <si>
    <t>7.448</t>
  </si>
  <si>
    <t>61983926.0</t>
  </si>
  <si>
    <t>18058708.0</t>
  </si>
  <si>
    <t>17662490.0</t>
  </si>
  <si>
    <t>26837444.0</t>
  </si>
  <si>
    <t>27682.0</t>
  </si>
  <si>
    <t>23734.0</t>
  </si>
  <si>
    <t>316.18</t>
  </si>
  <si>
    <t>92.12</t>
  </si>
  <si>
    <t>38.207</t>
  </si>
  <si>
    <t>62019614.0</t>
  </si>
  <si>
    <t>18059671.0</t>
  </si>
  <si>
    <t>17663779.0</t>
  </si>
  <si>
    <t>26870880.0</t>
  </si>
  <si>
    <t>35688.0</t>
  </si>
  <si>
    <t>316.37</t>
  </si>
  <si>
    <t>62026131.0</t>
  </si>
  <si>
    <t>18059834.0</t>
  </si>
  <si>
    <t>17663992.0</t>
  </si>
  <si>
    <t>26877021.0</t>
  </si>
  <si>
    <t>23530.0</t>
  </si>
  <si>
    <t>137.1</t>
  </si>
  <si>
    <t>3.316</t>
  </si>
  <si>
    <t>62026669.0</t>
  </si>
  <si>
    <t>18059841.0</t>
  </si>
  <si>
    <t>17664004.0</t>
  </si>
  <si>
    <t>26877540.0</t>
  </si>
  <si>
    <t>55822.9</t>
  </si>
  <si>
    <t>2847.56436222157</t>
  </si>
  <si>
    <t>62059430.0</t>
  </si>
  <si>
    <t>18060722.0</t>
  </si>
  <si>
    <t>17665349.0</t>
  </si>
  <si>
    <t>26908075.0</t>
  </si>
  <si>
    <t>32761.0</t>
  </si>
  <si>
    <t>23455.0</t>
  </si>
  <si>
    <t>316.57</t>
  </si>
  <si>
    <t>92.13</t>
  </si>
  <si>
    <t>137.26</t>
  </si>
  <si>
    <t>62084984.0</t>
  </si>
  <si>
    <t>18061489.0</t>
  </si>
  <si>
    <t>17666463.0</t>
  </si>
  <si>
    <t>26931748.0</t>
  </si>
  <si>
    <t>22580.0</t>
  </si>
  <si>
    <t>316.7</t>
  </si>
  <si>
    <t>62109802.0</t>
  </si>
  <si>
    <t>18062280.0</t>
  </si>
  <si>
    <t>17667591.0</t>
  </si>
  <si>
    <t>26954647.0</t>
  </si>
  <si>
    <t>24818.0</t>
  </si>
  <si>
    <t>316.83</t>
  </si>
  <si>
    <t>92.14</t>
  </si>
  <si>
    <t>62132485.0</t>
  </si>
  <si>
    <t>18062911.0</t>
  </si>
  <si>
    <t>17668568.0</t>
  </si>
  <si>
    <t>26975722.0</t>
  </si>
  <si>
    <t>22683.0</t>
  </si>
  <si>
    <t>21223.0</t>
  </si>
  <si>
    <t>316.94</t>
  </si>
  <si>
    <t>62157324.0</t>
  </si>
  <si>
    <t>18063689.0</t>
  </si>
  <si>
    <t>17669700.0</t>
  </si>
  <si>
    <t>26998651.0</t>
  </si>
  <si>
    <t>317.07</t>
  </si>
  <si>
    <t>137.72</t>
  </si>
  <si>
    <t>62163542.0</t>
  </si>
  <si>
    <t>18063822.0</t>
  </si>
  <si>
    <t>17669941.0</t>
  </si>
  <si>
    <t>27004495.0</t>
  </si>
  <si>
    <t>62164129.0</t>
  </si>
  <si>
    <t>18063831.0</t>
  </si>
  <si>
    <t>17669966.0</t>
  </si>
  <si>
    <t>27005048.0</t>
  </si>
  <si>
    <t>55970.0</t>
  </si>
  <si>
    <t>18.29</t>
  </si>
  <si>
    <t>2855.06803397067</t>
  </si>
  <si>
    <t>62191292.0</t>
  </si>
  <si>
    <t>18064589.0</t>
  </si>
  <si>
    <t>17670927.0</t>
  </si>
  <si>
    <t>27030492.0</t>
  </si>
  <si>
    <t>27163.0</t>
  </si>
  <si>
    <t>18837.0</t>
  </si>
  <si>
    <t>317.24</t>
  </si>
  <si>
    <t>92.15</t>
  </si>
  <si>
    <t>137.88</t>
  </si>
  <si>
    <t>62218687.0</t>
  </si>
  <si>
    <t>18065222.0</t>
  </si>
  <si>
    <t>17671967.0</t>
  </si>
  <si>
    <t>27056214.0</t>
  </si>
  <si>
    <t>27395.0</t>
  </si>
  <si>
    <t>19100.0</t>
  </si>
  <si>
    <t>317.38</t>
  </si>
  <si>
    <t>138.02</t>
  </si>
  <si>
    <t>62241711.0</t>
  </si>
  <si>
    <t>18065815.0</t>
  </si>
  <si>
    <t>17672840.0</t>
  </si>
  <si>
    <t>27077772.0</t>
  </si>
  <si>
    <t>23024.0</t>
  </si>
  <si>
    <t>18844.0</t>
  </si>
  <si>
    <t>317.5</t>
  </si>
  <si>
    <t>138.13</t>
  </si>
  <si>
    <t>32.902</t>
  </si>
  <si>
    <t>62255685.0</t>
  </si>
  <si>
    <t>18066148.0</t>
  </si>
  <si>
    <t>17673394.0</t>
  </si>
  <si>
    <t>27090859.0</t>
  </si>
  <si>
    <t>17600.0</t>
  </si>
  <si>
    <t>317.57</t>
  </si>
  <si>
    <t>92.16</t>
  </si>
  <si>
    <t>138.19</t>
  </si>
  <si>
    <t>62256317.0</t>
  </si>
  <si>
    <t>18066164.0</t>
  </si>
  <si>
    <t>17673427.0</t>
  </si>
  <si>
    <t>27091442.0</t>
  </si>
  <si>
    <t>62256794.0</t>
  </si>
  <si>
    <t>18066177.0</t>
  </si>
  <si>
    <t>17673448.0</t>
  </si>
  <si>
    <t>27091885.0</t>
  </si>
  <si>
    <t>317.58</t>
  </si>
  <si>
    <t>62256886.0</t>
  </si>
  <si>
    <t>27091977.0</t>
  </si>
  <si>
    <t>56193.1</t>
  </si>
  <si>
    <t>2866.44851777233</t>
  </si>
  <si>
    <t>62257001.0</t>
  </si>
  <si>
    <t>18066180.0</t>
  </si>
  <si>
    <t>17673453.0</t>
  </si>
  <si>
    <t>27092084.0</t>
  </si>
  <si>
    <t>27.954</t>
  </si>
  <si>
    <t>62276948.0</t>
  </si>
  <si>
    <t>18066743.0</t>
  </si>
  <si>
    <t>17674459.0</t>
  </si>
  <si>
    <t>27110462.0</t>
  </si>
  <si>
    <t>19947.0</t>
  </si>
  <si>
    <t>317.68</t>
  </si>
  <si>
    <t>62300229.0</t>
  </si>
  <si>
    <t>18067421.0</t>
  </si>
  <si>
    <t>17675541.0</t>
  </si>
  <si>
    <t>27131983.0</t>
  </si>
  <si>
    <t>317.8</t>
  </si>
  <si>
    <t>29.892</t>
  </si>
  <si>
    <t>62320274.0</t>
  </si>
  <si>
    <t>18067979.0</t>
  </si>
  <si>
    <t>17676391.0</t>
  </si>
  <si>
    <t>27150620.0</t>
  </si>
  <si>
    <t>20045.0</t>
  </si>
  <si>
    <t>317.9</t>
  </si>
  <si>
    <t>92.17</t>
  </si>
  <si>
    <t>62339728.0</t>
  </si>
  <si>
    <t>18068465.0</t>
  </si>
  <si>
    <t>17677282.0</t>
  </si>
  <si>
    <t>27168697.0</t>
  </si>
  <si>
    <t>19454.0</t>
  </si>
  <si>
    <t>138.59</t>
  </si>
  <si>
    <t>62342436.0</t>
  </si>
  <si>
    <t>18068528.0</t>
  </si>
  <si>
    <t>17677414.0</t>
  </si>
  <si>
    <t>27171210.0</t>
  </si>
  <si>
    <t>12235.0</t>
  </si>
  <si>
    <t>318.01</t>
  </si>
  <si>
    <t>138.6</t>
  </si>
  <si>
    <t>62342621.0</t>
  </si>
  <si>
    <t>18068532.0</t>
  </si>
  <si>
    <t>17677421.0</t>
  </si>
  <si>
    <t>27171384.0</t>
  </si>
  <si>
    <t>56460.7</t>
  </si>
  <si>
    <t>2880.09897705213</t>
  </si>
  <si>
    <t>62352621.0</t>
  </si>
  <si>
    <t>18068897.0</t>
  </si>
  <si>
    <t>17678004.0</t>
  </si>
  <si>
    <t>27180436.0</t>
  </si>
  <si>
    <t>318.06</t>
  </si>
  <si>
    <t>138.65</t>
  </si>
  <si>
    <t>62362647.0</t>
  </si>
  <si>
    <t>18069345.0</t>
  </si>
  <si>
    <t>17678597.0</t>
  </si>
  <si>
    <t>27189421.0</t>
  </si>
  <si>
    <t>318.12</t>
  </si>
  <si>
    <t>62372132.0</t>
  </si>
  <si>
    <t>18069821.0</t>
  </si>
  <si>
    <t>17679245.0</t>
  </si>
  <si>
    <t>27197782.0</t>
  </si>
  <si>
    <t>10272.0</t>
  </si>
  <si>
    <t>318.16</t>
  </si>
  <si>
    <t>138.74</t>
  </si>
  <si>
    <t>6.325</t>
  </si>
  <si>
    <t>62380703.0</t>
  </si>
  <si>
    <t>18070146.0</t>
  </si>
  <si>
    <t>17679764.0</t>
  </si>
  <si>
    <t>27205509.0</t>
  </si>
  <si>
    <t>8633.0</t>
  </si>
  <si>
    <t>318.21</t>
  </si>
  <si>
    <t>138.78</t>
  </si>
  <si>
    <t>62389777.0</t>
  </si>
  <si>
    <t>18070475.0</t>
  </si>
  <si>
    <t>17680301.0</t>
  </si>
  <si>
    <t>27213717.0</t>
  </si>
  <si>
    <t>318.25</t>
  </si>
  <si>
    <t>138.82</t>
  </si>
  <si>
    <t>62391178.0</t>
  </si>
  <si>
    <t>18070528.0</t>
  </si>
  <si>
    <t>17680392.0</t>
  </si>
  <si>
    <t>27214974.0</t>
  </si>
  <si>
    <t>6963.0</t>
  </si>
  <si>
    <t>318.26</t>
  </si>
  <si>
    <t>138.83</t>
  </si>
  <si>
    <t>62391276.0</t>
  </si>
  <si>
    <t>18070533.0</t>
  </si>
  <si>
    <t>17680394.0</t>
  </si>
  <si>
    <t>27215065.0</t>
  </si>
  <si>
    <t>56577.6</t>
  </si>
  <si>
    <t>2886.06212611718</t>
  </si>
  <si>
    <t>28.005</t>
  </si>
  <si>
    <t>62396919.0</t>
  </si>
  <si>
    <t>18070825.0</t>
  </si>
  <si>
    <t>17680870.0</t>
  </si>
  <si>
    <t>27219940.0</t>
  </si>
  <si>
    <t>318.29</t>
  </si>
  <si>
    <t>138.85</t>
  </si>
  <si>
    <t>62403256.0</t>
  </si>
  <si>
    <t>18071141.0</t>
  </si>
  <si>
    <t>17681353.0</t>
  </si>
  <si>
    <t>27225478.0</t>
  </si>
  <si>
    <t>318.32</t>
  </si>
  <si>
    <t>138.88</t>
  </si>
  <si>
    <t>62409742.0</t>
  </si>
  <si>
    <t>18071418.0</t>
  </si>
  <si>
    <t>17681794.0</t>
  </si>
  <si>
    <t>27231246.0</t>
  </si>
  <si>
    <t>318.36</t>
  </si>
  <si>
    <t>138.91</t>
  </si>
  <si>
    <t>62416672.0</t>
  </si>
  <si>
    <t>18071729.0</t>
  </si>
  <si>
    <t>17682201.0</t>
  </si>
  <si>
    <t>27237458.0</t>
  </si>
  <si>
    <t>318.39</t>
  </si>
  <si>
    <t>92.19</t>
  </si>
  <si>
    <t>138.94</t>
  </si>
  <si>
    <t>62424050.0</t>
  </si>
  <si>
    <t>18072022.0</t>
  </si>
  <si>
    <t>17682634.0</t>
  </si>
  <si>
    <t>27244110.0</t>
  </si>
  <si>
    <t>318.43</t>
  </si>
  <si>
    <t>62425055.0</t>
  </si>
  <si>
    <t>18072064.0</t>
  </si>
  <si>
    <t>17682686.0</t>
  </si>
  <si>
    <t>27245021.0</t>
  </si>
  <si>
    <t>138.98</t>
  </si>
  <si>
    <t>62425126.0</t>
  </si>
  <si>
    <t>18072068.0</t>
  </si>
  <si>
    <t>17682688.0</t>
  </si>
  <si>
    <t>27245086.0</t>
  </si>
  <si>
    <t>56736.7</t>
  </si>
  <si>
    <t>2894.17792608511</t>
  </si>
  <si>
    <t>62425285.0</t>
  </si>
  <si>
    <t>18072074.0</t>
  </si>
  <si>
    <t>17682699.0</t>
  </si>
  <si>
    <t>27245228.0</t>
  </si>
  <si>
    <t>318.44</t>
  </si>
  <si>
    <t>62430435.0</t>
  </si>
  <si>
    <t>18072321.0</t>
  </si>
  <si>
    <t>17683107.0</t>
  </si>
  <si>
    <t>27249723.0</t>
  </si>
  <si>
    <t>318.46</t>
  </si>
  <si>
    <t>62436322.0</t>
  </si>
  <si>
    <t>18072588.0</t>
  </si>
  <si>
    <t>17683461.0</t>
  </si>
  <si>
    <t>27254989.0</t>
  </si>
  <si>
    <t>318.49</t>
  </si>
  <si>
    <t>139.03</t>
  </si>
  <si>
    <t>62441473.0</t>
  </si>
  <si>
    <t>18072796.0</t>
  </si>
  <si>
    <t>17683747.0</t>
  </si>
  <si>
    <t>27259646.0</t>
  </si>
  <si>
    <t>318.52</t>
  </si>
  <si>
    <t>139.05</t>
  </si>
  <si>
    <t>62448773.0</t>
  </si>
  <si>
    <t>18073088.0</t>
  </si>
  <si>
    <t>17684086.0</t>
  </si>
  <si>
    <t>27266315.0</t>
  </si>
  <si>
    <t>318.56</t>
  </si>
  <si>
    <t>139.09</t>
  </si>
  <si>
    <t>62449720.0</t>
  </si>
  <si>
    <t>18073128.0</t>
  </si>
  <si>
    <t>17684129.0</t>
  </si>
  <si>
    <t>27267179.0</t>
  </si>
  <si>
    <t>62449806.0</t>
  </si>
  <si>
    <t>18073138.0</t>
  </si>
  <si>
    <t>17684135.0</t>
  </si>
  <si>
    <t>27267249.0</t>
  </si>
  <si>
    <t>56903.6</t>
  </si>
  <si>
    <t>2902.69160939527</t>
  </si>
  <si>
    <t>62454928.0</t>
  </si>
  <si>
    <t>18073428.0</t>
  </si>
  <si>
    <t>17684444.0</t>
  </si>
  <si>
    <t>27271772.0</t>
  </si>
  <si>
    <t>318.59</t>
  </si>
  <si>
    <t>139.12</t>
  </si>
  <si>
    <t>62459665.0</t>
  </si>
  <si>
    <t>18073683.0</t>
  </si>
  <si>
    <t>17684732.0</t>
  </si>
  <si>
    <t>27275966.0</t>
  </si>
  <si>
    <t>318.61</t>
  </si>
  <si>
    <t>139.14</t>
  </si>
  <si>
    <t>31.678</t>
  </si>
  <si>
    <t>62464899.0</t>
  </si>
  <si>
    <t>18073940.0</t>
  </si>
  <si>
    <t>17685088.0</t>
  </si>
  <si>
    <t>27280587.0</t>
  </si>
  <si>
    <t>318.64</t>
  </si>
  <si>
    <t>139.16</t>
  </si>
  <si>
    <t>62470706.0</t>
  </si>
  <si>
    <t>18074231.0</t>
  </si>
  <si>
    <t>17685459.0</t>
  </si>
  <si>
    <t>27285732.0</t>
  </si>
  <si>
    <t>318.67</t>
  </si>
  <si>
    <t>62476328.0</t>
  </si>
  <si>
    <t>18074462.0</t>
  </si>
  <si>
    <t>17685783.0</t>
  </si>
  <si>
    <t>27290799.0</t>
  </si>
  <si>
    <t>318.7</t>
  </si>
  <si>
    <t>62477222.0</t>
  </si>
  <si>
    <t>18074504.0</t>
  </si>
  <si>
    <t>17685836.0</t>
  </si>
  <si>
    <t>27291598.0</t>
  </si>
  <si>
    <t>139.22</t>
  </si>
  <si>
    <t>62477287.0</t>
  </si>
  <si>
    <t>18074508.0</t>
  </si>
  <si>
    <t>17685842.0</t>
  </si>
  <si>
    <t>27291653.0</t>
  </si>
  <si>
    <t>57101.7</t>
  </si>
  <si>
    <t>2912.79682607438</t>
  </si>
  <si>
    <t>62481457.0</t>
  </si>
  <si>
    <t>18074705.0</t>
  </si>
  <si>
    <t>17686108.0</t>
  </si>
  <si>
    <t>27295360.0</t>
  </si>
  <si>
    <t>318.72</t>
  </si>
  <si>
    <t>139.24</t>
  </si>
  <si>
    <t>62486771.0</t>
  </si>
  <si>
    <t>18074898.0</t>
  </si>
  <si>
    <t>17686429.0</t>
  </si>
  <si>
    <t>27300160.0</t>
  </si>
  <si>
    <t>318.75</t>
  </si>
  <si>
    <t>139.26</t>
  </si>
  <si>
    <t>62491670.0</t>
  </si>
  <si>
    <t>18075104.0</t>
  </si>
  <si>
    <t>17686747.0</t>
  </si>
  <si>
    <t>27304535.0</t>
  </si>
  <si>
    <t>318.77</t>
  </si>
  <si>
    <t>139.28</t>
  </si>
  <si>
    <t>62496466.0</t>
  </si>
  <si>
    <t>18075347.0</t>
  </si>
  <si>
    <t>17687031.0</t>
  </si>
  <si>
    <t>27308804.0</t>
  </si>
  <si>
    <t>318.8</t>
  </si>
  <si>
    <t>33.463</t>
  </si>
  <si>
    <t>62500823.0</t>
  </si>
  <si>
    <t>18075548.0</t>
  </si>
  <si>
    <t>17687297.0</t>
  </si>
  <si>
    <t>27312694.0</t>
  </si>
  <si>
    <t>318.82</t>
  </si>
  <si>
    <t>139.32</t>
  </si>
  <si>
    <t>62501335.0</t>
  </si>
  <si>
    <t>18075566.0</t>
  </si>
  <si>
    <t>17687318.0</t>
  </si>
  <si>
    <t>27313167.0</t>
  </si>
  <si>
    <t>62501416.0</t>
  </si>
  <si>
    <t>18075569.0</t>
  </si>
  <si>
    <t>27313245.0</t>
  </si>
  <si>
    <t>57335.1</t>
  </si>
  <si>
    <t>2924.70271993053</t>
  </si>
  <si>
    <t>62501473.0</t>
  </si>
  <si>
    <t>18075570.0</t>
  </si>
  <si>
    <t>17687322.0</t>
  </si>
  <si>
    <t>27313297.0</t>
  </si>
  <si>
    <t>62501544.0</t>
  </si>
  <si>
    <t>17687324.0</t>
  </si>
  <si>
    <t>27313366.0</t>
  </si>
  <si>
    <t>62504677.0</t>
  </si>
  <si>
    <t>18075755.0</t>
  </si>
  <si>
    <t>17687556.0</t>
  </si>
  <si>
    <t>27316082.0</t>
  </si>
  <si>
    <t>318.84</t>
  </si>
  <si>
    <t>62508523.0</t>
  </si>
  <si>
    <t>18075940.0</t>
  </si>
  <si>
    <t>17687846.0</t>
  </si>
  <si>
    <t>27319453.0</t>
  </si>
  <si>
    <t>318.86</t>
  </si>
  <si>
    <t>139.36</t>
  </si>
  <si>
    <t>62512892.0</t>
  </si>
  <si>
    <t>18076131.0</t>
  </si>
  <si>
    <t>17688128.0</t>
  </si>
  <si>
    <t>27323349.0</t>
  </si>
  <si>
    <t>318.88</t>
  </si>
  <si>
    <t>62513421.0</t>
  </si>
  <si>
    <t>18076157.0</t>
  </si>
  <si>
    <t>17688151.0</t>
  </si>
  <si>
    <t>27323829.0</t>
  </si>
  <si>
    <t>318.89</t>
  </si>
  <si>
    <t>62513468.0</t>
  </si>
  <si>
    <t>18076158.0</t>
  </si>
  <si>
    <t>17688153.0</t>
  </si>
  <si>
    <t>27323873.0</t>
  </si>
  <si>
    <t>57749.5</t>
  </si>
  <si>
    <t>2945.84154775396</t>
  </si>
  <si>
    <t>62516957.0</t>
  </si>
  <si>
    <t>18076363.0</t>
  </si>
  <si>
    <t>17688355.0</t>
  </si>
  <si>
    <t>27326955.0</t>
  </si>
  <si>
    <t>318.9</t>
  </si>
  <si>
    <t>139.4</t>
  </si>
  <si>
    <t>62520495.0</t>
  </si>
  <si>
    <t>18076557.0</t>
  </si>
  <si>
    <t>17688602.0</t>
  </si>
  <si>
    <t>27330052.0</t>
  </si>
  <si>
    <t>318.92</t>
  </si>
  <si>
    <t>139.41</t>
  </si>
  <si>
    <t>62524385.0</t>
  </si>
  <si>
    <t>18076755.0</t>
  </si>
  <si>
    <t>17688855.0</t>
  </si>
  <si>
    <t>27333491.0</t>
  </si>
  <si>
    <t>318.94</t>
  </si>
  <si>
    <t>139.43</t>
  </si>
  <si>
    <t>62528280.0</t>
  </si>
  <si>
    <t>18076972.0</t>
  </si>
  <si>
    <t>17689133.0</t>
  </si>
  <si>
    <t>27336891.0</t>
  </si>
  <si>
    <t>318.96</t>
  </si>
  <si>
    <t>62532515.0</t>
  </si>
  <si>
    <t>18077186.0</t>
  </si>
  <si>
    <t>17689402.0</t>
  </si>
  <si>
    <t>27340643.0</t>
  </si>
  <si>
    <t>318.98</t>
  </si>
  <si>
    <t>139.47</t>
  </si>
  <si>
    <t>62533167.0</t>
  </si>
  <si>
    <t>18077221.0</t>
  </si>
  <si>
    <t>17689433.0</t>
  </si>
  <si>
    <t>27341229.0</t>
  </si>
  <si>
    <t>318.99</t>
  </si>
  <si>
    <t>3.877</t>
  </si>
  <si>
    <t>62533202.0</t>
  </si>
  <si>
    <t>18077222.0</t>
  </si>
  <si>
    <t>27341263.0</t>
  </si>
  <si>
    <t>58076.4</t>
  </si>
  <si>
    <t>2962.51694064846</t>
  </si>
  <si>
    <t>62536599.0</t>
  </si>
  <si>
    <t>18077437.0</t>
  </si>
  <si>
    <t>17689689.0</t>
  </si>
  <si>
    <t>27344189.0</t>
  </si>
  <si>
    <t>62539840.0</t>
  </si>
  <si>
    <t>18077634.0</t>
  </si>
  <si>
    <t>17689936.0</t>
  </si>
  <si>
    <t>27346986.0</t>
  </si>
  <si>
    <t>319.02</t>
  </si>
  <si>
    <t>92.22</t>
  </si>
  <si>
    <t>62544038.0</t>
  </si>
  <si>
    <t>18077910.0</t>
  </si>
  <si>
    <t>17690231.0</t>
  </si>
  <si>
    <t>27350613.0</t>
  </si>
  <si>
    <t>319.04</t>
  </si>
  <si>
    <t>139.52</t>
  </si>
  <si>
    <t>39.941</t>
  </si>
  <si>
    <t>62547924.0</t>
  </si>
  <si>
    <t>18078104.0</t>
  </si>
  <si>
    <t>17690480.0</t>
  </si>
  <si>
    <t>27354056.0</t>
  </si>
  <si>
    <t>319.06</t>
  </si>
  <si>
    <t>139.53</t>
  </si>
  <si>
    <t>62552325.0</t>
  </si>
  <si>
    <t>18078334.0</t>
  </si>
  <si>
    <t>17690740.0</t>
  </si>
  <si>
    <t>27357967.0</t>
  </si>
  <si>
    <t>319.08</t>
  </si>
  <si>
    <t>139.55</t>
  </si>
  <si>
    <t>62552989.0</t>
  </si>
  <si>
    <t>18078365.0</t>
  </si>
  <si>
    <t>17690758.0</t>
  </si>
  <si>
    <t>27358582.0</t>
  </si>
  <si>
    <t>319.09</t>
  </si>
  <si>
    <t>139.56</t>
  </si>
  <si>
    <t>62553025.0</t>
  </si>
  <si>
    <t>17690760.0</t>
  </si>
  <si>
    <t>27358616.0</t>
  </si>
  <si>
    <t>58477.8</t>
  </si>
  <si>
    <t>2982.99262956816</t>
  </si>
  <si>
    <t>62556244.0</t>
  </si>
  <si>
    <t>18078577.0</t>
  </si>
  <si>
    <t>17690981.0</t>
  </si>
  <si>
    <t>27361402.0</t>
  </si>
  <si>
    <t>139.57</t>
  </si>
  <si>
    <t>62559558.0</t>
  </si>
  <si>
    <t>18078766.0</t>
  </si>
  <si>
    <t>17691204.0</t>
  </si>
  <si>
    <t>27364304.0</t>
  </si>
  <si>
    <t>319.12</t>
  </si>
  <si>
    <t>139.59</t>
  </si>
  <si>
    <t>62562856.0</t>
  </si>
  <si>
    <t>18078974.0</t>
  </si>
  <si>
    <t>17691402.0</t>
  </si>
  <si>
    <t>27367196.0</t>
  </si>
  <si>
    <t>319.14</t>
  </si>
  <si>
    <t>36.116</t>
  </si>
  <si>
    <t>62566249.0</t>
  </si>
  <si>
    <t>18079151.0</t>
  </si>
  <si>
    <t>17691635.0</t>
  </si>
  <si>
    <t>27370179.0</t>
  </si>
  <si>
    <t>319.15</t>
  </si>
  <si>
    <t>62569494.0</t>
  </si>
  <si>
    <t>18079387.0</t>
  </si>
  <si>
    <t>17691859.0</t>
  </si>
  <si>
    <t>27372964.0</t>
  </si>
  <si>
    <t>319.17</t>
  </si>
  <si>
    <t>139.63</t>
  </si>
  <si>
    <t>62569959.0</t>
  </si>
  <si>
    <t>18079407.0</t>
  </si>
  <si>
    <t>17691878.0</t>
  </si>
  <si>
    <t>27373390.0</t>
  </si>
  <si>
    <t>62569988.0</t>
  </si>
  <si>
    <t>17691883.0</t>
  </si>
  <si>
    <t>27373414.0</t>
  </si>
  <si>
    <t>58960.9</t>
  </si>
  <si>
    <t>3007.63589144437</t>
  </si>
  <si>
    <t>62572527.0</t>
  </si>
  <si>
    <t>18079598.0</t>
  </si>
  <si>
    <t>17692034.0</t>
  </si>
  <si>
    <t>27375611.0</t>
  </si>
  <si>
    <t>319.19</t>
  </si>
  <si>
    <t>139.64</t>
  </si>
  <si>
    <t>62575548.0</t>
  </si>
  <si>
    <t>18079798.0</t>
  </si>
  <si>
    <t>17692246.0</t>
  </si>
  <si>
    <t>27378220.0</t>
  </si>
  <si>
    <t>319.2</t>
  </si>
  <si>
    <t>62578829.0</t>
  </si>
  <si>
    <t>18080022.0</t>
  </si>
  <si>
    <t>17692515.0</t>
  </si>
  <si>
    <t>27381008.0</t>
  </si>
  <si>
    <t>319.22</t>
  </si>
  <si>
    <t>139.67</t>
  </si>
  <si>
    <t>62581772.0</t>
  </si>
  <si>
    <t>18080289.0</t>
  </si>
  <si>
    <t>17692738.0</t>
  </si>
  <si>
    <t>27383461.0</t>
  </si>
  <si>
    <t>319.23</t>
  </si>
  <si>
    <t>139.68</t>
  </si>
  <si>
    <t>62584687.0</t>
  </si>
  <si>
    <t>18080511.0</t>
  </si>
  <si>
    <t>17692973.0</t>
  </si>
  <si>
    <t>27385919.0</t>
  </si>
  <si>
    <t>319.25</t>
  </si>
  <si>
    <t>62585093.0</t>
  </si>
  <si>
    <t>18080519.0</t>
  </si>
  <si>
    <t>17692986.0</t>
  </si>
  <si>
    <t>27386304.0</t>
  </si>
  <si>
    <t>62585111.0</t>
  </si>
  <si>
    <t>18080521.0</t>
  </si>
  <si>
    <t>27386320.0</t>
  </si>
  <si>
    <t>59175.5</t>
  </si>
  <si>
    <t>3018.58278442436</t>
  </si>
  <si>
    <t>62587123.0</t>
  </si>
  <si>
    <t>18080635.0</t>
  </si>
  <si>
    <t>17693113.0</t>
  </si>
  <si>
    <t>27388091.0</t>
  </si>
  <si>
    <t>319.26</t>
  </si>
  <si>
    <t>139.71</t>
  </si>
  <si>
    <t>62589539.0</t>
  </si>
  <si>
    <t>18080776.0</t>
  </si>
  <si>
    <t>17693240.0</t>
  </si>
  <si>
    <t>27390239.0</t>
  </si>
  <si>
    <t>319.27</t>
  </si>
  <si>
    <t>62592491.0</t>
  </si>
  <si>
    <t>18080934.0</t>
  </si>
  <si>
    <t>17693395.0</t>
  </si>
  <si>
    <t>27392878.0</t>
  </si>
  <si>
    <t>319.29</t>
  </si>
  <si>
    <t>139.73</t>
  </si>
  <si>
    <t>6.478</t>
  </si>
  <si>
    <t>62592579.0</t>
  </si>
  <si>
    <t>18080936.0</t>
  </si>
  <si>
    <t>17693397.0</t>
  </si>
  <si>
    <t>27392962.0</t>
  </si>
  <si>
    <t>62595355.0</t>
  </si>
  <si>
    <t>18081101.0</t>
  </si>
  <si>
    <t>17693598.0</t>
  </si>
  <si>
    <t>27395372.0</t>
  </si>
  <si>
    <t>319.3</t>
  </si>
  <si>
    <t>139.75</t>
  </si>
  <si>
    <t>62595576.0</t>
  </si>
  <si>
    <t>18081113.0</t>
  </si>
  <si>
    <t>17693606.0</t>
  </si>
  <si>
    <t>27395573.0</t>
  </si>
  <si>
    <t>62595605.0</t>
  </si>
  <si>
    <t>18081114.0</t>
  </si>
  <si>
    <t>27395601.0</t>
  </si>
  <si>
    <t>59526.6</t>
  </si>
  <si>
    <t>3036.49263589348</t>
  </si>
  <si>
    <t>26.271</t>
  </si>
  <si>
    <t>62597362.0</t>
  </si>
  <si>
    <t>18081246.0</t>
  </si>
  <si>
    <t>17693758.0</t>
  </si>
  <si>
    <t>27397074.0</t>
  </si>
  <si>
    <t>319.31</t>
  </si>
  <si>
    <t>25.046</t>
  </si>
  <si>
    <t>62599105.0</t>
  </si>
  <si>
    <t>18081366.0</t>
  </si>
  <si>
    <t>17693904.0</t>
  </si>
  <si>
    <t>27398551.0</t>
  </si>
  <si>
    <t>319.32</t>
  </si>
  <si>
    <t>139.76</t>
  </si>
  <si>
    <t>62601031.0</t>
  </si>
  <si>
    <t>18081484.0</t>
  </si>
  <si>
    <t>17694050.0</t>
  </si>
  <si>
    <t>27400213.0</t>
  </si>
  <si>
    <t>319.33</t>
  </si>
  <si>
    <t>62603029.0</t>
  </si>
  <si>
    <t>18081610.0</t>
  </si>
  <si>
    <t>17694185.0</t>
  </si>
  <si>
    <t>27401950.0</t>
  </si>
  <si>
    <t>319.34</t>
  </si>
  <si>
    <t>92.24</t>
  </si>
  <si>
    <t>139.78</t>
  </si>
  <si>
    <t>62604902.0</t>
  </si>
  <si>
    <t>18081741.0</t>
  </si>
  <si>
    <t>17694305.0</t>
  </si>
  <si>
    <t>27403572.0</t>
  </si>
  <si>
    <t>319.35</t>
  </si>
  <si>
    <t>139.79</t>
  </si>
  <si>
    <t>62605201.0</t>
  </si>
  <si>
    <t>18081756.0</t>
  </si>
  <si>
    <t>17694325.0</t>
  </si>
  <si>
    <t>27403836.0</t>
  </si>
  <si>
    <t>62605222.0</t>
  </si>
  <si>
    <t>18081758.0</t>
  </si>
  <si>
    <t>17694326.0</t>
  </si>
  <si>
    <t>27403854.0</t>
  </si>
  <si>
    <t>62607024.0</t>
  </si>
  <si>
    <t>18081860.0</t>
  </si>
  <si>
    <t>17694465.0</t>
  </si>
  <si>
    <t>27405415.0</t>
  </si>
  <si>
    <t>319.36</t>
  </si>
  <si>
    <t>62609044.0</t>
  </si>
  <si>
    <t>18081987.0</t>
  </si>
  <si>
    <t>17694613.0</t>
  </si>
  <si>
    <t>27407160.0</t>
  </si>
  <si>
    <t>319.37</t>
  </si>
  <si>
    <t>62610972.0</t>
  </si>
  <si>
    <t>18082097.0</t>
  </si>
  <si>
    <t>17694773.0</t>
  </si>
  <si>
    <t>27408818.0</t>
  </si>
  <si>
    <t>319.38</t>
  </si>
  <si>
    <t>62612639.0</t>
  </si>
  <si>
    <t>18082192.0</t>
  </si>
  <si>
    <t>17694900.0</t>
  </si>
  <si>
    <t>27410263.0</t>
  </si>
  <si>
    <t>319.39</t>
  </si>
  <si>
    <t>139.82</t>
  </si>
  <si>
    <t>62613702.0</t>
  </si>
  <si>
    <t>18082253.0</t>
  </si>
  <si>
    <t>17695026.0</t>
  </si>
  <si>
    <t>27411139.0</t>
  </si>
  <si>
    <t>319.4</t>
  </si>
  <si>
    <t>62613733.0</t>
  </si>
  <si>
    <t>18082257.0</t>
  </si>
  <si>
    <t>17695028.0</t>
  </si>
  <si>
    <t>27411164.0</t>
  </si>
  <si>
    <t>62615257.0</t>
  </si>
  <si>
    <t>18082376.0</t>
  </si>
  <si>
    <t>17695153.0</t>
  </si>
  <si>
    <t>27412444.0</t>
  </si>
  <si>
    <t>5.152</t>
  </si>
  <si>
    <t>62617632.0</t>
  </si>
  <si>
    <t>18082521.0</t>
  </si>
  <si>
    <t>17695316.0</t>
  </si>
  <si>
    <t>27414511.0</t>
  </si>
  <si>
    <t>319.42</t>
  </si>
  <si>
    <t>62619854.0</t>
  </si>
  <si>
    <t>18082663.0</t>
  </si>
  <si>
    <t>17695470.0</t>
  </si>
  <si>
    <t>27416437.0</t>
  </si>
  <si>
    <t>319.43</t>
  </si>
  <si>
    <t>139.85</t>
  </si>
  <si>
    <t>62622072.0</t>
  </si>
  <si>
    <t>18082810.0</t>
  </si>
  <si>
    <t>17695634.0</t>
  </si>
  <si>
    <t>27418344.0</t>
  </si>
  <si>
    <t>319.44</t>
  </si>
  <si>
    <t>139.86</t>
  </si>
  <si>
    <t>62623360.0</t>
  </si>
  <si>
    <t>18082906.0</t>
  </si>
  <si>
    <t>17695740.0</t>
  </si>
  <si>
    <t>27419430.0</t>
  </si>
  <si>
    <t>319.45</t>
  </si>
  <si>
    <t>139.87</t>
  </si>
  <si>
    <t>62623397.0</t>
  </si>
  <si>
    <t>18082908.0</t>
  </si>
  <si>
    <t>17695743.0</t>
  </si>
  <si>
    <t>27419462.0</t>
  </si>
  <si>
    <t>62624470.0</t>
  </si>
  <si>
    <t>18083034.0</t>
  </si>
  <si>
    <t>17695874.0</t>
  </si>
  <si>
    <t>27420278.0</t>
  </si>
  <si>
    <t>62626150.0</t>
  </si>
  <si>
    <t>18083197.0</t>
  </si>
  <si>
    <t>17696025.0</t>
  </si>
  <si>
    <t>27421644.0</t>
  </si>
  <si>
    <t>319.46</t>
  </si>
  <si>
    <t>62627328.0</t>
  </si>
  <si>
    <t>18083297.0</t>
  </si>
  <si>
    <t>17696102.0</t>
  </si>
  <si>
    <t>27422645.0</t>
  </si>
  <si>
    <t>319.47</t>
  </si>
  <si>
    <t>CHN</t>
  </si>
  <si>
    <t>China</t>
  </si>
  <si>
    <t>90000000.0</t>
  </si>
  <si>
    <t>63.118</t>
  </si>
  <si>
    <t>1627907.0</t>
  </si>
  <si>
    <t>97397.8</t>
  </si>
  <si>
    <t>103596.0</t>
  </si>
  <si>
    <t>123861.1</t>
  </si>
  <si>
    <t>149940.8</t>
  </si>
  <si>
    <t>165152.4</t>
  </si>
  <si>
    <t>199914.9</t>
  </si>
  <si>
    <t>142436.5</t>
  </si>
  <si>
    <t>126616.4</t>
  </si>
  <si>
    <t>129497.0</t>
  </si>
  <si>
    <t>135658.9</t>
  </si>
  <si>
    <t>128040.5</t>
  </si>
  <si>
    <t>132501.0</t>
  </si>
  <si>
    <t>156094.3</t>
  </si>
  <si>
    <t>180878.6</t>
  </si>
  <si>
    <t>153997.4</t>
  </si>
  <si>
    <t>122528.0</t>
  </si>
  <si>
    <t>107502.3</t>
  </si>
  <si>
    <t>73046.2</t>
  </si>
  <si>
    <t>65869.8</t>
  </si>
  <si>
    <t>64379.8</t>
  </si>
  <si>
    <t>52033.1</t>
  </si>
  <si>
    <t>47679.1</t>
  </si>
  <si>
    <t>40265.8</t>
  </si>
  <si>
    <t>32099.8</t>
  </si>
  <si>
    <t>28206.4</t>
  </si>
  <si>
    <t>24665.3</t>
  </si>
  <si>
    <t>20532.1</t>
  </si>
  <si>
    <t>19346.9</t>
  </si>
  <si>
    <t>16538.9</t>
  </si>
  <si>
    <t>17722.2</t>
  </si>
  <si>
    <t>18773.3</t>
  </si>
  <si>
    <t>20569.2</t>
  </si>
  <si>
    <t>22169.8</t>
  </si>
  <si>
    <t>25379.3</t>
  </si>
  <si>
    <t>26562.5</t>
  </si>
  <si>
    <t>160000000.0</t>
  </si>
  <si>
    <t>32651.5</t>
  </si>
  <si>
    <t>3505347.0</t>
  </si>
  <si>
    <t>65607.6</t>
  </si>
  <si>
    <t>5382786.0</t>
  </si>
  <si>
    <t>109215.3</t>
  </si>
  <si>
    <t>7260226.0</t>
  </si>
  <si>
    <t>5.092</t>
  </si>
  <si>
    <t>146881.9</t>
  </si>
  <si>
    <t>9137665.0</t>
  </si>
  <si>
    <t>6.408</t>
  </si>
  <si>
    <t>169665.3</t>
  </si>
  <si>
    <t>11015105.0</t>
  </si>
  <si>
    <t>12892544.0</t>
  </si>
  <si>
    <t>9.042</t>
  </si>
  <si>
    <t>260082.4</t>
  </si>
  <si>
    <t>14769984.0</t>
  </si>
  <si>
    <t>10.358</t>
  </si>
  <si>
    <t>303197.9</t>
  </si>
  <si>
    <t>298812.1</t>
  </si>
  <si>
    <t>297956.1</t>
  </si>
  <si>
    <t>319102.6</t>
  </si>
  <si>
    <t>333513.6</t>
  </si>
  <si>
    <t>361504.4</t>
  </si>
  <si>
    <t>369249.6</t>
  </si>
  <si>
    <t>380111.3</t>
  </si>
  <si>
    <t>370574.4</t>
  </si>
  <si>
    <t>378717.5</t>
  </si>
  <si>
    <t>405445.8</t>
  </si>
  <si>
    <t>410277.3</t>
  </si>
  <si>
    <t>413562.9</t>
  </si>
  <si>
    <t>443729.6</t>
  </si>
  <si>
    <t>483137.1</t>
  </si>
  <si>
    <t>558855.2</t>
  </si>
  <si>
    <t>590799.4</t>
  </si>
  <si>
    <t>630414.6</t>
  </si>
  <si>
    <t>594198.2</t>
  </si>
  <si>
    <t>549949.1</t>
  </si>
  <si>
    <t>527499.4</t>
  </si>
  <si>
    <t>499475.3</t>
  </si>
  <si>
    <t>494690.8</t>
  </si>
  <si>
    <t>478659.1</t>
  </si>
  <si>
    <t>487683.6</t>
  </si>
  <si>
    <t>615416.0</t>
  </si>
  <si>
    <t>634286.0</t>
  </si>
  <si>
    <t>662747.2</t>
  </si>
  <si>
    <t>667027.2</t>
  </si>
  <si>
    <t>453470.4</t>
  </si>
  <si>
    <t>427236.2</t>
  </si>
  <si>
    <t>400737.6</t>
  </si>
  <si>
    <t>393121.9</t>
  </si>
  <si>
    <t>474263.4</t>
  </si>
  <si>
    <t>461562.0</t>
  </si>
  <si>
    <t>463633.9</t>
  </si>
  <si>
    <t>504336.0</t>
  </si>
  <si>
    <t>480887.7</t>
  </si>
  <si>
    <t>472095.6</t>
  </si>
  <si>
    <t>436246.1</t>
  </si>
  <si>
    <t>423730.8</t>
  </si>
  <si>
    <t>434411.3</t>
  </si>
  <si>
    <t>416889.7</t>
  </si>
  <si>
    <t>447575.3</t>
  </si>
  <si>
    <t>449523.2</t>
  </si>
  <si>
    <t>425476.3</t>
  </si>
  <si>
    <t>391631.3</t>
  </si>
  <si>
    <t>381515.3</t>
  </si>
  <si>
    <t>382929.8</t>
  </si>
  <si>
    <t>388683.8</t>
  </si>
  <si>
    <t>399188.8</t>
  </si>
  <si>
    <t>374597.0</t>
  </si>
  <si>
    <t>387226.6</t>
  </si>
  <si>
    <t>451488.2</t>
  </si>
  <si>
    <t>418579.2</t>
  </si>
  <si>
    <t>394613.4</t>
  </si>
  <si>
    <t>265103.6</t>
  </si>
  <si>
    <t>231297.8</t>
  </si>
  <si>
    <t>214502.3</t>
  </si>
  <si>
    <t>226235.1</t>
  </si>
  <si>
    <t>205138.7</t>
  </si>
  <si>
    <t>199980.8</t>
  </si>
  <si>
    <t>180752.2</t>
  </si>
  <si>
    <t>218123.0</t>
  </si>
  <si>
    <t>228234.8</t>
  </si>
  <si>
    <t>190406.0</t>
  </si>
  <si>
    <t>179495.7</t>
  </si>
  <si>
    <t>189358.8</t>
  </si>
  <si>
    <t>198066.1</t>
  </si>
  <si>
    <t>217663.4</t>
  </si>
  <si>
    <t>365331.4</t>
  </si>
  <si>
    <t>459508.6</t>
  </si>
  <si>
    <t>611770.9</t>
  </si>
  <si>
    <t>622838.2</t>
  </si>
  <si>
    <t>722991.0</t>
  </si>
  <si>
    <t>795325.2</t>
  </si>
  <si>
    <t>718000.3</t>
  </si>
  <si>
    <t>733256.4</t>
  </si>
  <si>
    <t>658521.7</t>
  </si>
  <si>
    <t>601114.5</t>
  </si>
  <si>
    <t>642173.2</t>
  </si>
  <si>
    <t>738499.2</t>
  </si>
  <si>
    <t>868822.6</t>
  </si>
  <si>
    <t>827125.7</t>
  </si>
  <si>
    <t>854447.8</t>
  </si>
  <si>
    <t>840588.7</t>
  </si>
  <si>
    <t>891315.2</t>
  </si>
  <si>
    <t>783262.7</t>
  </si>
  <si>
    <t>713043.5</t>
  </si>
  <si>
    <t>646190.8</t>
  </si>
  <si>
    <t>754687.2</t>
  </si>
  <si>
    <t>777367.6</t>
  </si>
  <si>
    <t>833802.9</t>
  </si>
  <si>
    <t>771560.6</t>
  </si>
  <si>
    <t>698575.6</t>
  </si>
  <si>
    <t>675755.3</t>
  </si>
  <si>
    <t>671362.9</t>
  </si>
  <si>
    <t>597636.3</t>
  </si>
  <si>
    <t>584117.1</t>
  </si>
  <si>
    <t>544154.4</t>
  </si>
  <si>
    <t>421999.5</t>
  </si>
  <si>
    <t>430787.6</t>
  </si>
  <si>
    <t>4500000.0</t>
  </si>
  <si>
    <t>232143.0</t>
  </si>
  <si>
    <t>420282.4</t>
  </si>
  <si>
    <t>276786.0</t>
  </si>
  <si>
    <t>321429.0</t>
  </si>
  <si>
    <t>366071.0</t>
  </si>
  <si>
    <t>410714.0</t>
  </si>
  <si>
    <t>263077.9</t>
  </si>
  <si>
    <t>455357.0</t>
  </si>
  <si>
    <t>207193.3</t>
  </si>
  <si>
    <t>500000.0</t>
  </si>
  <si>
    <t>188667.0</t>
  </si>
  <si>
    <t>170329.9</t>
  </si>
  <si>
    <t>9000000.0</t>
  </si>
  <si>
    <t>154774.6</t>
  </si>
  <si>
    <t>464286.0</t>
  </si>
  <si>
    <t>147911.4</t>
  </si>
  <si>
    <t>428571.0</t>
  </si>
  <si>
    <t>125169.4</t>
  </si>
  <si>
    <t>392857.0</t>
  </si>
  <si>
    <t>122936.7</t>
  </si>
  <si>
    <t>10000000.0</t>
  </si>
  <si>
    <t>357143.0</t>
  </si>
  <si>
    <t>111772.7</t>
  </si>
  <si>
    <t>387755.0</t>
  </si>
  <si>
    <t>101761.6</t>
  </si>
  <si>
    <t>418367.0</t>
  </si>
  <si>
    <t>95909.0</t>
  </si>
  <si>
    <t>448980.0</t>
  </si>
  <si>
    <t>87841.8</t>
  </si>
  <si>
    <t>515306.0</t>
  </si>
  <si>
    <t>82777.9</t>
  </si>
  <si>
    <t>581633.0</t>
  </si>
  <si>
    <t>86736.3</t>
  </si>
  <si>
    <t>647959.0</t>
  </si>
  <si>
    <t>84676.2</t>
  </si>
  <si>
    <t>15000000.0</t>
  </si>
  <si>
    <t>714286.0</t>
  </si>
  <si>
    <t>87916.6</t>
  </si>
  <si>
    <t>797173.0</t>
  </si>
  <si>
    <t>86230.0</t>
  </si>
  <si>
    <t>880061.0</t>
  </si>
  <si>
    <t>87618.8</t>
  </si>
  <si>
    <t>962949.0</t>
  </si>
  <si>
    <t>87692.6</t>
  </si>
  <si>
    <t>1045837.0</t>
  </si>
  <si>
    <t>98560.5</t>
  </si>
  <si>
    <t>1128724.0</t>
  </si>
  <si>
    <t>102164.2</t>
  </si>
  <si>
    <t>22767000.0</t>
  </si>
  <si>
    <t>1211612.0</t>
  </si>
  <si>
    <t>107585.5</t>
  </si>
  <si>
    <t>1144800.0</t>
  </si>
  <si>
    <t>119802.6</t>
  </si>
  <si>
    <t>995100.0</t>
  </si>
  <si>
    <t>138592.9</t>
  </si>
  <si>
    <t>845400.0</t>
  </si>
  <si>
    <t>148123.5</t>
  </si>
  <si>
    <t>695700.0</t>
  </si>
  <si>
    <t>204327.0</t>
  </si>
  <si>
    <t>24000000.0</t>
  </si>
  <si>
    <t>546000.0</t>
  </si>
  <si>
    <t>204732.0</t>
  </si>
  <si>
    <t>705643.0</t>
  </si>
  <si>
    <t>233913.2</t>
  </si>
  <si>
    <t>865286.0</t>
  </si>
  <si>
    <t>285609.0</t>
  </si>
  <si>
    <t>31236000.0</t>
  </si>
  <si>
    <t>1174629.0</t>
  </si>
  <si>
    <t>324109.3</t>
  </si>
  <si>
    <t>1360448.0</t>
  </si>
  <si>
    <t>377334.0</t>
  </si>
  <si>
    <t>1546267.0</t>
  </si>
  <si>
    <t>535707.2</t>
  </si>
  <si>
    <t>1732086.0</t>
  </si>
  <si>
    <t>1917905.0</t>
  </si>
  <si>
    <t>506810.7</t>
  </si>
  <si>
    <t>1794381.0</t>
  </si>
  <si>
    <t>522165.9</t>
  </si>
  <si>
    <t>40520000.0</t>
  </si>
  <si>
    <t>1670857.0</t>
  </si>
  <si>
    <t>1416511.0</t>
  </si>
  <si>
    <t>1285689.0</t>
  </si>
  <si>
    <t>693882.6</t>
  </si>
  <si>
    <t>1154867.0</t>
  </si>
  <si>
    <t>1024045.0</t>
  </si>
  <si>
    <t>893223.0</t>
  </si>
  <si>
    <t>728087.5</t>
  </si>
  <si>
    <t>762401.0</t>
  </si>
  <si>
    <t>631579.0</t>
  </si>
  <si>
    <t>708154.8</t>
  </si>
  <si>
    <t>765839.7</t>
  </si>
  <si>
    <t>807720.9</t>
  </si>
  <si>
    <t>789247.8</t>
  </si>
  <si>
    <t>899019.1</t>
  </si>
  <si>
    <t>906912.9</t>
  </si>
  <si>
    <t>957287.2</t>
  </si>
  <si>
    <t>883689.4</t>
  </si>
  <si>
    <t>52520000.0</t>
  </si>
  <si>
    <t>668496.0</t>
  </si>
  <si>
    <t>876192.9</t>
  </si>
  <si>
    <t>705414.0</t>
  </si>
  <si>
    <t>801453.4</t>
  </si>
  <si>
    <t>742331.0</t>
  </si>
  <si>
    <t>760203.0</t>
  </si>
  <si>
    <t>779248.0</t>
  </si>
  <si>
    <t>816165.0</t>
  </si>
  <si>
    <t>853083.0</t>
  </si>
  <si>
    <t>890000.0</t>
  </si>
  <si>
    <t>619104.8</t>
  </si>
  <si>
    <t>654378.8</t>
  </si>
  <si>
    <t>749212.9</t>
  </si>
  <si>
    <t>64980000.0</t>
  </si>
  <si>
    <t>1000381.0</t>
  </si>
  <si>
    <t>1110762.0</t>
  </si>
  <si>
    <t>1221143.0</t>
  </si>
  <si>
    <t>1331524.0</t>
  </si>
  <si>
    <t>1441905.0</t>
  </si>
  <si>
    <t>939925.2</t>
  </si>
  <si>
    <t>74956000.0</t>
  </si>
  <si>
    <t>1552286.0</t>
  </si>
  <si>
    <t>975367.1</t>
  </si>
  <si>
    <t>1818500.0</t>
  </si>
  <si>
    <t>1023631.9</t>
  </si>
  <si>
    <t>80463000.0</t>
  </si>
  <si>
    <t>1974333.0</t>
  </si>
  <si>
    <t>82846000.0</t>
  </si>
  <si>
    <t>2383000.0</t>
  </si>
  <si>
    <t>2077238.0</t>
  </si>
  <si>
    <t>914946.7</t>
  </si>
  <si>
    <t>85859700.0</t>
  </si>
  <si>
    <t>3013700.0</t>
  </si>
  <si>
    <t>2270243.0</t>
  </si>
  <si>
    <t>91346000.0</t>
  </si>
  <si>
    <t>5486300.0</t>
  </si>
  <si>
    <t>2816476.0</t>
  </si>
  <si>
    <t>97470000.0</t>
  </si>
  <si>
    <t>6124000.0</t>
  </si>
  <si>
    <t>3453810.0</t>
  </si>
  <si>
    <t>626616.8</t>
  </si>
  <si>
    <t>102417000.0</t>
  </si>
  <si>
    <t>4947000.0</t>
  </si>
  <si>
    <t>3923000.0</t>
  </si>
  <si>
    <t>571218.0</t>
  </si>
  <si>
    <t>106613000.0</t>
  </si>
  <si>
    <t>4196000.0</t>
  </si>
  <si>
    <t>4129071.0</t>
  </si>
  <si>
    <t>110962000.0</t>
  </si>
  <si>
    <t>4349000.0</t>
  </si>
  <si>
    <t>4357000.0</t>
  </si>
  <si>
    <t>577606.8</t>
  </si>
  <si>
    <t>114690000.0</t>
  </si>
  <si>
    <t>3728000.0</t>
  </si>
  <si>
    <t>4549143.0</t>
  </si>
  <si>
    <t>564969.0</t>
  </si>
  <si>
    <t>119821000.0</t>
  </si>
  <si>
    <t>5131000.0</t>
  </si>
  <si>
    <t>4851614.0</t>
  </si>
  <si>
    <t>489997.1</t>
  </si>
  <si>
    <t>126616000.0</t>
  </si>
  <si>
    <t>6795000.0</t>
  </si>
  <si>
    <t>5038571.0</t>
  </si>
  <si>
    <t>133801000.0</t>
  </si>
  <si>
    <t>7185000.0</t>
  </si>
  <si>
    <t>5190143.0</t>
  </si>
  <si>
    <t>136677000.0</t>
  </si>
  <si>
    <t>2876000.0</t>
  </si>
  <si>
    <t>4894286.0</t>
  </si>
  <si>
    <t>438096.5</t>
  </si>
  <si>
    <t>139970000.0</t>
  </si>
  <si>
    <t>3293000.0</t>
  </si>
  <si>
    <t>4765286.0</t>
  </si>
  <si>
    <t>142802000.0</t>
  </si>
  <si>
    <t>2832000.0</t>
  </si>
  <si>
    <t>4548571.0</t>
  </si>
  <si>
    <t>407043.6</t>
  </si>
  <si>
    <t>145392000.0</t>
  </si>
  <si>
    <t>2590000.0</t>
  </si>
  <si>
    <t>4386000.0</t>
  </si>
  <si>
    <t>397651.9</t>
  </si>
  <si>
    <t>149071000.0</t>
  </si>
  <si>
    <t>3679000.0</t>
  </si>
  <si>
    <t>4178571.0</t>
  </si>
  <si>
    <t>439962.6</t>
  </si>
  <si>
    <t>155150000.0</t>
  </si>
  <si>
    <t>6079000.0</t>
  </si>
  <si>
    <t>4076286.0</t>
  </si>
  <si>
    <t>485391.7</t>
  </si>
  <si>
    <t>161121000.0</t>
  </si>
  <si>
    <t>5971000.0</t>
  </si>
  <si>
    <t>3902857.0</t>
  </si>
  <si>
    <t>530207.3</t>
  </si>
  <si>
    <t>164471000.0</t>
  </si>
  <si>
    <t>3350000.0</t>
  </si>
  <si>
    <t>3970571.0</t>
  </si>
  <si>
    <t>555868.6</t>
  </si>
  <si>
    <t>167343000.0</t>
  </si>
  <si>
    <t>2872000.0</t>
  </si>
  <si>
    <t>3910429.0</t>
  </si>
  <si>
    <t>171928000.0</t>
  </si>
  <si>
    <t>4585000.0</t>
  </si>
  <si>
    <t>4160857.0</t>
  </si>
  <si>
    <t>587439.2</t>
  </si>
  <si>
    <t>175623000.0</t>
  </si>
  <si>
    <t>3695000.0</t>
  </si>
  <si>
    <t>4318714.0</t>
  </si>
  <si>
    <t>179216000.0</t>
  </si>
  <si>
    <t>3593000.0</t>
  </si>
  <si>
    <t>4306429.0</t>
  </si>
  <si>
    <t>183536000.0</t>
  </si>
  <si>
    <t>4320000.0</t>
  </si>
  <si>
    <t>4055143.0</t>
  </si>
  <si>
    <t>187368000.0</t>
  </si>
  <si>
    <t>3832000.0</t>
  </si>
  <si>
    <t>3749571.0</t>
  </si>
  <si>
    <t>497071.5</t>
  </si>
  <si>
    <t>189809000.0</t>
  </si>
  <si>
    <t>2441000.0</t>
  </si>
  <si>
    <t>3619714.0</t>
  </si>
  <si>
    <t>538480.6</t>
  </si>
  <si>
    <t>192127000.0</t>
  </si>
  <si>
    <t>2318000.0</t>
  </si>
  <si>
    <t>3540571.0</t>
  </si>
  <si>
    <t>195022000.0</t>
  </si>
  <si>
    <t>2895000.0</t>
  </si>
  <si>
    <t>3299143.0</t>
  </si>
  <si>
    <t>198965000.0</t>
  </si>
  <si>
    <t>3943000.0</t>
  </si>
  <si>
    <t>3334571.0</t>
  </si>
  <si>
    <t>541302.6</t>
  </si>
  <si>
    <t>204191000.0</t>
  </si>
  <si>
    <t>5226000.0</t>
  </si>
  <si>
    <t>3567857.0</t>
  </si>
  <si>
    <t>519539.3</t>
  </si>
  <si>
    <t>211223000.0</t>
  </si>
  <si>
    <t>7032000.0</t>
  </si>
  <si>
    <t>3955286.0</t>
  </si>
  <si>
    <t>216084000.0</t>
  </si>
  <si>
    <t>4861000.0</t>
  </si>
  <si>
    <t>4102286.0</t>
  </si>
  <si>
    <t>220309000.0</t>
  </si>
  <si>
    <t>4225000.0</t>
  </si>
  <si>
    <t>4357143.0</t>
  </si>
  <si>
    <t>224901000.0</t>
  </si>
  <si>
    <t>4592000.0</t>
  </si>
  <si>
    <t>4682000.0</t>
  </si>
  <si>
    <t>229489000.0</t>
  </si>
  <si>
    <t>4588000.0</t>
  </si>
  <si>
    <t>4923857.0</t>
  </si>
  <si>
    <t>235976000.0</t>
  </si>
  <si>
    <t>6487000.0</t>
  </si>
  <si>
    <t>5287286.0</t>
  </si>
  <si>
    <t>532943.1</t>
  </si>
  <si>
    <t>243905000.0</t>
  </si>
  <si>
    <t>7929000.0</t>
  </si>
  <si>
    <t>5673429.0</t>
  </si>
  <si>
    <t>253463000.0</t>
  </si>
  <si>
    <t>9558000.0</t>
  </si>
  <si>
    <t>6034286.0</t>
  </si>
  <si>
    <t>265064000.0</t>
  </si>
  <si>
    <t>11601000.0</t>
  </si>
  <si>
    <t>6997143.0</t>
  </si>
  <si>
    <t>270406000.0</t>
  </si>
  <si>
    <t>5342000.0</t>
  </si>
  <si>
    <t>7156714.0</t>
  </si>
  <si>
    <t>275338000.0</t>
  </si>
  <si>
    <t>4932000.0</t>
  </si>
  <si>
    <t>7205286.0</t>
  </si>
  <si>
    <t>524819.1</t>
  </si>
  <si>
    <t>279905000.0</t>
  </si>
  <si>
    <t>4567000.0</t>
  </si>
  <si>
    <t>7202286.0</t>
  </si>
  <si>
    <t>284595000.0</t>
  </si>
  <si>
    <t>4690000.0</t>
  </si>
  <si>
    <t>6945571.0</t>
  </si>
  <si>
    <t>289627000.0</t>
  </si>
  <si>
    <t>5032000.0</t>
  </si>
  <si>
    <t>6531714.0</t>
  </si>
  <si>
    <t>604608.6</t>
  </si>
  <si>
    <t>297734000.0</t>
  </si>
  <si>
    <t>8107000.0</t>
  </si>
  <si>
    <t>6324429.0</t>
  </si>
  <si>
    <t>308226000.0</t>
  </si>
  <si>
    <t>10492000.0</t>
  </si>
  <si>
    <t>6166000.0</t>
  </si>
  <si>
    <t>680205.6</t>
  </si>
  <si>
    <t>317586000.0</t>
  </si>
  <si>
    <t>9360000.0</t>
  </si>
  <si>
    <t>6740000.0</t>
  </si>
  <si>
    <t>324307000.0</t>
  </si>
  <si>
    <t>6721000.0</t>
  </si>
  <si>
    <t>6995571.0</t>
  </si>
  <si>
    <t>332964000.0</t>
  </si>
  <si>
    <t>8657000.0</t>
  </si>
  <si>
    <t>7579857.0</t>
  </si>
  <si>
    <t>342697000.0</t>
  </si>
  <si>
    <t>9733000.0</t>
  </si>
  <si>
    <t>8300286.0</t>
  </si>
  <si>
    <t>354272000.0</t>
  </si>
  <si>
    <t>11575000.0</t>
  </si>
  <si>
    <t>9235000.0</t>
  </si>
  <si>
    <t>24.85</t>
  </si>
  <si>
    <t>366910000.0</t>
  </si>
  <si>
    <t>12638000.0</t>
  </si>
  <si>
    <t>9882286.0</t>
  </si>
  <si>
    <t>380633000.0</t>
  </si>
  <si>
    <t>13723000.0</t>
  </si>
  <si>
    <t>10343857.0</t>
  </si>
  <si>
    <t>392987000.0</t>
  </si>
  <si>
    <t>12354000.0</t>
  </si>
  <si>
    <t>10771571.0</t>
  </si>
  <si>
    <t>457473.3</t>
  </si>
  <si>
    <t>406938000.0</t>
  </si>
  <si>
    <t>13951000.0</t>
  </si>
  <si>
    <t>11804429.0</t>
  </si>
  <si>
    <t>421991000.0</t>
  </si>
  <si>
    <t>15053000.0</t>
  </si>
  <si>
    <t>12718143.0</t>
  </si>
  <si>
    <t>8919.0</t>
  </si>
  <si>
    <t>467833.9</t>
  </si>
  <si>
    <t>435689000.0</t>
  </si>
  <si>
    <t>13698000.0</t>
  </si>
  <si>
    <t>13284571.0</t>
  </si>
  <si>
    <t>449511000.0</t>
  </si>
  <si>
    <t>13822000.0</t>
  </si>
  <si>
    <t>13605571.0</t>
  </si>
  <si>
    <t>466698000.0</t>
  </si>
  <si>
    <t>17187000.0</t>
  </si>
  <si>
    <t>14255429.0</t>
  </si>
  <si>
    <t>32.73</t>
  </si>
  <si>
    <t>483343000.0</t>
  </si>
  <si>
    <t>16645000.0</t>
  </si>
  <si>
    <t>14672857.0</t>
  </si>
  <si>
    <t>497272000.0</t>
  </si>
  <si>
    <t>13929000.0</t>
  </si>
  <si>
    <t>14897857.0</t>
  </si>
  <si>
    <t>510858000.0</t>
  </si>
  <si>
    <t>13586000.0</t>
  </si>
  <si>
    <t>14845714.0</t>
  </si>
  <si>
    <t>432591.9</t>
  </si>
  <si>
    <t>527253000.0</t>
  </si>
  <si>
    <t>16395000.0</t>
  </si>
  <si>
    <t>15037429.0</t>
  </si>
  <si>
    <t>546714000.0</t>
  </si>
  <si>
    <t>19461000.0</t>
  </si>
  <si>
    <t>15860714.0</t>
  </si>
  <si>
    <t>566723000.0</t>
  </si>
  <si>
    <t>20009000.0</t>
  </si>
  <si>
    <t>16744571.0</t>
  </si>
  <si>
    <t>39.75</t>
  </si>
  <si>
    <t>584360000.0</t>
  </si>
  <si>
    <t>17637000.0</t>
  </si>
  <si>
    <t>16808857.0</t>
  </si>
  <si>
    <t>602991000.0</t>
  </si>
  <si>
    <t>18631000.0</t>
  </si>
  <si>
    <t>17092571.0</t>
  </si>
  <si>
    <t>620974000.0</t>
  </si>
  <si>
    <t>17983000.0</t>
  </si>
  <si>
    <t>17671714.0</t>
  </si>
  <si>
    <t>12393.0</t>
  </si>
  <si>
    <t>639172000.0</t>
  </si>
  <si>
    <t>18198000.0</t>
  </si>
  <si>
    <t>18330571.0</t>
  </si>
  <si>
    <t>455456.0</t>
  </si>
  <si>
    <t>661468000.0</t>
  </si>
  <si>
    <t>22296000.0</t>
  </si>
  <si>
    <t>19173571.0</t>
  </si>
  <si>
    <t>13447.0</t>
  </si>
  <si>
    <t>441831.5</t>
  </si>
  <si>
    <t>681908000.0</t>
  </si>
  <si>
    <t>20440000.0</t>
  </si>
  <si>
    <t>19313429.0</t>
  </si>
  <si>
    <t>704826000.0</t>
  </si>
  <si>
    <t>22918000.0</t>
  </si>
  <si>
    <t>19729000.0</t>
  </si>
  <si>
    <t>13836.0</t>
  </si>
  <si>
    <t>408654.1</t>
  </si>
  <si>
    <t>723486000.0</t>
  </si>
  <si>
    <t>18660000.0</t>
  </si>
  <si>
    <t>19875143.0</t>
  </si>
  <si>
    <t>744483000.0</t>
  </si>
  <si>
    <t>20997000.0</t>
  </si>
  <si>
    <t>20213143.0</t>
  </si>
  <si>
    <t>366628.2</t>
  </si>
  <si>
    <t>763065000.0</t>
  </si>
  <si>
    <t>18582000.0</t>
  </si>
  <si>
    <t>20298714.0</t>
  </si>
  <si>
    <t>777879000.0</t>
  </si>
  <si>
    <t>14814000.0</t>
  </si>
  <si>
    <t>19815286.0</t>
  </si>
  <si>
    <t>360243.5</t>
  </si>
  <si>
    <t>794134000.0</t>
  </si>
  <si>
    <t>16255000.0</t>
  </si>
  <si>
    <t>18952286.0</t>
  </si>
  <si>
    <t>808962000.0</t>
  </si>
  <si>
    <t>14828000.0</t>
  </si>
  <si>
    <t>18150571.0</t>
  </si>
  <si>
    <t>12729.0</t>
  </si>
  <si>
    <t>824856000.0</t>
  </si>
  <si>
    <t>15894000.0</t>
  </si>
  <si>
    <t>17147143.0</t>
  </si>
  <si>
    <t>384344.7</t>
  </si>
  <si>
    <t>845299000.0</t>
  </si>
  <si>
    <t>622000000.0</t>
  </si>
  <si>
    <t>20443000.0</t>
  </si>
  <si>
    <t>17401857.0</t>
  </si>
  <si>
    <t>863513000.0</t>
  </si>
  <si>
    <t>18214000.0</t>
  </si>
  <si>
    <t>17004286.0</t>
  </si>
  <si>
    <t>5850649.0</t>
  </si>
  <si>
    <t>356513.2</t>
  </si>
  <si>
    <t>878523000.0</t>
  </si>
  <si>
    <t>15010000.0</t>
  </si>
  <si>
    <t>16494000.0</t>
  </si>
  <si>
    <t>350473.0</t>
  </si>
  <si>
    <t>892770000.0</t>
  </si>
  <si>
    <t>14247000.0</t>
  </si>
  <si>
    <t>16413000.0</t>
  </si>
  <si>
    <t>11511.0</t>
  </si>
  <si>
    <t>362774.1</t>
  </si>
  <si>
    <t>904134000.0</t>
  </si>
  <si>
    <t>11364000.0</t>
  </si>
  <si>
    <t>15714286.0</t>
  </si>
  <si>
    <t>923910000.0</t>
  </si>
  <si>
    <t>19776000.0</t>
  </si>
  <si>
    <t>16421143.0</t>
  </si>
  <si>
    <t>308627.5</t>
  </si>
  <si>
    <t>945150000.0</t>
  </si>
  <si>
    <t>21240000.0</t>
  </si>
  <si>
    <t>17184857.0</t>
  </si>
  <si>
    <t>12052.0</t>
  </si>
  <si>
    <t>312354.3</t>
  </si>
  <si>
    <t>966652000.0</t>
  </si>
  <si>
    <t>21502000.0</t>
  </si>
  <si>
    <t>17336143.0</t>
  </si>
  <si>
    <t>12158.0</t>
  </si>
  <si>
    <t>318119.8</t>
  </si>
  <si>
    <t>990257000.0</t>
  </si>
  <si>
    <t>23605000.0</t>
  </si>
  <si>
    <t>18106286.0</t>
  </si>
  <si>
    <t>12698.0</t>
  </si>
  <si>
    <t>315214.0</t>
  </si>
  <si>
    <t>1010489000.0</t>
  </si>
  <si>
    <t>20232000.0</t>
  </si>
  <si>
    <t>18852286.0</t>
  </si>
  <si>
    <t>13221.0</t>
  </si>
  <si>
    <t>321086.6</t>
  </si>
  <si>
    <t>1029223000.0</t>
  </si>
  <si>
    <t>18734000.0</t>
  </si>
  <si>
    <t>19493286.0</t>
  </si>
  <si>
    <t>322087.9</t>
  </si>
  <si>
    <t>1049744000.0</t>
  </si>
  <si>
    <t>20521000.0</t>
  </si>
  <si>
    <t>20801429.0</t>
  </si>
  <si>
    <t>325122.4</t>
  </si>
  <si>
    <t>1071783000.0</t>
  </si>
  <si>
    <t>22039000.0</t>
  </si>
  <si>
    <t>21124714.0</t>
  </si>
  <si>
    <t>14815.0</t>
  </si>
  <si>
    <t>1095902000.0</t>
  </si>
  <si>
    <t>24119000.0</t>
  </si>
  <si>
    <t>21536000.0</t>
  </si>
  <si>
    <t>1120643000.0</t>
  </si>
  <si>
    <t>24741000.0</t>
  </si>
  <si>
    <t>21998714.0</t>
  </si>
  <si>
    <t>375960.5</t>
  </si>
  <si>
    <t>1143805000.0</t>
  </si>
  <si>
    <t>23162000.0</t>
  </si>
  <si>
    <t>21935429.0</t>
  </si>
  <si>
    <t>1165230000.0</t>
  </si>
  <si>
    <t>21425000.0</t>
  </si>
  <si>
    <t>22105857.0</t>
  </si>
  <si>
    <t>15503.0</t>
  </si>
  <si>
    <t>396126.8</t>
  </si>
  <si>
    <t>1185787000.0</t>
  </si>
  <si>
    <t>20557000.0</t>
  </si>
  <si>
    <t>22366286.0</t>
  </si>
  <si>
    <t>1206714000.0</t>
  </si>
  <si>
    <t>20927000.0</t>
  </si>
  <si>
    <t>22424286.0</t>
  </si>
  <si>
    <t>411913.5</t>
  </si>
  <si>
    <t>1225734000.0</t>
  </si>
  <si>
    <t>19020000.0</t>
  </si>
  <si>
    <t>21993000.0</t>
  </si>
  <si>
    <t>1244675000.0</t>
  </si>
  <si>
    <t>18941000.0</t>
  </si>
  <si>
    <t>21253286.0</t>
  </si>
  <si>
    <t>87.29</t>
  </si>
  <si>
    <t>1264149000.0</t>
  </si>
  <si>
    <t>19474000.0</t>
  </si>
  <si>
    <t>20500857.0</t>
  </si>
  <si>
    <t>1283175000.0</t>
  </si>
  <si>
    <t>19026000.0</t>
  </si>
  <si>
    <t>19910000.0</t>
  </si>
  <si>
    <t>13963.0</t>
  </si>
  <si>
    <t>1296037000.0</t>
  </si>
  <si>
    <t>12862000.0</t>
  </si>
  <si>
    <t>18686714.0</t>
  </si>
  <si>
    <t>13105.0</t>
  </si>
  <si>
    <t>1305499000.0</t>
  </si>
  <si>
    <t>9462000.0</t>
  </si>
  <si>
    <t>17101714.0</t>
  </si>
  <si>
    <t>91.56</t>
  </si>
  <si>
    <t>1318417000.0</t>
  </si>
  <si>
    <t>12918000.0</t>
  </si>
  <si>
    <t>15957571.0</t>
  </si>
  <si>
    <t>92.46</t>
  </si>
  <si>
    <t>1331669000.0</t>
  </si>
  <si>
    <t>13252000.0</t>
  </si>
  <si>
    <t>15133571.0</t>
  </si>
  <si>
    <t>93.39</t>
  </si>
  <si>
    <t>1342381000.0</t>
  </si>
  <si>
    <t>10712000.0</t>
  </si>
  <si>
    <t>13958000.0</t>
  </si>
  <si>
    <t>336776.0</t>
  </si>
  <si>
    <t>1354226000.0</t>
  </si>
  <si>
    <t>11845000.0</t>
  </si>
  <si>
    <t>12868143.0</t>
  </si>
  <si>
    <t>94.97</t>
  </si>
  <si>
    <t>330321.2</t>
  </si>
  <si>
    <t>1365463000.0</t>
  </si>
  <si>
    <t>11237000.0</t>
  </si>
  <si>
    <t>11755429.0</t>
  </si>
  <si>
    <t>95.76</t>
  </si>
  <si>
    <t>8244.0</t>
  </si>
  <si>
    <t>343488.0</t>
  </si>
  <si>
    <t>1374162000.0</t>
  </si>
  <si>
    <t>8699000.0</t>
  </si>
  <si>
    <t>11160714.0</t>
  </si>
  <si>
    <t>96.37</t>
  </si>
  <si>
    <t>313301.7</t>
  </si>
  <si>
    <t>1382482000.0</t>
  </si>
  <si>
    <t>8320000.0</t>
  </si>
  <si>
    <t>10997571.0</t>
  </si>
  <si>
    <t>96.96</t>
  </si>
  <si>
    <t>310482.9</t>
  </si>
  <si>
    <t>1391432000.0</t>
  </si>
  <si>
    <t>8950000.0</t>
  </si>
  <si>
    <t>10430714.0</t>
  </si>
  <si>
    <t>351666.3</t>
  </si>
  <si>
    <t>1402019000.0</t>
  </si>
  <si>
    <t>10587000.0</t>
  </si>
  <si>
    <t>10050000.0</t>
  </si>
  <si>
    <t>1414609000.0</t>
  </si>
  <si>
    <t>12590000.0</t>
  </si>
  <si>
    <t>10318286.0</t>
  </si>
  <si>
    <t>7236.0</t>
  </si>
  <si>
    <t>1426347000.0</t>
  </si>
  <si>
    <t>11738000.0</t>
  </si>
  <si>
    <t>10303000.0</t>
  </si>
  <si>
    <t>1437623000.0</t>
  </si>
  <si>
    <t>11276000.0</t>
  </si>
  <si>
    <t>10308571.0</t>
  </si>
  <si>
    <t>100.82</t>
  </si>
  <si>
    <t>1447427000.0</t>
  </si>
  <si>
    <t>9804000.0</t>
  </si>
  <si>
    <t>10466429.0</t>
  </si>
  <si>
    <t>101.51</t>
  </si>
  <si>
    <t>338986.6</t>
  </si>
  <si>
    <t>1456557000.0</t>
  </si>
  <si>
    <t>9130000.0</t>
  </si>
  <si>
    <t>10582143.0</t>
  </si>
  <si>
    <t>102.15</t>
  </si>
  <si>
    <t>7421.0</t>
  </si>
  <si>
    <t>299679.1</t>
  </si>
  <si>
    <t>1467316000.0</t>
  </si>
  <si>
    <t>10759000.0</t>
  </si>
  <si>
    <t>10840571.0</t>
  </si>
  <si>
    <t>102.91</t>
  </si>
  <si>
    <t>323095.4</t>
  </si>
  <si>
    <t>1478484000.0</t>
  </si>
  <si>
    <t>11168000.0</t>
  </si>
  <si>
    <t>10923571.0</t>
  </si>
  <si>
    <t>103.69</t>
  </si>
  <si>
    <t>272077.2</t>
  </si>
  <si>
    <t>1491605000.0</t>
  </si>
  <si>
    <t>13121000.0</t>
  </si>
  <si>
    <t>10999429.0</t>
  </si>
  <si>
    <t>104.61</t>
  </si>
  <si>
    <t>261744.6</t>
  </si>
  <si>
    <t>1507605000.0</t>
  </si>
  <si>
    <t>16000000.0</t>
  </si>
  <si>
    <t>11608286.0</t>
  </si>
  <si>
    <t>105.73</t>
  </si>
  <si>
    <t>254028.6</t>
  </si>
  <si>
    <t>1524897000.0</t>
  </si>
  <si>
    <t>17292000.0</t>
  </si>
  <si>
    <t>12467714.0</t>
  </si>
  <si>
    <t>8744.0</t>
  </si>
  <si>
    <t>251558.1</t>
  </si>
  <si>
    <t>1538707000.0</t>
  </si>
  <si>
    <t>13810000.0</t>
  </si>
  <si>
    <t>13040000.0</t>
  </si>
  <si>
    <t>233384.7</t>
  </si>
  <si>
    <t>1550268000.0</t>
  </si>
  <si>
    <t>11561000.0</t>
  </si>
  <si>
    <t>13387286.0</t>
  </si>
  <si>
    <t>108.72</t>
  </si>
  <si>
    <t>1565872000.0</t>
  </si>
  <si>
    <t>15604000.0</t>
  </si>
  <si>
    <t>14079429.0</t>
  </si>
  <si>
    <t>196933.1</t>
  </si>
  <si>
    <t>1583361000.0</t>
  </si>
  <si>
    <t>17489000.0</t>
  </si>
  <si>
    <t>14982429.0</t>
  </si>
  <si>
    <t>111.04</t>
  </si>
  <si>
    <t>211865.4</t>
  </si>
  <si>
    <t>1601249000.0</t>
  </si>
  <si>
    <t>17888000.0</t>
  </si>
  <si>
    <t>15663429.0</t>
  </si>
  <si>
    <t>10985.0</t>
  </si>
  <si>
    <t>203524.6</t>
  </si>
  <si>
    <t>1619218000.0</t>
  </si>
  <si>
    <t>17969000.0</t>
  </si>
  <si>
    <t>15944714.0</t>
  </si>
  <si>
    <t>113.56</t>
  </si>
  <si>
    <t>197687.0</t>
  </si>
  <si>
    <t>1637395000.0</t>
  </si>
  <si>
    <t>18177000.0</t>
  </si>
  <si>
    <t>16071143.0</t>
  </si>
  <si>
    <t>114.83</t>
  </si>
  <si>
    <t>11271.0</t>
  </si>
  <si>
    <t>182024.1</t>
  </si>
  <si>
    <t>1652819000.0</t>
  </si>
  <si>
    <t>15424000.0</t>
  </si>
  <si>
    <t>16301714.0</t>
  </si>
  <si>
    <t>169213.7</t>
  </si>
  <si>
    <t>1669527000.0</t>
  </si>
  <si>
    <t>16708000.0</t>
  </si>
  <si>
    <t>17037000.0</t>
  </si>
  <si>
    <t>117.09</t>
  </si>
  <si>
    <t>153854.0</t>
  </si>
  <si>
    <t>1688683000.0</t>
  </si>
  <si>
    <t>19156000.0</t>
  </si>
  <si>
    <t>17544429.0</t>
  </si>
  <si>
    <t>118.43</t>
  </si>
  <si>
    <t>145824.5</t>
  </si>
  <si>
    <t>1708356000.0</t>
  </si>
  <si>
    <t>19673000.0</t>
  </si>
  <si>
    <t>17856429.0</t>
  </si>
  <si>
    <t>119.81</t>
  </si>
  <si>
    <t>138964.5</t>
  </si>
  <si>
    <t>1726223000.0</t>
  </si>
  <si>
    <t>17867000.0</t>
  </si>
  <si>
    <t>17853429.0</t>
  </si>
  <si>
    <t>122644.7</t>
  </si>
  <si>
    <t>1741812000.0</t>
  </si>
  <si>
    <t>15589000.0</t>
  </si>
  <si>
    <t>17513429.0</t>
  </si>
  <si>
    <t>122.16</t>
  </si>
  <si>
    <t>111651.9</t>
  </si>
  <si>
    <t>1757780000.0</t>
  </si>
  <si>
    <t>15968000.0</t>
  </si>
  <si>
    <t>17197857.0</t>
  </si>
  <si>
    <t>108261.3</t>
  </si>
  <si>
    <t>1770304000.0</t>
  </si>
  <si>
    <t>12524000.0</t>
  </si>
  <si>
    <t>16783571.0</t>
  </si>
  <si>
    <t>124.15</t>
  </si>
  <si>
    <t>108035.6</t>
  </si>
  <si>
    <t>1782525000.0</t>
  </si>
  <si>
    <t>12221000.0</t>
  </si>
  <si>
    <t>16142571.0</t>
  </si>
  <si>
    <t>125.01</t>
  </si>
  <si>
    <t>108488.8</t>
  </si>
  <si>
    <t>1795049000.0</t>
  </si>
  <si>
    <t>15195143.0</t>
  </si>
  <si>
    <t>125.89</t>
  </si>
  <si>
    <t>1808092000.0</t>
  </si>
  <si>
    <t>13043000.0</t>
  </si>
  <si>
    <t>14248000.0</t>
  </si>
  <si>
    <t>1820238000.0</t>
  </si>
  <si>
    <t>12146000.0</t>
  </si>
  <si>
    <t>13430714.0</t>
  </si>
  <si>
    <t>116956.6</t>
  </si>
  <si>
    <t>1832450000.0</t>
  </si>
  <si>
    <t>777046000.0</t>
  </si>
  <si>
    <t>12212000.0</t>
  </si>
  <si>
    <t>12948286.0</t>
  </si>
  <si>
    <t>128.51</t>
  </si>
  <si>
    <t>130542.6</t>
  </si>
  <si>
    <t>1844382000.0</t>
  </si>
  <si>
    <t>11932000.0</t>
  </si>
  <si>
    <t>12371714.0</t>
  </si>
  <si>
    <t>129.35</t>
  </si>
  <si>
    <t>140666.5</t>
  </si>
  <si>
    <t>1853839000.0</t>
  </si>
  <si>
    <t>9457000.0</t>
  </si>
  <si>
    <t>11933571.0</t>
  </si>
  <si>
    <t>130.01</t>
  </si>
  <si>
    <t>152043.7</t>
  </si>
  <si>
    <t>1862928000.0</t>
  </si>
  <si>
    <t>9089000.0</t>
  </si>
  <si>
    <t>11486143.0</t>
  </si>
  <si>
    <t>130.65</t>
  </si>
  <si>
    <t>8055.0</t>
  </si>
  <si>
    <t>174057.3</t>
  </si>
  <si>
    <t>1875371000.0</t>
  </si>
  <si>
    <t>12443000.0</t>
  </si>
  <si>
    <t>11474571.0</t>
  </si>
  <si>
    <t>131.52</t>
  </si>
  <si>
    <t>8047.0</t>
  </si>
  <si>
    <t>193976.9</t>
  </si>
  <si>
    <t>1887273000.0</t>
  </si>
  <si>
    <t>11902000.0</t>
  </si>
  <si>
    <t>11311571.0</t>
  </si>
  <si>
    <t>132.36</t>
  </si>
  <si>
    <t>7933.0</t>
  </si>
  <si>
    <t>1900127000.0</t>
  </si>
  <si>
    <t>12854000.0</t>
  </si>
  <si>
    <t>11412714.0</t>
  </si>
  <si>
    <t>243271.5</t>
  </si>
  <si>
    <t>1912419000.0</t>
  </si>
  <si>
    <t>12292000.0</t>
  </si>
  <si>
    <t>11424143.0</t>
  </si>
  <si>
    <t>134.12</t>
  </si>
  <si>
    <t>254654.9</t>
  </si>
  <si>
    <t>1924390000.0</t>
  </si>
  <si>
    <t>11971000.0</t>
  </si>
  <si>
    <t>11429714.0</t>
  </si>
  <si>
    <t>134.96</t>
  </si>
  <si>
    <t>1935869000.0</t>
  </si>
  <si>
    <t>11479000.0</t>
  </si>
  <si>
    <t>11718571.0</t>
  </si>
  <si>
    <t>135.77</t>
  </si>
  <si>
    <t>8218.0</t>
  </si>
  <si>
    <t>292064.3</t>
  </si>
  <si>
    <t>1946954000.0</t>
  </si>
  <si>
    <t>11085000.0</t>
  </si>
  <si>
    <t>12003714.0</t>
  </si>
  <si>
    <t>296246.9</t>
  </si>
  <si>
    <t>1961893000.0</t>
  </si>
  <si>
    <t>14939000.0</t>
  </si>
  <si>
    <t>12360286.0</t>
  </si>
  <si>
    <t>137.59</t>
  </si>
  <si>
    <t>8668.0</t>
  </si>
  <si>
    <t>314255.0</t>
  </si>
  <si>
    <t>1975738000.0</t>
  </si>
  <si>
    <t>13845000.0</t>
  </si>
  <si>
    <t>12637857.0</t>
  </si>
  <si>
    <t>344634.1</t>
  </si>
  <si>
    <t>1988433000.0</t>
  </si>
  <si>
    <t>12695000.0</t>
  </si>
  <si>
    <t>12615143.0</t>
  </si>
  <si>
    <t>8847.0</t>
  </si>
  <si>
    <t>2003914000.0</t>
  </si>
  <si>
    <t>1072500000.0</t>
  </si>
  <si>
    <t>889439000.0</t>
  </si>
  <si>
    <t>15481000.0</t>
  </si>
  <si>
    <t>13070714.0</t>
  </si>
  <si>
    <t>140.54</t>
  </si>
  <si>
    <t>9167.0</t>
  </si>
  <si>
    <t>2019549000.0</t>
  </si>
  <si>
    <t>15635000.0</t>
  </si>
  <si>
    <t>13594143.0</t>
  </si>
  <si>
    <t>141.63</t>
  </si>
  <si>
    <t>5307050.0</t>
  </si>
  <si>
    <t>2032934000.0</t>
  </si>
  <si>
    <t>13385000.0</t>
  </si>
  <si>
    <t>13866429.0</t>
  </si>
  <si>
    <t>4763451.0</t>
  </si>
  <si>
    <t>2044625000.0</t>
  </si>
  <si>
    <t>11691000.0</t>
  </si>
  <si>
    <t>13953000.0</t>
  </si>
  <si>
    <t>143.39</t>
  </si>
  <si>
    <t>4219852.0</t>
  </si>
  <si>
    <t>2055966000.0</t>
  </si>
  <si>
    <t>11341000.0</t>
  </si>
  <si>
    <t>13439000.0</t>
  </si>
  <si>
    <t>9425.0</t>
  </si>
  <si>
    <t>3676252.0</t>
  </si>
  <si>
    <t>2067589000.0</t>
  </si>
  <si>
    <t>11623000.0</t>
  </si>
  <si>
    <t>13121571.0</t>
  </si>
  <si>
    <t>3132653.0</t>
  </si>
  <si>
    <t>355295.4</t>
  </si>
  <si>
    <t>2076428000.0</t>
  </si>
  <si>
    <t>8839000.0</t>
  </si>
  <si>
    <t>12570714.0</t>
  </si>
  <si>
    <t>145.62</t>
  </si>
  <si>
    <t>8816.0</t>
  </si>
  <si>
    <t>2589054.0</t>
  </si>
  <si>
    <t>2084650000.0</t>
  </si>
  <si>
    <t>8222000.0</t>
  </si>
  <si>
    <t>11533714.0</t>
  </si>
  <si>
    <t>2045455.0</t>
  </si>
  <si>
    <t>349287.8</t>
  </si>
  <si>
    <t>2092174000.0</t>
  </si>
  <si>
    <t>7524000.0</t>
  </si>
  <si>
    <t>10375000.0</t>
  </si>
  <si>
    <t>146.73</t>
  </si>
  <si>
    <t>2100387000.0</t>
  </si>
  <si>
    <t>8213000.0</t>
  </si>
  <si>
    <t>9636143.0</t>
  </si>
  <si>
    <t>147.3</t>
  </si>
  <si>
    <t>345787.9</t>
  </si>
  <si>
    <t>2107445000.0</t>
  </si>
  <si>
    <t>7058000.0</t>
  </si>
  <si>
    <t>8974286.0</t>
  </si>
  <si>
    <t>2113083000.0</t>
  </si>
  <si>
    <t>1095000000.0</t>
  </si>
  <si>
    <t>969720000.0</t>
  </si>
  <si>
    <t>5638000.0</t>
  </si>
  <si>
    <t>8159571.0</t>
  </si>
  <si>
    <t>148.19</t>
  </si>
  <si>
    <t>358991.4</t>
  </si>
  <si>
    <t>2119025000.0</t>
  </si>
  <si>
    <t>5942000.0</t>
  </si>
  <si>
    <t>7348000.0</t>
  </si>
  <si>
    <t>1822794.0</t>
  </si>
  <si>
    <t>2124582000.0</t>
  </si>
  <si>
    <t>5557000.0</t>
  </si>
  <si>
    <t>6879143.0</t>
  </si>
  <si>
    <t>4824.0</t>
  </si>
  <si>
    <t>1600134.0</t>
  </si>
  <si>
    <t>2129833000.0</t>
  </si>
  <si>
    <t>5251000.0</t>
  </si>
  <si>
    <t>6454714.0</t>
  </si>
  <si>
    <t>1377474.0</t>
  </si>
  <si>
    <t>2135240000.0</t>
  </si>
  <si>
    <t>5407000.0</t>
  </si>
  <si>
    <t>6152286.0</t>
  </si>
  <si>
    <t>149.75</t>
  </si>
  <si>
    <t>1154814.0</t>
  </si>
  <si>
    <t>2142580000.0</t>
  </si>
  <si>
    <t>7340000.0</t>
  </si>
  <si>
    <t>6027571.0</t>
  </si>
  <si>
    <t>932154.0</t>
  </si>
  <si>
    <t>311412.5</t>
  </si>
  <si>
    <t>2148120000.0</t>
  </si>
  <si>
    <t>5540000.0</t>
  </si>
  <si>
    <t>5810714.0</t>
  </si>
  <si>
    <t>150.65</t>
  </si>
  <si>
    <t>4075.0</t>
  </si>
  <si>
    <t>709494.0</t>
  </si>
  <si>
    <t>258474.1</t>
  </si>
  <si>
    <t>2152520000.0</t>
  </si>
  <si>
    <t>4400000.0</t>
  </si>
  <si>
    <t>5633857.0</t>
  </si>
  <si>
    <t>150.96</t>
  </si>
  <si>
    <t>486833.0</t>
  </si>
  <si>
    <t>229754.3</t>
  </si>
  <si>
    <t>2156938000.0</t>
  </si>
  <si>
    <t>4418000.0</t>
  </si>
  <si>
    <t>5416143.0</t>
  </si>
  <si>
    <t>151.27</t>
  </si>
  <si>
    <t>209292.5</t>
  </si>
  <si>
    <t>2161428000.0</t>
  </si>
  <si>
    <t>1011584000.0</t>
  </si>
  <si>
    <t>4490000.0</t>
  </si>
  <si>
    <t>5263714.0</t>
  </si>
  <si>
    <t>151.58</t>
  </si>
  <si>
    <t>186287.4</t>
  </si>
  <si>
    <t>2165679000.0</t>
  </si>
  <si>
    <t>4251000.0</t>
  </si>
  <si>
    <t>5120857.0</t>
  </si>
  <si>
    <t>151.88</t>
  </si>
  <si>
    <t>180436.4</t>
  </si>
  <si>
    <t>2170017000.0</t>
  </si>
  <si>
    <t>4338000.0</t>
  </si>
  <si>
    <t>4968143.0</t>
  </si>
  <si>
    <t>152.19</t>
  </si>
  <si>
    <t>176433.9</t>
  </si>
  <si>
    <t>2174043000.0</t>
  </si>
  <si>
    <t>1100842000.0</t>
  </si>
  <si>
    <t>1022207000.0</t>
  </si>
  <si>
    <t>4026000.0</t>
  </si>
  <si>
    <t>4494714.0</t>
  </si>
  <si>
    <t>152.47</t>
  </si>
  <si>
    <t>185287.2</t>
  </si>
  <si>
    <t>2177638000.0</t>
  </si>
  <si>
    <t>3595000.0</t>
  </si>
  <si>
    <t>4216857.0</t>
  </si>
  <si>
    <t>703364.0</t>
  </si>
  <si>
    <t>2180986000.0</t>
  </si>
  <si>
    <t>3348000.0</t>
  </si>
  <si>
    <t>4066571.0</t>
  </si>
  <si>
    <t>152.96</t>
  </si>
  <si>
    <t>919895.0</t>
  </si>
  <si>
    <t>208027.9</t>
  </si>
  <si>
    <t>2182604000.0</t>
  </si>
  <si>
    <t>1618000.0</t>
  </si>
  <si>
    <t>3666571.0</t>
  </si>
  <si>
    <t>153.07</t>
  </si>
  <si>
    <t>1136425.0</t>
  </si>
  <si>
    <t>222822.1</t>
  </si>
  <si>
    <t>2186583000.0</t>
  </si>
  <si>
    <t>3979000.0</t>
  </si>
  <si>
    <t>3593571.0</t>
  </si>
  <si>
    <t>1352956.0</t>
  </si>
  <si>
    <t>230781.0</t>
  </si>
  <si>
    <t>2190792000.0</t>
  </si>
  <si>
    <t>4209000.0</t>
  </si>
  <si>
    <t>3587571.0</t>
  </si>
  <si>
    <t>153.64</t>
  </si>
  <si>
    <t>1569487.0</t>
  </si>
  <si>
    <t>238225.5</t>
  </si>
  <si>
    <t>2194467000.0</t>
  </si>
  <si>
    <t>3675000.0</t>
  </si>
  <si>
    <t>3492857.0</t>
  </si>
  <si>
    <t>1786018.0</t>
  </si>
  <si>
    <t>257186.9</t>
  </si>
  <si>
    <t>2197689000.0</t>
  </si>
  <si>
    <t>3222000.0</t>
  </si>
  <si>
    <t>3378000.0</t>
  </si>
  <si>
    <t>2002548.0</t>
  </si>
  <si>
    <t>265785.8</t>
  </si>
  <si>
    <t>2200202000.0</t>
  </si>
  <si>
    <t>2513000.0</t>
  </si>
  <si>
    <t>3223429.0</t>
  </si>
  <si>
    <t>154.3</t>
  </si>
  <si>
    <t>291240.8</t>
  </si>
  <si>
    <t>2203185000.0</t>
  </si>
  <si>
    <t>2983000.0</t>
  </si>
  <si>
    <t>3171286.0</t>
  </si>
  <si>
    <t>309552.4</t>
  </si>
  <si>
    <t>2206054000.0</t>
  </si>
  <si>
    <t>1047872000.0</t>
  </si>
  <si>
    <t>2869000.0</t>
  </si>
  <si>
    <t>154.71</t>
  </si>
  <si>
    <t>2208921000.0</t>
  </si>
  <si>
    <t>2867000.0</t>
  </si>
  <si>
    <t>3191143.0</t>
  </si>
  <si>
    <t>154.92</t>
  </si>
  <si>
    <t>2211452000.0</t>
  </si>
  <si>
    <t>2531000.0</t>
  </si>
  <si>
    <t>2951429.0</t>
  </si>
  <si>
    <t>155.09</t>
  </si>
  <si>
    <t>2212206000.0</t>
  </si>
  <si>
    <t>754000.0</t>
  </si>
  <si>
    <t>2534143.0</t>
  </si>
  <si>
    <t>155.15</t>
  </si>
  <si>
    <t>328221.9</t>
  </si>
  <si>
    <t>2212961000.0</t>
  </si>
  <si>
    <t>755000.0</t>
  </si>
  <si>
    <t>2181714.0</t>
  </si>
  <si>
    <t>335681.5</t>
  </si>
  <si>
    <t>2213691000.0</t>
  </si>
  <si>
    <t>730000.0</t>
  </si>
  <si>
    <t>1927000.0</t>
  </si>
  <si>
    <t>155.25</t>
  </si>
  <si>
    <t>348110.6</t>
  </si>
  <si>
    <t>2214564000.0</t>
  </si>
  <si>
    <t>873000.0</t>
  </si>
  <si>
    <t>1625571.0</t>
  </si>
  <si>
    <t>155.31</t>
  </si>
  <si>
    <t>334594.0</t>
  </si>
  <si>
    <t>2215428000.0</t>
  </si>
  <si>
    <t>864000.0</t>
  </si>
  <si>
    <t>1339143.0</t>
  </si>
  <si>
    <t>155.37</t>
  </si>
  <si>
    <t>340095.0</t>
  </si>
  <si>
    <t>2216382000.0</t>
  </si>
  <si>
    <t>954000.0</t>
  </si>
  <si>
    <t>1065857.0</t>
  </si>
  <si>
    <t>155.44</t>
  </si>
  <si>
    <t>364052.7</t>
  </si>
  <si>
    <t>2217563000.0</t>
  </si>
  <si>
    <t>1181000.0</t>
  </si>
  <si>
    <t>155.52</t>
  </si>
  <si>
    <t>2218826000.0</t>
  </si>
  <si>
    <t>1263000.0</t>
  </si>
  <si>
    <t>945714.0</t>
  </si>
  <si>
    <t>155.61</t>
  </si>
  <si>
    <t>2220128000.0</t>
  </si>
  <si>
    <t>1302000.0</t>
  </si>
  <si>
    <t>1023857.0</t>
  </si>
  <si>
    <t>403871.5</t>
  </si>
  <si>
    <t>2221245000.0</t>
  </si>
  <si>
    <t>1117000.0</t>
  </si>
  <si>
    <t>1079143.0</t>
  </si>
  <si>
    <t>155.78</t>
  </si>
  <si>
    <t>2222666000.0</t>
  </si>
  <si>
    <t>1421000.0</t>
  </si>
  <si>
    <t>1157429.0</t>
  </si>
  <si>
    <t>445644.1</t>
  </si>
  <si>
    <t>2224081000.0</t>
  </si>
  <si>
    <t>1415000.0</t>
  </si>
  <si>
    <t>1236143.0</t>
  </si>
  <si>
    <t>155.98</t>
  </si>
  <si>
    <t>2225504000.0</t>
  </si>
  <si>
    <t>1423000.0</t>
  </si>
  <si>
    <t>1303143.0</t>
  </si>
  <si>
    <t>156.08</t>
  </si>
  <si>
    <t>2227334000.0</t>
  </si>
  <si>
    <t>1830000.0</t>
  </si>
  <si>
    <t>1395857.0</t>
  </si>
  <si>
    <t>156.21</t>
  </si>
  <si>
    <t>2229212000.0</t>
  </si>
  <si>
    <t>1878000.0</t>
  </si>
  <si>
    <t>1483714.0</t>
  </si>
  <si>
    <t>2230567000.0</t>
  </si>
  <si>
    <t>1355000.0</t>
  </si>
  <si>
    <t>1491286.0</t>
  </si>
  <si>
    <t>2232088000.0</t>
  </si>
  <si>
    <t>1521000.0</t>
  </si>
  <si>
    <t>1549000.0</t>
  </si>
  <si>
    <t>156.54</t>
  </si>
  <si>
    <t>2234096000.0</t>
  </si>
  <si>
    <t>2008000.0</t>
  </si>
  <si>
    <t>1632857.0</t>
  </si>
  <si>
    <t>156.68</t>
  </si>
  <si>
    <t>2236226000.0</t>
  </si>
  <si>
    <t>2130000.0</t>
  </si>
  <si>
    <t>1735000.0</t>
  </si>
  <si>
    <t>2238325000.0</t>
  </si>
  <si>
    <t>2099000.0</t>
  </si>
  <si>
    <t>1831571.0</t>
  </si>
  <si>
    <t>2240550000.0</t>
  </si>
  <si>
    <t>2225000.0</t>
  </si>
  <si>
    <t>1888000.0</t>
  </si>
  <si>
    <t>2243018000.0</t>
  </si>
  <si>
    <t>2468000.0</t>
  </si>
  <si>
    <t>1972286.0</t>
  </si>
  <si>
    <t>297099.1</t>
  </si>
  <si>
    <t>2244727000.0</t>
  </si>
  <si>
    <t>1067621000.0</t>
  </si>
  <si>
    <t>1709000.0</t>
  </si>
  <si>
    <t>2022857.0</t>
  </si>
  <si>
    <t>2246217000.0</t>
  </si>
  <si>
    <t>1490000.0</t>
  </si>
  <si>
    <t>2018429.0</t>
  </si>
  <si>
    <t>269245.2</t>
  </si>
  <si>
    <t>2248688000.0</t>
  </si>
  <si>
    <t>2084571.0</t>
  </si>
  <si>
    <t>247345.4</t>
  </si>
  <si>
    <t>2251339000.0</t>
  </si>
  <si>
    <t>2651000.0</t>
  </si>
  <si>
    <t>2159000.0</t>
  </si>
  <si>
    <t>237677.4</t>
  </si>
  <si>
    <t>2254252000.0</t>
  </si>
  <si>
    <t>2913000.0</t>
  </si>
  <si>
    <t>2275286.0</t>
  </si>
  <si>
    <t>158.09</t>
  </si>
  <si>
    <t>2257584000.0</t>
  </si>
  <si>
    <t>3332000.0</t>
  </si>
  <si>
    <t>2433429.0</t>
  </si>
  <si>
    <t>219978.0</t>
  </si>
  <si>
    <t>2262226000.0</t>
  </si>
  <si>
    <t>1070386000.0</t>
  </si>
  <si>
    <t>4642000.0</t>
  </si>
  <si>
    <t>2744000.0</t>
  </si>
  <si>
    <t>158.65</t>
  </si>
  <si>
    <t>206368.3</t>
  </si>
  <si>
    <t>2268362000.0</t>
  </si>
  <si>
    <t>6136000.0</t>
  </si>
  <si>
    <t>3376429.0</t>
  </si>
  <si>
    <t>159.08</t>
  </si>
  <si>
    <t>2274072000.0</t>
  </si>
  <si>
    <t>5710000.0</t>
  </si>
  <si>
    <t>3979286.0</t>
  </si>
  <si>
    <t>176735.8</t>
  </si>
  <si>
    <t>2279422000.0</t>
  </si>
  <si>
    <t>5350000.0</t>
  </si>
  <si>
    <t>4390571.0</t>
  </si>
  <si>
    <t>159.86</t>
  </si>
  <si>
    <t>166758.7</t>
  </si>
  <si>
    <t>2285954000.0</t>
  </si>
  <si>
    <t>6532000.0</t>
  </si>
  <si>
    <t>4945000.0</t>
  </si>
  <si>
    <t>151597.4</t>
  </si>
  <si>
    <t>2293820000.0</t>
  </si>
  <si>
    <t>7866000.0</t>
  </si>
  <si>
    <t>5652571.0</t>
  </si>
  <si>
    <t>147068.9</t>
  </si>
  <si>
    <t>2302679000.0</t>
  </si>
  <si>
    <t>8859000.0</t>
  </si>
  <si>
    <t>6442143.0</t>
  </si>
  <si>
    <t>161.49</t>
  </si>
  <si>
    <t>146237.5</t>
  </si>
  <si>
    <t>2311626000.0</t>
  </si>
  <si>
    <t>1072454000.0</t>
  </si>
  <si>
    <t>37973000.0</t>
  </si>
  <si>
    <t>8947000.0</t>
  </si>
  <si>
    <t>7057143.0</t>
  </si>
  <si>
    <t>162.12</t>
  </si>
  <si>
    <t>146030.7</t>
  </si>
  <si>
    <t>2322102000.0</t>
  </si>
  <si>
    <t>10476000.0</t>
  </si>
  <si>
    <t>7677143.0</t>
  </si>
  <si>
    <t>143000.8</t>
  </si>
  <si>
    <t>2330726000.0</t>
  </si>
  <si>
    <t>8624000.0</t>
  </si>
  <si>
    <t>8093429.0</t>
  </si>
  <si>
    <t>141629.6</t>
  </si>
  <si>
    <t>2338493000.0</t>
  </si>
  <si>
    <t>7767000.0</t>
  </si>
  <si>
    <t>8438714.0</t>
  </si>
  <si>
    <t>141243.6</t>
  </si>
  <si>
    <t>2346831000.0</t>
  </si>
  <si>
    <t>8338000.0</t>
  </si>
  <si>
    <t>8696714.0</t>
  </si>
  <si>
    <t>164.59</t>
  </si>
  <si>
    <t>2355525000.0</t>
  </si>
  <si>
    <t>8694000.0</t>
  </si>
  <si>
    <t>8815000.0</t>
  </si>
  <si>
    <t>165.2</t>
  </si>
  <si>
    <t>6182.0</t>
  </si>
  <si>
    <t>143997.7</t>
  </si>
  <si>
    <t>2364032000.0</t>
  </si>
  <si>
    <t>8507000.0</t>
  </si>
  <si>
    <t>8764714.0</t>
  </si>
  <si>
    <t>165.79</t>
  </si>
  <si>
    <t>2372713000.0</t>
  </si>
  <si>
    <t>1073845000.0</t>
  </si>
  <si>
    <t>49440000.0</t>
  </si>
  <si>
    <t>8681000.0</t>
  </si>
  <si>
    <t>8726714.0</t>
  </si>
  <si>
    <t>2382133000.0</t>
  </si>
  <si>
    <t>9420000.0</t>
  </si>
  <si>
    <t>8575857.0</t>
  </si>
  <si>
    <t>6014.0</t>
  </si>
  <si>
    <t>2389568000.0</t>
  </si>
  <si>
    <t>7435000.0</t>
  </si>
  <si>
    <t>8406000.0</t>
  </si>
  <si>
    <t>170049.4</t>
  </si>
  <si>
    <t>2396045000.0</t>
  </si>
  <si>
    <t>6477000.0</t>
  </si>
  <si>
    <t>8221714.0</t>
  </si>
  <si>
    <t>168.04</t>
  </si>
  <si>
    <t>194708.3</t>
  </si>
  <si>
    <t>2402897000.0</t>
  </si>
  <si>
    <t>6852000.0</t>
  </si>
  <si>
    <t>8009429.0</t>
  </si>
  <si>
    <t>213615.0</t>
  </si>
  <si>
    <t>2409784000.0</t>
  </si>
  <si>
    <t>6887000.0</t>
  </si>
  <si>
    <t>7751286.0</t>
  </si>
  <si>
    <t>250338.7</t>
  </si>
  <si>
    <t>2416179000.0</t>
  </si>
  <si>
    <t>6395000.0</t>
  </si>
  <si>
    <t>7449571.0</t>
  </si>
  <si>
    <t>169.45</t>
  </si>
  <si>
    <t>283259.2</t>
  </si>
  <si>
    <t>2422908000.0</t>
  </si>
  <si>
    <t>1225000000.0</t>
  </si>
  <si>
    <t>1076308000.0</t>
  </si>
  <si>
    <t>65730000.0</t>
  </si>
  <si>
    <t>6729000.0</t>
  </si>
  <si>
    <t>7170714.0</t>
  </si>
  <si>
    <t>2430743000.0</t>
  </si>
  <si>
    <t>7835000.0</t>
  </si>
  <si>
    <t>6944286.0</t>
  </si>
  <si>
    <t>1844554.0</t>
  </si>
  <si>
    <t>373252.7</t>
  </si>
  <si>
    <t>2437252000.0</t>
  </si>
  <si>
    <t>6509000.0</t>
  </si>
  <si>
    <t>6812000.0</t>
  </si>
  <si>
    <t>170.93</t>
  </si>
  <si>
    <t>1686560.0</t>
  </si>
  <si>
    <t>2442786000.0</t>
  </si>
  <si>
    <t>5534000.0</t>
  </si>
  <si>
    <t>6677286.0</t>
  </si>
  <si>
    <t>171.32</t>
  </si>
  <si>
    <t>1528566.0</t>
  </si>
  <si>
    <t>2449427000.0</t>
  </si>
  <si>
    <t>6641000.0</t>
  </si>
  <si>
    <t>6647143.0</t>
  </si>
  <si>
    <t>171.78</t>
  </si>
  <si>
    <t>1370572.0</t>
  </si>
  <si>
    <t>2456617000.0</t>
  </si>
  <si>
    <t>7190000.0</t>
  </si>
  <si>
    <t>6690429.0</t>
  </si>
  <si>
    <t>172.29</t>
  </si>
  <si>
    <t>1212578.0</t>
  </si>
  <si>
    <t>2464330000.0</t>
  </si>
  <si>
    <t>7713000.0</t>
  </si>
  <si>
    <t>6878714.0</t>
  </si>
  <si>
    <t>172.83</t>
  </si>
  <si>
    <t>1054584.0</t>
  </si>
  <si>
    <t>2472847000.0</t>
  </si>
  <si>
    <t>8517000.0</t>
  </si>
  <si>
    <t>7134143.0</t>
  </si>
  <si>
    <t>896590.0</t>
  </si>
  <si>
    <t>2482895000.0</t>
  </si>
  <si>
    <t>10048000.0</t>
  </si>
  <si>
    <t>7450286.0</t>
  </si>
  <si>
    <t>174.13</t>
  </si>
  <si>
    <t>354077.4</t>
  </si>
  <si>
    <t>2492041000.0</t>
  </si>
  <si>
    <t>9146000.0</t>
  </si>
  <si>
    <t>7827000.0</t>
  </si>
  <si>
    <t>174.77</t>
  </si>
  <si>
    <t>337877.7</t>
  </si>
  <si>
    <t>2499813000.0</t>
  </si>
  <si>
    <t>1110506000.0</t>
  </si>
  <si>
    <t>7772000.0</t>
  </si>
  <si>
    <t>8146714.0</t>
  </si>
  <si>
    <t>175.32</t>
  </si>
  <si>
    <t>2507975000.0</t>
  </si>
  <si>
    <t>8162000.0</t>
  </si>
  <si>
    <t>8364000.0</t>
  </si>
  <si>
    <t>175.89</t>
  </si>
  <si>
    <t>232338.4</t>
  </si>
  <si>
    <t>2516380000.0</t>
  </si>
  <si>
    <t>8405000.0</t>
  </si>
  <si>
    <t>8537571.0</t>
  </si>
  <si>
    <t>176.48</t>
  </si>
  <si>
    <t>199594.4</t>
  </si>
  <si>
    <t>2524363000.0</t>
  </si>
  <si>
    <t>7983000.0</t>
  </si>
  <si>
    <t>8576143.0</t>
  </si>
  <si>
    <t>177.04</t>
  </si>
  <si>
    <t>175236.5</t>
  </si>
  <si>
    <t>2532799000.0</t>
  </si>
  <si>
    <t>1125000000.0</t>
  </si>
  <si>
    <t>96312000.0</t>
  </si>
  <si>
    <t>8436000.0</t>
  </si>
  <si>
    <t>8564571.0</t>
  </si>
  <si>
    <t>177.63</t>
  </si>
  <si>
    <t>164110.9</t>
  </si>
  <si>
    <t>2543424000.0</t>
  </si>
  <si>
    <t>10625000.0</t>
  </si>
  <si>
    <t>8647000.0</t>
  </si>
  <si>
    <t>178.37</t>
  </si>
  <si>
    <t>159553.0</t>
  </si>
  <si>
    <t>2553028000.0</t>
  </si>
  <si>
    <t>9604000.0</t>
  </si>
  <si>
    <t>8712429.0</t>
  </si>
  <si>
    <t>179.05</t>
  </si>
  <si>
    <t>142607.3</t>
  </si>
  <si>
    <t>2560117000.0</t>
  </si>
  <si>
    <t>7089000.0</t>
  </si>
  <si>
    <t>8614857.0</t>
  </si>
  <si>
    <t>179.55</t>
  </si>
  <si>
    <t>153625.2</t>
  </si>
  <si>
    <t>2567552000.0</t>
  </si>
  <si>
    <t>8511000.0</t>
  </si>
  <si>
    <t>180.07</t>
  </si>
  <si>
    <t>149841.1</t>
  </si>
  <si>
    <t>2574931000.0</t>
  </si>
  <si>
    <t>7379000.0</t>
  </si>
  <si>
    <t>8364429.0</t>
  </si>
  <si>
    <t>180.58</t>
  </si>
  <si>
    <t>152718.2</t>
  </si>
  <si>
    <t>2582740000.0</t>
  </si>
  <si>
    <t>7809000.0</t>
  </si>
  <si>
    <t>8339571.0</t>
  </si>
  <si>
    <t>181.13</t>
  </si>
  <si>
    <t>151376.8</t>
  </si>
  <si>
    <t>2591879000.0</t>
  </si>
  <si>
    <t>1162488000.0</t>
  </si>
  <si>
    <t>120580000.0</t>
  </si>
  <si>
    <t>9139000.0</t>
  </si>
  <si>
    <t>8440000.0</t>
  </si>
  <si>
    <t>181.77</t>
  </si>
  <si>
    <t>150714.1</t>
  </si>
  <si>
    <t>2602703000.0</t>
  </si>
  <si>
    <t>10824000.0</t>
  </si>
  <si>
    <t>8468429.0</t>
  </si>
  <si>
    <t>182.53</t>
  </si>
  <si>
    <t>146444.8</t>
  </si>
  <si>
    <t>2612218000.0</t>
  </si>
  <si>
    <t>9515000.0</t>
  </si>
  <si>
    <t>8455714.0</t>
  </si>
  <si>
    <t>161799.0</t>
  </si>
  <si>
    <t>2621190000.0</t>
  </si>
  <si>
    <t>8972000.0</t>
  </si>
  <si>
    <t>8724714.0</t>
  </si>
  <si>
    <t>183.83</t>
  </si>
  <si>
    <t>161043.9</t>
  </si>
  <si>
    <t>2630204000.0</t>
  </si>
  <si>
    <t>9014000.0</t>
  </si>
  <si>
    <t>8950286.0</t>
  </si>
  <si>
    <t>161545.9</t>
  </si>
  <si>
    <t>2640059000.0</t>
  </si>
  <si>
    <t>9855000.0</t>
  </si>
  <si>
    <t>9304000.0</t>
  </si>
  <si>
    <t>185.15</t>
  </si>
  <si>
    <t>2650561000.0</t>
  </si>
  <si>
    <t>10502000.0</t>
  </si>
  <si>
    <t>9688714.0</t>
  </si>
  <si>
    <t>156888.8</t>
  </si>
  <si>
    <t>2661838000.0</t>
  </si>
  <si>
    <t>1186289000.0</t>
  </si>
  <si>
    <t>11277000.0</t>
  </si>
  <si>
    <t>9994143.0</t>
  </si>
  <si>
    <t>150057.2</t>
  </si>
  <si>
    <t>2673688000.0</t>
  </si>
  <si>
    <t>11850000.0</t>
  </si>
  <si>
    <t>10140714.0</t>
  </si>
  <si>
    <t>141824.1</t>
  </si>
  <si>
    <t>2684290000.0</t>
  </si>
  <si>
    <t>1193466000.0</t>
  </si>
  <si>
    <t>10602000.0</t>
  </si>
  <si>
    <t>10296000.0</t>
  </si>
  <si>
    <t>142214.6</t>
  </si>
  <si>
    <t>2695181000.0</t>
  </si>
  <si>
    <t>10891000.0</t>
  </si>
  <si>
    <t>10570143.0</t>
  </si>
  <si>
    <t>133062.9</t>
  </si>
  <si>
    <t>2706676000.0</t>
  </si>
  <si>
    <t>11495000.0</t>
  </si>
  <si>
    <t>10924571.0</t>
  </si>
  <si>
    <t>189.82</t>
  </si>
  <si>
    <t>130213.5</t>
  </si>
  <si>
    <t>2719459000.0</t>
  </si>
  <si>
    <t>12783000.0</t>
  </si>
  <si>
    <t>11342857.0</t>
  </si>
  <si>
    <t>190.72</t>
  </si>
  <si>
    <t>128434.6</t>
  </si>
  <si>
    <t>2732749000.0</t>
  </si>
  <si>
    <t>13290000.0</t>
  </si>
  <si>
    <t>11741143.0</t>
  </si>
  <si>
    <t>191.65</t>
  </si>
  <si>
    <t>124866.7</t>
  </si>
  <si>
    <t>2745877000.0</t>
  </si>
  <si>
    <t>13128000.0</t>
  </si>
  <si>
    <t>12005571.0</t>
  </si>
  <si>
    <t>192.57</t>
  </si>
  <si>
    <t>132212.5</t>
  </si>
  <si>
    <t>2758094000.0</t>
  </si>
  <si>
    <t>1203362000.0</t>
  </si>
  <si>
    <t>12217000.0</t>
  </si>
  <si>
    <t>12058000.0</t>
  </si>
  <si>
    <t>193.43</t>
  </si>
  <si>
    <t>118430.8</t>
  </si>
  <si>
    <t>2769530000.0</t>
  </si>
  <si>
    <t>11436000.0</t>
  </si>
  <si>
    <t>12177143.0</t>
  </si>
  <si>
    <t>194.23</t>
  </si>
  <si>
    <t>2781869000.0</t>
  </si>
  <si>
    <t>12339000.0</t>
  </si>
  <si>
    <t>12384000.0</t>
  </si>
  <si>
    <t>195.1</t>
  </si>
  <si>
    <t>8685.0</t>
  </si>
  <si>
    <t>81925.3</t>
  </si>
  <si>
    <t>2795716000.0</t>
  </si>
  <si>
    <t>1259967000.0</t>
  </si>
  <si>
    <t>1207413000.0</t>
  </si>
  <si>
    <t>13847000.0</t>
  </si>
  <si>
    <t>12720000.0</t>
  </si>
  <si>
    <t>196.07</t>
  </si>
  <si>
    <t>88.36</t>
  </si>
  <si>
    <t>75966.0</t>
  </si>
  <si>
    <t>2810118000.0</t>
  </si>
  <si>
    <t>14402000.0</t>
  </si>
  <si>
    <t>12951286.0</t>
  </si>
  <si>
    <t>197.08</t>
  </si>
  <si>
    <t>801320.0</t>
  </si>
  <si>
    <t>70047.4</t>
  </si>
  <si>
    <t>2823418000.0</t>
  </si>
  <si>
    <t>13300000.0</t>
  </si>
  <si>
    <t>12952714.0</t>
  </si>
  <si>
    <t>198.01</t>
  </si>
  <si>
    <t>706050.0</t>
  </si>
  <si>
    <t>65979.5</t>
  </si>
  <si>
    <t>2835332000.0</t>
  </si>
  <si>
    <t>11914000.0</t>
  </si>
  <si>
    <t>12779286.0</t>
  </si>
  <si>
    <t>198.85</t>
  </si>
  <si>
    <t>610780.0</t>
  </si>
  <si>
    <t>59970.9</t>
  </si>
  <si>
    <t>2841269000.0</t>
  </si>
  <si>
    <t>5937000.0</t>
  </si>
  <si>
    <t>11882143.0</t>
  </si>
  <si>
    <t>199.26</t>
  </si>
  <si>
    <t>515510.0</t>
  </si>
  <si>
    <t>64862.0</t>
  </si>
  <si>
    <t>2847898000.0</t>
  </si>
  <si>
    <t>6629000.0</t>
  </si>
  <si>
    <t>11195429.0</t>
  </si>
  <si>
    <t>420240.0</t>
  </si>
  <si>
    <t>67398.8</t>
  </si>
  <si>
    <t>2855225000.0</t>
  </si>
  <si>
    <t>7327000.0</t>
  </si>
  <si>
    <t>10479429.0</t>
  </si>
  <si>
    <t>200.24</t>
  </si>
  <si>
    <t>71205.0</t>
  </si>
  <si>
    <t>2863561000.0</t>
  </si>
  <si>
    <t>8336000.0</t>
  </si>
  <si>
    <t>9692143.0</t>
  </si>
  <si>
    <t>200.83</t>
  </si>
  <si>
    <t>229700.0</t>
  </si>
  <si>
    <t>69296.1</t>
  </si>
  <si>
    <t>2872017000.0</t>
  </si>
  <si>
    <t>8456000.0</t>
  </si>
  <si>
    <t>8842714.0</t>
  </si>
  <si>
    <t>201.42</t>
  </si>
  <si>
    <t>71058.4</t>
  </si>
  <si>
    <t>2879993000.0</t>
  </si>
  <si>
    <t>1213000000.0</t>
  </si>
  <si>
    <t>331000000.0</t>
  </si>
  <si>
    <t>7976000.0</t>
  </si>
  <si>
    <t>8082143.0</t>
  </si>
  <si>
    <t>201.98</t>
  </si>
  <si>
    <t>85.07</t>
  </si>
  <si>
    <t>74974.5</t>
  </si>
  <si>
    <t>2887772000.0</t>
  </si>
  <si>
    <t>1262264000.0</t>
  </si>
  <si>
    <t>1215878000.0</t>
  </si>
  <si>
    <t>7779000.0</t>
  </si>
  <si>
    <t>7491429.0</t>
  </si>
  <si>
    <t>202.52</t>
  </si>
  <si>
    <t>75412.1</t>
  </si>
  <si>
    <t>2894178000.0</t>
  </si>
  <si>
    <t>6406000.0</t>
  </si>
  <si>
    <t>7558429.0</t>
  </si>
  <si>
    <t>202.97</t>
  </si>
  <si>
    <t>226008.0</t>
  </si>
  <si>
    <t>70912.0</t>
  </si>
  <si>
    <t>2899557000.0</t>
  </si>
  <si>
    <t>5379000.0</t>
  </si>
  <si>
    <t>7379857.0</t>
  </si>
  <si>
    <t>222316.0</t>
  </si>
  <si>
    <t>74920.2</t>
  </si>
  <si>
    <t>2905638000.0</t>
  </si>
  <si>
    <t>6081000.0</t>
  </si>
  <si>
    <t>7201857.0</t>
  </si>
  <si>
    <t>203.78</t>
  </si>
  <si>
    <t>218624.0</t>
  </si>
  <si>
    <t>68606.3</t>
  </si>
  <si>
    <t>2912178000.0</t>
  </si>
  <si>
    <t>6540000.0</t>
  </si>
  <si>
    <t>6945286.0</t>
  </si>
  <si>
    <t>204.24</t>
  </si>
  <si>
    <t>214933.0</t>
  </si>
  <si>
    <t>70333.3</t>
  </si>
  <si>
    <t>2918249000.0</t>
  </si>
  <si>
    <t>6071000.0</t>
  </si>
  <si>
    <t>6604571.0</t>
  </si>
  <si>
    <t>211241.0</t>
  </si>
  <si>
    <t>68334.3</t>
  </si>
  <si>
    <t>2923698000.0</t>
  </si>
  <si>
    <t>5449000.0</t>
  </si>
  <si>
    <t>6243571.0</t>
  </si>
  <si>
    <t>205.04</t>
  </si>
  <si>
    <t>207549.0</t>
  </si>
  <si>
    <t>67442.8</t>
  </si>
  <si>
    <t>2928981000.0</t>
  </si>
  <si>
    <t>1263691000.0</t>
  </si>
  <si>
    <t>1220584000.0</t>
  </si>
  <si>
    <t>5283000.0</t>
  </si>
  <si>
    <t>5887000.0</t>
  </si>
  <si>
    <t>205.41</t>
  </si>
  <si>
    <t>203857.0</t>
  </si>
  <si>
    <t>70766.6</t>
  </si>
  <si>
    <t>2933485000.0</t>
  </si>
  <si>
    <t>4504000.0</t>
  </si>
  <si>
    <t>5615286.0</t>
  </si>
  <si>
    <t>202143.0</t>
  </si>
  <si>
    <t>67311.0</t>
  </si>
  <si>
    <t>2937632000.0</t>
  </si>
  <si>
    <t>4147000.0</t>
  </si>
  <si>
    <t>5439286.0</t>
  </si>
  <si>
    <t>200429.0</t>
  </si>
  <si>
    <t>69203.3</t>
  </si>
  <si>
    <t>2942111000.0</t>
  </si>
  <si>
    <t>4479000.0</t>
  </si>
  <si>
    <t>5210429.0</t>
  </si>
  <si>
    <t>206.34</t>
  </si>
  <si>
    <t>198714.0</t>
  </si>
  <si>
    <t>76869.7</t>
  </si>
  <si>
    <t>2947136000.0</t>
  </si>
  <si>
    <t>5025000.0</t>
  </si>
  <si>
    <t>4994000.0</t>
  </si>
  <si>
    <t>206.69</t>
  </si>
  <si>
    <t>197000.0</t>
  </si>
  <si>
    <t>2951846000.0</t>
  </si>
  <si>
    <t>4710000.0</t>
  </si>
  <si>
    <t>4799571.0</t>
  </si>
  <si>
    <t>195286.0</t>
  </si>
  <si>
    <t>94766.3</t>
  </si>
  <si>
    <t>2956218000.0</t>
  </si>
  <si>
    <t>4372000.0</t>
  </si>
  <si>
    <t>4645714.0</t>
  </si>
  <si>
    <t>207.32</t>
  </si>
  <si>
    <t>193571.0</t>
  </si>
  <si>
    <t>104964.6</t>
  </si>
  <si>
    <t>2960675000.0</t>
  </si>
  <si>
    <t>1265034000.0</t>
  </si>
  <si>
    <t>1224450000.0</t>
  </si>
  <si>
    <t>4457000.0</t>
  </si>
  <si>
    <t>4527714.0</t>
  </si>
  <si>
    <t>207.64</t>
  </si>
  <si>
    <t>191857.0</t>
  </si>
  <si>
    <t>109989.0</t>
  </si>
  <si>
    <t>2964370000.0</t>
  </si>
  <si>
    <t>4412143.0</t>
  </si>
  <si>
    <t>185592.0</t>
  </si>
  <si>
    <t>137669.3</t>
  </si>
  <si>
    <t>2968121000.0</t>
  </si>
  <si>
    <t>3751000.0</t>
  </si>
  <si>
    <t>4355571.0</t>
  </si>
  <si>
    <t>208.16</t>
  </si>
  <si>
    <t>179327.0</t>
  </si>
  <si>
    <t>164372.1</t>
  </si>
  <si>
    <t>2973459000.0</t>
  </si>
  <si>
    <t>5338000.0</t>
  </si>
  <si>
    <t>4478286.0</t>
  </si>
  <si>
    <t>173061.0</t>
  </si>
  <si>
    <t>173181.8</t>
  </si>
  <si>
    <t>2978646000.0</t>
  </si>
  <si>
    <t>5187000.0</t>
  </si>
  <si>
    <t>4501429.0</t>
  </si>
  <si>
    <t>166796.0</t>
  </si>
  <si>
    <t>166222.0</t>
  </si>
  <si>
    <t>2984055000.0</t>
  </si>
  <si>
    <t>5409000.0</t>
  </si>
  <si>
    <t>4601286.0</t>
  </si>
  <si>
    <t>209.28</t>
  </si>
  <si>
    <t>160531.0</t>
  </si>
  <si>
    <t>2989480000.0</t>
  </si>
  <si>
    <t>5425000.0</t>
  </si>
  <si>
    <t>4751714.0</t>
  </si>
  <si>
    <t>209.66</t>
  </si>
  <si>
    <t>154265.0</t>
  </si>
  <si>
    <t>156650.9</t>
  </si>
  <si>
    <t>2994162000.0</t>
  </si>
  <si>
    <t>1266070000.0</t>
  </si>
  <si>
    <t>1227387000.0</t>
  </si>
  <si>
    <t>4783857.0</t>
  </si>
  <si>
    <t>148000.0</t>
  </si>
  <si>
    <t>152492.7</t>
  </si>
  <si>
    <t>2997884000.0</t>
  </si>
  <si>
    <t>3722000.0</t>
  </si>
  <si>
    <t>4787714.0</t>
  </si>
  <si>
    <t>210.25</t>
  </si>
  <si>
    <t>131943.0</t>
  </si>
  <si>
    <t>3000198000.0</t>
  </si>
  <si>
    <t>2314000.0</t>
  </si>
  <si>
    <t>4582429.0</t>
  </si>
  <si>
    <t>210.41</t>
  </si>
  <si>
    <t>115886.0</t>
  </si>
  <si>
    <t>134098.3</t>
  </si>
  <si>
    <t>3000532000.0</t>
  </si>
  <si>
    <t>334000.0</t>
  </si>
  <si>
    <t>3867571.0</t>
  </si>
  <si>
    <t>210.43</t>
  </si>
  <si>
    <t>99829.0</t>
  </si>
  <si>
    <t>132721.0</t>
  </si>
  <si>
    <t>3000603000.0</t>
  </si>
  <si>
    <t>71000.0</t>
  </si>
  <si>
    <t>3136714.0</t>
  </si>
  <si>
    <t>210.44</t>
  </si>
  <si>
    <t>83771.0</t>
  </si>
  <si>
    <t>143597.3</t>
  </si>
  <si>
    <t>3000893000.0</t>
  </si>
  <si>
    <t>290000.0</t>
  </si>
  <si>
    <t>2405429.0</t>
  </si>
  <si>
    <t>210.46</t>
  </si>
  <si>
    <t>67714.0</t>
  </si>
  <si>
    <t>3001624000.0</t>
  </si>
  <si>
    <t>731000.0</t>
  </si>
  <si>
    <t>1734857.0</t>
  </si>
  <si>
    <t>210.51</t>
  </si>
  <si>
    <t>51657.0</t>
  </si>
  <si>
    <t>148336.2</t>
  </si>
  <si>
    <t>3002896000.0</t>
  </si>
  <si>
    <t>1272000.0</t>
  </si>
  <si>
    <t>1247714.0</t>
  </si>
  <si>
    <t>35600.0</t>
  </si>
  <si>
    <t>3004681000.0</t>
  </si>
  <si>
    <t>1785000.0</t>
  </si>
  <si>
    <t>971000.0</t>
  </si>
  <si>
    <t>210.72</t>
  </si>
  <si>
    <t>3006862000.0</t>
  </si>
  <si>
    <t>2181000.0</t>
  </si>
  <si>
    <t>952000.0</t>
  </si>
  <si>
    <t>145618.9</t>
  </si>
  <si>
    <t>3010669000.0</t>
  </si>
  <si>
    <t>1266426000.0</t>
  </si>
  <si>
    <t>1228340000.0</t>
  </si>
  <si>
    <t>459843000.0</t>
  </si>
  <si>
    <t>3807000.0</t>
  </si>
  <si>
    <t>1448143.0</t>
  </si>
  <si>
    <t>211.14</t>
  </si>
  <si>
    <t>88.82</t>
  </si>
  <si>
    <t>135504.4</t>
  </si>
  <si>
    <t>3016150000.0</t>
  </si>
  <si>
    <t>5481000.0</t>
  </si>
  <si>
    <t>2221000.0</t>
  </si>
  <si>
    <t>211.53</t>
  </si>
  <si>
    <t>53294.0</t>
  </si>
  <si>
    <t>3022646000.0</t>
  </si>
  <si>
    <t>6496000.0</t>
  </si>
  <si>
    <t>3107571.0</t>
  </si>
  <si>
    <t>70987.0</t>
  </si>
  <si>
    <t>137853.0</t>
  </si>
  <si>
    <t>3029588000.0</t>
  </si>
  <si>
    <t>6942000.0</t>
  </si>
  <si>
    <t>3994857.0</t>
  </si>
  <si>
    <t>212.47</t>
  </si>
  <si>
    <t>88681.0</t>
  </si>
  <si>
    <t>3036707000.0</t>
  </si>
  <si>
    <t>7119000.0</t>
  </si>
  <si>
    <t>4830143.0</t>
  </si>
  <si>
    <t>212.97</t>
  </si>
  <si>
    <t>106374.0</t>
  </si>
  <si>
    <t>124566.6</t>
  </si>
  <si>
    <t>3042376000.0</t>
  </si>
  <si>
    <t>5669000.0</t>
  </si>
  <si>
    <t>5385000.0</t>
  </si>
  <si>
    <t>124068.0</t>
  </si>
  <si>
    <t>124266.8</t>
  </si>
  <si>
    <t>3046687000.0</t>
  </si>
  <si>
    <t>4311000.0</t>
  </si>
  <si>
    <t>5689286.0</t>
  </si>
  <si>
    <t>141761.0</t>
  </si>
  <si>
    <t>130707.8</t>
  </si>
  <si>
    <t>3052435000.0</t>
  </si>
  <si>
    <t>5748000.0</t>
  </si>
  <si>
    <t>5966571.0</t>
  </si>
  <si>
    <t>214.07</t>
  </si>
  <si>
    <t>159455.0</t>
  </si>
  <si>
    <t>130873.4</t>
  </si>
  <si>
    <t>3056997000.0</t>
  </si>
  <si>
    <t>4562000.0</t>
  </si>
  <si>
    <t>5835286.0</t>
  </si>
  <si>
    <t>214.39</t>
  </si>
  <si>
    <t>121065.4</t>
  </si>
  <si>
    <t>3063391000.0</t>
  </si>
  <si>
    <t>6394000.0</t>
  </si>
  <si>
    <t>5820714.0</t>
  </si>
  <si>
    <t>214.84</t>
  </si>
  <si>
    <t>123377.2</t>
  </si>
  <si>
    <t>3069619000.0</t>
  </si>
  <si>
    <t>6228000.0</t>
  </si>
  <si>
    <t>5718714.0</t>
  </si>
  <si>
    <t>120220.9</t>
  </si>
  <si>
    <t>3075752000.0</t>
  </si>
  <si>
    <t>1268180000.0</t>
  </si>
  <si>
    <t>1232543000.0</t>
  </si>
  <si>
    <t>6133000.0</t>
  </si>
  <si>
    <t>5577857.0</t>
  </si>
  <si>
    <t>215.71</t>
  </si>
  <si>
    <t>105499.9</t>
  </si>
  <si>
    <t>3080788000.0</t>
  </si>
  <si>
    <t>5036000.0</t>
  </si>
  <si>
    <t>5487429.0</t>
  </si>
  <si>
    <t>216.06</t>
  </si>
  <si>
    <t>159573.0</t>
  </si>
  <si>
    <t>98654.7</t>
  </si>
  <si>
    <t>3084712000.0</t>
  </si>
  <si>
    <t>3924000.0</t>
  </si>
  <si>
    <t>5432143.0</t>
  </si>
  <si>
    <t>216.34</t>
  </si>
  <si>
    <t>159692.0</t>
  </si>
  <si>
    <t>93820.0</t>
  </si>
  <si>
    <t>3090309000.0</t>
  </si>
  <si>
    <t>5597000.0</t>
  </si>
  <si>
    <t>5410571.0</t>
  </si>
  <si>
    <t>159811.0</t>
  </si>
  <si>
    <t>3095767000.0</t>
  </si>
  <si>
    <t>5458000.0</t>
  </si>
  <si>
    <t>5538571.0</t>
  </si>
  <si>
    <t>217.11</t>
  </si>
  <si>
    <t>77853.9</t>
  </si>
  <si>
    <t>3101760000.0</t>
  </si>
  <si>
    <t>5993000.0</t>
  </si>
  <si>
    <t>5481286.0</t>
  </si>
  <si>
    <t>67136.3</t>
  </si>
  <si>
    <t>3108286000.0</t>
  </si>
  <si>
    <t>6526000.0</t>
  </si>
  <si>
    <t>5523857.0</t>
  </si>
  <si>
    <t>217.99</t>
  </si>
  <si>
    <t>160167.0</t>
  </si>
  <si>
    <t>61322.6</t>
  </si>
  <si>
    <t>3114622000.0</t>
  </si>
  <si>
    <t>1269302000.0</t>
  </si>
  <si>
    <t>1234540000.0</t>
  </si>
  <si>
    <t>554728000.0</t>
  </si>
  <si>
    <t>6336000.0</t>
  </si>
  <si>
    <t>5552857.0</t>
  </si>
  <si>
    <t>218.43</t>
  </si>
  <si>
    <t>160286.0</t>
  </si>
  <si>
    <t>57630.9</t>
  </si>
  <si>
    <t>3119664000.0</t>
  </si>
  <si>
    <t>5042000.0</t>
  </si>
  <si>
    <t>5553714.0</t>
  </si>
  <si>
    <t>218.79</t>
  </si>
  <si>
    <t>164573.0</t>
  </si>
  <si>
    <t>55082.5</t>
  </si>
  <si>
    <t>3124118000.0</t>
  </si>
  <si>
    <t>4454000.0</t>
  </si>
  <si>
    <t>5629429.0</t>
  </si>
  <si>
    <t>219.1</t>
  </si>
  <si>
    <t>168860.0</t>
  </si>
  <si>
    <t>49898.6</t>
  </si>
  <si>
    <t>3129845000.0</t>
  </si>
  <si>
    <t>5727000.0</t>
  </si>
  <si>
    <t>5648000.0</t>
  </si>
  <si>
    <t>3961.0</t>
  </si>
  <si>
    <t>47253.2</t>
  </si>
  <si>
    <t>3135598000.0</t>
  </si>
  <si>
    <t>5753000.0</t>
  </si>
  <si>
    <t>5690143.0</t>
  </si>
  <si>
    <t>219.91</t>
  </si>
  <si>
    <t>44564.5</t>
  </si>
  <si>
    <t>3141473000.0</t>
  </si>
  <si>
    <t>5875000.0</t>
  </si>
  <si>
    <t>5673286.0</t>
  </si>
  <si>
    <t>181720.0</t>
  </si>
  <si>
    <t>3147007000.0</t>
  </si>
  <si>
    <t>5531571.0</t>
  </si>
  <si>
    <t>220.71</t>
  </si>
  <si>
    <t>186007.0</t>
  </si>
  <si>
    <t>41405.7</t>
  </si>
  <si>
    <t>3152419000.0</t>
  </si>
  <si>
    <t>5412000.0</t>
  </si>
  <si>
    <t>5399571.0</t>
  </si>
  <si>
    <t>190294.0</t>
  </si>
  <si>
    <t>39148.0</t>
  </si>
  <si>
    <t>3156899000.0</t>
  </si>
  <si>
    <t>4480000.0</t>
  </si>
  <si>
    <t>5319286.0</t>
  </si>
  <si>
    <t>3731.0</t>
  </si>
  <si>
    <t>3160685000.0</t>
  </si>
  <si>
    <t>3786000.0</t>
  </si>
  <si>
    <t>5223857.0</t>
  </si>
  <si>
    <t>31473.3</t>
  </si>
  <si>
    <t>3165486000.0</t>
  </si>
  <si>
    <t>4801000.0</t>
  </si>
  <si>
    <t>5091571.0</t>
  </si>
  <si>
    <t>28011.3</t>
  </si>
  <si>
    <t>3169916000.0</t>
  </si>
  <si>
    <t>4430000.0</t>
  </si>
  <si>
    <t>4902571.0</t>
  </si>
  <si>
    <t>25938.2</t>
  </si>
  <si>
    <t>3174984000.0</t>
  </si>
  <si>
    <t>5068000.0</t>
  </si>
  <si>
    <t>4787286.0</t>
  </si>
  <si>
    <t>20997.1</t>
  </si>
  <si>
    <t>3180060000.0</t>
  </si>
  <si>
    <t>5076000.0</t>
  </si>
  <si>
    <t>4721857.0</t>
  </si>
  <si>
    <t>18021.6</t>
  </si>
  <si>
    <t>3185239000.0</t>
  </si>
  <si>
    <t>5179000.0</t>
  </si>
  <si>
    <t>4688571.0</t>
  </si>
  <si>
    <t>223.39</t>
  </si>
  <si>
    <t>15012.3</t>
  </si>
  <si>
    <t>3189426000.0</t>
  </si>
  <si>
    <t>4187000.0</t>
  </si>
  <si>
    <t>4646714.0</t>
  </si>
  <si>
    <t>223.68</t>
  </si>
  <si>
    <t>10542.5</t>
  </si>
  <si>
    <t>3193236000.0</t>
  </si>
  <si>
    <t>3810000.0</t>
  </si>
  <si>
    <t>4650143.0</t>
  </si>
  <si>
    <t>9160.1</t>
  </si>
  <si>
    <t>3198272000.0</t>
  </si>
  <si>
    <t>1272537000.0</t>
  </si>
  <si>
    <t>1239171000.0</t>
  </si>
  <si>
    <t>4683714.0</t>
  </si>
  <si>
    <t>6632.7</t>
  </si>
  <si>
    <t>3203688000.0</t>
  </si>
  <si>
    <t>5416000.0</t>
  </si>
  <si>
    <t>4824571.0</t>
  </si>
  <si>
    <t>224.68</t>
  </si>
  <si>
    <t>207538.0</t>
  </si>
  <si>
    <t>5400.4</t>
  </si>
  <si>
    <t>3209041000.0</t>
  </si>
  <si>
    <t>5353000.0</t>
  </si>
  <si>
    <t>4865286.0</t>
  </si>
  <si>
    <t>224782.0</t>
  </si>
  <si>
    <t>5251.9</t>
  </si>
  <si>
    <t>3213773000.0</t>
  </si>
  <si>
    <t>1273470000.0</t>
  </si>
  <si>
    <t>1239570000.0</t>
  </si>
  <si>
    <t>644680000.0</t>
  </si>
  <si>
    <t>4732000.0</t>
  </si>
  <si>
    <t>4816143.0</t>
  </si>
  <si>
    <t>225.39</t>
  </si>
  <si>
    <t>89.31</t>
  </si>
  <si>
    <t>242025.0</t>
  </si>
  <si>
    <t>4592.2</t>
  </si>
  <si>
    <t>3218716000.0</t>
  </si>
  <si>
    <t>1273811000.0</t>
  </si>
  <si>
    <t>1239706000.0</t>
  </si>
  <si>
    <t>649156000.0</t>
  </si>
  <si>
    <t>4943000.0</t>
  </si>
  <si>
    <t>4782429.0</t>
  </si>
  <si>
    <t>86.94</t>
  </si>
  <si>
    <t>45.53</t>
  </si>
  <si>
    <t>263555.0</t>
  </si>
  <si>
    <t>3932.7</t>
  </si>
  <si>
    <t>3222868000.0</t>
  </si>
  <si>
    <t>4152000.0</t>
  </si>
  <si>
    <t>4777429.0</t>
  </si>
  <si>
    <t>226.03</t>
  </si>
  <si>
    <t>280322.0</t>
  </si>
  <si>
    <t>4044.7</t>
  </si>
  <si>
    <t>3226334000.0</t>
  </si>
  <si>
    <t>3466000.0</t>
  </si>
  <si>
    <t>4728286.0</t>
  </si>
  <si>
    <t>226.27</t>
  </si>
  <si>
    <t>297090.0</t>
  </si>
  <si>
    <t>3728.9</t>
  </si>
  <si>
    <t>3230367000.0</t>
  </si>
  <si>
    <t>1274734000.0</t>
  </si>
  <si>
    <t>1240413000.0</t>
  </si>
  <si>
    <t>659200000.0</t>
  </si>
  <si>
    <t>4033000.0</t>
  </si>
  <si>
    <t>226.55</t>
  </si>
  <si>
    <t>46.23</t>
  </si>
  <si>
    <t>313857.0</t>
  </si>
  <si>
    <t>3494.3</t>
  </si>
  <si>
    <t>3234601000.0</t>
  </si>
  <si>
    <t>4234000.0</t>
  </si>
  <si>
    <t>226.85</t>
  </si>
  <si>
    <t>307857.0</t>
  </si>
  <si>
    <t>3472.6</t>
  </si>
  <si>
    <t>3239170000.0</t>
  </si>
  <si>
    <t>4569000.0</t>
  </si>
  <si>
    <t>4304143.0</t>
  </si>
  <si>
    <t>227.17</t>
  </si>
  <si>
    <t>301857.0</t>
  </si>
  <si>
    <t>3231.8</t>
  </si>
  <si>
    <t>3243599000.0</t>
  </si>
  <si>
    <t>1275541000.0</t>
  </si>
  <si>
    <t>1240777000.0</t>
  </si>
  <si>
    <t>671270000.0</t>
  </si>
  <si>
    <t>4429000.0</t>
  </si>
  <si>
    <t>4260857.0</t>
  </si>
  <si>
    <t>227.48</t>
  </si>
  <si>
    <t>295857.0</t>
  </si>
  <si>
    <t>3247624000.0</t>
  </si>
  <si>
    <t>4025000.0</t>
  </si>
  <si>
    <t>4129714.0</t>
  </si>
  <si>
    <t>227.76</t>
  </si>
  <si>
    <t>291388.0</t>
  </si>
  <si>
    <t>3251412000.0</t>
  </si>
  <si>
    <t>3788000.0</t>
  </si>
  <si>
    <t>4077714.0</t>
  </si>
  <si>
    <t>228.03</t>
  </si>
  <si>
    <t>291680.0</t>
  </si>
  <si>
    <t>2883.7</t>
  </si>
  <si>
    <t>3254984000.0</t>
  </si>
  <si>
    <t>3572000.0</t>
  </si>
  <si>
    <t>4092857.0</t>
  </si>
  <si>
    <t>228.28</t>
  </si>
  <si>
    <t>291973.0</t>
  </si>
  <si>
    <t>2745.7</t>
  </si>
  <si>
    <t>3259042000.0</t>
  </si>
  <si>
    <t>4058000.0</t>
  </si>
  <si>
    <t>4096429.0</t>
  </si>
  <si>
    <t>292265.0</t>
  </si>
  <si>
    <t>2717.4</t>
  </si>
  <si>
    <t>3263129000.0</t>
  </si>
  <si>
    <t>4087000.0</t>
  </si>
  <si>
    <t>4075429.0</t>
  </si>
  <si>
    <t>228.85</t>
  </si>
  <si>
    <t>298082.0</t>
  </si>
  <si>
    <t>3267140000.0</t>
  </si>
  <si>
    <t>4011000.0</t>
  </si>
  <si>
    <t>3995714.0</t>
  </si>
  <si>
    <t>229.13</t>
  </si>
  <si>
    <t>303898.0</t>
  </si>
  <si>
    <t>2271.5</t>
  </si>
  <si>
    <t>3270874000.0</t>
  </si>
  <si>
    <t>1277709000.0</t>
  </si>
  <si>
    <t>1242281000.0</t>
  </si>
  <si>
    <t>694936000.0</t>
  </si>
  <si>
    <t>3734000.0</t>
  </si>
  <si>
    <t>3896429.0</t>
  </si>
  <si>
    <t>309714.0</t>
  </si>
  <si>
    <t>2079.7</t>
  </si>
  <si>
    <t>3274120000.0</t>
  </si>
  <si>
    <t>3246000.0</t>
  </si>
  <si>
    <t>3785143.0</t>
  </si>
  <si>
    <t>229.62</t>
  </si>
  <si>
    <t>294469.0</t>
  </si>
  <si>
    <t>1935.1</t>
  </si>
  <si>
    <t>3276886000.0</t>
  </si>
  <si>
    <t>2766000.0</t>
  </si>
  <si>
    <t>3639143.0</t>
  </si>
  <si>
    <t>229.81</t>
  </si>
  <si>
    <t>279224.0</t>
  </si>
  <si>
    <t>1698.1</t>
  </si>
  <si>
    <t>3279249000.0</t>
  </si>
  <si>
    <t>2363000.0</t>
  </si>
  <si>
    <t>3466429.0</t>
  </si>
  <si>
    <t>263980.0</t>
  </si>
  <si>
    <t>1529.1</t>
  </si>
  <si>
    <t>3281604000.0</t>
  </si>
  <si>
    <t>2355000.0</t>
  </si>
  <si>
    <t>3223143.0</t>
  </si>
  <si>
    <t>230.14</t>
  </si>
  <si>
    <t>248735.0</t>
  </si>
  <si>
    <t>1343.6</t>
  </si>
  <si>
    <t>3283586000.0</t>
  </si>
  <si>
    <t>1278724000.0</t>
  </si>
  <si>
    <t>1243226000.0</t>
  </si>
  <si>
    <t>705693000.0</t>
  </si>
  <si>
    <t>1982000.0</t>
  </si>
  <si>
    <t>2922429.0</t>
  </si>
  <si>
    <t>230.28</t>
  </si>
  <si>
    <t>233490.0</t>
  </si>
  <si>
    <t>1169.8</t>
  </si>
  <si>
    <t>3286373000.0</t>
  </si>
  <si>
    <t>2787000.0</t>
  </si>
  <si>
    <t>2747571.0</t>
  </si>
  <si>
    <t>230.48</t>
  </si>
  <si>
    <t>223340.0</t>
  </si>
  <si>
    <t>988.4</t>
  </si>
  <si>
    <t>3289463000.0</t>
  </si>
  <si>
    <t>3090000.0</t>
  </si>
  <si>
    <t>2655571.0</t>
  </si>
  <si>
    <t>213190.0</t>
  </si>
  <si>
    <t>867.8</t>
  </si>
  <si>
    <t>3292643000.0</t>
  </si>
  <si>
    <t>3180000.0</t>
  </si>
  <si>
    <t>2646143.0</t>
  </si>
  <si>
    <t>230.92</t>
  </si>
  <si>
    <t>218286.0</t>
  </si>
  <si>
    <t>768.7</t>
  </si>
  <si>
    <t>3295208000.0</t>
  </si>
  <si>
    <t>2565000.0</t>
  </si>
  <si>
    <t>2617429.0</t>
  </si>
  <si>
    <t>223381.0</t>
  </si>
  <si>
    <t>701.2</t>
  </si>
  <si>
    <t>3297551000.0</t>
  </si>
  <si>
    <t>2343000.0</t>
  </si>
  <si>
    <t>2614571.0</t>
  </si>
  <si>
    <t>228476.0</t>
  </si>
  <si>
    <t>9214000000.0</t>
  </si>
  <si>
    <t>6461.913</t>
  </si>
  <si>
    <t>637.8</t>
  </si>
  <si>
    <t>3300328000.0</t>
  </si>
  <si>
    <t>1280156000.0</t>
  </si>
  <si>
    <t>1244923000.0</t>
  </si>
  <si>
    <t>719324000.0</t>
  </si>
  <si>
    <t>2777000.0</t>
  </si>
  <si>
    <t>2674857.0</t>
  </si>
  <si>
    <t>231.46</t>
  </si>
  <si>
    <t>233571.0</t>
  </si>
  <si>
    <t>3303126000.0</t>
  </si>
  <si>
    <t>2798000.0</t>
  </si>
  <si>
    <t>2791429.0</t>
  </si>
  <si>
    <t>244653.0</t>
  </si>
  <si>
    <t>3305884000.0</t>
  </si>
  <si>
    <t>2758000.0</t>
  </si>
  <si>
    <t>2787286.0</t>
  </si>
  <si>
    <t>250639.0</t>
  </si>
  <si>
    <t>3308616000.0</t>
  </si>
  <si>
    <t>2732000.0</t>
  </si>
  <si>
    <t>2736143.0</t>
  </si>
  <si>
    <t>256626.0</t>
  </si>
  <si>
    <t>3311245000.0</t>
  </si>
  <si>
    <t>2629000.0</t>
  </si>
  <si>
    <t>2657429.0</t>
  </si>
  <si>
    <t>232.22</t>
  </si>
  <si>
    <t>262612.0</t>
  </si>
  <si>
    <t>3313338000.0</t>
  </si>
  <si>
    <t>2093000.0</t>
  </si>
  <si>
    <t>3315186000.0</t>
  </si>
  <si>
    <t>1848000.0</t>
  </si>
  <si>
    <t>2519286.0</t>
  </si>
  <si>
    <t>232.5</t>
  </si>
  <si>
    <t>274585.0</t>
  </si>
  <si>
    <t>3317463000.0</t>
  </si>
  <si>
    <t>1282120000.0</t>
  </si>
  <si>
    <t>1246769000.0</t>
  </si>
  <si>
    <t>732659000.0</t>
  </si>
  <si>
    <t>2277000.0</t>
  </si>
  <si>
    <t>2447857.0</t>
  </si>
  <si>
    <t>232.66</t>
  </si>
  <si>
    <t>280571.0</t>
  </si>
  <si>
    <t>3319950000.0</t>
  </si>
  <si>
    <t>2487000.0</t>
  </si>
  <si>
    <t>2403429.0</t>
  </si>
  <si>
    <t>232.83</t>
  </si>
  <si>
    <t>280585.0</t>
  </si>
  <si>
    <t>3322488000.0</t>
  </si>
  <si>
    <t>2538000.0</t>
  </si>
  <si>
    <t>2372000.0</t>
  </si>
  <si>
    <t>233.01</t>
  </si>
  <si>
    <t>280599.0</t>
  </si>
  <si>
    <t>3325049000.0</t>
  </si>
  <si>
    <t>2561000.0</t>
  </si>
  <si>
    <t>2347571.0</t>
  </si>
  <si>
    <t>280612.0</t>
  </si>
  <si>
    <t>3327616000.0</t>
  </si>
  <si>
    <t>2567000.0</t>
  </si>
  <si>
    <t>2338714.0</t>
  </si>
  <si>
    <t>233.37</t>
  </si>
  <si>
    <t>280626.0</t>
  </si>
  <si>
    <t>3329766000.0</t>
  </si>
  <si>
    <t>2150000.0</t>
  </si>
  <si>
    <t>2346857.0</t>
  </si>
  <si>
    <t>280639.0</t>
  </si>
  <si>
    <t>3331771000.0</t>
  </si>
  <si>
    <t>2005000.0</t>
  </si>
  <si>
    <t>2369286.0</t>
  </si>
  <si>
    <t>280653.0</t>
  </si>
  <si>
    <t>3334018000.0</t>
  </si>
  <si>
    <t>2247000.0</t>
  </si>
  <si>
    <t>2365000.0</t>
  </si>
  <si>
    <t>3336285000.0</t>
  </si>
  <si>
    <t>2267000.0</t>
  </si>
  <si>
    <t>2333571.0</t>
  </si>
  <si>
    <t>3338555000.0</t>
  </si>
  <si>
    <t>1284646000.0</t>
  </si>
  <si>
    <t>1249413000.0</t>
  </si>
  <si>
    <t>748596000.0</t>
  </si>
  <si>
    <t>2270000.0</t>
  </si>
  <si>
    <t>2295286.0</t>
  </si>
  <si>
    <t>234.14</t>
  </si>
  <si>
    <t>87.62</t>
  </si>
  <si>
    <t>3340711000.0</t>
  </si>
  <si>
    <t>1284935000.0</t>
  </si>
  <si>
    <t>1249688000.0</t>
  </si>
  <si>
    <t>750189000.0</t>
  </si>
  <si>
    <t>2156000.0</t>
  </si>
  <si>
    <t>2237429.0</t>
  </si>
  <si>
    <t>234.29</t>
  </si>
  <si>
    <t>281857.0</t>
  </si>
  <si>
    <t>3343008000.0</t>
  </si>
  <si>
    <t>2297000.0</t>
  </si>
  <si>
    <t>2198857.0</t>
  </si>
  <si>
    <t>3344528000.0</t>
  </si>
  <si>
    <t>1520000.0</t>
  </si>
  <si>
    <t>2108857.0</t>
  </si>
  <si>
    <t>234.56</t>
  </si>
  <si>
    <t>247136.0</t>
  </si>
  <si>
    <t>3345524000.0</t>
  </si>
  <si>
    <t>996000.0</t>
  </si>
  <si>
    <t>1964714.0</t>
  </si>
  <si>
    <t>234.63</t>
  </si>
  <si>
    <t>229776.0</t>
  </si>
  <si>
    <t>3346607000.0</t>
  </si>
  <si>
    <t>1083000.0</t>
  </si>
  <si>
    <t>1798429.0</t>
  </si>
  <si>
    <t>234.7</t>
  </si>
  <si>
    <t>212415.0</t>
  </si>
  <si>
    <t>3347640000.0</t>
  </si>
  <si>
    <t>1033000.0</t>
  </si>
  <si>
    <t>1622143.0</t>
  </si>
  <si>
    <t>195054.0</t>
  </si>
  <si>
    <t>3348588000.0</t>
  </si>
  <si>
    <t>948000.0</t>
  </si>
  <si>
    <t>1433286.0</t>
  </si>
  <si>
    <t>234.84</t>
  </si>
  <si>
    <t>177694.0</t>
  </si>
  <si>
    <t>3349702000.0</t>
  </si>
  <si>
    <t>1286049000.0</t>
  </si>
  <si>
    <t>1251042000.0</t>
  </si>
  <si>
    <t>756723000.0</t>
  </si>
  <si>
    <t>1114000.0</t>
  </si>
  <si>
    <t>1284429.0</t>
  </si>
  <si>
    <t>159143.0</t>
  </si>
  <si>
    <t>3350934000.0</t>
  </si>
  <si>
    <t>1232000.0</t>
  </si>
  <si>
    <t>1132286.0</t>
  </si>
  <si>
    <t>235.01</t>
  </si>
  <si>
    <t>3352053000.0</t>
  </si>
  <si>
    <t>1119000.0</t>
  </si>
  <si>
    <t>1075000.0</t>
  </si>
  <si>
    <t>160449.0</t>
  </si>
  <si>
    <t>3353022000.0</t>
  </si>
  <si>
    <t>969000.0</t>
  </si>
  <si>
    <t>1071143.0</t>
  </si>
  <si>
    <t>161102.0</t>
  </si>
  <si>
    <t>3354196000.0</t>
  </si>
  <si>
    <t>1174000.0</t>
  </si>
  <si>
    <t>1084143.0</t>
  </si>
  <si>
    <t>235.24</t>
  </si>
  <si>
    <t>161755.0</t>
  </si>
  <si>
    <t>3355535000.0</t>
  </si>
  <si>
    <t>1339000.0</t>
  </si>
  <si>
    <t>1127857.0</t>
  </si>
  <si>
    <t>235.33</t>
  </si>
  <si>
    <t>162408.0</t>
  </si>
  <si>
    <t>3357120000.0</t>
  </si>
  <si>
    <t>1585000.0</t>
  </si>
  <si>
    <t>1218857.0</t>
  </si>
  <si>
    <t>3358576000.0</t>
  </si>
  <si>
    <t>1287195000.0</t>
  </si>
  <si>
    <t>1252592000.0</t>
  </si>
  <si>
    <t>762897000.0</t>
  </si>
  <si>
    <t>1456000.0</t>
  </si>
  <si>
    <t>1267714.0</t>
  </si>
  <si>
    <t>163714.0</t>
  </si>
  <si>
    <t>3360050000.0</t>
  </si>
  <si>
    <t>1474000.0</t>
  </si>
  <si>
    <t>1302286.0</t>
  </si>
  <si>
    <t>165355.0</t>
  </si>
  <si>
    <t>3361333000.0</t>
  </si>
  <si>
    <t>1283000.0</t>
  </si>
  <si>
    <t>1325714.0</t>
  </si>
  <si>
    <t>166996.0</t>
  </si>
  <si>
    <t>3362389000.0</t>
  </si>
  <si>
    <t>1056000.0</t>
  </si>
  <si>
    <t>1338143.0</t>
  </si>
  <si>
    <t>168637.0</t>
  </si>
  <si>
    <t>3363651000.0</t>
  </si>
  <si>
    <t>1262000.0</t>
  </si>
  <si>
    <t>1350714.0</t>
  </si>
  <si>
    <t>170278.0</t>
  </si>
  <si>
    <t>3364987000.0</t>
  </si>
  <si>
    <t>1336000.0</t>
  </si>
  <si>
    <t>1350286.0</t>
  </si>
  <si>
    <t>171918.0</t>
  </si>
  <si>
    <t>3366402000.0</t>
  </si>
  <si>
    <t>1326000.0</t>
  </si>
  <si>
    <t>173559.0</t>
  </si>
  <si>
    <t>3367720000.0</t>
  </si>
  <si>
    <t>1318000.0</t>
  </si>
  <si>
    <t>1306286.0</t>
  </si>
  <si>
    <t>175200.0</t>
  </si>
  <si>
    <t>3369057000.0</t>
  </si>
  <si>
    <t>1337000.0</t>
  </si>
  <si>
    <t>1286714.0</t>
  </si>
  <si>
    <t>236.28</t>
  </si>
  <si>
    <t>3370162000.0</t>
  </si>
  <si>
    <t>1105000.0</t>
  </si>
  <si>
    <t>1261286.0</t>
  </si>
  <si>
    <t>3371096000.0</t>
  </si>
  <si>
    <t>1288947000.0</t>
  </si>
  <si>
    <t>1254875000.0</t>
  </si>
  <si>
    <t>771380000.0</t>
  </si>
  <si>
    <t>934000.0</t>
  </si>
  <si>
    <t>1243857.0</t>
  </si>
  <si>
    <t>236.42</t>
  </si>
  <si>
    <t>3372243000.0</t>
  </si>
  <si>
    <t>1147000.0</t>
  </si>
  <si>
    <t>1227429.0</t>
  </si>
  <si>
    <t>236.5</t>
  </si>
  <si>
    <t>172921.0</t>
  </si>
  <si>
    <t>3373460000.0</t>
  </si>
  <si>
    <t>1217000.0</t>
  </si>
  <si>
    <t>1210429.0</t>
  </si>
  <si>
    <t>236.59</t>
  </si>
  <si>
    <t>170643.0</t>
  </si>
  <si>
    <t>3374726000.0</t>
  </si>
  <si>
    <t>1266000.0</t>
  </si>
  <si>
    <t>1189143.0</t>
  </si>
  <si>
    <t>3375898000.0</t>
  </si>
  <si>
    <t>1289584000.0</t>
  </si>
  <si>
    <t>1255732000.0</t>
  </si>
  <si>
    <t>774679000.0</t>
  </si>
  <si>
    <t>1172000.0</t>
  </si>
  <si>
    <t>1168286.0</t>
  </si>
  <si>
    <t>236.76</t>
  </si>
  <si>
    <t>88.07</t>
  </si>
  <si>
    <t>166086.0</t>
  </si>
  <si>
    <t>3377153000.0</t>
  </si>
  <si>
    <t>1255000.0</t>
  </si>
  <si>
    <t>1156571.0</t>
  </si>
  <si>
    <t>236.85</t>
  </si>
  <si>
    <t>3378211000.0</t>
  </si>
  <si>
    <t>1058000.0</t>
  </si>
  <si>
    <t>1149857.0</t>
  </si>
  <si>
    <t>236.92</t>
  </si>
  <si>
    <t>162505.0</t>
  </si>
  <si>
    <t>3379075000.0</t>
  </si>
  <si>
    <t>1139857.0</t>
  </si>
  <si>
    <t>236.98</t>
  </si>
  <si>
    <t>3380191000.0</t>
  </si>
  <si>
    <t>1116000.0</t>
  </si>
  <si>
    <t>1135429.0</t>
  </si>
  <si>
    <t>237.06</t>
  </si>
  <si>
    <t>161202.0</t>
  </si>
  <si>
    <t>3381314000.0</t>
  </si>
  <si>
    <t>1123000.0</t>
  </si>
  <si>
    <t>1122000.0</t>
  </si>
  <si>
    <t>161690.0</t>
  </si>
  <si>
    <t>3382178000.0</t>
  </si>
  <si>
    <t>1290560000.0</t>
  </si>
  <si>
    <t>1256857000.0</t>
  </si>
  <si>
    <t>778843000.0</t>
  </si>
  <si>
    <t>1064571.0</t>
  </si>
  <si>
    <t>237.2</t>
  </si>
  <si>
    <t>162179.0</t>
  </si>
  <si>
    <t>3382998000.0</t>
  </si>
  <si>
    <t>820000.0</t>
  </si>
  <si>
    <t>1014286.0</t>
  </si>
  <si>
    <t>237.26</t>
  </si>
  <si>
    <t>152571.0</t>
  </si>
  <si>
    <t>3383416000.0</t>
  </si>
  <si>
    <t>418000.0</t>
  </si>
  <si>
    <t>894714.0</t>
  </si>
  <si>
    <t>142476.0</t>
  </si>
  <si>
    <t>3383918000.0</t>
  </si>
  <si>
    <t>1290836000.0</t>
  </si>
  <si>
    <t>1257199000.0</t>
  </si>
  <si>
    <t>779977000.0</t>
  </si>
  <si>
    <t>502000.0</t>
  </si>
  <si>
    <t>815286.0</t>
  </si>
  <si>
    <t>237.32</t>
  </si>
  <si>
    <t>88.17</t>
  </si>
  <si>
    <t>132381.0</t>
  </si>
  <si>
    <t>3384372000.0</t>
  </si>
  <si>
    <t>454000.0</t>
  </si>
  <si>
    <t>756714.0</t>
  </si>
  <si>
    <t>237.35</t>
  </si>
  <si>
    <t>126976.0</t>
  </si>
  <si>
    <t>3385080000.0</t>
  </si>
  <si>
    <t>708000.0</t>
  </si>
  <si>
    <t>698429.0</t>
  </si>
  <si>
    <t>121571.0</t>
  </si>
  <si>
    <t>3385853000.0</t>
  </si>
  <si>
    <t>773000.0</t>
  </si>
  <si>
    <t>648429.0</t>
  </si>
  <si>
    <t>116167.0</t>
  </si>
  <si>
    <t>3386647000.0</t>
  </si>
  <si>
    <t>794000.0</t>
  </si>
  <si>
    <t>638429.0</t>
  </si>
  <si>
    <t>237.51</t>
  </si>
  <si>
    <t>110762.0</t>
  </si>
  <si>
    <t>3387446000.0</t>
  </si>
  <si>
    <t>799000.0</t>
  </si>
  <si>
    <t>635429.0</t>
  </si>
  <si>
    <t>237.57</t>
  </si>
  <si>
    <t>115452.0</t>
  </si>
  <si>
    <t>3388256000.0</t>
  </si>
  <si>
    <t>810000.0</t>
  </si>
  <si>
    <t>691429.0</t>
  </si>
  <si>
    <t>120143.0</t>
  </si>
  <si>
    <t>3388904000.0</t>
  </si>
  <si>
    <t>648000.0</t>
  </si>
  <si>
    <t>712286.0</t>
  </si>
  <si>
    <t>237.67</t>
  </si>
  <si>
    <t>3389454000.0</t>
  </si>
  <si>
    <t>550000.0</t>
  </si>
  <si>
    <t>726000.0</t>
  </si>
  <si>
    <t>3390194000.0</t>
  </si>
  <si>
    <t>740000.0</t>
  </si>
  <si>
    <t>730571.0</t>
  </si>
  <si>
    <t>237.76</t>
  </si>
  <si>
    <t>3391088000.0</t>
  </si>
  <si>
    <t>894000.0</t>
  </si>
  <si>
    <t>747857.0</t>
  </si>
  <si>
    <t>3391955000.0</t>
  </si>
  <si>
    <t>867000.0</t>
  </si>
  <si>
    <t>758286.0</t>
  </si>
  <si>
    <t>237.88</t>
  </si>
  <si>
    <t>3393119000.0</t>
  </si>
  <si>
    <t>1292334000.0</t>
  </si>
  <si>
    <t>1259184000.0</t>
  </si>
  <si>
    <t>785696000.0</t>
  </si>
  <si>
    <t>1164000.0</t>
  </si>
  <si>
    <t>810429.0</t>
  </si>
  <si>
    <t>3393907000.0</t>
  </si>
  <si>
    <t>788000.0</t>
  </si>
  <si>
    <t>807286.0</t>
  </si>
  <si>
    <t>238.02</t>
  </si>
  <si>
    <t>129714.0</t>
  </si>
  <si>
    <t>3394504000.0</t>
  </si>
  <si>
    <t>597000.0</t>
  </si>
  <si>
    <t>800000.0</t>
  </si>
  <si>
    <t>238.06</t>
  </si>
  <si>
    <t>134595.0</t>
  </si>
  <si>
    <t>3395026000.0</t>
  </si>
  <si>
    <t>522000.0</t>
  </si>
  <si>
    <t>796000.0</t>
  </si>
  <si>
    <t>238.1</t>
  </si>
  <si>
    <t>139476.0</t>
  </si>
  <si>
    <t>3395704000.0</t>
  </si>
  <si>
    <t>678000.0</t>
  </si>
  <si>
    <t>787143.0</t>
  </si>
  <si>
    <t>238.15</t>
  </si>
  <si>
    <t>144357.0</t>
  </si>
  <si>
    <t>3396446000.0</t>
  </si>
  <si>
    <t>742000.0</t>
  </si>
  <si>
    <t>765429.0</t>
  </si>
  <si>
    <t>149238.0</t>
  </si>
  <si>
    <t>3397224000.0</t>
  </si>
  <si>
    <t>778000.0</t>
  </si>
  <si>
    <t>752714.0</t>
  </si>
  <si>
    <t>154119.0</t>
  </si>
  <si>
    <t>3397993000.0</t>
  </si>
  <si>
    <t>1293447000.0</t>
  </si>
  <si>
    <t>1259987000.0</t>
  </si>
  <si>
    <t>788701000.0</t>
  </si>
  <si>
    <t>769000.0</t>
  </si>
  <si>
    <t>696286.0</t>
  </si>
  <si>
    <t>238.31</t>
  </si>
  <si>
    <t>159000.0</t>
  </si>
  <si>
    <t>3398762000.0</t>
  </si>
  <si>
    <t>693571.0</t>
  </si>
  <si>
    <t>238.36</t>
  </si>
  <si>
    <t>157643.0</t>
  </si>
  <si>
    <t>3399317000.0</t>
  </si>
  <si>
    <t>555000.0</t>
  </si>
  <si>
    <t>687571.0</t>
  </si>
  <si>
    <t>156286.0</t>
  </si>
  <si>
    <t>3399803000.0</t>
  </si>
  <si>
    <t>486000.0</t>
  </si>
  <si>
    <t>682429.0</t>
  </si>
  <si>
    <t>238.43</t>
  </si>
  <si>
    <t>154929.0</t>
  </si>
  <si>
    <t>3400401000.0</t>
  </si>
  <si>
    <t>1294045000.0</t>
  </si>
  <si>
    <t>1260501000.0</t>
  </si>
  <si>
    <t>790025000.0</t>
  </si>
  <si>
    <t>598000.0</t>
  </si>
  <si>
    <t>671000.0</t>
  </si>
  <si>
    <t>238.48</t>
  </si>
  <si>
    <t>3401112000.0</t>
  </si>
  <si>
    <t>711000.0</t>
  </si>
  <si>
    <t>666571.0</t>
  </si>
  <si>
    <t>238.53</t>
  </si>
  <si>
    <t>153443.0</t>
  </si>
  <si>
    <t>3401857000.0</t>
  </si>
  <si>
    <t>745000.0</t>
  </si>
  <si>
    <t>661857.0</t>
  </si>
  <si>
    <t>238.58</t>
  </si>
  <si>
    <t>153314.0</t>
  </si>
  <si>
    <t>3402622000.0</t>
  </si>
  <si>
    <t>765000.0</t>
  </si>
  <si>
    <t>661286.0</t>
  </si>
  <si>
    <t>153186.0</t>
  </si>
  <si>
    <t>3403201000.0</t>
  </si>
  <si>
    <t>579000.0</t>
  </si>
  <si>
    <t>634143.0</t>
  </si>
  <si>
    <t>238.67</t>
  </si>
  <si>
    <t>154414.0</t>
  </si>
  <si>
    <t>3403643000.0</t>
  </si>
  <si>
    <t>442000.0</t>
  </si>
  <si>
    <t>618000.0</t>
  </si>
  <si>
    <t>238.7</t>
  </si>
  <si>
    <t>155643.0</t>
  </si>
  <si>
    <t>3403989000.0</t>
  </si>
  <si>
    <t>346000.0</t>
  </si>
  <si>
    <t>238.73</t>
  </si>
  <si>
    <t>3404537000.0</t>
  </si>
  <si>
    <t>548000.0</t>
  </si>
  <si>
    <t>590857.0</t>
  </si>
  <si>
    <t>238.77</t>
  </si>
  <si>
    <t>158100.0</t>
  </si>
  <si>
    <t>3405158000.0</t>
  </si>
  <si>
    <t>621000.0</t>
  </si>
  <si>
    <t>578000.0</t>
  </si>
  <si>
    <t>238.81</t>
  </si>
  <si>
    <t>3405812000.0</t>
  </si>
  <si>
    <t>654000.0</t>
  </si>
  <si>
    <t>565000.0</t>
  </si>
  <si>
    <t>238.86</t>
  </si>
  <si>
    <t>3406557000.0</t>
  </si>
  <si>
    <t>1295626000.0</t>
  </si>
  <si>
    <t>1261908000.0</t>
  </si>
  <si>
    <t>793279000.0</t>
  </si>
  <si>
    <t>562143.0</t>
  </si>
  <si>
    <t>238.91</t>
  </si>
  <si>
    <t>55.63</t>
  </si>
  <si>
    <t>3407361000.0</t>
  </si>
  <si>
    <t>804000.0</t>
  </si>
  <si>
    <t>594286.0</t>
  </si>
  <si>
    <t>238.96</t>
  </si>
  <si>
    <t>163371.0</t>
  </si>
  <si>
    <t>3407945000.0</t>
  </si>
  <si>
    <t>584000.0</t>
  </si>
  <si>
    <t>614571.0</t>
  </si>
  <si>
    <t>239.01</t>
  </si>
  <si>
    <t>168643.0</t>
  </si>
  <si>
    <t>3408404000.0</t>
  </si>
  <si>
    <t>459000.0</t>
  </si>
  <si>
    <t>630714.0</t>
  </si>
  <si>
    <t>239.04</t>
  </si>
  <si>
    <t>173914.0</t>
  </si>
  <si>
    <t>3409032000.0</t>
  </si>
  <si>
    <t>628000.0</t>
  </si>
  <si>
    <t>642143.0</t>
  </si>
  <si>
    <t>179186.0</t>
  </si>
  <si>
    <t>3409697000.0</t>
  </si>
  <si>
    <t>665000.0</t>
  </si>
  <si>
    <t>239.13</t>
  </si>
  <si>
    <t>184457.0</t>
  </si>
  <si>
    <t>3410413000.0</t>
  </si>
  <si>
    <t>716000.0</t>
  </si>
  <si>
    <t>657286.0</t>
  </si>
  <si>
    <t>189729.0</t>
  </si>
  <si>
    <t>3411136000.0</t>
  </si>
  <si>
    <t>723000.0</t>
  </si>
  <si>
    <t>654143.0</t>
  </si>
  <si>
    <t>195000.0</t>
  </si>
  <si>
    <t>3411903000.0</t>
  </si>
  <si>
    <t>767000.0</t>
  </si>
  <si>
    <t>648857.0</t>
  </si>
  <si>
    <t>3412457000.0</t>
  </si>
  <si>
    <t>554000.0</t>
  </si>
  <si>
    <t>644571.0</t>
  </si>
  <si>
    <t>3412950000.0</t>
  </si>
  <si>
    <t>493000.0</t>
  </si>
  <si>
    <t>649429.0</t>
  </si>
  <si>
    <t>3413628000.0</t>
  </si>
  <si>
    <t>656571.0</t>
  </si>
  <si>
    <t>239.4</t>
  </si>
  <si>
    <t>3414388000.0</t>
  </si>
  <si>
    <t>760000.0</t>
  </si>
  <si>
    <t>670143.0</t>
  </si>
  <si>
    <t>239.46</t>
  </si>
  <si>
    <t>3415146000.0</t>
  </si>
  <si>
    <t>1298161000.0</t>
  </si>
  <si>
    <t>1264385000.0</t>
  </si>
  <si>
    <t>797346000.0</t>
  </si>
  <si>
    <t>758000.0</t>
  </si>
  <si>
    <t>676143.0</t>
  </si>
  <si>
    <t>3415934000.0</t>
  </si>
  <si>
    <t>685429.0</t>
  </si>
  <si>
    <t>201071.0</t>
  </si>
  <si>
    <t>3416727000.0</t>
  </si>
  <si>
    <t>1298636000.0</t>
  </si>
  <si>
    <t>1264901000.0</t>
  </si>
  <si>
    <t>797985000.0</t>
  </si>
  <si>
    <t>793000.0</t>
  </si>
  <si>
    <t>689143.0</t>
  </si>
  <si>
    <t>207143.0</t>
  </si>
  <si>
    <t>3417357000.0</t>
  </si>
  <si>
    <t>630000.0</t>
  </si>
  <si>
    <t>700000.0</t>
  </si>
  <si>
    <t>239.67</t>
  </si>
  <si>
    <t>201159.0</t>
  </si>
  <si>
    <t>3417900000.0</t>
  </si>
  <si>
    <t>543000.0</t>
  </si>
  <si>
    <t>707143.0</t>
  </si>
  <si>
    <t>195175.0</t>
  </si>
  <si>
    <t>3418638000.0</t>
  </si>
  <si>
    <t>738000.0</t>
  </si>
  <si>
    <t>715714.0</t>
  </si>
  <si>
    <t>239.76</t>
  </si>
  <si>
    <t>189190.0</t>
  </si>
  <si>
    <t>3419441000.0</t>
  </si>
  <si>
    <t>803000.0</t>
  </si>
  <si>
    <t>721857.0</t>
  </si>
  <si>
    <t>239.81</t>
  </si>
  <si>
    <t>183206.0</t>
  </si>
  <si>
    <t>3420260000.0</t>
  </si>
  <si>
    <t>819000.0</t>
  </si>
  <si>
    <t>3421121000.0</t>
  </si>
  <si>
    <t>861000.0</t>
  </si>
  <si>
    <t>741000.0</t>
  </si>
  <si>
    <t>239.93</t>
  </si>
  <si>
    <t>165167.0</t>
  </si>
  <si>
    <t>3422060000.0</t>
  </si>
  <si>
    <t>939000.0</t>
  </si>
  <si>
    <t>761857.0</t>
  </si>
  <si>
    <t>153111.0</t>
  </si>
  <si>
    <t>3422910000.0</t>
  </si>
  <si>
    <t>850000.0</t>
  </si>
  <si>
    <t>793286.0</t>
  </si>
  <si>
    <t>240.05</t>
  </si>
  <si>
    <t>3423669000.0</t>
  </si>
  <si>
    <t>759000.0</t>
  </si>
  <si>
    <t>824143.0</t>
  </si>
  <si>
    <t>240.11</t>
  </si>
  <si>
    <t>3424070000.0</t>
  </si>
  <si>
    <t>401000.0</t>
  </si>
  <si>
    <t>776000.0</t>
  </si>
  <si>
    <t>3424465000.0</t>
  </si>
  <si>
    <t>395000.0</t>
  </si>
  <si>
    <t>240.16</t>
  </si>
  <si>
    <t>3424838000.0</t>
  </si>
  <si>
    <t>373000.0</t>
  </si>
  <si>
    <t>240.19</t>
  </si>
  <si>
    <t>3425218000.0</t>
  </si>
  <si>
    <t>380000.0</t>
  </si>
  <si>
    <t>585286.0</t>
  </si>
  <si>
    <t>240.22</t>
  </si>
  <si>
    <t>3425593000.0</t>
  </si>
  <si>
    <t>375000.0</t>
  </si>
  <si>
    <t>504714.0</t>
  </si>
  <si>
    <t>240.24</t>
  </si>
  <si>
    <t>3425843000.0</t>
  </si>
  <si>
    <t>250000.0</t>
  </si>
  <si>
    <t>419000.0</t>
  </si>
  <si>
    <t>240.26</t>
  </si>
  <si>
    <t>3426023000.0</t>
  </si>
  <si>
    <t>180000.0</t>
  </si>
  <si>
    <t>336286.0</t>
  </si>
  <si>
    <t>3426316000.0</t>
  </si>
  <si>
    <t>293000.0</t>
  </si>
  <si>
    <t>320857.0</t>
  </si>
  <si>
    <t>240.29</t>
  </si>
  <si>
    <t>3426619000.0</t>
  </si>
  <si>
    <t>1301392000.0</t>
  </si>
  <si>
    <t>1268285000.0</t>
  </si>
  <si>
    <t>802174000.0</t>
  </si>
  <si>
    <t>303000.0</t>
  </si>
  <si>
    <t>307714.0</t>
  </si>
  <si>
    <t>240.31</t>
  </si>
  <si>
    <t>3426938000.0</t>
  </si>
  <si>
    <t>319000.0</t>
  </si>
  <si>
    <t>240.34</t>
  </si>
  <si>
    <t>138041.0</t>
  </si>
  <si>
    <t>3427246000.0</t>
  </si>
  <si>
    <t>308000.0</t>
  </si>
  <si>
    <t>289714.0</t>
  </si>
  <si>
    <t>240.36</t>
  </si>
  <si>
    <t>122971.0</t>
  </si>
  <si>
    <t>3427564000.0</t>
  </si>
  <si>
    <t>318000.0</t>
  </si>
  <si>
    <t>281571.0</t>
  </si>
  <si>
    <t>107901.0</t>
  </si>
  <si>
    <t>3427788000.0</t>
  </si>
  <si>
    <t>224000.0</t>
  </si>
  <si>
    <t>277857.0</t>
  </si>
  <si>
    <t>92831.0</t>
  </si>
  <si>
    <t>3427965000.0</t>
  </si>
  <si>
    <t>177000.0</t>
  </si>
  <si>
    <t>277429.0</t>
  </si>
  <si>
    <t>77761.0</t>
  </si>
  <si>
    <t>3428258000.0</t>
  </si>
  <si>
    <t>240.43</t>
  </si>
  <si>
    <t>62691.0</t>
  </si>
  <si>
    <t>3428587000.0</t>
  </si>
  <si>
    <t>329000.0</t>
  </si>
  <si>
    <t>281143.0</t>
  </si>
  <si>
    <t>240.45</t>
  </si>
  <si>
    <t>47621.0</t>
  </si>
  <si>
    <t>3428933000.0</t>
  </si>
  <si>
    <t>285000.0</t>
  </si>
  <si>
    <t>240.48</t>
  </si>
  <si>
    <t>3429254000.0</t>
  </si>
  <si>
    <t>321000.0</t>
  </si>
  <si>
    <t>286857.0</t>
  </si>
  <si>
    <t>240.5</t>
  </si>
  <si>
    <t>3429579000.0</t>
  </si>
  <si>
    <t>325000.0</t>
  </si>
  <si>
    <t>287857.0</t>
  </si>
  <si>
    <t>3429804000.0</t>
  </si>
  <si>
    <t>225000.0</t>
  </si>
  <si>
    <t>288000.0</t>
  </si>
  <si>
    <t>240.54</t>
  </si>
  <si>
    <t>3429988000.0</t>
  </si>
  <si>
    <t>184000.0</t>
  </si>
  <si>
    <t>289000.0</t>
  </si>
  <si>
    <t>3430297000.0</t>
  </si>
  <si>
    <t>309000.0</t>
  </si>
  <si>
    <t>291286.0</t>
  </si>
  <si>
    <t>3430624000.0</t>
  </si>
  <si>
    <t>327000.0</t>
  </si>
  <si>
    <t>240.6</t>
  </si>
  <si>
    <t>3430949000.0</t>
  </si>
  <si>
    <t>240.62</t>
  </si>
  <si>
    <t>3431247000.0</t>
  </si>
  <si>
    <t>298000.0</t>
  </si>
  <si>
    <t>284714.0</t>
  </si>
  <si>
    <t>3431560000.0</t>
  </si>
  <si>
    <t>313000.0</t>
  </si>
  <si>
    <t>283000.0</t>
  </si>
  <si>
    <t>3431791000.0</t>
  </si>
  <si>
    <t>231000.0</t>
  </si>
  <si>
    <t>283857.0</t>
  </si>
  <si>
    <t>240.68</t>
  </si>
  <si>
    <t>3431965000.0</t>
  </si>
  <si>
    <t>174000.0</t>
  </si>
  <si>
    <t>282429.0</t>
  </si>
  <si>
    <t>3432235000.0</t>
  </si>
  <si>
    <t>270000.0</t>
  </si>
  <si>
    <t>276857.0</t>
  </si>
  <si>
    <t>3432506000.0</t>
  </si>
  <si>
    <t>268857.0</t>
  </si>
  <si>
    <t>240.73</t>
  </si>
  <si>
    <t>3432778000.0</t>
  </si>
  <si>
    <t>272000.0</t>
  </si>
  <si>
    <t>261286.0</t>
  </si>
  <si>
    <t>240.75</t>
  </si>
  <si>
    <t>3432984000.0</t>
  </si>
  <si>
    <t>206000.0</t>
  </si>
  <si>
    <t>248143.0</t>
  </si>
  <si>
    <t>3433182000.0</t>
  </si>
  <si>
    <t>198000.0</t>
  </si>
  <si>
    <t>231714.0</t>
  </si>
  <si>
    <t>240.78</t>
  </si>
  <si>
    <t>3433328000.0</t>
  </si>
  <si>
    <t>146000.0</t>
  </si>
  <si>
    <t>219571.0</t>
  </si>
  <si>
    <t>240.79</t>
  </si>
  <si>
    <t>3433450000.0</t>
  </si>
  <si>
    <t>122000.0</t>
  </si>
  <si>
    <t>212143.0</t>
  </si>
  <si>
    <t>3433615000.0</t>
  </si>
  <si>
    <t>165000.0</t>
  </si>
  <si>
    <t>197143.0</t>
  </si>
  <si>
    <t>240.81</t>
  </si>
  <si>
    <t>3433788000.0</t>
  </si>
  <si>
    <t>183143.0</t>
  </si>
  <si>
    <t>240.82</t>
  </si>
  <si>
    <t>3433960000.0</t>
  </si>
  <si>
    <t>1302773000.0</t>
  </si>
  <si>
    <t>1270656000.0</t>
  </si>
  <si>
    <t>805705000.0</t>
  </si>
  <si>
    <t>172000.0</t>
  </si>
  <si>
    <t>168857.0</t>
  </si>
  <si>
    <t>3434119000.0</t>
  </si>
  <si>
    <t>162143.0</t>
  </si>
  <si>
    <t>240.84</t>
  </si>
  <si>
    <t>43426.0</t>
  </si>
  <si>
    <t>3434270000.0</t>
  </si>
  <si>
    <t>151000.0</t>
  </si>
  <si>
    <t>155429.0</t>
  </si>
  <si>
    <t>240.85</t>
  </si>
  <si>
    <t>39232.0</t>
  </si>
  <si>
    <t>3434317000.0</t>
  </si>
  <si>
    <t>47000.0</t>
  </si>
  <si>
    <t>141286.0</t>
  </si>
  <si>
    <t>35037.0</t>
  </si>
  <si>
    <t>3434390000.0</t>
  </si>
  <si>
    <t>73000.0</t>
  </si>
  <si>
    <t>134286.0</t>
  </si>
  <si>
    <t>3434487000.0</t>
  </si>
  <si>
    <t>97000.0</t>
  </si>
  <si>
    <t>240.87</t>
  </si>
  <si>
    <t>26648.0</t>
  </si>
  <si>
    <t>3434621000.0</t>
  </si>
  <si>
    <t>134000.0</t>
  </si>
  <si>
    <t>119000.0</t>
  </si>
  <si>
    <t>22453.0</t>
  </si>
  <si>
    <t>3434774000.0</t>
  </si>
  <si>
    <t>153000.0</t>
  </si>
  <si>
    <t>116286.0</t>
  </si>
  <si>
    <t>3434906000.0</t>
  </si>
  <si>
    <t>132000.0</t>
  </si>
  <si>
    <t>112429.0</t>
  </si>
  <si>
    <t>240.9</t>
  </si>
  <si>
    <t>3435066000.0</t>
  </si>
  <si>
    <t>160000.0</t>
  </si>
  <si>
    <t>113714.0</t>
  </si>
  <si>
    <t>3435207000.0</t>
  </si>
  <si>
    <t>141000.0</t>
  </si>
  <si>
    <t>127143.0</t>
  </si>
  <si>
    <t>240.92</t>
  </si>
  <si>
    <t>3435302000.0</t>
  </si>
  <si>
    <t>95000.0</t>
  </si>
  <si>
    <t>130286.0</t>
  </si>
  <si>
    <t>3435442000.0</t>
  </si>
  <si>
    <t>140000.0</t>
  </si>
  <si>
    <t>136429.0</t>
  </si>
  <si>
    <t>3435577000.0</t>
  </si>
  <si>
    <t>135000.0</t>
  </si>
  <si>
    <t>136571.0</t>
  </si>
  <si>
    <t>3435719000.0</t>
  </si>
  <si>
    <t>142000.0</t>
  </si>
  <si>
    <t>3435855000.0</t>
  </si>
  <si>
    <t>136000.0</t>
  </si>
  <si>
    <t>135571.0</t>
  </si>
  <si>
    <t>240.96</t>
  </si>
  <si>
    <t>3436001000.0</t>
  </si>
  <si>
    <t>133571.0</t>
  </si>
  <si>
    <t>240.97</t>
  </si>
  <si>
    <t>3436132000.0</t>
  </si>
  <si>
    <t>131000.0</t>
  </si>
  <si>
    <t>132143.0</t>
  </si>
  <si>
    <t>3436227000.0</t>
  </si>
  <si>
    <t>240.99</t>
  </si>
  <si>
    <t>3436355000.0</t>
  </si>
  <si>
    <t>128000.0</t>
  </si>
  <si>
    <t>130429.0</t>
  </si>
  <si>
    <t>3436494000.0</t>
  </si>
  <si>
    <t>139000.0</t>
  </si>
  <si>
    <t>241.01</t>
  </si>
  <si>
    <t>3436630000.0</t>
  </si>
  <si>
    <t>1271408000.0</t>
  </si>
  <si>
    <t>807130000.0</t>
  </si>
  <si>
    <t>130143.0</t>
  </si>
  <si>
    <t>3436773000.0</t>
  </si>
  <si>
    <t>143000.0</t>
  </si>
  <si>
    <t>131143.0</t>
  </si>
  <si>
    <t>241.03</t>
  </si>
  <si>
    <t>3436911000.0</t>
  </si>
  <si>
    <t>138000.0</t>
  </si>
  <si>
    <t>130000.0</t>
  </si>
  <si>
    <t>241.04</t>
  </si>
  <si>
    <t>3436966000.0</t>
  </si>
  <si>
    <t>55000.0</t>
  </si>
  <si>
    <t>119143.0</t>
  </si>
  <si>
    <t>3437018000.0</t>
  </si>
  <si>
    <t>52000.0</t>
  </si>
  <si>
    <t>113000.0</t>
  </si>
  <si>
    <t>3437085000.0</t>
  </si>
  <si>
    <t>67000.0</t>
  </si>
  <si>
    <t>3437161000.0</t>
  </si>
  <si>
    <t>3437218000.0</t>
  </si>
  <si>
    <t>57000.0</t>
  </si>
  <si>
    <t>84000.0</t>
  </si>
  <si>
    <t>3437286000.0</t>
  </si>
  <si>
    <t>73286.0</t>
  </si>
  <si>
    <t>3437347000.0</t>
  </si>
  <si>
    <t>62286.0</t>
  </si>
  <si>
    <t>241.07</t>
  </si>
  <si>
    <t>3437442000.0</t>
  </si>
  <si>
    <t>3437516000.0</t>
  </si>
  <si>
    <t>74000.0</t>
  </si>
  <si>
    <t>71143.0</t>
  </si>
  <si>
    <t>3437619000.0</t>
  </si>
  <si>
    <t>76286.0</t>
  </si>
  <si>
    <t>241.09</t>
  </si>
  <si>
    <t>3437728000.0</t>
  </si>
  <si>
    <t>109000.0</t>
  </si>
  <si>
    <t>81000.0</t>
  </si>
  <si>
    <t>3437851000.0</t>
  </si>
  <si>
    <t>1271711000.0</t>
  </si>
  <si>
    <t>807832000.0</t>
  </si>
  <si>
    <t>123000.0</t>
  </si>
  <si>
    <t>90429.0</t>
  </si>
  <si>
    <t>3437961000.0</t>
  </si>
  <si>
    <t>110000.0</t>
  </si>
  <si>
    <t>96429.0</t>
  </si>
  <si>
    <t>3438086000.0</t>
  </si>
  <si>
    <t>105571.0</t>
  </si>
  <si>
    <t>3438202000.0</t>
  </si>
  <si>
    <t>116000.0</t>
  </si>
  <si>
    <t>108571.0</t>
  </si>
  <si>
    <t>241.13</t>
  </si>
  <si>
    <t>3438277000.0</t>
  </si>
  <si>
    <t>108714.0</t>
  </si>
  <si>
    <t>3438378000.0</t>
  </si>
  <si>
    <t>101000.0</t>
  </si>
  <si>
    <t>108429.0</t>
  </si>
  <si>
    <t>3438482000.0</t>
  </si>
  <si>
    <t>241.15</t>
  </si>
  <si>
    <t>3438588000.0</t>
  </si>
  <si>
    <t>106000.0</t>
  </si>
  <si>
    <t>105286.0</t>
  </si>
  <si>
    <t>3438697000.0</t>
  </si>
  <si>
    <t>105143.0</t>
  </si>
  <si>
    <t>241.16</t>
  </si>
  <si>
    <t>3438817000.0</t>
  </si>
  <si>
    <t>104429.0</t>
  </si>
  <si>
    <t>241.17</t>
  </si>
  <si>
    <t>3438920000.0</t>
  </si>
  <si>
    <t>102571.0</t>
  </si>
  <si>
    <t>3438993000.0</t>
  </si>
  <si>
    <t>102286.0</t>
  </si>
  <si>
    <t>3439087000.0</t>
  </si>
  <si>
    <t>94000.0</t>
  </si>
  <si>
    <t>101286.0</t>
  </si>
  <si>
    <t>241.19</t>
  </si>
  <si>
    <t>3439201000.0</t>
  </si>
  <si>
    <t>114000.0</t>
  </si>
  <si>
    <t>102714.0</t>
  </si>
  <si>
    <t>241.2</t>
  </si>
  <si>
    <t>3439299000.0</t>
  </si>
  <si>
    <t>98000.0</t>
  </si>
  <si>
    <t>101571.0</t>
  </si>
  <si>
    <t>3439408000.0</t>
  </si>
  <si>
    <t>3439525000.0</t>
  </si>
  <si>
    <t>117000.0</t>
  </si>
  <si>
    <t>101143.0</t>
  </si>
  <si>
    <t>3439620000.0</t>
  </si>
  <si>
    <t>3439698000.0</t>
  </si>
  <si>
    <t>100714.0</t>
  </si>
  <si>
    <t>3439802000.0</t>
  </si>
  <si>
    <t>102143.0</t>
  </si>
  <si>
    <t>241.24</t>
  </si>
  <si>
    <t>3439907000.0</t>
  </si>
  <si>
    <t>105000.0</t>
  </si>
  <si>
    <t>100857.0</t>
  </si>
  <si>
    <t>3440016000.0</t>
  </si>
  <si>
    <t>102429.0</t>
  </si>
  <si>
    <t>3440119000.0</t>
  </si>
  <si>
    <t>3440231000.0</t>
  </si>
  <si>
    <t>1303832000.0</t>
  </si>
  <si>
    <t>1272227000.0</t>
  </si>
  <si>
    <t>809299000.0</t>
  </si>
  <si>
    <t>112000.0</t>
  </si>
  <si>
    <t>241.27</t>
  </si>
  <si>
    <t>3440346000.0</t>
  </si>
  <si>
    <t>115000.0</t>
  </si>
  <si>
    <t>103714.0</t>
  </si>
  <si>
    <t>241.28</t>
  </si>
  <si>
    <t>20406.0</t>
  </si>
  <si>
    <t>3440421000.0</t>
  </si>
  <si>
    <t>103286.0</t>
  </si>
  <si>
    <t>22554.0</t>
  </si>
  <si>
    <t>3440524000.0</t>
  </si>
  <si>
    <t>3440638000.0</t>
  </si>
  <si>
    <t>241.3</t>
  </si>
  <si>
    <t>26849.0</t>
  </si>
  <si>
    <t>3440760000.0</t>
  </si>
  <si>
    <t>106286.0</t>
  </si>
  <si>
    <t>28997.0</t>
  </si>
  <si>
    <t>3440879000.0</t>
  </si>
  <si>
    <t>3441007000.0</t>
  </si>
  <si>
    <t>110857.0</t>
  </si>
  <si>
    <t>3441126000.0</t>
  </si>
  <si>
    <t>111429.0</t>
  </si>
  <si>
    <t>241.33</t>
  </si>
  <si>
    <t>3441205000.0</t>
  </si>
  <si>
    <t>79000.0</t>
  </si>
  <si>
    <t>241.34</t>
  </si>
  <si>
    <t>3441334000.0</t>
  </si>
  <si>
    <t>129000.0</t>
  </si>
  <si>
    <t>115714.0</t>
  </si>
  <si>
    <t>3441497000.0</t>
  </si>
  <si>
    <t>163000.0</t>
  </si>
  <si>
    <t>122714.0</t>
  </si>
  <si>
    <t>241.36</t>
  </si>
  <si>
    <t>3441680000.0</t>
  </si>
  <si>
    <t>183000.0</t>
  </si>
  <si>
    <t>131429.0</t>
  </si>
  <si>
    <t>241.37</t>
  </si>
  <si>
    <t>3441859000.0</t>
  </si>
  <si>
    <t>179000.0</t>
  </si>
  <si>
    <t>3442080000.0</t>
  </si>
  <si>
    <t>153286.0</t>
  </si>
  <si>
    <t>241.4</t>
  </si>
  <si>
    <t>3442253000.0</t>
  </si>
  <si>
    <t>161000.0</t>
  </si>
  <si>
    <t>3442376000.0</t>
  </si>
  <si>
    <t>167286.0</t>
  </si>
  <si>
    <t>241.42</t>
  </si>
  <si>
    <t>3442539000.0</t>
  </si>
  <si>
    <t>172143.0</t>
  </si>
  <si>
    <t>241.43</t>
  </si>
  <si>
    <t>3442683000.0</t>
  </si>
  <si>
    <t>144000.0</t>
  </si>
  <si>
    <t>169429.0</t>
  </si>
  <si>
    <t>3442840000.0</t>
  </si>
  <si>
    <t>157000.0</t>
  </si>
  <si>
    <t>165714.0</t>
  </si>
  <si>
    <t>241.45</t>
  </si>
  <si>
    <t>3442976000.0</t>
  </si>
  <si>
    <t>159571.0</t>
  </si>
  <si>
    <t>241.46</t>
  </si>
  <si>
    <t>3443114000.0</t>
  </si>
  <si>
    <t>147714.0</t>
  </si>
  <si>
    <t>3443240000.0</t>
  </si>
  <si>
    <t>126000.0</t>
  </si>
  <si>
    <t>3443327000.0</t>
  </si>
  <si>
    <t>87000.0</t>
  </si>
  <si>
    <t>135857.0</t>
  </si>
  <si>
    <t>241.49</t>
  </si>
  <si>
    <t>3443451000.0</t>
  </si>
  <si>
    <t>1304631000.0</t>
  </si>
  <si>
    <t>1272830000.0</t>
  </si>
  <si>
    <t>811176000.0</t>
  </si>
  <si>
    <t>124000.0</t>
  </si>
  <si>
    <t>56.89</t>
  </si>
  <si>
    <t>3443554000.0</t>
  </si>
  <si>
    <t>124429.0</t>
  </si>
  <si>
    <t>53212.0</t>
  </si>
  <si>
    <t>3443749000.0</t>
  </si>
  <si>
    <t>129857.0</t>
  </si>
  <si>
    <t>241.52</t>
  </si>
  <si>
    <t>73132.0</t>
  </si>
  <si>
    <t>3443887000.0</t>
  </si>
  <si>
    <t>241.53</t>
  </si>
  <si>
    <t>93052.0</t>
  </si>
  <si>
    <t>3444010000.0</t>
  </si>
  <si>
    <t>112973.0</t>
  </si>
  <si>
    <t>3444166000.0</t>
  </si>
  <si>
    <t>156000.0</t>
  </si>
  <si>
    <t>132893.0</t>
  </si>
  <si>
    <t>3444295000.0</t>
  </si>
  <si>
    <t>138286.0</t>
  </si>
  <si>
    <t>152813.0</t>
  </si>
  <si>
    <t>3444548000.0</t>
  </si>
  <si>
    <t>253000.0</t>
  </si>
  <si>
    <t>156714.0</t>
  </si>
  <si>
    <t>172733.0</t>
  </si>
  <si>
    <t>3444906000.0</t>
  </si>
  <si>
    <t>358000.0</t>
  </si>
  <si>
    <t>193143.0</t>
  </si>
  <si>
    <t>3445402000.0</t>
  </si>
  <si>
    <t>496000.0</t>
  </si>
  <si>
    <t>236143.0</t>
  </si>
  <si>
    <t>241.63</t>
  </si>
  <si>
    <t>3446141000.0</t>
  </si>
  <si>
    <t>739000.0</t>
  </si>
  <si>
    <t>322000.0</t>
  </si>
  <si>
    <t>3447152000.0</t>
  </si>
  <si>
    <t>1011000.0</t>
  </si>
  <si>
    <t>448857.0</t>
  </si>
  <si>
    <t>241.75</t>
  </si>
  <si>
    <t>3448175000.0</t>
  </si>
  <si>
    <t>1023000.0</t>
  </si>
  <si>
    <t>572714.0</t>
  </si>
  <si>
    <t>241.83</t>
  </si>
  <si>
    <t>3448992000.0</t>
  </si>
  <si>
    <t>817000.0</t>
  </si>
  <si>
    <t>241.88</t>
  </si>
  <si>
    <t>3450244000.0</t>
  </si>
  <si>
    <t>1252000.0</t>
  </si>
  <si>
    <t>813714.0</t>
  </si>
  <si>
    <t>241.97</t>
  </si>
  <si>
    <t>3451677000.0</t>
  </si>
  <si>
    <t>1307222000.0</t>
  </si>
  <si>
    <t>1274018000.0</t>
  </si>
  <si>
    <t>815718000.0</t>
  </si>
  <si>
    <t>1433000.0</t>
  </si>
  <si>
    <t>967286.0</t>
  </si>
  <si>
    <t>242.07</t>
  </si>
  <si>
    <t>3453156000.0</t>
  </si>
  <si>
    <t>1479000.0</t>
  </si>
  <si>
    <t>1107714.0</t>
  </si>
  <si>
    <t>242.18</t>
  </si>
  <si>
    <t>3454559000.0</t>
  </si>
  <si>
    <t>1403000.0</t>
  </si>
  <si>
    <t>1202571.0</t>
  </si>
  <si>
    <t>242.27</t>
  </si>
  <si>
    <t>3455859000.0</t>
  </si>
  <si>
    <t>1300000.0</t>
  </si>
  <si>
    <t>242.37</t>
  </si>
  <si>
    <t>3456803000.0</t>
  </si>
  <si>
    <t>944000.0</t>
  </si>
  <si>
    <t>1232571.0</t>
  </si>
  <si>
    <t>3457491000.0</t>
  </si>
  <si>
    <t>688000.0</t>
  </si>
  <si>
    <t>1214143.0</t>
  </si>
  <si>
    <t>242.48</t>
  </si>
  <si>
    <t>3458412000.0</t>
  </si>
  <si>
    <t>921000.0</t>
  </si>
  <si>
    <t>1166857.0</t>
  </si>
  <si>
    <t>3461498000.0</t>
  </si>
  <si>
    <t>3086000.0</t>
  </si>
  <si>
    <t>3465123000.0</t>
  </si>
  <si>
    <t>3625000.0</t>
  </si>
  <si>
    <t>1709571.0</t>
  </si>
  <si>
    <t>243.02</t>
  </si>
  <si>
    <t>3467395000.0</t>
  </si>
  <si>
    <t>2272000.0</t>
  </si>
  <si>
    <t>1833714.0</t>
  </si>
  <si>
    <t>243.17</t>
  </si>
  <si>
    <t>3469670000.0</t>
  </si>
  <si>
    <t>2275000.0</t>
  </si>
  <si>
    <t>1973000.0</t>
  </si>
  <si>
    <t>243.33</t>
  </si>
  <si>
    <t>3470946000.0</t>
  </si>
  <si>
    <t>1276000.0</t>
  </si>
  <si>
    <t>2020429.0</t>
  </si>
  <si>
    <t>3471819000.0</t>
  </si>
  <si>
    <t>2046857.0</t>
  </si>
  <si>
    <t>243.48</t>
  </si>
  <si>
    <t>3473153000.0</t>
  </si>
  <si>
    <t>1334000.0</t>
  </si>
  <si>
    <t>2105857.0</t>
  </si>
  <si>
    <t>243.58</t>
  </si>
  <si>
    <t>3474309000.0</t>
  </si>
  <si>
    <t>1156000.0</t>
  </si>
  <si>
    <t>1830143.0</t>
  </si>
  <si>
    <t>243.66</t>
  </si>
  <si>
    <t>3475387000.0</t>
  </si>
  <si>
    <t>1078000.0</t>
  </si>
  <si>
    <t>1466286.0</t>
  </si>
  <si>
    <t>243.74</t>
  </si>
  <si>
    <t>3476443000.0</t>
  </si>
  <si>
    <t>1292571.0</t>
  </si>
  <si>
    <t>243.81</t>
  </si>
  <si>
    <t>3477453000.0</t>
  </si>
  <si>
    <t>1010000.0</t>
  </si>
  <si>
    <t>1111857.0</t>
  </si>
  <si>
    <t>3478094000.0</t>
  </si>
  <si>
    <t>641000.0</t>
  </si>
  <si>
    <t>1021143.0</t>
  </si>
  <si>
    <t>243.92</t>
  </si>
  <si>
    <t>3478488000.0</t>
  </si>
  <si>
    <t>394000.0</t>
  </si>
  <si>
    <t>952714.0</t>
  </si>
  <si>
    <t>243.95</t>
  </si>
  <si>
    <t>3478946000.0</t>
  </si>
  <si>
    <t>458000.0</t>
  </si>
  <si>
    <t>827571.0</t>
  </si>
  <si>
    <t>243.98</t>
  </si>
  <si>
    <t>3479607000.0</t>
  </si>
  <si>
    <t>661000.0</t>
  </si>
  <si>
    <t>756857.0</t>
  </si>
  <si>
    <t>244.03</t>
  </si>
  <si>
    <t>3480354000.0</t>
  </si>
  <si>
    <t>747000.0</t>
  </si>
  <si>
    <t>709571.0</t>
  </si>
  <si>
    <t>244.08</t>
  </si>
  <si>
    <t>3481101000.0</t>
  </si>
  <si>
    <t>665429.0</t>
  </si>
  <si>
    <t>244.14</t>
  </si>
  <si>
    <t>COL</t>
  </si>
  <si>
    <t>Colombia</t>
  </si>
  <si>
    <t>537.2</t>
  </si>
  <si>
    <t>10.3558566919076</t>
  </si>
  <si>
    <t>348.1</t>
  </si>
  <si>
    <t>6.7104871825261</t>
  </si>
  <si>
    <t>-1.85</t>
  </si>
  <si>
    <t>5.06226352809926</t>
  </si>
  <si>
    <t>-9.30000000000007</t>
  </si>
  <si>
    <t>-5.87</t>
  </si>
  <si>
    <t>-0.179280467674499</t>
  </si>
  <si>
    <t>-392.0</t>
  </si>
  <si>
    <t>-0.6</t>
  </si>
  <si>
    <t>-7.5567680998283</t>
  </si>
  <si>
    <t>-698.1</t>
  </si>
  <si>
    <t>-6.68</t>
  </si>
  <si>
    <t>-13.4576015573728</t>
  </si>
  <si>
    <t>-905.6</t>
  </si>
  <si>
    <t>-1.21</t>
  </si>
  <si>
    <t>-4.53</t>
  </si>
  <si>
    <t>-17.4576765081748</t>
  </si>
  <si>
    <t>-1135.3</t>
  </si>
  <si>
    <t>-5.01</t>
  </si>
  <si>
    <t>-21.8857112850384</t>
  </si>
  <si>
    <t>-1484.0</t>
  </si>
  <si>
    <t>-1.76</t>
  </si>
  <si>
    <t>-7.49</t>
  </si>
  <si>
    <t>-28.60776494935</t>
  </si>
  <si>
    <t>-1686.9</t>
  </si>
  <si>
    <t>-4.33</t>
  </si>
  <si>
    <t>-32.5191635397968</t>
  </si>
  <si>
    <t>-1912.6</t>
  </si>
  <si>
    <t>-2.04</t>
  </si>
  <si>
    <t>-4.66</t>
  </si>
  <si>
    <t>-36.8700884380908</t>
  </si>
  <si>
    <t>-1982.9</t>
  </si>
  <si>
    <t>-2.01</t>
  </si>
  <si>
    <t>-1.47</t>
  </si>
  <si>
    <t>-38.2252945539529</t>
  </si>
  <si>
    <t>-2016.8</t>
  </si>
  <si>
    <t>-1.95</t>
  </si>
  <si>
    <t>-38.8788007748309</t>
  </si>
  <si>
    <t>343518.0</t>
  </si>
  <si>
    <t>6.668</t>
  </si>
  <si>
    <t>356338.0</t>
  </si>
  <si>
    <t>380206.0</t>
  </si>
  <si>
    <t>394502.0</t>
  </si>
  <si>
    <t>7.658</t>
  </si>
  <si>
    <t>405387.0</t>
  </si>
  <si>
    <t>10885.0</t>
  </si>
  <si>
    <t>7.869</t>
  </si>
  <si>
    <t>-1689.5</t>
  </si>
  <si>
    <t>-32.5692849608671</t>
  </si>
  <si>
    <t>416415.0</t>
  </si>
  <si>
    <t>8.083</t>
  </si>
  <si>
    <t>428845.0</t>
  </si>
  <si>
    <t>8.324</t>
  </si>
  <si>
    <t>440609.0</t>
  </si>
  <si>
    <t>453862.0</t>
  </si>
  <si>
    <t>13253.0</t>
  </si>
  <si>
    <t>465850.0</t>
  </si>
  <si>
    <t>11988.0</t>
  </si>
  <si>
    <t>477373.0</t>
  </si>
  <si>
    <t>11523.0</t>
  </si>
  <si>
    <t>9.266</t>
  </si>
  <si>
    <t>11839.0</t>
  </si>
  <si>
    <t>492735.0</t>
  </si>
  <si>
    <t>15362.0</t>
  </si>
  <si>
    <t>9.565</t>
  </si>
  <si>
    <t>12478.0</t>
  </si>
  <si>
    <t>-1133.0</t>
  </si>
  <si>
    <t>-21.8413731048609</t>
  </si>
  <si>
    <t>505235.0</t>
  </si>
  <si>
    <t>12500.0</t>
  </si>
  <si>
    <t>9.807</t>
  </si>
  <si>
    <t>517615.0</t>
  </si>
  <si>
    <t>10.048</t>
  </si>
  <si>
    <t>12681.0</t>
  </si>
  <si>
    <t>532782.0</t>
  </si>
  <si>
    <t>10.342</t>
  </si>
  <si>
    <t>548143.0</t>
  </si>
  <si>
    <t>565808.0</t>
  </si>
  <si>
    <t>17665.0</t>
  </si>
  <si>
    <t>583220.0</t>
  </si>
  <si>
    <t>11.321</t>
  </si>
  <si>
    <t>15121.0</t>
  </si>
  <si>
    <t>601625.0</t>
  </si>
  <si>
    <t>11.678</t>
  </si>
  <si>
    <t>15556.0</t>
  </si>
  <si>
    <t>-177.7</t>
  </si>
  <si>
    <t>-3.42560635545789</t>
  </si>
  <si>
    <t>617596.0</t>
  </si>
  <si>
    <t>631467.0</t>
  </si>
  <si>
    <t>13871.0</t>
  </si>
  <si>
    <t>648828.0</t>
  </si>
  <si>
    <t>12.595</t>
  </si>
  <si>
    <t>667211.0</t>
  </si>
  <si>
    <t>12.951</t>
  </si>
  <si>
    <t>686028.0</t>
  </si>
  <si>
    <t>13.317</t>
  </si>
  <si>
    <t>705150.0</t>
  </si>
  <si>
    <t>19122.0</t>
  </si>
  <si>
    <t>13.688</t>
  </si>
  <si>
    <t>17419.0</t>
  </si>
  <si>
    <t>722711.0</t>
  </si>
  <si>
    <t>17561.0</t>
  </si>
  <si>
    <t>14.029</t>
  </si>
  <si>
    <t>1072.6</t>
  </si>
  <si>
    <t>20.6770139384587</t>
  </si>
  <si>
    <t>740309.0</t>
  </si>
  <si>
    <t>17598.0</t>
  </si>
  <si>
    <t>757517.0</t>
  </si>
  <si>
    <t>14.704</t>
  </si>
  <si>
    <t>18007.0</t>
  </si>
  <si>
    <t>775536.0</t>
  </si>
  <si>
    <t>15.054</t>
  </si>
  <si>
    <t>18101.0</t>
  </si>
  <si>
    <t>794644.0</t>
  </si>
  <si>
    <t>15.425</t>
  </si>
  <si>
    <t>815162.0</t>
  </si>
  <si>
    <t>15.823</t>
  </si>
  <si>
    <t>20850.0</t>
  </si>
  <si>
    <t>16.228</t>
  </si>
  <si>
    <t>856975.0</t>
  </si>
  <si>
    <t>20963.0</t>
  </si>
  <si>
    <t>16.635</t>
  </si>
  <si>
    <t>2484.7</t>
  </si>
  <si>
    <t>47.8987288205188</t>
  </si>
  <si>
    <t>877341.0</t>
  </si>
  <si>
    <t>20366.0</t>
  </si>
  <si>
    <t>19576.0</t>
  </si>
  <si>
    <t>898380.0</t>
  </si>
  <si>
    <t>21039.0</t>
  </si>
  <si>
    <t>17.439</t>
  </si>
  <si>
    <t>919712.0</t>
  </si>
  <si>
    <t>21332.0</t>
  </si>
  <si>
    <t>17.853</t>
  </si>
  <si>
    <t>20597.0</t>
  </si>
  <si>
    <t>940984.0</t>
  </si>
  <si>
    <t>21272.0</t>
  </si>
  <si>
    <t>18.266</t>
  </si>
  <si>
    <t>20906.0</t>
  </si>
  <si>
    <t>18.716</t>
  </si>
  <si>
    <t>21287.0</t>
  </si>
  <si>
    <t>1001633.0</t>
  </si>
  <si>
    <t>37461.0</t>
  </si>
  <si>
    <t>23660.0</t>
  </si>
  <si>
    <t>1026714.0</t>
  </si>
  <si>
    <t>25081.0</t>
  </si>
  <si>
    <t>24248.0</t>
  </si>
  <si>
    <t>85.1678608802077</t>
  </si>
  <si>
    <t>1052247.0</t>
  </si>
  <si>
    <t>25533.0</t>
  </si>
  <si>
    <t>20.425</t>
  </si>
  <si>
    <t>24987.0</t>
  </si>
  <si>
    <t>1077759.0</t>
  </si>
  <si>
    <t>25512.0</t>
  </si>
  <si>
    <t>20.921</t>
  </si>
  <si>
    <t>25626.0</t>
  </si>
  <si>
    <t>1103443.0</t>
  </si>
  <si>
    <t>21.419</t>
  </si>
  <si>
    <t>26247.0</t>
  </si>
  <si>
    <t>1128769.0</t>
  </si>
  <si>
    <t>21.911</t>
  </si>
  <si>
    <t>26826.0</t>
  </si>
  <si>
    <t>1154640.0</t>
  </si>
  <si>
    <t>25871.0</t>
  </si>
  <si>
    <t>27210.0</t>
  </si>
  <si>
    <t>1180985.0</t>
  </si>
  <si>
    <t>22.924</t>
  </si>
  <si>
    <t>25622.0</t>
  </si>
  <si>
    <t>1205024.0</t>
  </si>
  <si>
    <t>23.391</t>
  </si>
  <si>
    <t>7033.5</t>
  </si>
  <si>
    <t>135.588082729955</t>
  </si>
  <si>
    <t>1231429.0</t>
  </si>
  <si>
    <t>26405.0</t>
  </si>
  <si>
    <t>23.904</t>
  </si>
  <si>
    <t>25597.0</t>
  </si>
  <si>
    <t>1258404.0</t>
  </si>
  <si>
    <t>24.427</t>
  </si>
  <si>
    <t>1287176.0</t>
  </si>
  <si>
    <t>28772.0</t>
  </si>
  <si>
    <t>24.986</t>
  </si>
  <si>
    <t>26248.0</t>
  </si>
  <si>
    <t>1315578.0</t>
  </si>
  <si>
    <t>25.537</t>
  </si>
  <si>
    <t>26687.0</t>
  </si>
  <si>
    <t>1344008.0</t>
  </si>
  <si>
    <t>26.089</t>
  </si>
  <si>
    <t>27053.0</t>
  </si>
  <si>
    <t>1373516.0</t>
  </si>
  <si>
    <t>29508.0</t>
  </si>
  <si>
    <t>26.662</t>
  </si>
  <si>
    <t>27504.0</t>
  </si>
  <si>
    <t>1403520.0</t>
  </si>
  <si>
    <t>30004.0</t>
  </si>
  <si>
    <t>27.244</t>
  </si>
  <si>
    <t>28357.0</t>
  </si>
  <si>
    <t>10159.8</t>
  </si>
  <si>
    <t>195.85523607305</t>
  </si>
  <si>
    <t>1433785.0</t>
  </si>
  <si>
    <t>27.832</t>
  </si>
  <si>
    <t>28908.0</t>
  </si>
  <si>
    <t>1464823.0</t>
  </si>
  <si>
    <t>28.434</t>
  </si>
  <si>
    <t>29488.0</t>
  </si>
  <si>
    <t>1496879.0</t>
  </si>
  <si>
    <t>32056.0</t>
  </si>
  <si>
    <t>29.056</t>
  </si>
  <si>
    <t>29958.0</t>
  </si>
  <si>
    <t>1532478.0</t>
  </si>
  <si>
    <t>35599.0</t>
  </si>
  <si>
    <t>29.747</t>
  </si>
  <si>
    <t>30986.0</t>
  </si>
  <si>
    <t>1568540.0</t>
  </si>
  <si>
    <t>30.447</t>
  </si>
  <si>
    <t>32076.0</t>
  </si>
  <si>
    <t>1604043.0</t>
  </si>
  <si>
    <t>31.136</t>
  </si>
  <si>
    <t>32932.0</t>
  </si>
  <si>
    <t>1644196.0</t>
  </si>
  <si>
    <t>40153.0</t>
  </si>
  <si>
    <t>31.916</t>
  </si>
  <si>
    <t>13612.1</t>
  </si>
  <si>
    <t>262.406844519573</t>
  </si>
  <si>
    <t>1681727.0</t>
  </si>
  <si>
    <t>37531.0</t>
  </si>
  <si>
    <t>32.644</t>
  </si>
  <si>
    <t>35420.0</t>
  </si>
  <si>
    <t>1720897.0</t>
  </si>
  <si>
    <t>39170.0</t>
  </si>
  <si>
    <t>33.405</t>
  </si>
  <si>
    <t>36582.0</t>
  </si>
  <si>
    <t>1761402.0</t>
  </si>
  <si>
    <t>40505.0</t>
  </si>
  <si>
    <t>34.191</t>
  </si>
  <si>
    <t>1804076.0</t>
  </si>
  <si>
    <t>42674.0</t>
  </si>
  <si>
    <t>38800.0</t>
  </si>
  <si>
    <t>1847578.0</t>
  </si>
  <si>
    <t>35.864</t>
  </si>
  <si>
    <t>39863.0</t>
  </si>
  <si>
    <t>1884182.0</t>
  </si>
  <si>
    <t>36604.0</t>
  </si>
  <si>
    <t>36.574</t>
  </si>
  <si>
    <t>40020.0</t>
  </si>
  <si>
    <t>1918656.0</t>
  </si>
  <si>
    <t>39209.0</t>
  </si>
  <si>
    <t>16779.6</t>
  </si>
  <si>
    <t>323.468229611936</t>
  </si>
  <si>
    <t>1954042.0</t>
  </si>
  <si>
    <t>38902.0</t>
  </si>
  <si>
    <t>1994778.0</t>
  </si>
  <si>
    <t>40736.0</t>
  </si>
  <si>
    <t>2044189.0</t>
  </si>
  <si>
    <t>49411.0</t>
  </si>
  <si>
    <t>2088094.0</t>
  </si>
  <si>
    <t>40.532</t>
  </si>
  <si>
    <t>2134206.0</t>
  </si>
  <si>
    <t>46112.0</t>
  </si>
  <si>
    <t>41.428</t>
  </si>
  <si>
    <t>40947.0</t>
  </si>
  <si>
    <t>2177047.0</t>
  </si>
  <si>
    <t>42841.0</t>
  </si>
  <si>
    <t>42.259</t>
  </si>
  <si>
    <t>41838.0</t>
  </si>
  <si>
    <t>2217559.0</t>
  </si>
  <si>
    <t>40512.0</t>
  </si>
  <si>
    <t>43.046</t>
  </si>
  <si>
    <t>42700.0</t>
  </si>
  <si>
    <t>19755.3</t>
  </si>
  <si>
    <t>380.832196026883</t>
  </si>
  <si>
    <t>2251822.0</t>
  </si>
  <si>
    <t>34263.0</t>
  </si>
  <si>
    <t>43.711</t>
  </si>
  <si>
    <t>42540.0</t>
  </si>
  <si>
    <t>2291190.0</t>
  </si>
  <si>
    <t>39368.0</t>
  </si>
  <si>
    <t>44.475</t>
  </si>
  <si>
    <t>42345.0</t>
  </si>
  <si>
    <t>2329123.0</t>
  </si>
  <si>
    <t>37933.0</t>
  </si>
  <si>
    <t>2366615.0</t>
  </si>
  <si>
    <t>37492.0</t>
  </si>
  <si>
    <t>45.939</t>
  </si>
  <si>
    <t>39789.0</t>
  </si>
  <si>
    <t>2401328.0</t>
  </si>
  <si>
    <t>34713.0</t>
  </si>
  <si>
    <t>46.613</t>
  </si>
  <si>
    <t>2441948.0</t>
  </si>
  <si>
    <t>47.401</t>
  </si>
  <si>
    <t>37843.0</t>
  </si>
  <si>
    <t>2465827.0</t>
  </si>
  <si>
    <t>23879.0</t>
  </si>
  <si>
    <t>47.865</t>
  </si>
  <si>
    <t>35467.0</t>
  </si>
  <si>
    <t>22296.6</t>
  </si>
  <si>
    <t>429.822029629162</t>
  </si>
  <si>
    <t>2500244.0</t>
  </si>
  <si>
    <t>34417.0</t>
  </si>
  <si>
    <t>48.533</t>
  </si>
  <si>
    <t>2537283.0</t>
  </si>
  <si>
    <t>37039.0</t>
  </si>
  <si>
    <t>49.252</t>
  </si>
  <si>
    <t>35156.0</t>
  </si>
  <si>
    <t>2573632.0</t>
  </si>
  <si>
    <t>36349.0</t>
  </si>
  <si>
    <t>49.957</t>
  </si>
  <si>
    <t>2610622.0</t>
  </si>
  <si>
    <t>36990.0</t>
  </si>
  <si>
    <t>50.675</t>
  </si>
  <si>
    <t>2645758.0</t>
  </si>
  <si>
    <t>35136.0</t>
  </si>
  <si>
    <t>51.357</t>
  </si>
  <si>
    <t>34919.0</t>
  </si>
  <si>
    <t>2676156.0</t>
  </si>
  <si>
    <t>30398.0</t>
  </si>
  <si>
    <t>33458.0</t>
  </si>
  <si>
    <t>2706310.0</t>
  </si>
  <si>
    <t>30154.0</t>
  </si>
  <si>
    <t>52.533</t>
  </si>
  <si>
    <t>34355.0</t>
  </si>
  <si>
    <t>24469.7</t>
  </si>
  <si>
    <t>471.713898909103</t>
  </si>
  <si>
    <t>2736862.0</t>
  </si>
  <si>
    <t>30552.0</t>
  </si>
  <si>
    <t>53.126</t>
  </si>
  <si>
    <t>2767368.0</t>
  </si>
  <si>
    <t>30506.0</t>
  </si>
  <si>
    <t>53.718</t>
  </si>
  <si>
    <t>2794196.0</t>
  </si>
  <si>
    <t>54.239</t>
  </si>
  <si>
    <t>2828093.0</t>
  </si>
  <si>
    <t>33897.0</t>
  </si>
  <si>
    <t>54.897</t>
  </si>
  <si>
    <t>2863922.0</t>
  </si>
  <si>
    <t>35829.0</t>
  </si>
  <si>
    <t>55.592</t>
  </si>
  <si>
    <t>31166.0</t>
  </si>
  <si>
    <t>2895932.0</t>
  </si>
  <si>
    <t>56.214</t>
  </si>
  <si>
    <t>31397.0</t>
  </si>
  <si>
    <t>2923466.0</t>
  </si>
  <si>
    <t>27534.0</t>
  </si>
  <si>
    <t>56.748</t>
  </si>
  <si>
    <t>31022.0</t>
  </si>
  <si>
    <t>509.272193013429</t>
  </si>
  <si>
    <t>2953998.0</t>
  </si>
  <si>
    <t>30532.0</t>
  </si>
  <si>
    <t>57.341</t>
  </si>
  <si>
    <t>31019.0</t>
  </si>
  <si>
    <t>2986139.0</t>
  </si>
  <si>
    <t>32141.0</t>
  </si>
  <si>
    <t>57.965</t>
  </si>
  <si>
    <t>31253.0</t>
  </si>
  <si>
    <t>3017853.0</t>
  </si>
  <si>
    <t>31951.0</t>
  </si>
  <si>
    <t>3051748.0</t>
  </si>
  <si>
    <t>33895.0</t>
  </si>
  <si>
    <t>59.238</t>
  </si>
  <si>
    <t>3089503.0</t>
  </si>
  <si>
    <t>37755.0</t>
  </si>
  <si>
    <t>59.971</t>
  </si>
  <si>
    <t>32226.0</t>
  </si>
  <si>
    <t>3121597.0</t>
  </si>
  <si>
    <t>32094.0</t>
  </si>
  <si>
    <t>60.594</t>
  </si>
  <si>
    <t>32238.0</t>
  </si>
  <si>
    <t>3152624.0</t>
  </si>
  <si>
    <t>31027.0</t>
  </si>
  <si>
    <t>61.196</t>
  </si>
  <si>
    <t>32737.0</t>
  </si>
  <si>
    <t>28215.1</t>
  </si>
  <si>
    <t>543.91573370782</t>
  </si>
  <si>
    <t>3179889.0</t>
  </si>
  <si>
    <t>27265.0</t>
  </si>
  <si>
    <t>61.726</t>
  </si>
  <si>
    <t>32270.0</t>
  </si>
  <si>
    <t>3201756.0</t>
  </si>
  <si>
    <t>21867.0</t>
  </si>
  <si>
    <t>30802.0</t>
  </si>
  <si>
    <t>3235593.0</t>
  </si>
  <si>
    <t>33837.0</t>
  </si>
  <si>
    <t>62.807</t>
  </si>
  <si>
    <t>31106.0</t>
  </si>
  <si>
    <t>3286548.0</t>
  </si>
  <si>
    <t>50955.0</t>
  </si>
  <si>
    <t>63.796</t>
  </si>
  <si>
    <t>33543.0</t>
  </si>
  <si>
    <t>3320240.0</t>
  </si>
  <si>
    <t>33692.0</t>
  </si>
  <si>
    <t>32962.0</t>
  </si>
  <si>
    <t>3352438.0</t>
  </si>
  <si>
    <t>32198.0</t>
  </si>
  <si>
    <t>65.075</t>
  </si>
  <si>
    <t>32977.0</t>
  </si>
  <si>
    <t>3381410.0</t>
  </si>
  <si>
    <t>28972.0</t>
  </si>
  <si>
    <t>65.637</t>
  </si>
  <si>
    <t>29814.8</t>
  </si>
  <si>
    <t>574.753901894798</t>
  </si>
  <si>
    <t>3412293.0</t>
  </si>
  <si>
    <t>30883.0</t>
  </si>
  <si>
    <t>66.237</t>
  </si>
  <si>
    <t>3448251.0</t>
  </si>
  <si>
    <t>35958.0</t>
  </si>
  <si>
    <t>66.935</t>
  </si>
  <si>
    <t>35214.0</t>
  </si>
  <si>
    <t>3486572.0</t>
  </si>
  <si>
    <t>38321.0</t>
  </si>
  <si>
    <t>67.679</t>
  </si>
  <si>
    <t>35854.0</t>
  </si>
  <si>
    <t>3521963.0</t>
  </si>
  <si>
    <t>68.366</t>
  </si>
  <si>
    <t>33631.0</t>
  </si>
  <si>
    <t>3558371.0</t>
  </si>
  <si>
    <t>69.072</t>
  </si>
  <si>
    <t>34019.0</t>
  </si>
  <si>
    <t>3592189.0</t>
  </si>
  <si>
    <t>33818.0</t>
  </si>
  <si>
    <t>69.729</t>
  </si>
  <si>
    <t>34250.0</t>
  </si>
  <si>
    <t>3623858.0</t>
  </si>
  <si>
    <t>34635.0</t>
  </si>
  <si>
    <t>31440.7</t>
  </si>
  <si>
    <t>606.097139786407</t>
  </si>
  <si>
    <t>3655039.0</t>
  </si>
  <si>
    <t>31181.0</t>
  </si>
  <si>
    <t>70.949</t>
  </si>
  <si>
    <t>34678.0</t>
  </si>
  <si>
    <t>3689381.0</t>
  </si>
  <si>
    <t>34342.0</t>
  </si>
  <si>
    <t>71.615</t>
  </si>
  <si>
    <t>34447.0</t>
  </si>
  <si>
    <t>3724462.0</t>
  </si>
  <si>
    <t>72.296</t>
  </si>
  <si>
    <t>33984.0</t>
  </si>
  <si>
    <t>3762648.0</t>
  </si>
  <si>
    <t>38186.0</t>
  </si>
  <si>
    <t>73.038</t>
  </si>
  <si>
    <t>34384.0</t>
  </si>
  <si>
    <t>3804786.0</t>
  </si>
  <si>
    <t>73.856</t>
  </si>
  <si>
    <t>35202.0</t>
  </si>
  <si>
    <t>3847411.0</t>
  </si>
  <si>
    <t>42625.0</t>
  </si>
  <si>
    <t>74.683</t>
  </si>
  <si>
    <t>3879746.0</t>
  </si>
  <si>
    <t>75.311</t>
  </si>
  <si>
    <t>36555.0</t>
  </si>
  <si>
    <t>32869.2</t>
  </si>
  <si>
    <t>633.635005170603</t>
  </si>
  <si>
    <t>3915475.0</t>
  </si>
  <si>
    <t>76.004</t>
  </si>
  <si>
    <t>3952825.0</t>
  </si>
  <si>
    <t>37350.0</t>
  </si>
  <si>
    <t>76.729</t>
  </si>
  <si>
    <t>37635.0</t>
  </si>
  <si>
    <t>3990171.0</t>
  </si>
  <si>
    <t>37346.0</t>
  </si>
  <si>
    <t>77.454</t>
  </si>
  <si>
    <t>37958.0</t>
  </si>
  <si>
    <t>4032219.0</t>
  </si>
  <si>
    <t>42048.0</t>
  </si>
  <si>
    <t>4081691.0</t>
  </si>
  <si>
    <t>49472.0</t>
  </si>
  <si>
    <t>79.231</t>
  </si>
  <si>
    <t>4125939.0</t>
  </si>
  <si>
    <t>80.09</t>
  </si>
  <si>
    <t>39790.0</t>
  </si>
  <si>
    <t>4158069.0</t>
  </si>
  <si>
    <t>80.713</t>
  </si>
  <si>
    <t>39760.0</t>
  </si>
  <si>
    <t>34437.7</t>
  </si>
  <si>
    <t>663.871716304737</t>
  </si>
  <si>
    <t>4186359.0</t>
  </si>
  <si>
    <t>28290.0</t>
  </si>
  <si>
    <t>81.262</t>
  </si>
  <si>
    <t>38698.0</t>
  </si>
  <si>
    <t>4218942.0</t>
  </si>
  <si>
    <t>32583.0</t>
  </si>
  <si>
    <t>81.895</t>
  </si>
  <si>
    <t>38017.0</t>
  </si>
  <si>
    <t>4254719.0</t>
  </si>
  <si>
    <t>82.589</t>
  </si>
  <si>
    <t>37793.0</t>
  </si>
  <si>
    <t>4298145.0</t>
  </si>
  <si>
    <t>83.432</t>
  </si>
  <si>
    <t>37989.0</t>
  </si>
  <si>
    <t>4341158.0</t>
  </si>
  <si>
    <t>43013.0</t>
  </si>
  <si>
    <t>84.267</t>
  </si>
  <si>
    <t>37067.0</t>
  </si>
  <si>
    <t>4384959.0</t>
  </si>
  <si>
    <t>85.117</t>
  </si>
  <si>
    <t>4416839.0</t>
  </si>
  <si>
    <t>31880.0</t>
  </si>
  <si>
    <t>85.736</t>
  </si>
  <si>
    <t>36967.0</t>
  </si>
  <si>
    <t>36021.8</t>
  </si>
  <si>
    <t>694.409155965293</t>
  </si>
  <si>
    <t>4450268.0</t>
  </si>
  <si>
    <t>33429.0</t>
  </si>
  <si>
    <t>86.385</t>
  </si>
  <si>
    <t>37701.0</t>
  </si>
  <si>
    <t>4499824.0</t>
  </si>
  <si>
    <t>49556.0</t>
  </si>
  <si>
    <t>87.347</t>
  </si>
  <si>
    <t>40126.0</t>
  </si>
  <si>
    <t>4546888.0</t>
  </si>
  <si>
    <t>47064.0</t>
  </si>
  <si>
    <t>88.261</t>
  </si>
  <si>
    <t>41738.0</t>
  </si>
  <si>
    <t>4598286.0</t>
  </si>
  <si>
    <t>51398.0</t>
  </si>
  <si>
    <t>89.258</t>
  </si>
  <si>
    <t>42877.0</t>
  </si>
  <si>
    <t>4650835.0</t>
  </si>
  <si>
    <t>52549.0</t>
  </si>
  <si>
    <t>90.278</t>
  </si>
  <si>
    <t>44240.0</t>
  </si>
  <si>
    <t>4701071.0</t>
  </si>
  <si>
    <t>50236.0</t>
  </si>
  <si>
    <t>91.254</t>
  </si>
  <si>
    <t>45159.0</t>
  </si>
  <si>
    <t>4733902.0</t>
  </si>
  <si>
    <t>91.891</t>
  </si>
  <si>
    <t>45295.0</t>
  </si>
  <si>
    <t>37807.9</t>
  </si>
  <si>
    <t>39.14</t>
  </si>
  <si>
    <t>728.840644493618</t>
  </si>
  <si>
    <t>4771721.0</t>
  </si>
  <si>
    <t>37819.0</t>
  </si>
  <si>
    <t>92.625</t>
  </si>
  <si>
    <t>45922.0</t>
  </si>
  <si>
    <t>4820035.0</t>
  </si>
  <si>
    <t>48314.0</t>
  </si>
  <si>
    <t>93.563</t>
  </si>
  <si>
    <t>45744.0</t>
  </si>
  <si>
    <t>4869039.0</t>
  </si>
  <si>
    <t>49004.0</t>
  </si>
  <si>
    <t>94.514</t>
  </si>
  <si>
    <t>46022.0</t>
  </si>
  <si>
    <t>4922268.0</t>
  </si>
  <si>
    <t>53229.0</t>
  </si>
  <si>
    <t>95.547</t>
  </si>
  <si>
    <t>4973405.0</t>
  </si>
  <si>
    <t>96.54</t>
  </si>
  <si>
    <t>46081.0</t>
  </si>
  <si>
    <t>5030456.0</t>
  </si>
  <si>
    <t>57051.0</t>
  </si>
  <si>
    <t>97.647</t>
  </si>
  <si>
    <t>47055.0</t>
  </si>
  <si>
    <t>5076031.0</t>
  </si>
  <si>
    <t>98.532</t>
  </si>
  <si>
    <t>48876.0</t>
  </si>
  <si>
    <t>39255.2</t>
  </si>
  <si>
    <t>756.740926307091</t>
  </si>
  <si>
    <t>5106986.0</t>
  </si>
  <si>
    <t>30955.0</t>
  </si>
  <si>
    <t>99.133</t>
  </si>
  <si>
    <t>47895.0</t>
  </si>
  <si>
    <t>5145037.0</t>
  </si>
  <si>
    <t>38051.0</t>
  </si>
  <si>
    <t>99.872</t>
  </si>
  <si>
    <t>5195722.0</t>
  </si>
  <si>
    <t>100.855</t>
  </si>
  <si>
    <t>46669.0</t>
  </si>
  <si>
    <t>5238557.0</t>
  </si>
  <si>
    <t>42835.0</t>
  </si>
  <si>
    <t>101.687</t>
  </si>
  <si>
    <t>45184.0</t>
  </si>
  <si>
    <t>5300983.0</t>
  </si>
  <si>
    <t>62426.0</t>
  </si>
  <si>
    <t>102.899</t>
  </si>
  <si>
    <t>46797.0</t>
  </si>
  <si>
    <t>5349515.0</t>
  </si>
  <si>
    <t>48532.0</t>
  </si>
  <si>
    <t>103.841</t>
  </si>
  <si>
    <t>45580.0</t>
  </si>
  <si>
    <t>5382322.0</t>
  </si>
  <si>
    <t>32807.0</t>
  </si>
  <si>
    <t>104.478</t>
  </si>
  <si>
    <t>43756.0</t>
  </si>
  <si>
    <t>40861.7</t>
  </si>
  <si>
    <t>787.710181287638</t>
  </si>
  <si>
    <t>5430786.0</t>
  </si>
  <si>
    <t>105.418</t>
  </si>
  <si>
    <t>46257.0</t>
  </si>
  <si>
    <t>5480102.0</t>
  </si>
  <si>
    <t>106.376</t>
  </si>
  <si>
    <t>47866.0</t>
  </si>
  <si>
    <t>5528725.0</t>
  </si>
  <si>
    <t>48623.0</t>
  </si>
  <si>
    <t>107.319</t>
  </si>
  <si>
    <t>47572.0</t>
  </si>
  <si>
    <t>5581509.0</t>
  </si>
  <si>
    <t>52784.0</t>
  </si>
  <si>
    <t>108.344</t>
  </si>
  <si>
    <t>5632009.0</t>
  </si>
  <si>
    <t>50500.0</t>
  </si>
  <si>
    <t>5687035.0</t>
  </si>
  <si>
    <t>110.392</t>
  </si>
  <si>
    <t>48217.0</t>
  </si>
  <si>
    <t>5713384.0</t>
  </si>
  <si>
    <t>26349.0</t>
  </si>
  <si>
    <t>110.904</t>
  </si>
  <si>
    <t>42327.8</t>
  </si>
  <si>
    <t>815.972879530388</t>
  </si>
  <si>
    <t>5745252.0</t>
  </si>
  <si>
    <t>31868.0</t>
  </si>
  <si>
    <t>111.522</t>
  </si>
  <si>
    <t>44924.0</t>
  </si>
  <si>
    <t>5783042.0</t>
  </si>
  <si>
    <t>37790.0</t>
  </si>
  <si>
    <t>112.256</t>
  </si>
  <si>
    <t>5834338.0</t>
  </si>
  <si>
    <t>51296.0</t>
  </si>
  <si>
    <t>113.252</t>
  </si>
  <si>
    <t>43659.0</t>
  </si>
  <si>
    <t>5881765.0</t>
  </si>
  <si>
    <t>47427.0</t>
  </si>
  <si>
    <t>114.172</t>
  </si>
  <si>
    <t>42894.0</t>
  </si>
  <si>
    <t>5933218.0</t>
  </si>
  <si>
    <t>51453.0</t>
  </si>
  <si>
    <t>115.171</t>
  </si>
  <si>
    <t>43030.0</t>
  </si>
  <si>
    <t>5988285.0</t>
  </si>
  <si>
    <t>55067.0</t>
  </si>
  <si>
    <t>116.24</t>
  </si>
  <si>
    <t>6021532.0</t>
  </si>
  <si>
    <t>33247.0</t>
  </si>
  <si>
    <t>116.885</t>
  </si>
  <si>
    <t>43875.5</t>
  </si>
  <si>
    <t>19.83</t>
  </si>
  <si>
    <t>845.80861929596</t>
  </si>
  <si>
    <t>6060170.0</t>
  </si>
  <si>
    <t>38638.0</t>
  </si>
  <si>
    <t>117.635</t>
  </si>
  <si>
    <t>6113266.0</t>
  </si>
  <si>
    <t>53096.0</t>
  </si>
  <si>
    <t>118.666</t>
  </si>
  <si>
    <t>47175.0</t>
  </si>
  <si>
    <t>6163386.0</t>
  </si>
  <si>
    <t>50120.0</t>
  </si>
  <si>
    <t>119.639</t>
  </si>
  <si>
    <t>6222433.0</t>
  </si>
  <si>
    <t>59047.0</t>
  </si>
  <si>
    <t>120.785</t>
  </si>
  <si>
    <t>48667.0</t>
  </si>
  <si>
    <t>6273520.0</t>
  </si>
  <si>
    <t>51087.0</t>
  </si>
  <si>
    <t>121.777</t>
  </si>
  <si>
    <t>48615.0</t>
  </si>
  <si>
    <t>6328824.0</t>
  </si>
  <si>
    <t>55304.0</t>
  </si>
  <si>
    <t>122.85</t>
  </si>
  <si>
    <t>6368939.0</t>
  </si>
  <si>
    <t>40115.0</t>
  </si>
  <si>
    <t>123.629</t>
  </si>
  <si>
    <t>45416.0</t>
  </si>
  <si>
    <t>875.505561280107</t>
  </si>
  <si>
    <t>6405449.0</t>
  </si>
  <si>
    <t>36510.0</t>
  </si>
  <si>
    <t>124.338</t>
  </si>
  <si>
    <t>49326.0</t>
  </si>
  <si>
    <t>6455059.0</t>
  </si>
  <si>
    <t>49610.0</t>
  </si>
  <si>
    <t>125.301</t>
  </si>
  <si>
    <t>48828.0</t>
  </si>
  <si>
    <t>6509902.0</t>
  </si>
  <si>
    <t>126.365</t>
  </si>
  <si>
    <t>49502.0</t>
  </si>
  <si>
    <t>6567364.0</t>
  </si>
  <si>
    <t>57462.0</t>
  </si>
  <si>
    <t>127.481</t>
  </si>
  <si>
    <t>49276.0</t>
  </si>
  <si>
    <t>6624164.0</t>
  </si>
  <si>
    <t>56800.0</t>
  </si>
  <si>
    <t>128.583</t>
  </si>
  <si>
    <t>50092.0</t>
  </si>
  <si>
    <t>6676827.0</t>
  </si>
  <si>
    <t>129.605</t>
  </si>
  <si>
    <t>49715.0</t>
  </si>
  <si>
    <t>6712172.0</t>
  </si>
  <si>
    <t>130.292</t>
  </si>
  <si>
    <t>49033.0</t>
  </si>
  <si>
    <t>46758.5</t>
  </si>
  <si>
    <t>901.385564275055</t>
  </si>
  <si>
    <t>6749188.0</t>
  </si>
  <si>
    <t>37016.0</t>
  </si>
  <si>
    <t>131.01</t>
  </si>
  <si>
    <t>6788714.0</t>
  </si>
  <si>
    <t>39526.0</t>
  </si>
  <si>
    <t>131.777</t>
  </si>
  <si>
    <t>47665.0</t>
  </si>
  <si>
    <t>6828810.0</t>
  </si>
  <si>
    <t>40096.0</t>
  </si>
  <si>
    <t>132.556</t>
  </si>
  <si>
    <t>45558.0</t>
  </si>
  <si>
    <t>6889082.0</t>
  </si>
  <si>
    <t>60272.0</t>
  </si>
  <si>
    <t>133.726</t>
  </si>
  <si>
    <t>45960.0</t>
  </si>
  <si>
    <t>6942022.0</t>
  </si>
  <si>
    <t>134.753</t>
  </si>
  <si>
    <t>45408.0</t>
  </si>
  <si>
    <t>7002361.0</t>
  </si>
  <si>
    <t>135.924</t>
  </si>
  <si>
    <t>46505.0</t>
  </si>
  <si>
    <t>7042360.0</t>
  </si>
  <si>
    <t>39999.0</t>
  </si>
  <si>
    <t>136.701</t>
  </si>
  <si>
    <t>47170.0</t>
  </si>
  <si>
    <t>935.574156685885</t>
  </si>
  <si>
    <t>7095549.0</t>
  </si>
  <si>
    <t>137.733</t>
  </si>
  <si>
    <t>49480.0</t>
  </si>
  <si>
    <t>7159016.0</t>
  </si>
  <si>
    <t>138.965</t>
  </si>
  <si>
    <t>52900.0</t>
  </si>
  <si>
    <t>7219457.0</t>
  </si>
  <si>
    <t>60441.0</t>
  </si>
  <si>
    <t>140.139</t>
  </si>
  <si>
    <t>55807.0</t>
  </si>
  <si>
    <t>7283155.0</t>
  </si>
  <si>
    <t>141.375</t>
  </si>
  <si>
    <t>56296.0</t>
  </si>
  <si>
    <t>7358160.0</t>
  </si>
  <si>
    <t>75005.0</t>
  </si>
  <si>
    <t>142.831</t>
  </si>
  <si>
    <t>59448.0</t>
  </si>
  <si>
    <t>7420821.0</t>
  </si>
  <si>
    <t>62661.0</t>
  </si>
  <si>
    <t>7464199.0</t>
  </si>
  <si>
    <t>43378.0</t>
  </si>
  <si>
    <t>144.889</t>
  </si>
  <si>
    <t>60263.0</t>
  </si>
  <si>
    <t>50322.7</t>
  </si>
  <si>
    <t>970.094321574565</t>
  </si>
  <si>
    <t>7511550.0</t>
  </si>
  <si>
    <t>47351.0</t>
  </si>
  <si>
    <t>145.808</t>
  </si>
  <si>
    <t>7573209.0</t>
  </si>
  <si>
    <t>61659.0</t>
  </si>
  <si>
    <t>147.005</t>
  </si>
  <si>
    <t>59170.0</t>
  </si>
  <si>
    <t>7652993.0</t>
  </si>
  <si>
    <t>79784.0</t>
  </si>
  <si>
    <t>148.554</t>
  </si>
  <si>
    <t>61934.0</t>
  </si>
  <si>
    <t>7727149.0</t>
  </si>
  <si>
    <t>74156.0</t>
  </si>
  <si>
    <t>149.993</t>
  </si>
  <si>
    <t>63428.0</t>
  </si>
  <si>
    <t>7773672.0</t>
  </si>
  <si>
    <t>46523.0</t>
  </si>
  <si>
    <t>150.897</t>
  </si>
  <si>
    <t>59359.0</t>
  </si>
  <si>
    <t>7805887.0</t>
  </si>
  <si>
    <t>32215.0</t>
  </si>
  <si>
    <t>151.522</t>
  </si>
  <si>
    <t>55009.0</t>
  </si>
  <si>
    <t>7845374.0</t>
  </si>
  <si>
    <t>39487.0</t>
  </si>
  <si>
    <t>152.288</t>
  </si>
  <si>
    <t>54454.0</t>
  </si>
  <si>
    <t>52464.4</t>
  </si>
  <si>
    <t>1011.38087830773</t>
  </si>
  <si>
    <t>7883603.0</t>
  </si>
  <si>
    <t>38229.0</t>
  </si>
  <si>
    <t>153.03</t>
  </si>
  <si>
    <t>53150.0</t>
  </si>
  <si>
    <t>7953091.0</t>
  </si>
  <si>
    <t>69488.0</t>
  </si>
  <si>
    <t>154.379</t>
  </si>
  <si>
    <t>8021229.0</t>
  </si>
  <si>
    <t>68138.0</t>
  </si>
  <si>
    <t>155.702</t>
  </si>
  <si>
    <t>52605.0</t>
  </si>
  <si>
    <t>8104617.0</t>
  </si>
  <si>
    <t>83388.0</t>
  </si>
  <si>
    <t>157.321</t>
  </si>
  <si>
    <t>8143559.0</t>
  </si>
  <si>
    <t>38942.0</t>
  </si>
  <si>
    <t>158.077</t>
  </si>
  <si>
    <t>52841.0</t>
  </si>
  <si>
    <t>8174365.0</t>
  </si>
  <si>
    <t>158.675</t>
  </si>
  <si>
    <t>52640.0</t>
  </si>
  <si>
    <t>8208222.0</t>
  </si>
  <si>
    <t>33857.0</t>
  </si>
  <si>
    <t>159.332</t>
  </si>
  <si>
    <t>51835.0</t>
  </si>
  <si>
    <t>55250.1</t>
  </si>
  <si>
    <t>1065.08212549062</t>
  </si>
  <si>
    <t>8256406.0</t>
  </si>
  <si>
    <t>160.267</t>
  </si>
  <si>
    <t>53258.0</t>
  </si>
  <si>
    <t>8322055.0</t>
  </si>
  <si>
    <t>65649.0</t>
  </si>
  <si>
    <t>161.541</t>
  </si>
  <si>
    <t>52709.0</t>
  </si>
  <si>
    <t>8389163.0</t>
  </si>
  <si>
    <t>67108.0</t>
  </si>
  <si>
    <t>162.844</t>
  </si>
  <si>
    <t>52562.0</t>
  </si>
  <si>
    <t>8457510.0</t>
  </si>
  <si>
    <t>68347.0</t>
  </si>
  <si>
    <t>164.171</t>
  </si>
  <si>
    <t>8524185.0</t>
  </si>
  <si>
    <t>165.465</t>
  </si>
  <si>
    <t>54375.0</t>
  </si>
  <si>
    <t>8594275.0</t>
  </si>
  <si>
    <t>70090.0</t>
  </si>
  <si>
    <t>166.825</t>
  </si>
  <si>
    <t>8649842.0</t>
  </si>
  <si>
    <t>55567.0</t>
  </si>
  <si>
    <t>58083.0</t>
  </si>
  <si>
    <t>22.67</t>
  </si>
  <si>
    <t>1119.69326924063</t>
  </si>
  <si>
    <t>8692928.0</t>
  </si>
  <si>
    <t>168.74</t>
  </si>
  <si>
    <t>62360.0</t>
  </si>
  <si>
    <t>8736342.0</t>
  </si>
  <si>
    <t>43414.0</t>
  </si>
  <si>
    <t>169.583</t>
  </si>
  <si>
    <t>59184.0</t>
  </si>
  <si>
    <t>8794450.0</t>
  </si>
  <si>
    <t>58108.0</t>
  </si>
  <si>
    <t>170.711</t>
  </si>
  <si>
    <t>8887583.0</t>
  </si>
  <si>
    <t>172.519</t>
  </si>
  <si>
    <t>61439.0</t>
  </si>
  <si>
    <t>8974305.0</t>
  </si>
  <si>
    <t>86722.0</t>
  </si>
  <si>
    <t>174.202</t>
  </si>
  <si>
    <t>64303.0</t>
  </si>
  <si>
    <t>9044950.0</t>
  </si>
  <si>
    <t>70645.0</t>
  </si>
  <si>
    <t>175.574</t>
  </si>
  <si>
    <t>9096536.0</t>
  </si>
  <si>
    <t>51586.0</t>
  </si>
  <si>
    <t>176.575</t>
  </si>
  <si>
    <t>63813.0</t>
  </si>
  <si>
    <t>61615.7</t>
  </si>
  <si>
    <t>1187.7947862464</t>
  </si>
  <si>
    <t>9154327.0</t>
  </si>
  <si>
    <t>177.697</t>
  </si>
  <si>
    <t>65914.0</t>
  </si>
  <si>
    <t>9229974.0</t>
  </si>
  <si>
    <t>75647.0</t>
  </si>
  <si>
    <t>179.165</t>
  </si>
  <si>
    <t>70519.0</t>
  </si>
  <si>
    <t>9306456.0</t>
  </si>
  <si>
    <t>180.65</t>
  </si>
  <si>
    <t>73144.0</t>
  </si>
  <si>
    <t>9385105.0</t>
  </si>
  <si>
    <t>182.176</t>
  </si>
  <si>
    <t>71075.0</t>
  </si>
  <si>
    <t>9470457.0</t>
  </si>
  <si>
    <t>85352.0</t>
  </si>
  <si>
    <t>183.833</t>
  </si>
  <si>
    <t>70879.0</t>
  </si>
  <si>
    <t>9540474.0</t>
  </si>
  <si>
    <t>70017.0</t>
  </si>
  <si>
    <t>185.192</t>
  </si>
  <si>
    <t>70789.0</t>
  </si>
  <si>
    <t>9591736.0</t>
  </si>
  <si>
    <t>51262.0</t>
  </si>
  <si>
    <t>186.187</t>
  </si>
  <si>
    <t>70743.0</t>
  </si>
  <si>
    <t>65166.4</t>
  </si>
  <si>
    <t>1256.24329770574</t>
  </si>
  <si>
    <t>9651382.0</t>
  </si>
  <si>
    <t>59646.0</t>
  </si>
  <si>
    <t>187.345</t>
  </si>
  <si>
    <t>71008.0</t>
  </si>
  <si>
    <t>9720861.0</t>
  </si>
  <si>
    <t>69479.0</t>
  </si>
  <si>
    <t>188.694</t>
  </si>
  <si>
    <t>70127.0</t>
  </si>
  <si>
    <t>9794682.0</t>
  </si>
  <si>
    <t>73821.0</t>
  </si>
  <si>
    <t>190.127</t>
  </si>
  <si>
    <t>69747.0</t>
  </si>
  <si>
    <t>9867279.0</t>
  </si>
  <si>
    <t>72597.0</t>
  </si>
  <si>
    <t>191.536</t>
  </si>
  <si>
    <t>68882.0</t>
  </si>
  <si>
    <t>9935192.0</t>
  </si>
  <si>
    <t>67913.0</t>
  </si>
  <si>
    <t>192.854</t>
  </si>
  <si>
    <t>66391.0</t>
  </si>
  <si>
    <t>10000753.0</t>
  </si>
  <si>
    <t>65561.0</t>
  </si>
  <si>
    <t>194.127</t>
  </si>
  <si>
    <t>10057494.0</t>
  </si>
  <si>
    <t>56741.0</t>
  </si>
  <si>
    <t>195.228</t>
  </si>
  <si>
    <t>66537.0</t>
  </si>
  <si>
    <t>68030.7</t>
  </si>
  <si>
    <t>1311.45975400252</t>
  </si>
  <si>
    <t>10115267.0</t>
  </si>
  <si>
    <t>57773.0</t>
  </si>
  <si>
    <t>66269.0</t>
  </si>
  <si>
    <t>10176345.0</t>
  </si>
  <si>
    <t>61078.0</t>
  </si>
  <si>
    <t>197.535</t>
  </si>
  <si>
    <t>65069.0</t>
  </si>
  <si>
    <t>10238906.0</t>
  </si>
  <si>
    <t>62561.0</t>
  </si>
  <si>
    <t>198.75</t>
  </si>
  <si>
    <t>63461.0</t>
  </si>
  <si>
    <t>10311358.0</t>
  </si>
  <si>
    <t>10375811.0</t>
  </si>
  <si>
    <t>64453.0</t>
  </si>
  <si>
    <t>201.407</t>
  </si>
  <si>
    <t>62946.0</t>
  </si>
  <si>
    <t>10430575.0</t>
  </si>
  <si>
    <t>54764.0</t>
  </si>
  <si>
    <t>202.47</t>
  </si>
  <si>
    <t>61403.0</t>
  </si>
  <si>
    <t>10468478.0</t>
  </si>
  <si>
    <t>203.206</t>
  </si>
  <si>
    <t>58712.0</t>
  </si>
  <si>
    <t>70354.8</t>
  </si>
  <si>
    <t>1356.26252119847</t>
  </si>
  <si>
    <t>10519210.0</t>
  </si>
  <si>
    <t>50732.0</t>
  </si>
  <si>
    <t>204.191</t>
  </si>
  <si>
    <t>57706.0</t>
  </si>
  <si>
    <t>10566818.0</t>
  </si>
  <si>
    <t>47608.0</t>
  </si>
  <si>
    <t>205.115</t>
  </si>
  <si>
    <t>55782.0</t>
  </si>
  <si>
    <t>10620148.0</t>
  </si>
  <si>
    <t>53330.0</t>
  </si>
  <si>
    <t>54463.0</t>
  </si>
  <si>
    <t>10681246.0</t>
  </si>
  <si>
    <t>61098.0</t>
  </si>
  <si>
    <t>207.336</t>
  </si>
  <si>
    <t>10735182.0</t>
  </si>
  <si>
    <t>53936.0</t>
  </si>
  <si>
    <t>208.383</t>
  </si>
  <si>
    <t>51339.0</t>
  </si>
  <si>
    <t>10777897.0</t>
  </si>
  <si>
    <t>42715.0</t>
  </si>
  <si>
    <t>209.212</t>
  </si>
  <si>
    <t>49617.0</t>
  </si>
  <si>
    <t>10812043.0</t>
  </si>
  <si>
    <t>34146.0</t>
  </si>
  <si>
    <t>209.875</t>
  </si>
  <si>
    <t>49081.0</t>
  </si>
  <si>
    <t>72032.3</t>
  </si>
  <si>
    <t>1388.60047652363</t>
  </si>
  <si>
    <t>10852178.0</t>
  </si>
  <si>
    <t>40135.0</t>
  </si>
  <si>
    <t>210.654</t>
  </si>
  <si>
    <t>47567.0</t>
  </si>
  <si>
    <t>10902549.0</t>
  </si>
  <si>
    <t>211.632</t>
  </si>
  <si>
    <t>47962.0</t>
  </si>
  <si>
    <t>10951888.0</t>
  </si>
  <si>
    <t>10998131.0</t>
  </si>
  <si>
    <t>46243.0</t>
  </si>
  <si>
    <t>213.487</t>
  </si>
  <si>
    <t>45269.0</t>
  </si>
  <si>
    <t>11048103.0</t>
  </si>
  <si>
    <t>49972.0</t>
  </si>
  <si>
    <t>44703.0</t>
  </si>
  <si>
    <t>11372.0</t>
  </si>
  <si>
    <t>11094314.0</t>
  </si>
  <si>
    <t>46211.0</t>
  </si>
  <si>
    <t>215.354</t>
  </si>
  <si>
    <t>33140.0</t>
  </si>
  <si>
    <t>11142831.0</t>
  </si>
  <si>
    <t>216.296</t>
  </si>
  <si>
    <t>47255.0</t>
  </si>
  <si>
    <t>39827.0</t>
  </si>
  <si>
    <t>6687.0</t>
  </si>
  <si>
    <t>73326.0</t>
  </si>
  <si>
    <t>1413.53973900002</t>
  </si>
  <si>
    <t>11180513.0</t>
  </si>
  <si>
    <t>37682.0</t>
  </si>
  <si>
    <t>217.028</t>
  </si>
  <si>
    <t>46905.0</t>
  </si>
  <si>
    <t>45166.0</t>
  </si>
  <si>
    <t>11222217.0</t>
  </si>
  <si>
    <t>217.837</t>
  </si>
  <si>
    <t>45667.0</t>
  </si>
  <si>
    <t>48150.0</t>
  </si>
  <si>
    <t>11266013.0</t>
  </si>
  <si>
    <t>43796.0</t>
  </si>
  <si>
    <t>44875.0</t>
  </si>
  <si>
    <t>11306422.0</t>
  </si>
  <si>
    <t>40409.0</t>
  </si>
  <si>
    <t>219.472</t>
  </si>
  <si>
    <t>66157.0</t>
  </si>
  <si>
    <t>15633.0</t>
  </si>
  <si>
    <t>11348446.0</t>
  </si>
  <si>
    <t>220.287</t>
  </si>
  <si>
    <t>42906.0</t>
  </si>
  <si>
    <t>81333.0</t>
  </si>
  <si>
    <t>11391151.0</t>
  </si>
  <si>
    <t>42705.0</t>
  </si>
  <si>
    <t>221.116</t>
  </si>
  <si>
    <t>114042.0</t>
  </si>
  <si>
    <t>32709.0</t>
  </si>
  <si>
    <t>11422582.0</t>
  </si>
  <si>
    <t>31431.0</t>
  </si>
  <si>
    <t>221.726</t>
  </si>
  <si>
    <t>39964.0</t>
  </si>
  <si>
    <t>12964.0</t>
  </si>
  <si>
    <t>74275.1</t>
  </si>
  <si>
    <t>1431.83598543764</t>
  </si>
  <si>
    <t>11454722.0</t>
  </si>
  <si>
    <t>32140.0</t>
  </si>
  <si>
    <t>222.35</t>
  </si>
  <si>
    <t>149133.0</t>
  </si>
  <si>
    <t>11492372.0</t>
  </si>
  <si>
    <t>37650.0</t>
  </si>
  <si>
    <t>223.081</t>
  </si>
  <si>
    <t>38594.0</t>
  </si>
  <si>
    <t>169619.0</t>
  </si>
  <si>
    <t>11532349.0</t>
  </si>
  <si>
    <t>223.857</t>
  </si>
  <si>
    <t>38048.0</t>
  </si>
  <si>
    <t>191480.0</t>
  </si>
  <si>
    <t>21861.0</t>
  </si>
  <si>
    <t>20137.0</t>
  </si>
  <si>
    <t>11577615.0</t>
  </si>
  <si>
    <t>45266.0</t>
  </si>
  <si>
    <t>224.736</t>
  </si>
  <si>
    <t>206475.0</t>
  </si>
  <si>
    <t>14995.0</t>
  </si>
  <si>
    <t>11618498.0</t>
  </si>
  <si>
    <t>40883.0</t>
  </si>
  <si>
    <t>225.529</t>
  </si>
  <si>
    <t>38579.0</t>
  </si>
  <si>
    <t>239851.0</t>
  </si>
  <si>
    <t>33376.0</t>
  </si>
  <si>
    <t>22645.0</t>
  </si>
  <si>
    <t>11659216.0</t>
  </si>
  <si>
    <t>226.32</t>
  </si>
  <si>
    <t>38295.0</t>
  </si>
  <si>
    <t>30560.0</t>
  </si>
  <si>
    <t>22338.0</t>
  </si>
  <si>
    <t>11680862.0</t>
  </si>
  <si>
    <t>21646.0</t>
  </si>
  <si>
    <t>226.74</t>
  </si>
  <si>
    <t>36897.0</t>
  </si>
  <si>
    <t>299400.0</t>
  </si>
  <si>
    <t>28989.0</t>
  </si>
  <si>
    <t>75191.0</t>
  </si>
  <si>
    <t>1449.49221988314</t>
  </si>
  <si>
    <t>11712220.0</t>
  </si>
  <si>
    <t>227.349</t>
  </si>
  <si>
    <t>36785.0</t>
  </si>
  <si>
    <t>316079.0</t>
  </si>
  <si>
    <t>16679.0</t>
  </si>
  <si>
    <t>11747474.0</t>
  </si>
  <si>
    <t>35254.0</t>
  </si>
  <si>
    <t>228.033</t>
  </si>
  <si>
    <t>403095.0</t>
  </si>
  <si>
    <t>87016.0</t>
  </si>
  <si>
    <t>33354.0</t>
  </si>
  <si>
    <t>11782943.0</t>
  </si>
  <si>
    <t>35469.0</t>
  </si>
  <si>
    <t>228.721</t>
  </si>
  <si>
    <t>480250.0</t>
  </si>
  <si>
    <t>77155.0</t>
  </si>
  <si>
    <t>41253.0</t>
  </si>
  <si>
    <t>11833612.0</t>
  </si>
  <si>
    <t>50669.0</t>
  </si>
  <si>
    <t>229.705</t>
  </si>
  <si>
    <t>36571.0</t>
  </si>
  <si>
    <t>589208.0</t>
  </si>
  <si>
    <t>108958.0</t>
  </si>
  <si>
    <t>54676.0</t>
  </si>
  <si>
    <t>11881588.0</t>
  </si>
  <si>
    <t>47976.0</t>
  </si>
  <si>
    <t>230.636</t>
  </si>
  <si>
    <t>37584.0</t>
  </si>
  <si>
    <t>693490.0</t>
  </si>
  <si>
    <t>104282.0</t>
  </si>
  <si>
    <t>64806.0</t>
  </si>
  <si>
    <t>11922524.0</t>
  </si>
  <si>
    <t>231.431</t>
  </si>
  <si>
    <t>37615.0</t>
  </si>
  <si>
    <t>782301.0</t>
  </si>
  <si>
    <t>749059.0</t>
  </si>
  <si>
    <t>33242.0</t>
  </si>
  <si>
    <t>88811.0</t>
  </si>
  <si>
    <t>73127.0</t>
  </si>
  <si>
    <t>11952837.0</t>
  </si>
  <si>
    <t>232.019</t>
  </si>
  <si>
    <t>843204.0</t>
  </si>
  <si>
    <t>803656.0</t>
  </si>
  <si>
    <t>39548.0</t>
  </si>
  <si>
    <t>60903.0</t>
  </si>
  <si>
    <t>75810.3</t>
  </si>
  <si>
    <t>1461.43075683269</t>
  </si>
  <si>
    <t>11983805.0</t>
  </si>
  <si>
    <t>913961.0</t>
  </si>
  <si>
    <t>868994.0</t>
  </si>
  <si>
    <t>70757.0</t>
  </si>
  <si>
    <t>85412.0</t>
  </si>
  <si>
    <t>59968.0</t>
  </si>
  <si>
    <t>12025525.0</t>
  </si>
  <si>
    <t>41720.0</t>
  </si>
  <si>
    <t>233.43</t>
  </si>
  <si>
    <t>39722.0</t>
  </si>
  <si>
    <t>976137.0</t>
  </si>
  <si>
    <t>928927.0</t>
  </si>
  <si>
    <t>81863.0</t>
  </si>
  <si>
    <t>59956.0</t>
  </si>
  <si>
    <t>12059588.0</t>
  </si>
  <si>
    <t>34063.0</t>
  </si>
  <si>
    <t>234.091</t>
  </si>
  <si>
    <t>39521.0</t>
  </si>
  <si>
    <t>1024358.0</t>
  </si>
  <si>
    <t>971240.0</t>
  </si>
  <si>
    <t>53118.0</t>
  </si>
  <si>
    <t>48221.0</t>
  </si>
  <si>
    <t>77730.0</t>
  </si>
  <si>
    <t>55545.0</t>
  </si>
  <si>
    <t>12105604.0</t>
  </si>
  <si>
    <t>234.985</t>
  </si>
  <si>
    <t>38856.0</t>
  </si>
  <si>
    <t>1076496.0</t>
  </si>
  <si>
    <t>1022604.0</t>
  </si>
  <si>
    <t>53892.0</t>
  </si>
  <si>
    <t>52138.0</t>
  </si>
  <si>
    <t>69613.0</t>
  </si>
  <si>
    <t>12149590.0</t>
  </si>
  <si>
    <t>43986.0</t>
  </si>
  <si>
    <t>235.839</t>
  </si>
  <si>
    <t>38286.0</t>
  </si>
  <si>
    <t>1131999.0</t>
  </si>
  <si>
    <t>1077837.0</t>
  </si>
  <si>
    <t>54162.0</t>
  </si>
  <si>
    <t>62644.0</t>
  </si>
  <si>
    <t>12210290.0</t>
  </si>
  <si>
    <t>237.017</t>
  </si>
  <si>
    <t>41109.0</t>
  </si>
  <si>
    <t>1182098.0</t>
  </si>
  <si>
    <t>1127570.0</t>
  </si>
  <si>
    <t>50099.0</t>
  </si>
  <si>
    <t>54073.0</t>
  </si>
  <si>
    <t>12249183.0</t>
  </si>
  <si>
    <t>38893.0</t>
  </si>
  <si>
    <t>237.772</t>
  </si>
  <si>
    <t>42335.0</t>
  </si>
  <si>
    <t>1215008.0</t>
  </si>
  <si>
    <t>1157159.0</t>
  </si>
  <si>
    <t>57849.0</t>
  </si>
  <si>
    <t>32910.0</t>
  </si>
  <si>
    <t>53115.0</t>
  </si>
  <si>
    <t>76678.0</t>
  </si>
  <si>
    <t>1478.15781724141</t>
  </si>
  <si>
    <t>12277309.0</t>
  </si>
  <si>
    <t>28126.0</t>
  </si>
  <si>
    <t>238.318</t>
  </si>
  <si>
    <t>1238259.0</t>
  </si>
  <si>
    <t>1177935.0</t>
  </si>
  <si>
    <t>60324.0</t>
  </si>
  <si>
    <t>23251.0</t>
  </si>
  <si>
    <t>46328.0</t>
  </si>
  <si>
    <t>12305901.0</t>
  </si>
  <si>
    <t>28592.0</t>
  </si>
  <si>
    <t>238.873</t>
  </si>
  <si>
    <t>1299809.0</t>
  </si>
  <si>
    <t>1236980.0</t>
  </si>
  <si>
    <t>62829.0</t>
  </si>
  <si>
    <t>46239.0</t>
  </si>
  <si>
    <t>12349517.0</t>
  </si>
  <si>
    <t>43616.0</t>
  </si>
  <si>
    <t>239.719</t>
  </si>
  <si>
    <t>41418.0</t>
  </si>
  <si>
    <t>1385503.0</t>
  </si>
  <si>
    <t>1311229.0</t>
  </si>
  <si>
    <t>74274.0</t>
  </si>
  <si>
    <t>85694.0</t>
  </si>
  <si>
    <t>12401610.0</t>
  </si>
  <si>
    <t>52093.0</t>
  </si>
  <si>
    <t>240.731</t>
  </si>
  <si>
    <t>1476364.0</t>
  </si>
  <si>
    <t>1359247.0</t>
  </si>
  <si>
    <t>117117.0</t>
  </si>
  <si>
    <t>90861.0</t>
  </si>
  <si>
    <t>57124.0</t>
  </si>
  <si>
    <t>48092.0</t>
  </si>
  <si>
    <t>12448098.0</t>
  </si>
  <si>
    <t>46488.0</t>
  </si>
  <si>
    <t>241.633</t>
  </si>
  <si>
    <t>1596288.0</t>
  </si>
  <si>
    <t>1448180.0</t>
  </si>
  <si>
    <t>148108.0</t>
  </si>
  <si>
    <t>119924.0</t>
  </si>
  <si>
    <t>66327.0</t>
  </si>
  <si>
    <t>52906.0</t>
  </si>
  <si>
    <t>12504795.0</t>
  </si>
  <si>
    <t>242.733</t>
  </si>
  <si>
    <t>1726924.0</t>
  </si>
  <si>
    <t>1550856.0</t>
  </si>
  <si>
    <t>176068.0</t>
  </si>
  <si>
    <t>130636.0</t>
  </si>
  <si>
    <t>60469.0</t>
  </si>
  <si>
    <t>12549134.0</t>
  </si>
  <si>
    <t>44339.0</t>
  </si>
  <si>
    <t>243.594</t>
  </si>
  <si>
    <t>1818861.0</t>
  </si>
  <si>
    <t>1624565.0</t>
  </si>
  <si>
    <t>194296.0</t>
  </si>
  <si>
    <t>86265.0</t>
  </si>
  <si>
    <t>66772.0</t>
  </si>
  <si>
    <t>77961.3</t>
  </si>
  <si>
    <t>27.12</t>
  </si>
  <si>
    <t>1502.89659403353</t>
  </si>
  <si>
    <t>12592062.0</t>
  </si>
  <si>
    <t>244.427</t>
  </si>
  <si>
    <t>44965.0</t>
  </si>
  <si>
    <t>1965054.0</t>
  </si>
  <si>
    <t>1736568.0</t>
  </si>
  <si>
    <t>228486.0</t>
  </si>
  <si>
    <t>146193.0</t>
  </si>
  <si>
    <t>103828.0</t>
  </si>
  <si>
    <t>79805.0</t>
  </si>
  <si>
    <t>12639232.0</t>
  </si>
  <si>
    <t>245.343</t>
  </si>
  <si>
    <t>47619.0</t>
  </si>
  <si>
    <t>2121530.0</t>
  </si>
  <si>
    <t>1858823.0</t>
  </si>
  <si>
    <t>262707.0</t>
  </si>
  <si>
    <t>156476.0</t>
  </si>
  <si>
    <t>117389.0</t>
  </si>
  <si>
    <t>88835.0</t>
  </si>
  <si>
    <t>12694994.0</t>
  </si>
  <si>
    <t>55762.0</t>
  </si>
  <si>
    <t>246.425</t>
  </si>
  <si>
    <t>49354.0</t>
  </si>
  <si>
    <t>2243392.0</t>
  </si>
  <si>
    <t>1957325.0</t>
  </si>
  <si>
    <t>286067.0</t>
  </si>
  <si>
    <t>121862.0</t>
  </si>
  <si>
    <t>122556.0</t>
  </si>
  <si>
    <t>92299.0</t>
  </si>
  <si>
    <t>12752612.0</t>
  </si>
  <si>
    <t>57618.0</t>
  </si>
  <si>
    <t>247.544</t>
  </si>
  <si>
    <t>50143.0</t>
  </si>
  <si>
    <t>2300890.0</t>
  </si>
  <si>
    <t>1965935.0</t>
  </si>
  <si>
    <t>334955.0</t>
  </si>
  <si>
    <t>117789.0</t>
  </si>
  <si>
    <t>86670.0</t>
  </si>
  <si>
    <t>12795981.0</t>
  </si>
  <si>
    <t>248.386</t>
  </si>
  <si>
    <t>49698.0</t>
  </si>
  <si>
    <t>2336144.0</t>
  </si>
  <si>
    <t>1971891.0</t>
  </si>
  <si>
    <t>364253.0</t>
  </si>
  <si>
    <t>105694.0</t>
  </si>
  <si>
    <t>74816.0</t>
  </si>
  <si>
    <t>12832239.0</t>
  </si>
  <si>
    <t>36258.0</t>
  </si>
  <si>
    <t>249.09</t>
  </si>
  <si>
    <t>46778.0</t>
  </si>
  <si>
    <t>2381049.0</t>
  </si>
  <si>
    <t>1989856.0</t>
  </si>
  <si>
    <t>391193.0</t>
  </si>
  <si>
    <t>44905.0</t>
  </si>
  <si>
    <t>93446.0</t>
  </si>
  <si>
    <t>62714.0</t>
  </si>
  <si>
    <t>12864840.0</t>
  </si>
  <si>
    <t>32601.0</t>
  </si>
  <si>
    <t>249.722</t>
  </si>
  <si>
    <t>45101.0</t>
  </si>
  <si>
    <t>2408085.0</t>
  </si>
  <si>
    <t>2005885.0</t>
  </si>
  <si>
    <t>402200.0</t>
  </si>
  <si>
    <t>27036.0</t>
  </si>
  <si>
    <t>84175.0</t>
  </si>
  <si>
    <t>54474.0</t>
  </si>
  <si>
    <t>79771.2</t>
  </si>
  <si>
    <t>1537.78688633934</t>
  </si>
  <si>
    <t>12907039.0</t>
  </si>
  <si>
    <t>250.542</t>
  </si>
  <si>
    <t>2479671.0</t>
  </si>
  <si>
    <t>2056135.0</t>
  </si>
  <si>
    <t>423536.0</t>
  </si>
  <si>
    <t>71586.0</t>
  </si>
  <si>
    <t>73517.0</t>
  </si>
  <si>
    <t>45652.0</t>
  </si>
  <si>
    <t>12951264.0</t>
  </si>
  <si>
    <t>44225.0</t>
  </si>
  <si>
    <t>251.4</t>
  </si>
  <si>
    <t>44576.0</t>
  </si>
  <si>
    <t>66295.0</t>
  </si>
  <si>
    <t>34819.0</t>
  </si>
  <si>
    <t>13004111.0</t>
  </si>
  <si>
    <t>252.426</t>
  </si>
  <si>
    <t>44160.0</t>
  </si>
  <si>
    <t>2691513.0</t>
  </si>
  <si>
    <t>2148976.0</t>
  </si>
  <si>
    <t>542537.0</t>
  </si>
  <si>
    <t>64017.0</t>
  </si>
  <si>
    <t>13071291.0</t>
  </si>
  <si>
    <t>67180.0</t>
  </si>
  <si>
    <t>253.73</t>
  </si>
  <si>
    <t>45526.0</t>
  </si>
  <si>
    <t>2812828.0</t>
  </si>
  <si>
    <t>2172751.0</t>
  </si>
  <si>
    <t>640077.0</t>
  </si>
  <si>
    <t>121315.0</t>
  </si>
  <si>
    <t>29545.0</t>
  </si>
  <si>
    <t>13136261.0</t>
  </si>
  <si>
    <t>64970.0</t>
  </si>
  <si>
    <t>254.991</t>
  </si>
  <si>
    <t>48611.0</t>
  </si>
  <si>
    <t>2946222.0</t>
  </si>
  <si>
    <t>2201956.0</t>
  </si>
  <si>
    <t>744266.0</t>
  </si>
  <si>
    <t>133394.0</t>
  </si>
  <si>
    <t>87154.0</t>
  </si>
  <si>
    <t>32866.0</t>
  </si>
  <si>
    <t>13207822.0</t>
  </si>
  <si>
    <t>71561.0</t>
  </si>
  <si>
    <t>256.38</t>
  </si>
  <si>
    <t>53655.0</t>
  </si>
  <si>
    <t>3041349.0</t>
  </si>
  <si>
    <t>2232564.0</t>
  </si>
  <si>
    <t>808785.0</t>
  </si>
  <si>
    <t>94329.0</t>
  </si>
  <si>
    <t>34673.0</t>
  </si>
  <si>
    <t>13275768.0</t>
  </si>
  <si>
    <t>67946.0</t>
  </si>
  <si>
    <t>257.699</t>
  </si>
  <si>
    <t>58704.0</t>
  </si>
  <si>
    <t>99912.0</t>
  </si>
  <si>
    <t>34259.0</t>
  </si>
  <si>
    <t>82331.3</t>
  </si>
  <si>
    <t>1587.1391363709</t>
  </si>
  <si>
    <t>13328921.0</t>
  </si>
  <si>
    <t>53153.0</t>
  </si>
  <si>
    <t>258.731</t>
  </si>
  <si>
    <t>60269.0</t>
  </si>
  <si>
    <t>3173583.0</t>
  </si>
  <si>
    <t>2258826.0</t>
  </si>
  <si>
    <t>914757.0</t>
  </si>
  <si>
    <t>28956.0</t>
  </si>
  <si>
    <t>13400801.0</t>
  </si>
  <si>
    <t>71880.0</t>
  </si>
  <si>
    <t>260.126</t>
  </si>
  <si>
    <t>64220.0</t>
  </si>
  <si>
    <t>3350226.0</t>
  </si>
  <si>
    <t>2340554.0</t>
  </si>
  <si>
    <t>1009672.0</t>
  </si>
  <si>
    <t>176643.0</t>
  </si>
  <si>
    <t>109233.0</t>
  </si>
  <si>
    <t>34000.0</t>
  </si>
  <si>
    <t>13488211.0</t>
  </si>
  <si>
    <t>87410.0</t>
  </si>
  <si>
    <t>261.823</t>
  </si>
  <si>
    <t>69157.0</t>
  </si>
  <si>
    <t>3455084.0</t>
  </si>
  <si>
    <t>2407129.0</t>
  </si>
  <si>
    <t>1047955.0</t>
  </si>
  <si>
    <t>104858.0</t>
  </si>
  <si>
    <t>109082.0</t>
  </si>
  <si>
    <t>36879.0</t>
  </si>
  <si>
    <t>13577238.0</t>
  </si>
  <si>
    <t>263.551</t>
  </si>
  <si>
    <t>72278.0</t>
  </si>
  <si>
    <t>101395.0</t>
  </si>
  <si>
    <t>39848.0</t>
  </si>
  <si>
    <t>13654476.0</t>
  </si>
  <si>
    <t>77238.0</t>
  </si>
  <si>
    <t>265.05</t>
  </si>
  <si>
    <t>74031.0</t>
  </si>
  <si>
    <t>3590096.0</t>
  </si>
  <si>
    <t>2496243.0</t>
  </si>
  <si>
    <t>1093853.0</t>
  </si>
  <si>
    <t>91982.0</t>
  </si>
  <si>
    <t>13735876.0</t>
  </si>
  <si>
    <t>81400.0</t>
  </si>
  <si>
    <t>266.63</t>
  </si>
  <si>
    <t>75436.0</t>
  </si>
  <si>
    <t>3707216.0</t>
  </si>
  <si>
    <t>2571554.0</t>
  </si>
  <si>
    <t>1135662.0</t>
  </si>
  <si>
    <t>117120.0</t>
  </si>
  <si>
    <t>48427.0</t>
  </si>
  <si>
    <t>13805840.0</t>
  </si>
  <si>
    <t>267.988</t>
  </si>
  <si>
    <t>75725.0</t>
  </si>
  <si>
    <t>3769499.0</t>
  </si>
  <si>
    <t>2614088.0</t>
  </si>
  <si>
    <t>1155411.0</t>
  </si>
  <si>
    <t>94576.0</t>
  </si>
  <si>
    <t>52628.0</t>
  </si>
  <si>
    <t>86151.0</t>
  </si>
  <si>
    <t>81.28</t>
  </si>
  <si>
    <t>1660.77328716405</t>
  </si>
  <si>
    <t>13868449.0</t>
  </si>
  <si>
    <t>62609.0</t>
  </si>
  <si>
    <t>269.204</t>
  </si>
  <si>
    <t>77075.0</t>
  </si>
  <si>
    <t>3867076.0</t>
  </si>
  <si>
    <t>2678773.0</t>
  </si>
  <si>
    <t>1188303.0</t>
  </si>
  <si>
    <t>97577.0</t>
  </si>
  <si>
    <t>99070.0</t>
  </si>
  <si>
    <t>59992.0</t>
  </si>
  <si>
    <t>13939379.0</t>
  </si>
  <si>
    <t>70930.0</t>
  </si>
  <si>
    <t>270.581</t>
  </si>
  <si>
    <t>3979575.0</t>
  </si>
  <si>
    <t>2747711.0</t>
  </si>
  <si>
    <t>1231864.0</t>
  </si>
  <si>
    <t>112499.0</t>
  </si>
  <si>
    <t>89907.0</t>
  </si>
  <si>
    <t>14013383.0</t>
  </si>
  <si>
    <t>74004.0</t>
  </si>
  <si>
    <t>272.017</t>
  </si>
  <si>
    <t>4131008.0</t>
  </si>
  <si>
    <t>2850117.0</t>
  </si>
  <si>
    <t>1280891.0</t>
  </si>
  <si>
    <t>151433.0</t>
  </si>
  <si>
    <t>96561.0</t>
  </si>
  <si>
    <t>63284.0</t>
  </si>
  <si>
    <t>14095309.0</t>
  </si>
  <si>
    <t>81926.0</t>
  </si>
  <si>
    <t>273.607</t>
  </si>
  <si>
    <t>74010.0</t>
  </si>
  <si>
    <t>4224659.0</t>
  </si>
  <si>
    <t>2904408.0</t>
  </si>
  <si>
    <t>1320251.0</t>
  </si>
  <si>
    <t>93651.0</t>
  </si>
  <si>
    <t>100296.0</t>
  </si>
  <si>
    <t>64675.0</t>
  </si>
  <si>
    <t>14194065.0</t>
  </si>
  <si>
    <t>98756.0</t>
  </si>
  <si>
    <t>275.524</t>
  </si>
  <si>
    <t>4318314.0</t>
  </si>
  <si>
    <t>2961023.0</t>
  </si>
  <si>
    <t>1357291.0</t>
  </si>
  <si>
    <t>93655.0</t>
  </si>
  <si>
    <t>104031.0</t>
  </si>
  <si>
    <t>66397.0</t>
  </si>
  <si>
    <t>14277419.0</t>
  </si>
  <si>
    <t>83354.0</t>
  </si>
  <si>
    <t>277.142</t>
  </si>
  <si>
    <t>77363.0</t>
  </si>
  <si>
    <t>4400615.0</t>
  </si>
  <si>
    <t>3008636.0</t>
  </si>
  <si>
    <t>1391979.0</t>
  </si>
  <si>
    <t>82301.0</t>
  </si>
  <si>
    <t>99057.0</t>
  </si>
  <si>
    <t>62440.0</t>
  </si>
  <si>
    <t>14358523.0</t>
  </si>
  <si>
    <t>81104.0</t>
  </si>
  <si>
    <t>278.717</t>
  </si>
  <si>
    <t>78955.0</t>
  </si>
  <si>
    <t>4451266.0</t>
  </si>
  <si>
    <t>3039713.0</t>
  </si>
  <si>
    <t>1411553.0</t>
  </si>
  <si>
    <t>50651.0</t>
  </si>
  <si>
    <t>97395.0</t>
  </si>
  <si>
    <t>60804.0</t>
  </si>
  <si>
    <t>90322.3</t>
  </si>
  <si>
    <t>1741.18539628347</t>
  </si>
  <si>
    <t>14427112.0</t>
  </si>
  <si>
    <t>68589.0</t>
  </si>
  <si>
    <t>280.048</t>
  </si>
  <si>
    <t>95892.0</t>
  </si>
  <si>
    <t>59370.0</t>
  </si>
  <si>
    <t>14501519.0</t>
  </si>
  <si>
    <t>74407.0</t>
  </si>
  <si>
    <t>281.492</t>
  </si>
  <si>
    <t>80306.0</t>
  </si>
  <si>
    <t>4625373.0</t>
  </si>
  <si>
    <t>3149010.0</t>
  </si>
  <si>
    <t>1476363.0</t>
  </si>
  <si>
    <t>92257.0</t>
  </si>
  <si>
    <t>14585756.0</t>
  </si>
  <si>
    <t>84237.0</t>
  </si>
  <si>
    <t>283.128</t>
  </si>
  <si>
    <t>81768.0</t>
  </si>
  <si>
    <t>4714640.0</t>
  </si>
  <si>
    <t>3209415.0</t>
  </si>
  <si>
    <t>1505225.0</t>
  </si>
  <si>
    <t>89267.0</t>
  </si>
  <si>
    <t>83376.0</t>
  </si>
  <si>
    <t>51328.0</t>
  </si>
  <si>
    <t>14675095.0</t>
  </si>
  <si>
    <t>89339.0</t>
  </si>
  <si>
    <t>284.862</t>
  </si>
  <si>
    <t>82827.0</t>
  </si>
  <si>
    <t>4824078.0</t>
  </si>
  <si>
    <t>3277767.0</t>
  </si>
  <si>
    <t>1546311.0</t>
  </si>
  <si>
    <t>85631.0</t>
  </si>
  <si>
    <t>53337.0</t>
  </si>
  <si>
    <t>14762119.0</t>
  </si>
  <si>
    <t>87024.0</t>
  </si>
  <si>
    <t>286.551</t>
  </si>
  <si>
    <t>81151.0</t>
  </si>
  <si>
    <t>4986471.0</t>
  </si>
  <si>
    <t>3359439.0</t>
  </si>
  <si>
    <t>1627032.0</t>
  </si>
  <si>
    <t>162393.0</t>
  </si>
  <si>
    <t>56917.0</t>
  </si>
  <si>
    <t>14847584.0</t>
  </si>
  <si>
    <t>85465.0</t>
  </si>
  <si>
    <t>288.21</t>
  </si>
  <si>
    <t>81452.0</t>
  </si>
  <si>
    <t>5112694.0</t>
  </si>
  <si>
    <t>3412223.0</t>
  </si>
  <si>
    <t>1700471.0</t>
  </si>
  <si>
    <t>126223.0</t>
  </si>
  <si>
    <t>101726.0</t>
  </si>
  <si>
    <t>57655.0</t>
  </si>
  <si>
    <t>14903762.0</t>
  </si>
  <si>
    <t>56178.0</t>
  </si>
  <si>
    <t>289.3</t>
  </si>
  <si>
    <t>77891.0</t>
  </si>
  <si>
    <t>5220330.0</t>
  </si>
  <si>
    <t>3454250.0</t>
  </si>
  <si>
    <t>1766080.0</t>
  </si>
  <si>
    <t>107636.0</t>
  </si>
  <si>
    <t>94466.4</t>
  </si>
  <si>
    <t>88.06</t>
  </si>
  <si>
    <t>1821.07315822862</t>
  </si>
  <si>
    <t>14959048.0</t>
  </si>
  <si>
    <t>55286.0</t>
  </si>
  <si>
    <t>290.374</t>
  </si>
  <si>
    <t>75991.0</t>
  </si>
  <si>
    <t>122468.0</t>
  </si>
  <si>
    <t>63046.0</t>
  </si>
  <si>
    <t>15019338.0</t>
  </si>
  <si>
    <t>60290.0</t>
  </si>
  <si>
    <t>291.544</t>
  </si>
  <si>
    <t>73974.0</t>
  </si>
  <si>
    <t>135070.0</t>
  </si>
  <si>
    <t>66872.0</t>
  </si>
  <si>
    <t>15085807.0</t>
  </si>
  <si>
    <t>66469.0</t>
  </si>
  <si>
    <t>292.834</t>
  </si>
  <si>
    <t>71436.0</t>
  </si>
  <si>
    <t>147356.0</t>
  </si>
  <si>
    <t>15160357.0</t>
  </si>
  <si>
    <t>74550.0</t>
  </si>
  <si>
    <t>294.281</t>
  </si>
  <si>
    <t>69323.0</t>
  </si>
  <si>
    <t>156760.0</t>
  </si>
  <si>
    <t>71745.0</t>
  </si>
  <si>
    <t>15242405.0</t>
  </si>
  <si>
    <t>295.874</t>
  </si>
  <si>
    <t>68612.0</t>
  </si>
  <si>
    <t>6096661.0</t>
  </si>
  <si>
    <t>3861416.0</t>
  </si>
  <si>
    <t>2235245.0</t>
  </si>
  <si>
    <t>158599.0</t>
  </si>
  <si>
    <t>71711.0</t>
  </si>
  <si>
    <t>15323787.0</t>
  </si>
  <si>
    <t>81382.0</t>
  </si>
  <si>
    <t>297.454</t>
  </si>
  <si>
    <t>158764.0</t>
  </si>
  <si>
    <t>72571.0</t>
  </si>
  <si>
    <t>15394653.0</t>
  </si>
  <si>
    <t>70866.0</t>
  </si>
  <si>
    <t>298.829</t>
  </si>
  <si>
    <t>161585.0</t>
  </si>
  <si>
    <t>98661.5</t>
  </si>
  <si>
    <t>1901.94407112553</t>
  </si>
  <si>
    <t>15436288.0</t>
  </si>
  <si>
    <t>41635.0</t>
  </si>
  <si>
    <t>299.637</t>
  </si>
  <si>
    <t>68177.0</t>
  </si>
  <si>
    <t>6478808.0</t>
  </si>
  <si>
    <t>4037833.0</t>
  </si>
  <si>
    <t>2440975.0</t>
  </si>
  <si>
    <t>154745.0</t>
  </si>
  <si>
    <t>71736.0</t>
  </si>
  <si>
    <t>15523183.0</t>
  </si>
  <si>
    <t>301.324</t>
  </si>
  <si>
    <t>71978.0</t>
  </si>
  <si>
    <t>6673552.0</t>
  </si>
  <si>
    <t>4140197.0</t>
  </si>
  <si>
    <t>2533355.0</t>
  </si>
  <si>
    <t>194744.0</t>
  </si>
  <si>
    <t>157527.0</t>
  </si>
  <si>
    <t>15597295.0</t>
  </si>
  <si>
    <t>74112.0</t>
  </si>
  <si>
    <t>302.763</t>
  </si>
  <si>
    <t>73070.0</t>
  </si>
  <si>
    <t>6851163.0</t>
  </si>
  <si>
    <t>4238607.0</t>
  </si>
  <si>
    <t>2612556.0</t>
  </si>
  <si>
    <t>177611.0</t>
  </si>
  <si>
    <t>157862.0</t>
  </si>
  <si>
    <t>77151.0</t>
  </si>
  <si>
    <t>15670000.0</t>
  </si>
  <si>
    <t>72705.0</t>
  </si>
  <si>
    <t>304.174</t>
  </si>
  <si>
    <t>7044644.0</t>
  </si>
  <si>
    <t>4351490.0</t>
  </si>
  <si>
    <t>2693154.0</t>
  </si>
  <si>
    <t>193481.0</t>
  </si>
  <si>
    <t>160464.0</t>
  </si>
  <si>
    <t>81644.0</t>
  </si>
  <si>
    <t>15741437.0</t>
  </si>
  <si>
    <t>305.561</t>
  </si>
  <si>
    <t>71290.0</t>
  </si>
  <si>
    <t>158982.0</t>
  </si>
  <si>
    <t>84336.0</t>
  </si>
  <si>
    <t>15821336.0</t>
  </si>
  <si>
    <t>79899.0</t>
  </si>
  <si>
    <t>307.112</t>
  </si>
  <si>
    <t>71078.0</t>
  </si>
  <si>
    <t>7374433.0</t>
  </si>
  <si>
    <t>4552042.0</t>
  </si>
  <si>
    <t>2822391.0</t>
  </si>
  <si>
    <t>164341.0</t>
  </si>
  <si>
    <t>90260.0</t>
  </si>
  <si>
    <t>15882789.0</t>
  </si>
  <si>
    <t>308.305</t>
  </si>
  <si>
    <t>69734.0</t>
  </si>
  <si>
    <t>7459332.0</t>
  </si>
  <si>
    <t>4601785.0</t>
  </si>
  <si>
    <t>2857547.0</t>
  </si>
  <si>
    <t>84899.0</t>
  </si>
  <si>
    <t>158272.0</t>
  </si>
  <si>
    <t>88965.0</t>
  </si>
  <si>
    <t>102914.4</t>
  </si>
  <si>
    <t>1983.92922176778</t>
  </si>
  <si>
    <t>15915357.0</t>
  </si>
  <si>
    <t>32568.0</t>
  </si>
  <si>
    <t>308.937</t>
  </si>
  <si>
    <t>68438.0</t>
  </si>
  <si>
    <t>7537763.0</t>
  </si>
  <si>
    <t>4652005.0</t>
  </si>
  <si>
    <t>2885758.0</t>
  </si>
  <si>
    <t>151279.0</t>
  </si>
  <si>
    <t>87739.0</t>
  </si>
  <si>
    <t>15956619.0</t>
  </si>
  <si>
    <t>41262.0</t>
  </si>
  <si>
    <t>309.738</t>
  </si>
  <si>
    <t>7718287.0</t>
  </si>
  <si>
    <t>4759397.0</t>
  </si>
  <si>
    <t>2958890.0</t>
  </si>
  <si>
    <t>180524.0</t>
  </si>
  <si>
    <t>149248.0</t>
  </si>
  <si>
    <t>88457.0</t>
  </si>
  <si>
    <t>16032370.0</t>
  </si>
  <si>
    <t>75751.0</t>
  </si>
  <si>
    <t>311.208</t>
  </si>
  <si>
    <t>7862802.0</t>
  </si>
  <si>
    <t>4861546.0</t>
  </si>
  <si>
    <t>3001256.0</t>
  </si>
  <si>
    <t>144515.0</t>
  </si>
  <si>
    <t>144520.0</t>
  </si>
  <si>
    <t>16103661.0</t>
  </si>
  <si>
    <t>71291.0</t>
  </si>
  <si>
    <t>312.592</t>
  </si>
  <si>
    <t>61952.0</t>
  </si>
  <si>
    <t>8008919.0</t>
  </si>
  <si>
    <t>4959877.0</t>
  </si>
  <si>
    <t>3049042.0</t>
  </si>
  <si>
    <t>146117.0</t>
  </si>
  <si>
    <t>137754.0</t>
  </si>
  <si>
    <t>16174084.0</t>
  </si>
  <si>
    <t>70423.0</t>
  </si>
  <si>
    <t>313.959</t>
  </si>
  <si>
    <t>61807.0</t>
  </si>
  <si>
    <t>130380.0</t>
  </si>
  <si>
    <t>16268389.0</t>
  </si>
  <si>
    <t>94305.0</t>
  </si>
  <si>
    <t>315.789</t>
  </si>
  <si>
    <t>63865.0</t>
  </si>
  <si>
    <t>8235482.0</t>
  </si>
  <si>
    <t>5126062.0</t>
  </si>
  <si>
    <t>3109420.0</t>
  </si>
  <si>
    <t>123007.0</t>
  </si>
  <si>
    <t>82003.0</t>
  </si>
  <si>
    <t>16335336.0</t>
  </si>
  <si>
    <t>66947.0</t>
  </si>
  <si>
    <t>317.089</t>
  </si>
  <si>
    <t>64650.0</t>
  </si>
  <si>
    <t>8304265.0</t>
  </si>
  <si>
    <t>5176752.0</t>
  </si>
  <si>
    <t>3127513.0</t>
  </si>
  <si>
    <t>68783.0</t>
  </si>
  <si>
    <t>120705.0</t>
  </si>
  <si>
    <t>82138.0</t>
  </si>
  <si>
    <t>107100.5</t>
  </si>
  <si>
    <t>2064.62663743791</t>
  </si>
  <si>
    <t>16376107.0</t>
  </si>
  <si>
    <t>40771.0</t>
  </si>
  <si>
    <t>317.88</t>
  </si>
  <si>
    <t>65821.0</t>
  </si>
  <si>
    <t>8425588.0</t>
  </si>
  <si>
    <t>5278110.0</t>
  </si>
  <si>
    <t>3147478.0</t>
  </si>
  <si>
    <t>121323.0</t>
  </si>
  <si>
    <t>126832.0</t>
  </si>
  <si>
    <t>89444.0</t>
  </si>
  <si>
    <t>16465726.0</t>
  </si>
  <si>
    <t>319.62</t>
  </si>
  <si>
    <t>72730.0</t>
  </si>
  <si>
    <t>8613236.0</t>
  </si>
  <si>
    <t>5439630.0</t>
  </si>
  <si>
    <t>3173606.0</t>
  </si>
  <si>
    <t>187648.0</t>
  </si>
  <si>
    <t>127850.0</t>
  </si>
  <si>
    <t>16563365.0</t>
  </si>
  <si>
    <t>97639.0</t>
  </si>
  <si>
    <t>321.515</t>
  </si>
  <si>
    <t>75856.0</t>
  </si>
  <si>
    <t>8842360.0</t>
  </si>
  <si>
    <t>5646512.0</t>
  </si>
  <si>
    <t>3195848.0</t>
  </si>
  <si>
    <t>229124.0</t>
  </si>
  <si>
    <t>139937.0</t>
  </si>
  <si>
    <t>112138.0</t>
  </si>
  <si>
    <t>16667423.0</t>
  </si>
  <si>
    <t>104058.0</t>
  </si>
  <si>
    <t>323.535</t>
  </si>
  <si>
    <t>80537.0</t>
  </si>
  <si>
    <t>158059.0</t>
  </si>
  <si>
    <t>133934.0</t>
  </si>
  <si>
    <t>16748388.0</t>
  </si>
  <si>
    <t>80965.0</t>
  </si>
  <si>
    <t>325.107</t>
  </si>
  <si>
    <t>180871.0</t>
  </si>
  <si>
    <t>157908.0</t>
  </si>
  <si>
    <t>16834602.0</t>
  </si>
  <si>
    <t>86214.0</t>
  </si>
  <si>
    <t>326.78</t>
  </si>
  <si>
    <t>9661266.0</t>
  </si>
  <si>
    <t>6399229.0</t>
  </si>
  <si>
    <t>3262037.0</t>
  </si>
  <si>
    <t>203683.0</t>
  </si>
  <si>
    <t>181881.0</t>
  </si>
  <si>
    <t>16913509.0</t>
  </si>
  <si>
    <t>78907.0</t>
  </si>
  <si>
    <t>328.312</t>
  </si>
  <si>
    <t>82596.0</t>
  </si>
  <si>
    <t>9825772.0</t>
  </si>
  <si>
    <t>6551917.0</t>
  </si>
  <si>
    <t>3273855.0</t>
  </si>
  <si>
    <t>164506.0</t>
  </si>
  <si>
    <t>217358.0</t>
  </si>
  <si>
    <t>196452.0</t>
  </si>
  <si>
    <t>111576.0</t>
  </si>
  <si>
    <t>2150.90295282256</t>
  </si>
  <si>
    <t>16964487.0</t>
  </si>
  <si>
    <t>50978.0</t>
  </si>
  <si>
    <t>329.302</t>
  </si>
  <si>
    <t>84054.0</t>
  </si>
  <si>
    <t>10092122.0</t>
  </si>
  <si>
    <t>6798875.0</t>
  </si>
  <si>
    <t>3293247.0</t>
  </si>
  <si>
    <t>266350.0</t>
  </si>
  <si>
    <t>238076.0</t>
  </si>
  <si>
    <t>4590.0</t>
  </si>
  <si>
    <t>217252.0</t>
  </si>
  <si>
    <t>17055086.0</t>
  </si>
  <si>
    <t>90599.0</t>
  </si>
  <si>
    <t>331.06</t>
  </si>
  <si>
    <t>84194.0</t>
  </si>
  <si>
    <t>10382967.0</t>
  </si>
  <si>
    <t>7068568.0</t>
  </si>
  <si>
    <t>3314399.0</t>
  </si>
  <si>
    <t>290845.0</t>
  </si>
  <si>
    <t>252819.0</t>
  </si>
  <si>
    <t>20.02</t>
  </si>
  <si>
    <t>232705.0</t>
  </si>
  <si>
    <t>17163100.0</t>
  </si>
  <si>
    <t>108014.0</t>
  </si>
  <si>
    <t>333.157</t>
  </si>
  <si>
    <t>85676.0</t>
  </si>
  <si>
    <t>10697683.0</t>
  </si>
  <si>
    <t>7359045.0</t>
  </si>
  <si>
    <t>3338638.0</t>
  </si>
  <si>
    <t>314716.0</t>
  </si>
  <si>
    <t>265046.0</t>
  </si>
  <si>
    <t>244648.0</t>
  </si>
  <si>
    <t>17259970.0</t>
  </si>
  <si>
    <t>96870.0</t>
  </si>
  <si>
    <t>335.037</t>
  </si>
  <si>
    <t>10979983.0</t>
  </si>
  <si>
    <t>7610719.0</t>
  </si>
  <si>
    <t>3369264.0</t>
  </si>
  <si>
    <t>282300.0</t>
  </si>
  <si>
    <t>266379.0</t>
  </si>
  <si>
    <t>244757.0</t>
  </si>
  <si>
    <t>17357402.0</t>
  </si>
  <si>
    <t>97432.0</t>
  </si>
  <si>
    <t>336.929</t>
  </si>
  <si>
    <t>1.891</t>
  </si>
  <si>
    <t>87002.0</t>
  </si>
  <si>
    <t>11244592.0</t>
  </si>
  <si>
    <t>7841655.0</t>
  </si>
  <si>
    <t>3402937.0</t>
  </si>
  <si>
    <t>264609.0</t>
  </si>
  <si>
    <t>265185.0</t>
  </si>
  <si>
    <t>241905.0</t>
  </si>
  <si>
    <t>17455750.0</t>
  </si>
  <si>
    <t>98348.0</t>
  </si>
  <si>
    <t>338.838</t>
  </si>
  <si>
    <t>88735.0</t>
  </si>
  <si>
    <t>11485904.0</t>
  </si>
  <si>
    <t>8053098.0</t>
  </si>
  <si>
    <t>3432806.0</t>
  </si>
  <si>
    <t>241312.0</t>
  </si>
  <si>
    <t>260663.0</t>
  </si>
  <si>
    <t>236267.0</t>
  </si>
  <si>
    <t>17527352.0</t>
  </si>
  <si>
    <t>71602.0</t>
  </si>
  <si>
    <t>340.228</t>
  </si>
  <si>
    <t>11615265.0</t>
  </si>
  <si>
    <t>8164744.0</t>
  </si>
  <si>
    <t>3450521.0</t>
  </si>
  <si>
    <t>129361.0</t>
  </si>
  <si>
    <t>255642.0</t>
  </si>
  <si>
    <t>230404.0</t>
  </si>
  <si>
    <t>116526.9</t>
  </si>
  <si>
    <t>100.56</t>
  </si>
  <si>
    <t>2246.34377727521</t>
  </si>
  <si>
    <t>17579550.0</t>
  </si>
  <si>
    <t>52198.0</t>
  </si>
  <si>
    <t>341.241</t>
  </si>
  <si>
    <t>87866.0</t>
  </si>
  <si>
    <t>11733523.0</t>
  </si>
  <si>
    <t>8262316.0</t>
  </si>
  <si>
    <t>3471207.0</t>
  </si>
  <si>
    <t>118258.0</t>
  </si>
  <si>
    <t>234486.0</t>
  </si>
  <si>
    <t>209063.0</t>
  </si>
  <si>
    <t>17643875.0</t>
  </si>
  <si>
    <t>64325.0</t>
  </si>
  <si>
    <t>342.489</t>
  </si>
  <si>
    <t>84113.0</t>
  </si>
  <si>
    <t>11977805.0</t>
  </si>
  <si>
    <t>8442704.0</t>
  </si>
  <si>
    <t>3535101.0</t>
  </si>
  <si>
    <t>244282.0</t>
  </si>
  <si>
    <t>227834.0</t>
  </si>
  <si>
    <t>196305.0</t>
  </si>
  <si>
    <t>17753092.0</t>
  </si>
  <si>
    <t>109217.0</t>
  </si>
  <si>
    <t>344.609</t>
  </si>
  <si>
    <t>84285.0</t>
  </si>
  <si>
    <t>12206104.0</t>
  </si>
  <si>
    <t>8612065.0</t>
  </si>
  <si>
    <t>3594039.0</t>
  </si>
  <si>
    <t>228299.0</t>
  </si>
  <si>
    <t>215489.0</t>
  </si>
  <si>
    <t>179003.0</t>
  </si>
  <si>
    <t>17865464.0</t>
  </si>
  <si>
    <t>112372.0</t>
  </si>
  <si>
    <t>346.791</t>
  </si>
  <si>
    <t>86499.0</t>
  </si>
  <si>
    <t>211249.0</t>
  </si>
  <si>
    <t>169030.0</t>
  </si>
  <si>
    <t>17982770.0</t>
  </si>
  <si>
    <t>117306.0</t>
  </si>
  <si>
    <t>349.068</t>
  </si>
  <si>
    <t>89338.0</t>
  </si>
  <si>
    <t>12711342.0</t>
  </si>
  <si>
    <t>8975790.0</t>
  </si>
  <si>
    <t>3735552.0</t>
  </si>
  <si>
    <t>209536.0</t>
  </si>
  <si>
    <t>162019.0</t>
  </si>
  <si>
    <t>18067758.0</t>
  </si>
  <si>
    <t>84988.0</t>
  </si>
  <si>
    <t>350.717</t>
  </si>
  <si>
    <t>87430.0</t>
  </si>
  <si>
    <t>12917941.0</t>
  </si>
  <si>
    <t>9117737.0</t>
  </si>
  <si>
    <t>3800204.0</t>
  </si>
  <si>
    <t>206599.0</t>
  </si>
  <si>
    <t>204577.0</t>
  </si>
  <si>
    <t>152091.0</t>
  </si>
  <si>
    <t>18159504.0</t>
  </si>
  <si>
    <t>91746.0</t>
  </si>
  <si>
    <t>352.498</t>
  </si>
  <si>
    <t>13024786.0</t>
  </si>
  <si>
    <t>9194373.0</t>
  </si>
  <si>
    <t>3830413.0</t>
  </si>
  <si>
    <t>106845.0</t>
  </si>
  <si>
    <t>201360.0</t>
  </si>
  <si>
    <t>147090.0</t>
  </si>
  <si>
    <t>121746.0</t>
  </si>
  <si>
    <t>33.64</t>
  </si>
  <si>
    <t>2346.95481908596</t>
  </si>
  <si>
    <t>18205176.0</t>
  </si>
  <si>
    <t>45672.0</t>
  </si>
  <si>
    <t>353.385</t>
  </si>
  <si>
    <t>89375.0</t>
  </si>
  <si>
    <t>13167044.0</t>
  </si>
  <si>
    <t>9291221.0</t>
  </si>
  <si>
    <t>3875823.0</t>
  </si>
  <si>
    <t>142258.0</t>
  </si>
  <si>
    <t>204789.0</t>
  </si>
  <si>
    <t>18292823.0</t>
  </si>
  <si>
    <t>87647.0</t>
  </si>
  <si>
    <t>355.086</t>
  </si>
  <si>
    <t>92707.0</t>
  </si>
  <si>
    <t>212523.0</t>
  </si>
  <si>
    <t>18403650.0</t>
  </si>
  <si>
    <t>110827.0</t>
  </si>
  <si>
    <t>357.238</t>
  </si>
  <si>
    <t>92937.0</t>
  </si>
  <si>
    <t>222540.0</t>
  </si>
  <si>
    <t>139397.0</t>
  </si>
  <si>
    <t>18510364.0</t>
  </si>
  <si>
    <t>106714.0</t>
  </si>
  <si>
    <t>359.309</t>
  </si>
  <si>
    <t>14062307.0</t>
  </si>
  <si>
    <t>9736151.0</t>
  </si>
  <si>
    <t>4326156.0</t>
  </si>
  <si>
    <t>229083.0</t>
  </si>
  <si>
    <t>134603.0</t>
  </si>
  <si>
    <t>18623558.0</t>
  </si>
  <si>
    <t>113194.0</t>
  </si>
  <si>
    <t>361.506</t>
  </si>
  <si>
    <t>240511.0</t>
  </si>
  <si>
    <t>18724777.0</t>
  </si>
  <si>
    <t>101219.0</t>
  </si>
  <si>
    <t>363.471</t>
  </si>
  <si>
    <t>93860.0</t>
  </si>
  <si>
    <t>14727526.0</t>
  </si>
  <si>
    <t>10071423.0</t>
  </si>
  <si>
    <t>4656103.0</t>
  </si>
  <si>
    <t>258512.0</t>
  </si>
  <si>
    <t>4983.0</t>
  </si>
  <si>
    <t>136241.0</t>
  </si>
  <si>
    <t>18801159.0</t>
  </si>
  <si>
    <t>76382.0</t>
  </si>
  <si>
    <t>364.954</t>
  </si>
  <si>
    <t>91665.0</t>
  </si>
  <si>
    <t>14953869.0</t>
  </si>
  <si>
    <t>10172100.0</t>
  </si>
  <si>
    <t>4781769.0</t>
  </si>
  <si>
    <t>226343.0</t>
  </si>
  <si>
    <t>275583.0</t>
  </si>
  <si>
    <t>139675.0</t>
  </si>
  <si>
    <t>127358.3</t>
  </si>
  <si>
    <t>113.48</t>
  </si>
  <si>
    <t>2455.14576196011</t>
  </si>
  <si>
    <t>18880824.0</t>
  </si>
  <si>
    <t>79665.0</t>
  </si>
  <si>
    <t>366.5</t>
  </si>
  <si>
    <t>96521.0</t>
  </si>
  <si>
    <t>15298930.0</t>
  </si>
  <si>
    <t>10321140.0</t>
  </si>
  <si>
    <t>4977790.0</t>
  </si>
  <si>
    <t>304555.0</t>
  </si>
  <si>
    <t>5871.0</t>
  </si>
  <si>
    <t>147131.0</t>
  </si>
  <si>
    <t>18991604.0</t>
  </si>
  <si>
    <t>110780.0</t>
  </si>
  <si>
    <t>368.65</t>
  </si>
  <si>
    <t>99826.0</t>
  </si>
  <si>
    <t>15682435.0</t>
  </si>
  <si>
    <t>10493152.0</t>
  </si>
  <si>
    <t>5189283.0</t>
  </si>
  <si>
    <t>383505.0</t>
  </si>
  <si>
    <t>316710.0</t>
  </si>
  <si>
    <t>150517.0</t>
  </si>
  <si>
    <t>19119385.0</t>
  </si>
  <si>
    <t>127781.0</t>
  </si>
  <si>
    <t>371.131</t>
  </si>
  <si>
    <t>102248.0</t>
  </si>
  <si>
    <t>16038817.0</t>
  </si>
  <si>
    <t>10657628.0</t>
  </si>
  <si>
    <t>5381189.0</t>
  </si>
  <si>
    <t>356382.0</t>
  </si>
  <si>
    <t>324990.0</t>
  </si>
  <si>
    <t>152827.0</t>
  </si>
  <si>
    <t>19238762.0</t>
  </si>
  <si>
    <t>119377.0</t>
  </si>
  <si>
    <t>373.448</t>
  </si>
  <si>
    <t>16365857.0</t>
  </si>
  <si>
    <t>10799201.0</t>
  </si>
  <si>
    <t>5566656.0</t>
  </si>
  <si>
    <t>327040.0</t>
  </si>
  <si>
    <t>329079.0</t>
  </si>
  <si>
    <t>31.55</t>
  </si>
  <si>
    <t>151864.0</t>
  </si>
  <si>
    <t>19360226.0</t>
  </si>
  <si>
    <t>121464.0</t>
  </si>
  <si>
    <t>375.806</t>
  </si>
  <si>
    <t>105238.0</t>
  </si>
  <si>
    <t>2.043</t>
  </si>
  <si>
    <t>16693732.0</t>
  </si>
  <si>
    <t>10936234.0</t>
  </si>
  <si>
    <t>5757498.0</t>
  </si>
  <si>
    <t>327875.0</t>
  </si>
  <si>
    <t>328402.0</t>
  </si>
  <si>
    <t>32.18</t>
  </si>
  <si>
    <t>147492.0</t>
  </si>
  <si>
    <t>19470666.0</t>
  </si>
  <si>
    <t>110440.0</t>
  </si>
  <si>
    <t>377.95</t>
  </si>
  <si>
    <t>17024426.0</t>
  </si>
  <si>
    <t>11076086.0</t>
  </si>
  <si>
    <t>5948340.0</t>
  </si>
  <si>
    <t>330694.0</t>
  </si>
  <si>
    <t>328129.0</t>
  </si>
  <si>
    <t>6325.0</t>
  </si>
  <si>
    <t>143523.0</t>
  </si>
  <si>
    <t>19569875.0</t>
  </si>
  <si>
    <t>99209.0</t>
  </si>
  <si>
    <t>379.875</t>
  </si>
  <si>
    <t>109817.0</t>
  </si>
  <si>
    <t>17227818.0</t>
  </si>
  <si>
    <t>11128130.0</t>
  </si>
  <si>
    <t>6137238.0</t>
  </si>
  <si>
    <t>203392.0</t>
  </si>
  <si>
    <t>324850.0</t>
  </si>
  <si>
    <t>136576.0</t>
  </si>
  <si>
    <t>132974.4</t>
  </si>
  <si>
    <t>2563.4099592189</t>
  </si>
  <si>
    <t>19646098.0</t>
  </si>
  <si>
    <t>76223.0</t>
  </si>
  <si>
    <t>381.355</t>
  </si>
  <si>
    <t>109325.0</t>
  </si>
  <si>
    <t>17570929.0</t>
  </si>
  <si>
    <t>11187507.0</t>
  </si>
  <si>
    <t>6383422.0</t>
  </si>
  <si>
    <t>343111.0</t>
  </si>
  <si>
    <t>324571.0</t>
  </si>
  <si>
    <t>123767.0</t>
  </si>
  <si>
    <t>19772875.0</t>
  </si>
  <si>
    <t>126777.0</t>
  </si>
  <si>
    <t>383.816</t>
  </si>
  <si>
    <t>111610.0</t>
  </si>
  <si>
    <t>17941952.0</t>
  </si>
  <si>
    <t>11375190.0</t>
  </si>
  <si>
    <t>6654730.0</t>
  </si>
  <si>
    <t>371023.0</t>
  </si>
  <si>
    <t>322788.0</t>
  </si>
  <si>
    <t>126005.0</t>
  </si>
  <si>
    <t>19887032.0</t>
  </si>
  <si>
    <t>114157.0</t>
  </si>
  <si>
    <t>386.032</t>
  </si>
  <si>
    <t>109664.0</t>
  </si>
  <si>
    <t>18281743.0</t>
  </si>
  <si>
    <t>11518988.0</t>
  </si>
  <si>
    <t>6896325.0</t>
  </si>
  <si>
    <t>339791.0</t>
  </si>
  <si>
    <t>320418.0</t>
  </si>
  <si>
    <t>35.24</t>
  </si>
  <si>
    <t>123051.0</t>
  </si>
  <si>
    <t>20010139.0</t>
  </si>
  <si>
    <t>123107.0</t>
  </si>
  <si>
    <t>388.421</t>
  </si>
  <si>
    <t>18578199.0</t>
  </si>
  <si>
    <t>11644777.0</t>
  </si>
  <si>
    <t>7101383.0</t>
  </si>
  <si>
    <t>296456.0</t>
  </si>
  <si>
    <t>316049.0</t>
  </si>
  <si>
    <t>120797.0</t>
  </si>
  <si>
    <t>20130214.0</t>
  </si>
  <si>
    <t>120075.0</t>
  </si>
  <si>
    <t>390.752</t>
  </si>
  <si>
    <t>109998.0</t>
  </si>
  <si>
    <t>18857607.0</t>
  </si>
  <si>
    <t>11760312.0</t>
  </si>
  <si>
    <t>7292768.0</t>
  </si>
  <si>
    <t>279408.0</t>
  </si>
  <si>
    <t>117725.0</t>
  </si>
  <si>
    <t>20231810.0</t>
  </si>
  <si>
    <t>101596.0</t>
  </si>
  <si>
    <t>392.724</t>
  </si>
  <si>
    <t>108735.0</t>
  </si>
  <si>
    <t>19115730.0</t>
  </si>
  <si>
    <t>11902048.0</t>
  </si>
  <si>
    <t>7436866.0</t>
  </si>
  <si>
    <t>258123.0</t>
  </si>
  <si>
    <t>298758.0</t>
  </si>
  <si>
    <t>22.94</t>
  </si>
  <si>
    <t>117995.0</t>
  </si>
  <si>
    <t>20334215.0</t>
  </si>
  <si>
    <t>102405.0</t>
  </si>
  <si>
    <t>394.712</t>
  </si>
  <si>
    <t>109191.0</t>
  </si>
  <si>
    <t>19264851.0</t>
  </si>
  <si>
    <t>11982415.0</t>
  </si>
  <si>
    <t>7522208.0</t>
  </si>
  <si>
    <t>149121.0</t>
  </si>
  <si>
    <t>291005.0</t>
  </si>
  <si>
    <t>122041.0</t>
  </si>
  <si>
    <t>138353.5</t>
  </si>
  <si>
    <t>106.88</t>
  </si>
  <si>
    <t>2667.10539617244</t>
  </si>
  <si>
    <t>20384574.0</t>
  </si>
  <si>
    <t>50359.0</t>
  </si>
  <si>
    <t>395.69</t>
  </si>
  <si>
    <t>105497.0</t>
  </si>
  <si>
    <t>19436143.0</t>
  </si>
  <si>
    <t>12084403.0</t>
  </si>
  <si>
    <t>7624099.0</t>
  </si>
  <si>
    <t>171292.0</t>
  </si>
  <si>
    <t>266459.0</t>
  </si>
  <si>
    <t>37.47</t>
  </si>
  <si>
    <t>128128.0</t>
  </si>
  <si>
    <t>20452600.0</t>
  </si>
  <si>
    <t>68026.0</t>
  </si>
  <si>
    <t>397.01</t>
  </si>
  <si>
    <t>97104.0</t>
  </si>
  <si>
    <t>267921.0</t>
  </si>
  <si>
    <t>134386.0</t>
  </si>
  <si>
    <t>20562037.0</t>
  </si>
  <si>
    <t>109437.0</t>
  </si>
  <si>
    <t>399.134</t>
  </si>
  <si>
    <t>20198661.0</t>
  </si>
  <si>
    <t>12547379.0</t>
  </si>
  <si>
    <t>8060751.0</t>
  </si>
  <si>
    <t>273845.0</t>
  </si>
  <si>
    <t>146913.0</t>
  </si>
  <si>
    <t>20660918.0</t>
  </si>
  <si>
    <t>98881.0</t>
  </si>
  <si>
    <t>401.054</t>
  </si>
  <si>
    <t>92968.0</t>
  </si>
  <si>
    <t>250853.0</t>
  </si>
  <si>
    <t>142893.0</t>
  </si>
  <si>
    <t>20777100.0</t>
  </si>
  <si>
    <t>403.309</t>
  </si>
  <si>
    <t>92412.0</t>
  </si>
  <si>
    <t>230296.0</t>
  </si>
  <si>
    <t>140337.0</t>
  </si>
  <si>
    <t>20864103.0</t>
  </si>
  <si>
    <t>87003.0</t>
  </si>
  <si>
    <t>404.998</t>
  </si>
  <si>
    <t>90328.0</t>
  </si>
  <si>
    <t>20605186.0</t>
  </si>
  <si>
    <t>12840321.0</t>
  </si>
  <si>
    <t>8305787.0</t>
  </si>
  <si>
    <t>212779.0</t>
  </si>
  <si>
    <t>134039.0</t>
  </si>
  <si>
    <t>20954957.0</t>
  </si>
  <si>
    <t>90854.0</t>
  </si>
  <si>
    <t>406.762</t>
  </si>
  <si>
    <t>88677.0</t>
  </si>
  <si>
    <t>21641395.0</t>
  </si>
  <si>
    <t>13568786.0</t>
  </si>
  <si>
    <t>8992264.0</t>
  </si>
  <si>
    <t>1036209.0</t>
  </si>
  <si>
    <t>339506.0</t>
  </si>
  <si>
    <t>226624.0</t>
  </si>
  <si>
    <t>143062.4</t>
  </si>
  <si>
    <t>94.25</t>
  </si>
  <si>
    <t>2757.88107297162</t>
  </si>
  <si>
    <t>21009016.0</t>
  </si>
  <si>
    <t>54059.0</t>
  </si>
  <si>
    <t>407.811</t>
  </si>
  <si>
    <t>89206.0</t>
  </si>
  <si>
    <t>21911121.0</t>
  </si>
  <si>
    <t>13777447.0</t>
  </si>
  <si>
    <t>9178479.0</t>
  </si>
  <si>
    <t>269726.0</t>
  </si>
  <si>
    <t>353568.0</t>
  </si>
  <si>
    <t>241863.0</t>
  </si>
  <si>
    <t>21104798.0</t>
  </si>
  <si>
    <t>409.67</t>
  </si>
  <si>
    <t>93171.0</t>
  </si>
  <si>
    <t>350063.0</t>
  </si>
  <si>
    <t>247849.0</t>
  </si>
  <si>
    <t>21197668.0</t>
  </si>
  <si>
    <t>92870.0</t>
  </si>
  <si>
    <t>411.473</t>
  </si>
  <si>
    <t>90804.0</t>
  </si>
  <si>
    <t>22624568.0</t>
  </si>
  <si>
    <t>14324220.0</t>
  </si>
  <si>
    <t>9631722.0</t>
  </si>
  <si>
    <t>346558.0</t>
  </si>
  <si>
    <t>253834.0</t>
  </si>
  <si>
    <t>21293590.0</t>
  </si>
  <si>
    <t>95922.0</t>
  </si>
  <si>
    <t>413.335</t>
  </si>
  <si>
    <t>90382.0</t>
  </si>
  <si>
    <t>22942717.0</t>
  </si>
  <si>
    <t>14563313.0</t>
  </si>
  <si>
    <t>9876044.0</t>
  </si>
  <si>
    <t>318149.0</t>
  </si>
  <si>
    <t>372650.0</t>
  </si>
  <si>
    <t>44.23</t>
  </si>
  <si>
    <t>274041.0</t>
  </si>
  <si>
    <t>21387556.0</t>
  </si>
  <si>
    <t>93966.0</t>
  </si>
  <si>
    <t>415.159</t>
  </si>
  <si>
    <t>87208.0</t>
  </si>
  <si>
    <t>392117.0</t>
  </si>
  <si>
    <t>288672.0</t>
  </si>
  <si>
    <t>21480339.0</t>
  </si>
  <si>
    <t>92783.0</t>
  </si>
  <si>
    <t>416.96</t>
  </si>
  <si>
    <t>88034.0</t>
  </si>
  <si>
    <t>23486275.0</t>
  </si>
  <si>
    <t>14963437.0</t>
  </si>
  <si>
    <t>10255069.0</t>
  </si>
  <si>
    <t>411584.0</t>
  </si>
  <si>
    <t>303302.0</t>
  </si>
  <si>
    <t>21559706.0</t>
  </si>
  <si>
    <t>79367.0</t>
  </si>
  <si>
    <t>418.5</t>
  </si>
  <si>
    <t>23631963.0</t>
  </si>
  <si>
    <t>15080813.0</t>
  </si>
  <si>
    <t>10340378.0</t>
  </si>
  <si>
    <t>145688.0</t>
  </si>
  <si>
    <t>284367.0</t>
  </si>
  <si>
    <t>216004.0</t>
  </si>
  <si>
    <t>146977.5</t>
  </si>
  <si>
    <t>2833.35429436866</t>
  </si>
  <si>
    <t>21602823.0</t>
  </si>
  <si>
    <t>43117.0</t>
  </si>
  <si>
    <t>419.337</t>
  </si>
  <si>
    <t>84830.0</t>
  </si>
  <si>
    <t>23832572.0</t>
  </si>
  <si>
    <t>15223093.0</t>
  </si>
  <si>
    <t>10475982.0</t>
  </si>
  <si>
    <t>200609.0</t>
  </si>
  <si>
    <t>274493.0</t>
  </si>
  <si>
    <t>21691524.0</t>
  </si>
  <si>
    <t>88701.0</t>
  </si>
  <si>
    <t>421.059</t>
  </si>
  <si>
    <t>83818.0</t>
  </si>
  <si>
    <t>24000509.0</t>
  </si>
  <si>
    <t>15345959.0</t>
  </si>
  <si>
    <t>10556284.0</t>
  </si>
  <si>
    <t>167937.0</t>
  </si>
  <si>
    <t>247524.0</t>
  </si>
  <si>
    <t>20.35</t>
  </si>
  <si>
    <t>185018.0</t>
  </si>
  <si>
    <t>21734323.0</t>
  </si>
  <si>
    <t>42799.0</t>
  </si>
  <si>
    <t>421.89</t>
  </si>
  <si>
    <t>234797.0</t>
  </si>
  <si>
    <t>169291.0</t>
  </si>
  <si>
    <t>21823553.0</t>
  </si>
  <si>
    <t>423.622</t>
  </si>
  <si>
    <t>24535783.0</t>
  </si>
  <si>
    <t>15672550.0</t>
  </si>
  <si>
    <t>10889063.0</t>
  </si>
  <si>
    <t>227581.0</t>
  </si>
  <si>
    <t>158462.0</t>
  </si>
  <si>
    <t>21900388.0</t>
  </si>
  <si>
    <t>76835.0</t>
  </si>
  <si>
    <t>425.114</t>
  </si>
  <si>
    <t>73262.0</t>
  </si>
  <si>
    <t>24826407.0</t>
  </si>
  <si>
    <t>15877781.0</t>
  </si>
  <si>
    <t>11042971.0</t>
  </si>
  <si>
    <t>290624.0</t>
  </si>
  <si>
    <t>230273.0</t>
  </si>
  <si>
    <t>21.29</t>
  </si>
  <si>
    <t>159201.0</t>
  </si>
  <si>
    <t>21968554.0</t>
  </si>
  <si>
    <t>68166.0</t>
  </si>
  <si>
    <t>426.437</t>
  </si>
  <si>
    <t>69745.0</t>
  </si>
  <si>
    <t>229056.0</t>
  </si>
  <si>
    <t>156956.0</t>
  </si>
  <si>
    <t>22045857.0</t>
  </si>
  <si>
    <t>77303.0</t>
  </si>
  <si>
    <t>69450.0</t>
  </si>
  <si>
    <t>25352932.0</t>
  </si>
  <si>
    <t>16246476.0</t>
  </si>
  <si>
    <t>11317608.0</t>
  </si>
  <si>
    <t>245853.0</t>
  </si>
  <si>
    <t>166523.0</t>
  </si>
  <si>
    <t>149859.8</t>
  </si>
  <si>
    <t>38.26</t>
  </si>
  <si>
    <t>2888.917745119</t>
  </si>
  <si>
    <t>22084283.0</t>
  </si>
  <si>
    <t>38426.0</t>
  </si>
  <si>
    <t>428.683</t>
  </si>
  <si>
    <t>68780.0</t>
  </si>
  <si>
    <t>25641086.0</t>
  </si>
  <si>
    <t>16455361.0</t>
  </si>
  <si>
    <t>11457631.0</t>
  </si>
  <si>
    <t>288154.0</t>
  </si>
  <si>
    <t>258359.0</t>
  </si>
  <si>
    <t>31.72</t>
  </si>
  <si>
    <t>22.09</t>
  </si>
  <si>
    <t>176038.0</t>
  </si>
  <si>
    <t>22164433.0</t>
  </si>
  <si>
    <t>430.239</t>
  </si>
  <si>
    <t>67558.0</t>
  </si>
  <si>
    <t>273342.0</t>
  </si>
  <si>
    <t>182721.0</t>
  </si>
  <si>
    <t>22229593.0</t>
  </si>
  <si>
    <t>431.504</t>
  </si>
  <si>
    <t>26186714.0</t>
  </si>
  <si>
    <t>16794653.0</t>
  </si>
  <si>
    <t>11759641.0</t>
  </si>
  <si>
    <t>274081.0</t>
  </si>
  <si>
    <t>183628.0</t>
  </si>
  <si>
    <t>22319051.0</t>
  </si>
  <si>
    <t>433.24</t>
  </si>
  <si>
    <t>70785.0</t>
  </si>
  <si>
    <t>26515327.0</t>
  </si>
  <si>
    <t>17032633.0</t>
  </si>
  <si>
    <t>11892153.0</t>
  </si>
  <si>
    <t>328613.0</t>
  </si>
  <si>
    <t>282792.0</t>
  </si>
  <si>
    <t>194298.0</t>
  </si>
  <si>
    <t>22394557.0</t>
  </si>
  <si>
    <t>75506.0</t>
  </si>
  <si>
    <t>434.706</t>
  </si>
  <si>
    <t>70596.0</t>
  </si>
  <si>
    <t>313349.0</t>
  </si>
  <si>
    <t>219922.0</t>
  </si>
  <si>
    <t>22479769.0</t>
  </si>
  <si>
    <t>85212.0</t>
  </si>
  <si>
    <t>436.36</t>
  </si>
  <si>
    <t>73031.0</t>
  </si>
  <si>
    <t>27524377.0</t>
  </si>
  <si>
    <t>17801838.0</t>
  </si>
  <si>
    <t>12179103.0</t>
  </si>
  <si>
    <t>347815.0</t>
  </si>
  <si>
    <t>248530.0</t>
  </si>
  <si>
    <t>22555987.0</t>
  </si>
  <si>
    <t>76218.0</t>
  </si>
  <si>
    <t>437.84</t>
  </si>
  <si>
    <t>72876.0</t>
  </si>
  <si>
    <t>27751197.0</t>
  </si>
  <si>
    <t>17962012.0</t>
  </si>
  <si>
    <t>12252821.0</t>
  </si>
  <si>
    <t>226820.0</t>
  </si>
  <si>
    <t>342609.0</t>
  </si>
  <si>
    <t>245077.0</t>
  </si>
  <si>
    <t>152251.9</t>
  </si>
  <si>
    <t>2935.03138025063</t>
  </si>
  <si>
    <t>22589809.0</t>
  </si>
  <si>
    <t>33822.0</t>
  </si>
  <si>
    <t>438.496</t>
  </si>
  <si>
    <t>72218.0</t>
  </si>
  <si>
    <t>28152320.0</t>
  </si>
  <si>
    <t>18256040.0</t>
  </si>
  <si>
    <t>12377173.0</t>
  </si>
  <si>
    <t>401123.0</t>
  </si>
  <si>
    <t>358748.0</t>
  </si>
  <si>
    <t>257240.0</t>
  </si>
  <si>
    <t>22650682.0</t>
  </si>
  <si>
    <t>439.678</t>
  </si>
  <si>
    <t>69464.0</t>
  </si>
  <si>
    <t>28608522.0</t>
  </si>
  <si>
    <t>18567543.0</t>
  </si>
  <si>
    <t>12542092.0</t>
  </si>
  <si>
    <t>456202.0</t>
  </si>
  <si>
    <t>384946.0</t>
  </si>
  <si>
    <t>277505.0</t>
  </si>
  <si>
    <t>22715694.0</t>
  </si>
  <si>
    <t>65012.0</t>
  </si>
  <si>
    <t>440.94</t>
  </si>
  <si>
    <t>69443.0</t>
  </si>
  <si>
    <t>29013935.0</t>
  </si>
  <si>
    <t>18830027.0</t>
  </si>
  <si>
    <t>12700513.0</t>
  </si>
  <si>
    <t>405413.0</t>
  </si>
  <si>
    <t>403889.0</t>
  </si>
  <si>
    <t>290768.0</t>
  </si>
  <si>
    <t>22783450.0</t>
  </si>
  <si>
    <t>442.255</t>
  </si>
  <si>
    <t>66343.0</t>
  </si>
  <si>
    <t>29416582.0</t>
  </si>
  <si>
    <t>19092805.0</t>
  </si>
  <si>
    <t>12854659.0</t>
  </si>
  <si>
    <t>402647.0</t>
  </si>
  <si>
    <t>414465.0</t>
  </si>
  <si>
    <t>294310.0</t>
  </si>
  <si>
    <t>22861990.0</t>
  </si>
  <si>
    <t>78540.0</t>
  </si>
  <si>
    <t>443.779</t>
  </si>
  <si>
    <t>66776.0</t>
  </si>
  <si>
    <t>401535.0</t>
  </si>
  <si>
    <t>278073.0</t>
  </si>
  <si>
    <t>22916857.0</t>
  </si>
  <si>
    <t>54867.0</t>
  </si>
  <si>
    <t>444.844</t>
  </si>
  <si>
    <t>62441.0</t>
  </si>
  <si>
    <t>30244618.0</t>
  </si>
  <si>
    <t>19634688.0</t>
  </si>
  <si>
    <t>13182770.0</t>
  </si>
  <si>
    <t>388606.0</t>
  </si>
  <si>
    <t>261836.0</t>
  </si>
  <si>
    <t>22972878.0</t>
  </si>
  <si>
    <t>56021.0</t>
  </si>
  <si>
    <t>445.932</t>
  </si>
  <si>
    <t>59556.0</t>
  </si>
  <si>
    <t>30379000.0</t>
  </si>
  <si>
    <t>19734349.0</t>
  </si>
  <si>
    <t>13220870.0</t>
  </si>
  <si>
    <t>134382.0</t>
  </si>
  <si>
    <t>375400.0</t>
  </si>
  <si>
    <t>253191.0</t>
  </si>
  <si>
    <t>153841.0</t>
  </si>
  <si>
    <t>2965.6652072594</t>
  </si>
  <si>
    <t>23005903.0</t>
  </si>
  <si>
    <t>446.573</t>
  </si>
  <si>
    <t>30639657.0</t>
  </si>
  <si>
    <t>19913442.0</t>
  </si>
  <si>
    <t>13313500.0</t>
  </si>
  <si>
    <t>260657.0</t>
  </si>
  <si>
    <t>355334.0</t>
  </si>
  <si>
    <t>236772.0</t>
  </si>
  <si>
    <t>23059764.0</t>
  </si>
  <si>
    <t>53861.0</t>
  </si>
  <si>
    <t>447.618</t>
  </si>
  <si>
    <t>58440.0</t>
  </si>
  <si>
    <t>30883739.0</t>
  </si>
  <si>
    <t>20079481.0</t>
  </si>
  <si>
    <t>13403370.0</t>
  </si>
  <si>
    <t>244082.0</t>
  </si>
  <si>
    <t>325031.0</t>
  </si>
  <si>
    <t>215991.0</t>
  </si>
  <si>
    <t>23118667.0</t>
  </si>
  <si>
    <t>58903.0</t>
  </si>
  <si>
    <t>448.762</t>
  </si>
  <si>
    <t>57568.0</t>
  </si>
  <si>
    <t>31149291.0</t>
  </si>
  <si>
    <t>20261745.0</t>
  </si>
  <si>
    <t>13504623.0</t>
  </si>
  <si>
    <t>265552.0</t>
  </si>
  <si>
    <t>305051.0</t>
  </si>
  <si>
    <t>39.06</t>
  </si>
  <si>
    <t>204531.0</t>
  </si>
  <si>
    <t>23179061.0</t>
  </si>
  <si>
    <t>449.934</t>
  </si>
  <si>
    <t>56516.0</t>
  </si>
  <si>
    <t>31376085.0</t>
  </si>
  <si>
    <t>20413695.0</t>
  </si>
  <si>
    <t>13590141.0</t>
  </si>
  <si>
    <t>226794.0</t>
  </si>
  <si>
    <t>279929.0</t>
  </si>
  <si>
    <t>60.49</t>
  </si>
  <si>
    <t>39.35</t>
  </si>
  <si>
    <t>188699.0</t>
  </si>
  <si>
    <t>23243881.0</t>
  </si>
  <si>
    <t>64820.0</t>
  </si>
  <si>
    <t>451.192</t>
  </si>
  <si>
    <t>54556.0</t>
  </si>
  <si>
    <t>31553173.0</t>
  </si>
  <si>
    <t>20517506.0</t>
  </si>
  <si>
    <t>13676098.0</t>
  </si>
  <si>
    <t>177088.0</t>
  </si>
  <si>
    <t>246082.0</t>
  </si>
  <si>
    <t>164823.0</t>
  </si>
  <si>
    <t>23300882.0</t>
  </si>
  <si>
    <t>57001.0</t>
  </si>
  <si>
    <t>452.299</t>
  </si>
  <si>
    <t>31769498.0</t>
  </si>
  <si>
    <t>20669967.0</t>
  </si>
  <si>
    <t>13749209.0</t>
  </si>
  <si>
    <t>216325.0</t>
  </si>
  <si>
    <t>217840.0</t>
  </si>
  <si>
    <t>23364574.0</t>
  </si>
  <si>
    <t>63692.0</t>
  </si>
  <si>
    <t>453.535</t>
  </si>
  <si>
    <t>55957.0</t>
  </si>
  <si>
    <t>31865446.0</t>
  </si>
  <si>
    <t>20744167.0</t>
  </si>
  <si>
    <t>13775599.0</t>
  </si>
  <si>
    <t>95948.0</t>
  </si>
  <si>
    <t>212349.0</t>
  </si>
  <si>
    <t>61.43</t>
  </si>
  <si>
    <t>144260.0</t>
  </si>
  <si>
    <t>154856.3</t>
  </si>
  <si>
    <t>2985.23762218735</t>
  </si>
  <si>
    <t>23390213.0</t>
  </si>
  <si>
    <t>25639.0</t>
  </si>
  <si>
    <t>454.033</t>
  </si>
  <si>
    <t>54901.0</t>
  </si>
  <si>
    <t>198500.0</t>
  </si>
  <si>
    <t>135416.0</t>
  </si>
  <si>
    <t>23425325.0</t>
  </si>
  <si>
    <t>35112.0</t>
  </si>
  <si>
    <t>454.714</t>
  </si>
  <si>
    <t>52223.0</t>
  </si>
  <si>
    <t>32192874.0</t>
  </si>
  <si>
    <t>20978540.0</t>
  </si>
  <si>
    <t>13880688.0</t>
  </si>
  <si>
    <t>187019.0</t>
  </si>
  <si>
    <t>128437.0</t>
  </si>
  <si>
    <t>23475856.0</t>
  </si>
  <si>
    <t>455.695</t>
  </si>
  <si>
    <t>32463196.0</t>
  </si>
  <si>
    <t>21179816.0</t>
  </si>
  <si>
    <t>13958104.0</t>
  </si>
  <si>
    <t>270322.0</t>
  </si>
  <si>
    <t>187701.0</t>
  </si>
  <si>
    <t>131153.0</t>
  </si>
  <si>
    <t>23532461.0</t>
  </si>
  <si>
    <t>56605.0</t>
  </si>
  <si>
    <t>456.794</t>
  </si>
  <si>
    <t>50486.0</t>
  </si>
  <si>
    <t>32741710.0</t>
  </si>
  <si>
    <t>21371871.0</t>
  </si>
  <si>
    <t>14052941.0</t>
  </si>
  <si>
    <t>278514.0</t>
  </si>
  <si>
    <t>195089.0</t>
  </si>
  <si>
    <t>63.12</t>
  </si>
  <si>
    <t>136882.0</t>
  </si>
  <si>
    <t>23592953.0</t>
  </si>
  <si>
    <t>457.968</t>
  </si>
  <si>
    <t>49867.0</t>
  </si>
  <si>
    <t>33005580.0</t>
  </si>
  <si>
    <t>21549430.0</t>
  </si>
  <si>
    <t>14157111.0</t>
  </si>
  <si>
    <t>263870.0</t>
  </si>
  <si>
    <t>207487.0</t>
  </si>
  <si>
    <t>147418.0</t>
  </si>
  <si>
    <t>23646733.0</t>
  </si>
  <si>
    <t>53780.0</t>
  </si>
  <si>
    <t>459.012</t>
  </si>
  <si>
    <t>49407.0</t>
  </si>
  <si>
    <t>33255471.0</t>
  </si>
  <si>
    <t>21753014.0</t>
  </si>
  <si>
    <t>14208967.0</t>
  </si>
  <si>
    <t>249891.0</t>
  </si>
  <si>
    <t>212282.0</t>
  </si>
  <si>
    <t>154721.0</t>
  </si>
  <si>
    <t>23700152.0</t>
  </si>
  <si>
    <t>460.049</t>
  </si>
  <si>
    <t>47940.0</t>
  </si>
  <si>
    <t>33405365.0</t>
  </si>
  <si>
    <t>21864127.0</t>
  </si>
  <si>
    <t>14250028.0</t>
  </si>
  <si>
    <t>149894.0</t>
  </si>
  <si>
    <t>219988.0</t>
  </si>
  <si>
    <t>42.15</t>
  </si>
  <si>
    <t>4241.0</t>
  </si>
  <si>
    <t>159994.0</t>
  </si>
  <si>
    <t>155694.8</t>
  </si>
  <si>
    <t>3001.40178048252</t>
  </si>
  <si>
    <t>23733828.0</t>
  </si>
  <si>
    <t>460.703</t>
  </si>
  <si>
    <t>49088.0</t>
  </si>
  <si>
    <t>33696899.0</t>
  </si>
  <si>
    <t>22095795.0</t>
  </si>
  <si>
    <t>14323100.0</t>
  </si>
  <si>
    <t>291534.0</t>
  </si>
  <si>
    <t>238248.0</t>
  </si>
  <si>
    <t>176349.0</t>
  </si>
  <si>
    <t>23776772.0</t>
  </si>
  <si>
    <t>42944.0</t>
  </si>
  <si>
    <t>461.536</t>
  </si>
  <si>
    <t>33963461.0</t>
  </si>
  <si>
    <t>22301932.0</t>
  </si>
  <si>
    <t>14390587.0</t>
  </si>
  <si>
    <t>266562.0</t>
  </si>
  <si>
    <t>252941.0</t>
  </si>
  <si>
    <t>189056.0</t>
  </si>
  <si>
    <t>23828711.0</t>
  </si>
  <si>
    <t>462.545</t>
  </si>
  <si>
    <t>50408.0</t>
  </si>
  <si>
    <t>34247170.0</t>
  </si>
  <si>
    <t>22531555.0</t>
  </si>
  <si>
    <t>14448771.0</t>
  </si>
  <si>
    <t>283709.0</t>
  </si>
  <si>
    <t>254853.0</t>
  </si>
  <si>
    <t>43.44</t>
  </si>
  <si>
    <t>193106.0</t>
  </si>
  <si>
    <t>23881781.0</t>
  </si>
  <si>
    <t>53070.0</t>
  </si>
  <si>
    <t>463.575</t>
  </si>
  <si>
    <t>49903.0</t>
  </si>
  <si>
    <t>254979.0</t>
  </si>
  <si>
    <t>197606.0</t>
  </si>
  <si>
    <t>23937265.0</t>
  </si>
  <si>
    <t>464.652</t>
  </si>
  <si>
    <t>34805950.0</t>
  </si>
  <si>
    <t>22978676.0</t>
  </si>
  <si>
    <t>14592150.0</t>
  </si>
  <si>
    <t>257196.0</t>
  </si>
  <si>
    <t>204178.0</t>
  </si>
  <si>
    <t>23988579.0</t>
  </si>
  <si>
    <t>51314.0</t>
  </si>
  <si>
    <t>48835.0</t>
  </si>
  <si>
    <t>35071950.0</t>
  </si>
  <si>
    <t>23201104.0</t>
  </si>
  <si>
    <t>14639269.0</t>
  </si>
  <si>
    <t>266000.0</t>
  </si>
  <si>
    <t>259497.0</t>
  </si>
  <si>
    <t>206870.0</t>
  </si>
  <si>
    <t>24037809.0</t>
  </si>
  <si>
    <t>466.604</t>
  </si>
  <si>
    <t>48237.0</t>
  </si>
  <si>
    <t>35172185.0</t>
  </si>
  <si>
    <t>23288536.0</t>
  </si>
  <si>
    <t>14653162.0</t>
  </si>
  <si>
    <t>100235.0</t>
  </si>
  <si>
    <t>252403.0</t>
  </si>
  <si>
    <t>203487.0</t>
  </si>
  <si>
    <t>156308.9</t>
  </si>
  <si>
    <t>3013.24007458993</t>
  </si>
  <si>
    <t>24066701.0</t>
  </si>
  <si>
    <t>467.164</t>
  </si>
  <si>
    <t>47553.0</t>
  </si>
  <si>
    <t>35355619.0</t>
  </si>
  <si>
    <t>23443209.0</t>
  </si>
  <si>
    <t>14685797.0</t>
  </si>
  <si>
    <t>183434.0</t>
  </si>
  <si>
    <t>236960.0</t>
  </si>
  <si>
    <t>192488.0</t>
  </si>
  <si>
    <t>24114775.0</t>
  </si>
  <si>
    <t>48074.0</t>
  </si>
  <si>
    <t>468.098</t>
  </si>
  <si>
    <t>48286.0</t>
  </si>
  <si>
    <t>35546165.0</t>
  </si>
  <si>
    <t>23600147.0</t>
  </si>
  <si>
    <t>14722990.0</t>
  </si>
  <si>
    <t>190546.0</t>
  </si>
  <si>
    <t>226101.0</t>
  </si>
  <si>
    <t>185459.0</t>
  </si>
  <si>
    <t>24162472.0</t>
  </si>
  <si>
    <t>47697.0</t>
  </si>
  <si>
    <t>469.023</t>
  </si>
  <si>
    <t>47680.0</t>
  </si>
  <si>
    <t>200166.0</t>
  </si>
  <si>
    <t>164116.0</t>
  </si>
  <si>
    <t>24213647.0</t>
  </si>
  <si>
    <t>470.017</t>
  </si>
  <si>
    <t>47409.0</t>
  </si>
  <si>
    <t>35750492.0</t>
  </si>
  <si>
    <t>23760584.0</t>
  </si>
  <si>
    <t>14771114.0</t>
  </si>
  <si>
    <t>174847.0</t>
  </si>
  <si>
    <t>24267470.0</t>
  </si>
  <si>
    <t>53823.0</t>
  </si>
  <si>
    <t>471.062</t>
  </si>
  <si>
    <t>36090729.0</t>
  </si>
  <si>
    <t>24004709.0</t>
  </si>
  <si>
    <t>14873013.0</t>
  </si>
  <si>
    <t>340237.0</t>
  </si>
  <si>
    <t>183540.0</t>
  </si>
  <si>
    <t>146576.0</t>
  </si>
  <si>
    <t>24308564.0</t>
  </si>
  <si>
    <t>41094.0</t>
  </si>
  <si>
    <t>471.859</t>
  </si>
  <si>
    <t>45712.0</t>
  </si>
  <si>
    <t>36235580.0</t>
  </si>
  <si>
    <t>24111434.0</t>
  </si>
  <si>
    <t>14912159.0</t>
  </si>
  <si>
    <t>144851.0</t>
  </si>
  <si>
    <t>166233.0</t>
  </si>
  <si>
    <t>130047.0</t>
  </si>
  <si>
    <t>24354499.0</t>
  </si>
  <si>
    <t>472.751</t>
  </si>
  <si>
    <t>45241.0</t>
  </si>
  <si>
    <t>174730.0</t>
  </si>
  <si>
    <t>121804.0</t>
  </si>
  <si>
    <t>156655.8</t>
  </si>
  <si>
    <t>3019.92742880888</t>
  </si>
  <si>
    <t>24386485.0</t>
  </si>
  <si>
    <t>31986.0</t>
  </si>
  <si>
    <t>473.372</t>
  </si>
  <si>
    <t>45683.0</t>
  </si>
  <si>
    <t>171341.0</t>
  </si>
  <si>
    <t>103955.0</t>
  </si>
  <si>
    <t>24438079.0</t>
  </si>
  <si>
    <t>474.373</t>
  </si>
  <si>
    <t>166936.0</t>
  </si>
  <si>
    <t>85782.0</t>
  </si>
  <si>
    <t>24491154.0</t>
  </si>
  <si>
    <t>53075.0</t>
  </si>
  <si>
    <t>475.404</t>
  </si>
  <si>
    <t>175158.0</t>
  </si>
  <si>
    <t>78569.0</t>
  </si>
  <si>
    <t>24542709.0</t>
  </si>
  <si>
    <t>51555.0</t>
  </si>
  <si>
    <t>476.404</t>
  </si>
  <si>
    <t>47009.0</t>
  </si>
  <si>
    <t>37034145.0</t>
  </si>
  <si>
    <t>24260079.0</t>
  </si>
  <si>
    <t>15572631.0</t>
  </si>
  <si>
    <t>183379.0</t>
  </si>
  <si>
    <t>71356.0</t>
  </si>
  <si>
    <t>24596107.0</t>
  </si>
  <si>
    <t>53398.0</t>
  </si>
  <si>
    <t>477.441</t>
  </si>
  <si>
    <t>46948.0</t>
  </si>
  <si>
    <t>37346540.0</t>
  </si>
  <si>
    <t>24434265.0</t>
  </si>
  <si>
    <t>15712902.0</t>
  </si>
  <si>
    <t>312395.0</t>
  </si>
  <si>
    <t>179402.0</t>
  </si>
  <si>
    <t>61365.0</t>
  </si>
  <si>
    <t>24637757.0</t>
  </si>
  <si>
    <t>41650.0</t>
  </si>
  <si>
    <t>478.249</t>
  </si>
  <si>
    <t>47028.0</t>
  </si>
  <si>
    <t>165684.0</t>
  </si>
  <si>
    <t>50796.0</t>
  </si>
  <si>
    <t>24684753.0</t>
  </si>
  <si>
    <t>46996.0</t>
  </si>
  <si>
    <t>479.161</t>
  </si>
  <si>
    <t>47179.0</t>
  </si>
  <si>
    <t>37444197.0</t>
  </si>
  <si>
    <t>24499752.0</t>
  </si>
  <si>
    <t>15746173.0</t>
  </si>
  <si>
    <t>149843.0</t>
  </si>
  <si>
    <t>51227.0</t>
  </si>
  <si>
    <t>156972.9</t>
  </si>
  <si>
    <t>3026.04031443249</t>
  </si>
  <si>
    <t>24713540.0</t>
  </si>
  <si>
    <t>28787.0</t>
  </si>
  <si>
    <t>479.72</t>
  </si>
  <si>
    <t>46722.0</t>
  </si>
  <si>
    <t>37627506.0</t>
  </si>
  <si>
    <t>24613353.0</t>
  </si>
  <si>
    <t>15817661.0</t>
  </si>
  <si>
    <t>183309.0</t>
  </si>
  <si>
    <t>153214.0</t>
  </si>
  <si>
    <t>63209.0</t>
  </si>
  <si>
    <t>24763289.0</t>
  </si>
  <si>
    <t>49749.0</t>
  </si>
  <si>
    <t>480.686</t>
  </si>
  <si>
    <t>37830713.0</t>
  </si>
  <si>
    <t>24733487.0</t>
  </si>
  <si>
    <t>15902438.0</t>
  </si>
  <si>
    <t>203207.0</t>
  </si>
  <si>
    <t>159428.0</t>
  </si>
  <si>
    <t>76124.0</t>
  </si>
  <si>
    <t>24808973.0</t>
  </si>
  <si>
    <t>45684.0</t>
  </si>
  <si>
    <t>481.573</t>
  </si>
  <si>
    <t>38002826.0</t>
  </si>
  <si>
    <t>24841106.0</t>
  </si>
  <si>
    <t>15968154.0</t>
  </si>
  <si>
    <t>172113.0</t>
  </si>
  <si>
    <t>87251.0</t>
  </si>
  <si>
    <t>24864554.0</t>
  </si>
  <si>
    <t>55581.0</t>
  </si>
  <si>
    <t>482.652</t>
  </si>
  <si>
    <t>45978.0</t>
  </si>
  <si>
    <t>161870.0</t>
  </si>
  <si>
    <t>97467.0</t>
  </si>
  <si>
    <t>24914946.0</t>
  </si>
  <si>
    <t>50392.0</t>
  </si>
  <si>
    <t>483.63</t>
  </si>
  <si>
    <t>38331643.0</t>
  </si>
  <si>
    <t>25043592.0</t>
  </si>
  <si>
    <t>16096455.0</t>
  </si>
  <si>
    <t>140729.0</t>
  </si>
  <si>
    <t>87047.0</t>
  </si>
  <si>
    <t>24955407.0</t>
  </si>
  <si>
    <t>484.415</t>
  </si>
  <si>
    <t>45379.0</t>
  </si>
  <si>
    <t>38442061.0</t>
  </si>
  <si>
    <t>25114159.0</t>
  </si>
  <si>
    <t>16137068.0</t>
  </si>
  <si>
    <t>110418.0</t>
  </si>
  <si>
    <t>92450.0</t>
  </si>
  <si>
    <t>25000157.0</t>
  </si>
  <si>
    <t>44750.0</t>
  </si>
  <si>
    <t>485.284</t>
  </si>
  <si>
    <t>45058.0</t>
  </si>
  <si>
    <t>38516606.0</t>
  </si>
  <si>
    <t>25166351.0</t>
  </si>
  <si>
    <t>16159636.0</t>
  </si>
  <si>
    <t>74545.0</t>
  </si>
  <si>
    <t>153201.0</t>
  </si>
  <si>
    <t>157253.8</t>
  </si>
  <si>
    <t>3031.45535565505</t>
  </si>
  <si>
    <t>25029645.0</t>
  </si>
  <si>
    <t>485.856</t>
  </si>
  <si>
    <t>45158.0</t>
  </si>
  <si>
    <t>38683134.0</t>
  </si>
  <si>
    <t>25270271.0</t>
  </si>
  <si>
    <t>16223761.0</t>
  </si>
  <si>
    <t>166528.0</t>
  </si>
  <si>
    <t>150804.0</t>
  </si>
  <si>
    <t>48.71</t>
  </si>
  <si>
    <t>25079952.0</t>
  </si>
  <si>
    <t>50307.0</t>
  </si>
  <si>
    <t>486.833</t>
  </si>
  <si>
    <t>45238.0</t>
  </si>
  <si>
    <t>148544.0</t>
  </si>
  <si>
    <t>94399.0</t>
  </si>
  <si>
    <t>25127321.0</t>
  </si>
  <si>
    <t>47369.0</t>
  </si>
  <si>
    <t>487.752</t>
  </si>
  <si>
    <t>45478.0</t>
  </si>
  <si>
    <t>39057913.0</t>
  </si>
  <si>
    <t>25518294.0</t>
  </si>
  <si>
    <t>16353229.0</t>
  </si>
  <si>
    <t>150727.0</t>
  </si>
  <si>
    <t>96741.0</t>
  </si>
  <si>
    <t>25177071.0</t>
  </si>
  <si>
    <t>49750.0</t>
  </si>
  <si>
    <t>488.718</t>
  </si>
  <si>
    <t>44645.0</t>
  </si>
  <si>
    <t>39270198.0</t>
  </si>
  <si>
    <t>25662320.0</t>
  </si>
  <si>
    <t>16423702.0</t>
  </si>
  <si>
    <t>157566.0</t>
  </si>
  <si>
    <t>25230437.0</t>
  </si>
  <si>
    <t>489.754</t>
  </si>
  <si>
    <t>45070.0</t>
  </si>
  <si>
    <t>158390.0</t>
  </si>
  <si>
    <t>25274638.0</t>
  </si>
  <si>
    <t>44201.0</t>
  </si>
  <si>
    <t>490.612</t>
  </si>
  <si>
    <t>45604.0</t>
  </si>
  <si>
    <t>39610550.0</t>
  </si>
  <si>
    <t>25888829.0</t>
  </si>
  <si>
    <t>16538611.0</t>
  </si>
  <si>
    <t>166927.0</t>
  </si>
  <si>
    <t>110667.0</t>
  </si>
  <si>
    <t>25318223.0</t>
  </si>
  <si>
    <t>491.458</t>
  </si>
  <si>
    <t>45438.0</t>
  </si>
  <si>
    <t>39913294.0</t>
  </si>
  <si>
    <t>26048698.0</t>
  </si>
  <si>
    <t>16684339.0</t>
  </si>
  <si>
    <t>302744.0</t>
  </si>
  <si>
    <t>199527.0</t>
  </si>
  <si>
    <t>157705.3</t>
  </si>
  <si>
    <t>3040.1591331986</t>
  </si>
  <si>
    <t>25348650.0</t>
  </si>
  <si>
    <t>30427.0</t>
  </si>
  <si>
    <t>492.049</t>
  </si>
  <si>
    <t>40168278.0</t>
  </si>
  <si>
    <t>26194283.0</t>
  </si>
  <si>
    <t>16811660.0</t>
  </si>
  <si>
    <t>254984.0</t>
  </si>
  <si>
    <t>212163.0</t>
  </si>
  <si>
    <t>132002.0</t>
  </si>
  <si>
    <t>25393612.0</t>
  </si>
  <si>
    <t>44962.0</t>
  </si>
  <si>
    <t>492.921</t>
  </si>
  <si>
    <t>44809.0</t>
  </si>
  <si>
    <t>202289.0</t>
  </si>
  <si>
    <t>124187.0</t>
  </si>
  <si>
    <t>25438006.0</t>
  </si>
  <si>
    <t>44394.0</t>
  </si>
  <si>
    <t>493.783</t>
  </si>
  <si>
    <t>44384.0</t>
  </si>
  <si>
    <t>40404815.0</t>
  </si>
  <si>
    <t>26332902.0</t>
  </si>
  <si>
    <t>16929789.0</t>
  </si>
  <si>
    <t>192415.0</t>
  </si>
  <si>
    <t>116373.0</t>
  </si>
  <si>
    <t>25489790.0</t>
  </si>
  <si>
    <t>51784.0</t>
  </si>
  <si>
    <t>494.788</t>
  </si>
  <si>
    <t>44674.0</t>
  </si>
  <si>
    <t>211587.0</t>
  </si>
  <si>
    <t>133636.0</t>
  </si>
  <si>
    <t>25538112.0</t>
  </si>
  <si>
    <t>48322.0</t>
  </si>
  <si>
    <t>495.726</t>
  </si>
  <si>
    <t>43954.0</t>
  </si>
  <si>
    <t>41097797.0</t>
  </si>
  <si>
    <t>26862638.0</t>
  </si>
  <si>
    <t>17207121.0</t>
  </si>
  <si>
    <t>236775.0</t>
  </si>
  <si>
    <t>155295.0</t>
  </si>
  <si>
    <t>25583408.0</t>
  </si>
  <si>
    <t>496.605</t>
  </si>
  <si>
    <t>44110.0</t>
  </si>
  <si>
    <t>232803.0</t>
  </si>
  <si>
    <t>152799.0</t>
  </si>
  <si>
    <t>25614492.0</t>
  </si>
  <si>
    <t>31084.0</t>
  </si>
  <si>
    <t>497.209</t>
  </si>
  <si>
    <t>42324.0</t>
  </si>
  <si>
    <t>209893.0</t>
  </si>
  <si>
    <t>143644.0</t>
  </si>
  <si>
    <t>3047.09323902898</t>
  </si>
  <si>
    <t>25656616.0</t>
  </si>
  <si>
    <t>498.027</t>
  </si>
  <si>
    <t>43995.0</t>
  </si>
  <si>
    <t>41524918.0</t>
  </si>
  <si>
    <t>27149994.0</t>
  </si>
  <si>
    <t>17494197.0</t>
  </si>
  <si>
    <t>193806.0</t>
  </si>
  <si>
    <t>136530.0</t>
  </si>
  <si>
    <t>25694407.0</t>
  </si>
  <si>
    <t>37791.0</t>
  </si>
  <si>
    <t>498.76</t>
  </si>
  <si>
    <t>42971.0</t>
  </si>
  <si>
    <t>213674.0</t>
  </si>
  <si>
    <t>147075.0</t>
  </si>
  <si>
    <t>25739126.0</t>
  </si>
  <si>
    <t>44719.0</t>
  </si>
  <si>
    <t>499.628</t>
  </si>
  <si>
    <t>43017.0</t>
  </si>
  <si>
    <t>42039612.0</t>
  </si>
  <si>
    <t>27436244.0</t>
  </si>
  <si>
    <t>17865559.0</t>
  </si>
  <si>
    <t>233542.0</t>
  </si>
  <si>
    <t>157620.0</t>
  </si>
  <si>
    <t>25788034.0</t>
  </si>
  <si>
    <t>48908.0</t>
  </si>
  <si>
    <t>500.578</t>
  </si>
  <si>
    <t>42606.0</t>
  </si>
  <si>
    <t>42349272.0</t>
  </si>
  <si>
    <t>27587609.0</t>
  </si>
  <si>
    <t>18096506.0</t>
  </si>
  <si>
    <t>309660.0</t>
  </si>
  <si>
    <t>228281.0</t>
  </si>
  <si>
    <t>141406.0</t>
  </si>
  <si>
    <t>25839693.0</t>
  </si>
  <si>
    <t>51659.0</t>
  </si>
  <si>
    <t>501.58</t>
  </si>
  <si>
    <t>43083.0</t>
  </si>
  <si>
    <t>42634897.0</t>
  </si>
  <si>
    <t>27722308.0</t>
  </si>
  <si>
    <t>18308930.0</t>
  </si>
  <si>
    <t>285625.0</t>
  </si>
  <si>
    <t>219586.0</t>
  </si>
  <si>
    <t>122810.0</t>
  </si>
  <si>
    <t>25882186.0</t>
  </si>
  <si>
    <t>42493.0</t>
  </si>
  <si>
    <t>502.405</t>
  </si>
  <si>
    <t>42683.0</t>
  </si>
  <si>
    <t>42885532.0</t>
  </si>
  <si>
    <t>27832514.0</t>
  </si>
  <si>
    <t>18501504.0</t>
  </si>
  <si>
    <t>250635.0</t>
  </si>
  <si>
    <t>235052.0</t>
  </si>
  <si>
    <t>124870.0</t>
  </si>
  <si>
    <t>25915634.0</t>
  </si>
  <si>
    <t>33448.0</t>
  </si>
  <si>
    <t>503.054</t>
  </si>
  <si>
    <t>43007509.0</t>
  </si>
  <si>
    <t>27885125.0</t>
  </si>
  <si>
    <t>18593793.0</t>
  </si>
  <si>
    <t>121977.0</t>
  </si>
  <si>
    <t>232138.0</t>
  </si>
  <si>
    <t>4475.0</t>
  </si>
  <si>
    <t>118702.0</t>
  </si>
  <si>
    <t>158503.3</t>
  </si>
  <si>
    <t>3055.54255397325</t>
  </si>
  <si>
    <t>25954762.0</t>
  </si>
  <si>
    <t>39128.0</t>
  </si>
  <si>
    <t>503.814</t>
  </si>
  <si>
    <t>42592.0</t>
  </si>
  <si>
    <t>43315450.0</t>
  </si>
  <si>
    <t>28016960.0</t>
  </si>
  <si>
    <t>18815492.0</t>
  </si>
  <si>
    <t>307941.0</t>
  </si>
  <si>
    <t>255790.0</t>
  </si>
  <si>
    <t>123852.0</t>
  </si>
  <si>
    <t>25996447.0</t>
  </si>
  <si>
    <t>504.623</t>
  </si>
  <si>
    <t>43608145.0</t>
  </si>
  <si>
    <t>28166163.0</t>
  </si>
  <si>
    <t>19007794.0</t>
  </si>
  <si>
    <t>292695.0</t>
  </si>
  <si>
    <t>260840.0</t>
  </si>
  <si>
    <t>124721.0</t>
  </si>
  <si>
    <t>26044429.0</t>
  </si>
  <si>
    <t>47982.0</t>
  </si>
  <si>
    <t>505.554</t>
  </si>
  <si>
    <t>43615.0</t>
  </si>
  <si>
    <t>43881718.0</t>
  </si>
  <si>
    <t>28300881.0</t>
  </si>
  <si>
    <t>19199704.0</t>
  </si>
  <si>
    <t>273573.0</t>
  </si>
  <si>
    <t>263158.0</t>
  </si>
  <si>
    <t>123520.0</t>
  </si>
  <si>
    <t>26092509.0</t>
  </si>
  <si>
    <t>48080.0</t>
  </si>
  <si>
    <t>506.488</t>
  </si>
  <si>
    <t>44137117.0</t>
  </si>
  <si>
    <t>28433989.0</t>
  </si>
  <si>
    <t>19370919.0</t>
  </si>
  <si>
    <t>255399.0</t>
  </si>
  <si>
    <t>255406.0</t>
  </si>
  <si>
    <t>120911.0</t>
  </si>
  <si>
    <t>26137957.0</t>
  </si>
  <si>
    <t>45448.0</t>
  </si>
  <si>
    <t>507.37</t>
  </si>
  <si>
    <t>42609.0</t>
  </si>
  <si>
    <t>44350661.0</t>
  </si>
  <si>
    <t>28647533.0</t>
  </si>
  <si>
    <t>213544.0</t>
  </si>
  <si>
    <t>245109.0</t>
  </si>
  <si>
    <t>132175.0</t>
  </si>
  <si>
    <t>26183257.0</t>
  </si>
  <si>
    <t>45300.0</t>
  </si>
  <si>
    <t>508.249</t>
  </si>
  <si>
    <t>43010.0</t>
  </si>
  <si>
    <t>231440.0</t>
  </si>
  <si>
    <t>4462.0</t>
  </si>
  <si>
    <t>120020.0</t>
  </si>
  <si>
    <t>26210517.0</t>
  </si>
  <si>
    <t>508.778</t>
  </si>
  <si>
    <t>42126.0</t>
  </si>
  <si>
    <t>44660557.0</t>
  </si>
  <si>
    <t>28697781.0</t>
  </si>
  <si>
    <t>19724680.0</t>
  </si>
  <si>
    <t>236150.0</t>
  </si>
  <si>
    <t>86.09</t>
  </si>
  <si>
    <t>116094.0</t>
  </si>
  <si>
    <t>158832.6</t>
  </si>
  <si>
    <t>3061.8906247265</t>
  </si>
  <si>
    <t>26239165.0</t>
  </si>
  <si>
    <t>509.335</t>
  </si>
  <si>
    <t>44731300.0</t>
  </si>
  <si>
    <t>19773196.0</t>
  </si>
  <si>
    <t>202264.0</t>
  </si>
  <si>
    <t>86.23</t>
  </si>
  <si>
    <t>102108.0</t>
  </si>
  <si>
    <t>26263930.0</t>
  </si>
  <si>
    <t>24765.0</t>
  </si>
  <si>
    <t>509.815</t>
  </si>
  <si>
    <t>38212.0</t>
  </si>
  <si>
    <t>194607.0</t>
  </si>
  <si>
    <t>98646.0</t>
  </si>
  <si>
    <t>26302198.0</t>
  </si>
  <si>
    <t>38268.0</t>
  </si>
  <si>
    <t>510.558</t>
  </si>
  <si>
    <t>36824.0</t>
  </si>
  <si>
    <t>189681.0</t>
  </si>
  <si>
    <t>97252.0</t>
  </si>
  <si>
    <t>26349031.0</t>
  </si>
  <si>
    <t>46833.0</t>
  </si>
  <si>
    <t>511.467</t>
  </si>
  <si>
    <t>36646.0</t>
  </si>
  <si>
    <t>187352.0</t>
  </si>
  <si>
    <t>96089.0</t>
  </si>
  <si>
    <t>26394615.0</t>
  </si>
  <si>
    <t>45584.0</t>
  </si>
  <si>
    <t>512.352</t>
  </si>
  <si>
    <t>36665.0</t>
  </si>
  <si>
    <t>45687674.0</t>
  </si>
  <si>
    <t>29231578.0</t>
  </si>
  <si>
    <t>20375431.0</t>
  </si>
  <si>
    <t>191002.0</t>
  </si>
  <si>
    <t>39.28</t>
  </si>
  <si>
    <t>83435.0</t>
  </si>
  <si>
    <t>26437758.0</t>
  </si>
  <si>
    <t>43143.0</t>
  </si>
  <si>
    <t>513.189</t>
  </si>
  <si>
    <t>36357.0</t>
  </si>
  <si>
    <t>45879607.0</t>
  </si>
  <si>
    <t>29331273.0</t>
  </si>
  <si>
    <t>20498474.0</t>
  </si>
  <si>
    <t>191933.0</t>
  </si>
  <si>
    <t>196285.0</t>
  </si>
  <si>
    <t>94088.0</t>
  </si>
  <si>
    <t>26468456.0</t>
  </si>
  <si>
    <t>30698.0</t>
  </si>
  <si>
    <t>513.785</t>
  </si>
  <si>
    <t>46007541.0</t>
  </si>
  <si>
    <t>29387056.0</t>
  </si>
  <si>
    <t>20586698.0</t>
  </si>
  <si>
    <t>127934.0</t>
  </si>
  <si>
    <t>192426.0</t>
  </si>
  <si>
    <t>88.69</t>
  </si>
  <si>
    <t>98468.0</t>
  </si>
  <si>
    <t>159114.5</t>
  </si>
  <si>
    <t>3067.3249434187</t>
  </si>
  <si>
    <t>26509571.0</t>
  </si>
  <si>
    <t>41115.0</t>
  </si>
  <si>
    <t>514.583</t>
  </si>
  <si>
    <t>38629.0</t>
  </si>
  <si>
    <t>46222565.0</t>
  </si>
  <si>
    <t>29510179.0</t>
  </si>
  <si>
    <t>20720822.0</t>
  </si>
  <si>
    <t>215024.0</t>
  </si>
  <si>
    <t>213038.0</t>
  </si>
  <si>
    <t>111209.0</t>
  </si>
  <si>
    <t>26553280.0</t>
  </si>
  <si>
    <t>43709.0</t>
  </si>
  <si>
    <t>515.432</t>
  </si>
  <si>
    <t>46454693.0</t>
  </si>
  <si>
    <t>29639006.0</t>
  </si>
  <si>
    <t>20859742.0</t>
  </si>
  <si>
    <t>232128.0</t>
  </si>
  <si>
    <t>212043.0</t>
  </si>
  <si>
    <t>111760.0</t>
  </si>
  <si>
    <t>26594370.0</t>
  </si>
  <si>
    <t>41090.0</t>
  </si>
  <si>
    <t>516.23</t>
  </si>
  <si>
    <t>46698321.0</t>
  </si>
  <si>
    <t>29772400.0</t>
  </si>
  <si>
    <t>21005191.0</t>
  </si>
  <si>
    <t>243628.0</t>
  </si>
  <si>
    <t>212691.0</t>
  </si>
  <si>
    <t>40.49</t>
  </si>
  <si>
    <t>112964.0</t>
  </si>
  <si>
    <t>26637577.0</t>
  </si>
  <si>
    <t>43207.0</t>
  </si>
  <si>
    <t>517.068</t>
  </si>
  <si>
    <t>41221.0</t>
  </si>
  <si>
    <t>46928624.0</t>
  </si>
  <si>
    <t>29899710.0</t>
  </si>
  <si>
    <t>21141526.0</t>
  </si>
  <si>
    <t>230303.0</t>
  </si>
  <si>
    <t>211435.0</t>
  </si>
  <si>
    <t>113300.0</t>
  </si>
  <si>
    <t>26685087.0</t>
  </si>
  <si>
    <t>47510.0</t>
  </si>
  <si>
    <t>517.99</t>
  </si>
  <si>
    <t>41496.0</t>
  </si>
  <si>
    <t>202840.0</t>
  </si>
  <si>
    <t>26722332.0</t>
  </si>
  <si>
    <t>37245.0</t>
  </si>
  <si>
    <t>518.713</t>
  </si>
  <si>
    <t>47286478.0</t>
  </si>
  <si>
    <t>30087518.0</t>
  </si>
  <si>
    <t>21356231.0</t>
  </si>
  <si>
    <t>200982.0</t>
  </si>
  <si>
    <t>91.16</t>
  </si>
  <si>
    <t>26752248.0</t>
  </si>
  <si>
    <t>29916.0</t>
  </si>
  <si>
    <t>519.294</t>
  </si>
  <si>
    <t>40542.0</t>
  </si>
  <si>
    <t>47404063.0</t>
  </si>
  <si>
    <t>30172182.0</t>
  </si>
  <si>
    <t>21398743.0</t>
  </si>
  <si>
    <t>117585.0</t>
  </si>
  <si>
    <t>199503.0</t>
  </si>
  <si>
    <t>112161.0</t>
  </si>
  <si>
    <t>159514.4</t>
  </si>
  <si>
    <t>3075.0340035287</t>
  </si>
  <si>
    <t>26788492.0</t>
  </si>
  <si>
    <t>36244.0</t>
  </si>
  <si>
    <t>519.998</t>
  </si>
  <si>
    <t>39846.0</t>
  </si>
  <si>
    <t>194639.0</t>
  </si>
  <si>
    <t>117382.0</t>
  </si>
  <si>
    <t>26814216.0</t>
  </si>
  <si>
    <t>25724.0</t>
  </si>
  <si>
    <t>520.497</t>
  </si>
  <si>
    <t>37277.0</t>
  </si>
  <si>
    <t>47766011.0</t>
  </si>
  <si>
    <t>21561295.0</t>
  </si>
  <si>
    <t>187331.0</t>
  </si>
  <si>
    <t>121788.0</t>
  </si>
  <si>
    <t>26854625.0</t>
  </si>
  <si>
    <t>521.281</t>
  </si>
  <si>
    <t>37179.0</t>
  </si>
  <si>
    <t>48061615.0</t>
  </si>
  <si>
    <t>21682604.0</t>
  </si>
  <si>
    <t>295604.0</t>
  </si>
  <si>
    <t>194756.0</t>
  </si>
  <si>
    <t>92.65</t>
  </si>
  <si>
    <t>26895508.0</t>
  </si>
  <si>
    <t>522.075</t>
  </si>
  <si>
    <t>36847.0</t>
  </si>
  <si>
    <t>48398765.0</t>
  </si>
  <si>
    <t>21813816.0</t>
  </si>
  <si>
    <t>337150.0</t>
  </si>
  <si>
    <t>210020.0</t>
  </si>
  <si>
    <t>93.3</t>
  </si>
  <si>
    <t>130165.0</t>
  </si>
  <si>
    <t>26940596.0</t>
  </si>
  <si>
    <t>522.95</t>
  </si>
  <si>
    <t>236232.0</t>
  </si>
  <si>
    <t>139561.0</t>
  </si>
  <si>
    <t>26985357.0</t>
  </si>
  <si>
    <t>523.819</t>
  </si>
  <si>
    <t>37575.0</t>
  </si>
  <si>
    <t>49123580.0</t>
  </si>
  <si>
    <t>22069693.0</t>
  </si>
  <si>
    <t>148956.0</t>
  </si>
  <si>
    <t>27015962.0</t>
  </si>
  <si>
    <t>30605.0</t>
  </si>
  <si>
    <t>524.413</t>
  </si>
  <si>
    <t>37673.0</t>
  </si>
  <si>
    <t>49342027.0</t>
  </si>
  <si>
    <t>22140469.0</t>
  </si>
  <si>
    <t>276852.0</t>
  </si>
  <si>
    <t>95.12</t>
  </si>
  <si>
    <t>159672.0</t>
  </si>
  <si>
    <t>159876.5</t>
  </si>
  <si>
    <t>3082.01437528622</t>
  </si>
  <si>
    <t>27061940.0</t>
  </si>
  <si>
    <t>525.306</t>
  </si>
  <si>
    <t>49708227.0</t>
  </si>
  <si>
    <t>22249865.0</t>
  </si>
  <si>
    <t>366200.0</t>
  </si>
  <si>
    <t>303313.0</t>
  </si>
  <si>
    <t>27107361.0</t>
  </si>
  <si>
    <t>526.187</t>
  </si>
  <si>
    <t>41878.0</t>
  </si>
  <si>
    <t>336682.0</t>
  </si>
  <si>
    <t>27153610.0</t>
  </si>
  <si>
    <t>46249.0</t>
  </si>
  <si>
    <t>527.085</t>
  </si>
  <si>
    <t>50537341.0</t>
  </si>
  <si>
    <t>22501438.0</t>
  </si>
  <si>
    <t>353675.0</t>
  </si>
  <si>
    <t>97.42</t>
  </si>
  <si>
    <t>27204909.0</t>
  </si>
  <si>
    <t>528.081</t>
  </si>
  <si>
    <t>44200.0</t>
  </si>
  <si>
    <t>50914404.0</t>
  </si>
  <si>
    <t>22626221.0</t>
  </si>
  <si>
    <t>377063.0</t>
  </si>
  <si>
    <t>359377.0</t>
  </si>
  <si>
    <t>98.15</t>
  </si>
  <si>
    <t>27250216.0</t>
  </si>
  <si>
    <t>45307.0</t>
  </si>
  <si>
    <t>528.96</t>
  </si>
  <si>
    <t>44231.0</t>
  </si>
  <si>
    <t>51316129.0</t>
  </si>
  <si>
    <t>22759122.0</t>
  </si>
  <si>
    <t>401725.0</t>
  </si>
  <si>
    <t>364994.0</t>
  </si>
  <si>
    <t>27292573.0</t>
  </si>
  <si>
    <t>42357.0</t>
  </si>
  <si>
    <t>529.782</t>
  </si>
  <si>
    <t>43888.0</t>
  </si>
  <si>
    <t>349340.0</t>
  </si>
  <si>
    <t>6734.0</t>
  </si>
  <si>
    <t>27336701.0</t>
  </si>
  <si>
    <t>530.639</t>
  </si>
  <si>
    <t>51821798.0</t>
  </si>
  <si>
    <t>22940295.0</t>
  </si>
  <si>
    <t>354253.0</t>
  </si>
  <si>
    <t>99.9</t>
  </si>
  <si>
    <t>44.22</t>
  </si>
  <si>
    <t>160381.8</t>
  </si>
  <si>
    <t>3091.75528069654</t>
  </si>
  <si>
    <t>27371999.0</t>
  </si>
  <si>
    <t>531.324</t>
  </si>
  <si>
    <t>44294.0</t>
  </si>
  <si>
    <t>51955048.0</t>
  </si>
  <si>
    <t>22989636.0</t>
  </si>
  <si>
    <t>133250.0</t>
  </si>
  <si>
    <t>320974.0</t>
  </si>
  <si>
    <t>100.16</t>
  </si>
  <si>
    <t>27408264.0</t>
  </si>
  <si>
    <t>36265.0</t>
  </si>
  <si>
    <t>532.028</t>
  </si>
  <si>
    <t>42986.0</t>
  </si>
  <si>
    <t>52322683.0</t>
  </si>
  <si>
    <t>23115023.0</t>
  </si>
  <si>
    <t>367635.0</t>
  </si>
  <si>
    <t>314271.0</t>
  </si>
  <si>
    <t>100.86</t>
  </si>
  <si>
    <t>27453100.0</t>
  </si>
  <si>
    <t>44836.0</t>
  </si>
  <si>
    <t>532.899</t>
  </si>
  <si>
    <t>52756342.0</t>
  </si>
  <si>
    <t>23262045.0</t>
  </si>
  <si>
    <t>433659.0</t>
  </si>
  <si>
    <t>317000.0</t>
  </si>
  <si>
    <t>27500381.0</t>
  </si>
  <si>
    <t>47281.0</t>
  </si>
  <si>
    <t>533.816</t>
  </si>
  <si>
    <t>42210.0</t>
  </si>
  <si>
    <t>53179680.0</t>
  </si>
  <si>
    <t>23405714.0</t>
  </si>
  <si>
    <t>423338.0</t>
  </si>
  <si>
    <t>323611.0</t>
  </si>
  <si>
    <t>102.52</t>
  </si>
  <si>
    <t>27552805.0</t>
  </si>
  <si>
    <t>534.834</t>
  </si>
  <si>
    <t>43227.0</t>
  </si>
  <si>
    <t>53606557.0</t>
  </si>
  <si>
    <t>23544341.0</t>
  </si>
  <si>
    <t>426877.0</t>
  </si>
  <si>
    <t>327204.0</t>
  </si>
  <si>
    <t>103.34</t>
  </si>
  <si>
    <t>27592163.0</t>
  </si>
  <si>
    <t>39358.0</t>
  </si>
  <si>
    <t>535.598</t>
  </si>
  <si>
    <t>53986327.0</t>
  </si>
  <si>
    <t>23663901.0</t>
  </si>
  <si>
    <t>379770.0</t>
  </si>
  <si>
    <t>345338.0</t>
  </si>
  <si>
    <t>104.07</t>
  </si>
  <si>
    <t>27633720.0</t>
  </si>
  <si>
    <t>536.405</t>
  </si>
  <si>
    <t>42431.0</t>
  </si>
  <si>
    <t>54179166.0</t>
  </si>
  <si>
    <t>23722622.0</t>
  </si>
  <si>
    <t>192839.0</t>
  </si>
  <si>
    <t>336767.0</t>
  </si>
  <si>
    <t>104.44</t>
  </si>
  <si>
    <t>160877.7</t>
  </si>
  <si>
    <t>3101.31497789221</t>
  </si>
  <si>
    <t>27687142.0</t>
  </si>
  <si>
    <t>53422.0</t>
  </si>
  <si>
    <t>537.442</t>
  </si>
  <si>
    <t>54578363.0</t>
  </si>
  <si>
    <t>23848604.0</t>
  </si>
  <si>
    <t>399197.0</t>
  </si>
  <si>
    <t>374759.0</t>
  </si>
  <si>
    <t>105.21</t>
  </si>
  <si>
    <t>45.97</t>
  </si>
  <si>
    <t>27730540.0</t>
  </si>
  <si>
    <t>43398.0</t>
  </si>
  <si>
    <t>538.284</t>
  </si>
  <si>
    <t>46039.0</t>
  </si>
  <si>
    <t>54982453.0</t>
  </si>
  <si>
    <t>23968195.0</t>
  </si>
  <si>
    <t>404090.0</t>
  </si>
  <si>
    <t>379967.0</t>
  </si>
  <si>
    <t>105.99</t>
  </si>
  <si>
    <t>27782429.0</t>
  </si>
  <si>
    <t>51889.0</t>
  </si>
  <si>
    <t>539.291</t>
  </si>
  <si>
    <t>47047.0</t>
  </si>
  <si>
    <t>55391614.0</t>
  </si>
  <si>
    <t>24089350.0</t>
  </si>
  <si>
    <t>409161.0</t>
  </si>
  <si>
    <t>376467.0</t>
  </si>
  <si>
    <t>106.78</t>
  </si>
  <si>
    <t>46.44</t>
  </si>
  <si>
    <t>27833471.0</t>
  </si>
  <si>
    <t>540.282</t>
  </si>
  <si>
    <t>47584.0</t>
  </si>
  <si>
    <t>373678.0</t>
  </si>
  <si>
    <t>27886578.0</t>
  </si>
  <si>
    <t>53107.0</t>
  </si>
  <si>
    <t>541.313</t>
  </si>
  <si>
    <t>47682.0</t>
  </si>
  <si>
    <t>56199245.0</t>
  </si>
  <si>
    <t>24331295.0</t>
  </si>
  <si>
    <t>370384.0</t>
  </si>
  <si>
    <t>27918068.0</t>
  </si>
  <si>
    <t>541.924</t>
  </si>
  <si>
    <t>46558.0</t>
  </si>
  <si>
    <t>56518538.0</t>
  </si>
  <si>
    <t>24420606.0</t>
  </si>
  <si>
    <t>319293.0</t>
  </si>
  <si>
    <t>108.95</t>
  </si>
  <si>
    <t>6974.0</t>
  </si>
  <si>
    <t>27960329.0</t>
  </si>
  <si>
    <t>42261.0</t>
  </si>
  <si>
    <t>542.744</t>
  </si>
  <si>
    <t>56705122.0</t>
  </si>
  <si>
    <t>24478676.0</t>
  </si>
  <si>
    <t>186584.0</t>
  </si>
  <si>
    <t>360851.0</t>
  </si>
  <si>
    <t>109.31</t>
  </si>
  <si>
    <t>6956.0</t>
  </si>
  <si>
    <t>161336.2</t>
  </si>
  <si>
    <t>3110.15369772326</t>
  </si>
  <si>
    <t>28007231.0</t>
  </si>
  <si>
    <t>46902.0</t>
  </si>
  <si>
    <t>543.655</t>
  </si>
  <si>
    <t>45727.0</t>
  </si>
  <si>
    <t>57087983.0</t>
  </si>
  <si>
    <t>24597537.0</t>
  </si>
  <si>
    <t>382861.0</t>
  </si>
  <si>
    <t>358517.0</t>
  </si>
  <si>
    <t>47.42</t>
  </si>
  <si>
    <t>28055048.0</t>
  </si>
  <si>
    <t>544.583</t>
  </si>
  <si>
    <t>57521265.0</t>
  </si>
  <si>
    <t>24744249.0</t>
  </si>
  <si>
    <t>433282.0</t>
  </si>
  <si>
    <t>362687.0</t>
  </si>
  <si>
    <t>110.89</t>
  </si>
  <si>
    <t>28103011.0</t>
  </si>
  <si>
    <t>47963.0</t>
  </si>
  <si>
    <t>545.514</t>
  </si>
  <si>
    <t>45797.0</t>
  </si>
  <si>
    <t>58251973.0</t>
  </si>
  <si>
    <t>25028663.0</t>
  </si>
  <si>
    <t>730708.0</t>
  </si>
  <si>
    <t>408623.0</t>
  </si>
  <si>
    <t>7877.0</t>
  </si>
  <si>
    <t>28149725.0</t>
  </si>
  <si>
    <t>546.421</t>
  </si>
  <si>
    <t>45179.0</t>
  </si>
  <si>
    <t>375115.0</t>
  </si>
  <si>
    <t>28201055.0</t>
  </si>
  <si>
    <t>51330.0</t>
  </si>
  <si>
    <t>547.417</t>
  </si>
  <si>
    <t>58590490.0</t>
  </si>
  <si>
    <t>25168977.0</t>
  </si>
  <si>
    <t>341606.0</t>
  </si>
  <si>
    <t>28235906.0</t>
  </si>
  <si>
    <t>548.094</t>
  </si>
  <si>
    <t>328471.0</t>
  </si>
  <si>
    <t>28272870.0</t>
  </si>
  <si>
    <t>36964.0</t>
  </si>
  <si>
    <t>548.811</t>
  </si>
  <si>
    <t>44649.0</t>
  </si>
  <si>
    <t>59045186.0</t>
  </si>
  <si>
    <t>25373204.0</t>
  </si>
  <si>
    <t>334295.0</t>
  </si>
  <si>
    <t>161969.5</t>
  </si>
  <si>
    <t>3122.3621192478</t>
  </si>
  <si>
    <t>28324522.0</t>
  </si>
  <si>
    <t>549.814</t>
  </si>
  <si>
    <t>45327.0</t>
  </si>
  <si>
    <t>59350713.0</t>
  </si>
  <si>
    <t>25520817.0</t>
  </si>
  <si>
    <t>305527.0</t>
  </si>
  <si>
    <t>323247.0</t>
  </si>
  <si>
    <t>28373219.0</t>
  </si>
  <si>
    <t>48697.0</t>
  </si>
  <si>
    <t>550.759</t>
  </si>
  <si>
    <t>45453.0</t>
  </si>
  <si>
    <t>59615178.0</t>
  </si>
  <si>
    <t>25649090.0</t>
  </si>
  <si>
    <t>264465.0</t>
  </si>
  <si>
    <t>299130.0</t>
  </si>
  <si>
    <t>28420533.0</t>
  </si>
  <si>
    <t>551.678</t>
  </si>
  <si>
    <t>45360.0</t>
  </si>
  <si>
    <t>225137.0</t>
  </si>
  <si>
    <t>28448279.0</t>
  </si>
  <si>
    <t>552.216</t>
  </si>
  <si>
    <t>42651.0</t>
  </si>
  <si>
    <t>60040692.0</t>
  </si>
  <si>
    <t>25863264.0</t>
  </si>
  <si>
    <t>231352.0</t>
  </si>
  <si>
    <t>28501606.0</t>
  </si>
  <si>
    <t>53327.0</t>
  </si>
  <si>
    <t>553.251</t>
  </si>
  <si>
    <t>60385993.0</t>
  </si>
  <si>
    <t>26041149.0</t>
  </si>
  <si>
    <t>345301.0</t>
  </si>
  <si>
    <t>256500.0</t>
  </si>
  <si>
    <t>116.41</t>
  </si>
  <si>
    <t>28529827.0</t>
  </si>
  <si>
    <t>28221.0</t>
  </si>
  <si>
    <t>553.799</t>
  </si>
  <si>
    <t>41989.0</t>
  </si>
  <si>
    <t>60630010.0</t>
  </si>
  <si>
    <t>26168206.0</t>
  </si>
  <si>
    <t>244017.0</t>
  </si>
  <si>
    <t>258882.0</t>
  </si>
  <si>
    <t>116.88</t>
  </si>
  <si>
    <t>28567153.0</t>
  </si>
  <si>
    <t>37326.0</t>
  </si>
  <si>
    <t>554.524</t>
  </si>
  <si>
    <t>42040.0</t>
  </si>
  <si>
    <t>60782329.0</t>
  </si>
  <si>
    <t>26245302.0</t>
  </si>
  <si>
    <t>152319.0</t>
  </si>
  <si>
    <t>248163.0</t>
  </si>
  <si>
    <t>162579.8</t>
  </si>
  <si>
    <t>3134.12715897057</t>
  </si>
  <si>
    <t>28626141.0</t>
  </si>
  <si>
    <t>58988.0</t>
  </si>
  <si>
    <t>555.669</t>
  </si>
  <si>
    <t>43088.0</t>
  </si>
  <si>
    <t>61087947.0</t>
  </si>
  <si>
    <t>26397923.0</t>
  </si>
  <si>
    <t>305618.0</t>
  </si>
  <si>
    <t>248176.0</t>
  </si>
  <si>
    <t>28673869.0</t>
  </si>
  <si>
    <t>556.595</t>
  </si>
  <si>
    <t>42950.0</t>
  </si>
  <si>
    <t>61405812.0</t>
  </si>
  <si>
    <t>26563983.0</t>
  </si>
  <si>
    <t>317865.0</t>
  </si>
  <si>
    <t>255805.0</t>
  </si>
  <si>
    <t>28720320.0</t>
  </si>
  <si>
    <t>46451.0</t>
  </si>
  <si>
    <t>557.497</t>
  </si>
  <si>
    <t>42827.0</t>
  </si>
  <si>
    <t>61722515.0</t>
  </si>
  <si>
    <t>26737024.0</t>
  </si>
  <si>
    <t>316703.0</t>
  </si>
  <si>
    <t>270654.0</t>
  </si>
  <si>
    <t>118.99</t>
  </si>
  <si>
    <t>28772056.0</t>
  </si>
  <si>
    <t>51736.0</t>
  </si>
  <si>
    <t>558.501</t>
  </si>
  <si>
    <t>282710.0</t>
  </si>
  <si>
    <t>28827387.0</t>
  </si>
  <si>
    <t>55331.0</t>
  </si>
  <si>
    <t>559.575</t>
  </si>
  <si>
    <t>46540.0</t>
  </si>
  <si>
    <t>62316814.0</t>
  </si>
  <si>
    <t>27077680.0</t>
  </si>
  <si>
    <t>275832.0</t>
  </si>
  <si>
    <t>28861389.0</t>
  </si>
  <si>
    <t>560.235</t>
  </si>
  <si>
    <t>62523818.0</t>
  </si>
  <si>
    <t>37836418.0</t>
  </si>
  <si>
    <t>27199605.0</t>
  </si>
  <si>
    <t>2677561.0</t>
  </si>
  <si>
    <t>270544.0</t>
  </si>
  <si>
    <t>120.53</t>
  </si>
  <si>
    <t>28899902.0</t>
  </si>
  <si>
    <t>560.983</t>
  </si>
  <si>
    <t>47536.0</t>
  </si>
  <si>
    <t>62637834.0</t>
  </si>
  <si>
    <t>37866509.0</t>
  </si>
  <si>
    <t>27266477.0</t>
  </si>
  <si>
    <t>2701928.0</t>
  </si>
  <si>
    <t>114016.0</t>
  </si>
  <si>
    <t>265072.0</t>
  </si>
  <si>
    <t>141160.0</t>
  </si>
  <si>
    <t>163064.1</t>
  </si>
  <si>
    <t>3143.4632375184</t>
  </si>
  <si>
    <t>28949694.0</t>
  </si>
  <si>
    <t>49792.0</t>
  </si>
  <si>
    <t>561.949</t>
  </si>
  <si>
    <t>46222.0</t>
  </si>
  <si>
    <t>260263.0</t>
  </si>
  <si>
    <t>127930.0</t>
  </si>
  <si>
    <t>28998098.0</t>
  </si>
  <si>
    <t>48404.0</t>
  </si>
  <si>
    <t>562.889</t>
  </si>
  <si>
    <t>46318.0</t>
  </si>
  <si>
    <t>253705.0</t>
  </si>
  <si>
    <t>114700.0</t>
  </si>
  <si>
    <t>29048302.0</t>
  </si>
  <si>
    <t>50204.0</t>
  </si>
  <si>
    <t>563.863</t>
  </si>
  <si>
    <t>46855.0</t>
  </si>
  <si>
    <t>63453700.0</t>
  </si>
  <si>
    <t>38067694.0</t>
  </si>
  <si>
    <t>27724189.0</t>
  </si>
  <si>
    <t>2906051.0</t>
  </si>
  <si>
    <t>247312.0</t>
  </si>
  <si>
    <t>122.32</t>
  </si>
  <si>
    <t>101470.0</t>
  </si>
  <si>
    <t>29107882.0</t>
  </si>
  <si>
    <t>59580.0</t>
  </si>
  <si>
    <t>565.02</t>
  </si>
  <si>
    <t>47975.0</t>
  </si>
  <si>
    <t>222920.0</t>
  </si>
  <si>
    <t>29170312.0</t>
  </si>
  <si>
    <t>566.232</t>
  </si>
  <si>
    <t>48989.0</t>
  </si>
  <si>
    <t>63706515.0</t>
  </si>
  <si>
    <t>38128577.0</t>
  </si>
  <si>
    <t>27850680.0</t>
  </si>
  <si>
    <t>2985834.0</t>
  </si>
  <si>
    <t>198529.0</t>
  </si>
  <si>
    <t>122.81</t>
  </si>
  <si>
    <t>29197614.0</t>
  </si>
  <si>
    <t>27302.0</t>
  </si>
  <si>
    <t>566.762</t>
  </si>
  <si>
    <t>48032.0</t>
  </si>
  <si>
    <t>172328.0</t>
  </si>
  <si>
    <t>42594.0</t>
  </si>
  <si>
    <t>29255499.0</t>
  </si>
  <si>
    <t>567.885</t>
  </si>
  <si>
    <t>63753706.0</t>
  </si>
  <si>
    <t>38140578.0</t>
  </si>
  <si>
    <t>27874207.0</t>
  </si>
  <si>
    <t>3000665.0</t>
  </si>
  <si>
    <t>159410.0</t>
  </si>
  <si>
    <t>122.9</t>
  </si>
  <si>
    <t>39153.0</t>
  </si>
  <si>
    <t>163914.6</t>
  </si>
  <si>
    <t>3159.85872544927</t>
  </si>
  <si>
    <t>29294006.0</t>
  </si>
  <si>
    <t>38507.0</t>
  </si>
  <si>
    <t>568.633</t>
  </si>
  <si>
    <t>63992507.0</t>
  </si>
  <si>
    <t>38194138.0</t>
  </si>
  <si>
    <t>27992589.0</t>
  </si>
  <si>
    <t>3081896.0</t>
  </si>
  <si>
    <t>238801.0</t>
  </si>
  <si>
    <t>154674.0</t>
  </si>
  <si>
    <t>29351807.0</t>
  </si>
  <si>
    <t>57801.0</t>
  </si>
  <si>
    <t>569.755</t>
  </si>
  <si>
    <t>50530.0</t>
  </si>
  <si>
    <t>148434.0</t>
  </si>
  <si>
    <t>34910.0</t>
  </si>
  <si>
    <t>29421585.0</t>
  </si>
  <si>
    <t>69778.0</t>
  </si>
  <si>
    <t>571.109</t>
  </si>
  <si>
    <t>53326.0</t>
  </si>
  <si>
    <t>64449062.0</t>
  </si>
  <si>
    <t>38295873.0</t>
  </si>
  <si>
    <t>28213115.0</t>
  </si>
  <si>
    <t>3240030.0</t>
  </si>
  <si>
    <t>142195.0</t>
  </si>
  <si>
    <t>124.24</t>
  </si>
  <si>
    <t>32597.0</t>
  </si>
  <si>
    <t>29507474.0</t>
  </si>
  <si>
    <t>572.776</t>
  </si>
  <si>
    <t>64634652.0</t>
  </si>
  <si>
    <t>38340760.0</t>
  </si>
  <si>
    <t>28297817.0</t>
  </si>
  <si>
    <t>3305086.0</t>
  </si>
  <si>
    <t>185590.0</t>
  </si>
  <si>
    <t>150649.0</t>
  </si>
  <si>
    <t>34661.0</t>
  </si>
  <si>
    <t>29564153.0</t>
  </si>
  <si>
    <t>573.877</t>
  </si>
  <si>
    <t>56263.0</t>
  </si>
  <si>
    <t>64690489.0</t>
  </si>
  <si>
    <t>38353097.0</t>
  </si>
  <si>
    <t>28323837.0</t>
  </si>
  <si>
    <t>3324832.0</t>
  </si>
  <si>
    <t>55837.0</t>
  </si>
  <si>
    <t>140568.0</t>
  </si>
  <si>
    <t>124.71</t>
  </si>
  <si>
    <t>29641342.0</t>
  </si>
  <si>
    <t>575.375</t>
  </si>
  <si>
    <t>140628.0</t>
  </si>
  <si>
    <t>31931.0</t>
  </si>
  <si>
    <t>29705607.0</t>
  </si>
  <si>
    <t>64265.0</t>
  </si>
  <si>
    <t>576.622</t>
  </si>
  <si>
    <t>64738522.0</t>
  </si>
  <si>
    <t>38363095.0</t>
  </si>
  <si>
    <t>28346885.0</t>
  </si>
  <si>
    <t>3342734.0</t>
  </si>
  <si>
    <t>140688.0</t>
  </si>
  <si>
    <t>124.8</t>
  </si>
  <si>
    <t>31788.0</t>
  </si>
  <si>
    <t>164661.1</t>
  </si>
  <si>
    <t>3174.24935653734</t>
  </si>
  <si>
    <t>29754578.0</t>
  </si>
  <si>
    <t>48971.0</t>
  </si>
  <si>
    <t>577.573</t>
  </si>
  <si>
    <t>65796.0</t>
  </si>
  <si>
    <t>64986015.0</t>
  </si>
  <si>
    <t>38420325.0</t>
  </si>
  <si>
    <t>28463323.0</t>
  </si>
  <si>
    <t>3429374.0</t>
  </si>
  <si>
    <t>247493.0</t>
  </si>
  <si>
    <t>141930.0</t>
  </si>
  <si>
    <t>125.28</t>
  </si>
  <si>
    <t>29831221.0</t>
  </si>
  <si>
    <t>76643.0</t>
  </si>
  <si>
    <t>579.061</t>
  </si>
  <si>
    <t>68488.0</t>
  </si>
  <si>
    <t>65271100.0</t>
  </si>
  <si>
    <t>38488522.0</t>
  </si>
  <si>
    <t>28600589.0</t>
  </si>
  <si>
    <t>3522444.0</t>
  </si>
  <si>
    <t>285085.0</t>
  </si>
  <si>
    <t>125.83</t>
  </si>
  <si>
    <t>29922299.0</t>
  </si>
  <si>
    <t>580.829</t>
  </si>
  <si>
    <t>71531.0</t>
  </si>
  <si>
    <t>65563271.0</t>
  </si>
  <si>
    <t>38563154.0</t>
  </si>
  <si>
    <t>28741288.0</t>
  </si>
  <si>
    <t>3612619.0</t>
  </si>
  <si>
    <t>292171.0</t>
  </si>
  <si>
    <t>159173.0</t>
  </si>
  <si>
    <t>126.39</t>
  </si>
  <si>
    <t>38183.0</t>
  </si>
  <si>
    <t>30018801.0</t>
  </si>
  <si>
    <t>96502.0</t>
  </si>
  <si>
    <t>582.702</t>
  </si>
  <si>
    <t>73047.0</t>
  </si>
  <si>
    <t>65895507.0</t>
  </si>
  <si>
    <t>38650089.0</t>
  </si>
  <si>
    <t>28903827.0</t>
  </si>
  <si>
    <t>3710208.0</t>
  </si>
  <si>
    <t>332236.0</t>
  </si>
  <si>
    <t>180122.0</t>
  </si>
  <si>
    <t>127.03</t>
  </si>
  <si>
    <t>30140981.0</t>
  </si>
  <si>
    <t>122180.0</t>
  </si>
  <si>
    <t>585.074</t>
  </si>
  <si>
    <t>82404.0</t>
  </si>
  <si>
    <t>210129.0</t>
  </si>
  <si>
    <t>30213446.0</t>
  </si>
  <si>
    <t>72465.0</t>
  </si>
  <si>
    <t>586.48</t>
  </si>
  <si>
    <t>66427277.0</t>
  </si>
  <si>
    <t>38790254.0</t>
  </si>
  <si>
    <t>29160533.0</t>
  </si>
  <si>
    <t>3872825.0</t>
  </si>
  <si>
    <t>244682.0</t>
  </si>
  <si>
    <t>61737.0</t>
  </si>
  <si>
    <t>30318757.0</t>
  </si>
  <si>
    <t>105311.0</t>
  </si>
  <si>
    <t>588.524</t>
  </si>
  <si>
    <t>87593.0</t>
  </si>
  <si>
    <t>66546267.0</t>
  </si>
  <si>
    <t>38818655.0</t>
  </si>
  <si>
    <t>29217362.0</t>
  </si>
  <si>
    <t>3912713.0</t>
  </si>
  <si>
    <t>118990.0</t>
  </si>
  <si>
    <t>258249.0</t>
  </si>
  <si>
    <t>128.28</t>
  </si>
  <si>
    <t>65080.0</t>
  </si>
  <si>
    <t>165718.8</t>
  </si>
  <si>
    <t>3194.63913617813</t>
  </si>
  <si>
    <t>30415061.0</t>
  </si>
  <si>
    <t>96304.0</t>
  </si>
  <si>
    <t>590.394</t>
  </si>
  <si>
    <t>94355.0</t>
  </si>
  <si>
    <t>66646518.0</t>
  </si>
  <si>
    <t>38843101.0</t>
  </si>
  <si>
    <t>29265389.0</t>
  </si>
  <si>
    <t>3945749.0</t>
  </si>
  <si>
    <t>100251.0</t>
  </si>
  <si>
    <t>237215.0</t>
  </si>
  <si>
    <t>60397.0</t>
  </si>
  <si>
    <t>30527571.0</t>
  </si>
  <si>
    <t>112510.0</t>
  </si>
  <si>
    <t>592.578</t>
  </si>
  <si>
    <t>99479.0</t>
  </si>
  <si>
    <t>66935960.0</t>
  </si>
  <si>
    <t>38922281.0</t>
  </si>
  <si>
    <t>29407178.0</t>
  </si>
  <si>
    <t>4030813.0</t>
  </si>
  <si>
    <t>289442.0</t>
  </si>
  <si>
    <t>237837.0</t>
  </si>
  <si>
    <t>61966.0</t>
  </si>
  <si>
    <t>30659185.0</t>
  </si>
  <si>
    <t>131614.0</t>
  </si>
  <si>
    <t>595.133</t>
  </si>
  <si>
    <t>105269.0</t>
  </si>
  <si>
    <t>67269813.0</t>
  </si>
  <si>
    <t>39009064.0</t>
  </si>
  <si>
    <t>29556927.0</t>
  </si>
  <si>
    <t>4145562.0</t>
  </si>
  <si>
    <t>333853.0</t>
  </si>
  <si>
    <t>243792.0</t>
  </si>
  <si>
    <t>129.68</t>
  </si>
  <si>
    <t>30768565.0</t>
  </si>
  <si>
    <t>109380.0</t>
  </si>
  <si>
    <t>597.256</t>
  </si>
  <si>
    <t>107109.0</t>
  </si>
  <si>
    <t>67597103.0</t>
  </si>
  <si>
    <t>39093566.0</t>
  </si>
  <si>
    <t>29697446.0</t>
  </si>
  <si>
    <t>4265089.0</t>
  </si>
  <si>
    <t>327290.0</t>
  </si>
  <si>
    <t>243085.0</t>
  </si>
  <si>
    <t>130.31</t>
  </si>
  <si>
    <t>63354.0</t>
  </si>
  <si>
    <t>30873168.0</t>
  </si>
  <si>
    <t>104603.0</t>
  </si>
  <si>
    <t>599.286</t>
  </si>
  <si>
    <t>104598.0</t>
  </si>
  <si>
    <t>67904417.0</t>
  </si>
  <si>
    <t>39170383.0</t>
  </si>
  <si>
    <t>29827683.0</t>
  </si>
  <si>
    <t>4382955.0</t>
  </si>
  <si>
    <t>307314.0</t>
  </si>
  <si>
    <t>249004.0</t>
  </si>
  <si>
    <t>64316.0</t>
  </si>
  <si>
    <t>30928838.0</t>
  </si>
  <si>
    <t>55670.0</t>
  </si>
  <si>
    <t>600.367</t>
  </si>
  <si>
    <t>102199.0</t>
  </si>
  <si>
    <t>68156006.0</t>
  </si>
  <si>
    <t>39227216.0</t>
  </si>
  <si>
    <t>29932016.0</t>
  </si>
  <si>
    <t>4485722.0</t>
  </si>
  <si>
    <t>251589.0</t>
  </si>
  <si>
    <t>246961.0</t>
  </si>
  <si>
    <t>131.39</t>
  </si>
  <si>
    <t>31011436.0</t>
  </si>
  <si>
    <t>82598.0</t>
  </si>
  <si>
    <t>601.97</t>
  </si>
  <si>
    <t>98954.0</t>
  </si>
  <si>
    <t>261404.0</t>
  </si>
  <si>
    <t>74483.0</t>
  </si>
  <si>
    <t>167667.3</t>
  </si>
  <si>
    <t>3232.20128577638</t>
  </si>
  <si>
    <t>31112114.0</t>
  </si>
  <si>
    <t>100678.0</t>
  </si>
  <si>
    <t>603.925</t>
  </si>
  <si>
    <t>99579.0</t>
  </si>
  <si>
    <t>68596190.0</t>
  </si>
  <si>
    <t>39452852.0</t>
  </si>
  <si>
    <t>30123811.0</t>
  </si>
  <si>
    <t>4537214.0</t>
  </si>
  <si>
    <t>278525.0</t>
  </si>
  <si>
    <t>87107.0</t>
  </si>
  <si>
    <t>31204913.0</t>
  </si>
  <si>
    <t>605.726</t>
  </si>
  <si>
    <t>96763.0</t>
  </si>
  <si>
    <t>68880919.0</t>
  </si>
  <si>
    <t>30252538.0</t>
  </si>
  <si>
    <t>4753812.0</t>
  </si>
  <si>
    <t>284729.0</t>
  </si>
  <si>
    <t>277851.0</t>
  </si>
  <si>
    <t>31295971.0</t>
  </si>
  <si>
    <t>91058.0</t>
  </si>
  <si>
    <t>607.493</t>
  </si>
  <si>
    <t>90969.0</t>
  </si>
  <si>
    <t>69176876.0</t>
  </si>
  <si>
    <t>39489492.0</t>
  </si>
  <si>
    <t>30396132.0</t>
  </si>
  <si>
    <t>4849402.0</t>
  </si>
  <si>
    <t>295957.0</t>
  </si>
  <si>
    <t>272438.0</t>
  </si>
  <si>
    <t>133.36</t>
  </si>
  <si>
    <t>68633.0</t>
  </si>
  <si>
    <t>31388148.0</t>
  </si>
  <si>
    <t>92177.0</t>
  </si>
  <si>
    <t>609.283</t>
  </si>
  <si>
    <t>88512.0</t>
  </si>
  <si>
    <t>269438.0</t>
  </si>
  <si>
    <t>69726.0</t>
  </si>
  <si>
    <t>31473561.0</t>
  </si>
  <si>
    <t>85413.0</t>
  </si>
  <si>
    <t>610.941</t>
  </si>
  <si>
    <t>85770.0</t>
  </si>
  <si>
    <t>69789455.0</t>
  </si>
  <si>
    <t>39673802.0</t>
  </si>
  <si>
    <t>30681379.0</t>
  </si>
  <si>
    <t>5038247.0</t>
  </si>
  <si>
    <t>269291.0</t>
  </si>
  <si>
    <t>134.54</t>
  </si>
  <si>
    <t>71917.0</t>
  </si>
  <si>
    <t>31520295.0</t>
  </si>
  <si>
    <t>46734.0</t>
  </si>
  <si>
    <t>611.848</t>
  </si>
  <si>
    <t>84494.0</t>
  </si>
  <si>
    <t>255928.0</t>
  </si>
  <si>
    <t>70968.0</t>
  </si>
  <si>
    <t>31588844.0</t>
  </si>
  <si>
    <t>68549.0</t>
  </si>
  <si>
    <t>613.178</t>
  </si>
  <si>
    <t>82487.0</t>
  </si>
  <si>
    <t>70105545.0</t>
  </si>
  <si>
    <t>39774180.0</t>
  </si>
  <si>
    <t>30825161.0</t>
  </si>
  <si>
    <t>5134877.0</t>
  </si>
  <si>
    <t>247064.0</t>
  </si>
  <si>
    <t>135.15</t>
  </si>
  <si>
    <t>170423.8</t>
  </si>
  <si>
    <t>3285.33963084571</t>
  </si>
  <si>
    <t>31676327.0</t>
  </si>
  <si>
    <t>87483.0</t>
  </si>
  <si>
    <t>614.877</t>
  </si>
  <si>
    <t>80602.0</t>
  </si>
  <si>
    <t>70350747.0</t>
  </si>
  <si>
    <t>39862563.0</t>
  </si>
  <si>
    <t>30944953.0</t>
  </si>
  <si>
    <t>5196394.0</t>
  </si>
  <si>
    <t>245202.0</t>
  </si>
  <si>
    <t>58530.0</t>
  </si>
  <si>
    <t>31748771.0</t>
  </si>
  <si>
    <t>72444.0</t>
  </si>
  <si>
    <t>616.283</t>
  </si>
  <si>
    <t>77694.0</t>
  </si>
  <si>
    <t>70595963.0</t>
  </si>
  <si>
    <t>39949419.0</t>
  </si>
  <si>
    <t>31062511.0</t>
  </si>
  <si>
    <t>5263357.0</t>
  </si>
  <si>
    <t>245216.0</t>
  </si>
  <si>
    <t>245006.0</t>
  </si>
  <si>
    <t>68321.0</t>
  </si>
  <si>
    <t>31815726.0</t>
  </si>
  <si>
    <t>66955.0</t>
  </si>
  <si>
    <t>617.582</t>
  </si>
  <si>
    <t>74251.0</t>
  </si>
  <si>
    <t>238065.0</t>
  </si>
  <si>
    <t>76768.0</t>
  </si>
  <si>
    <t>31882163.0</t>
  </si>
  <si>
    <t>66437.0</t>
  </si>
  <si>
    <t>618.872</t>
  </si>
  <si>
    <t>70574.0</t>
  </si>
  <si>
    <t>71090693.0</t>
  </si>
  <si>
    <t>40104316.0</t>
  </si>
  <si>
    <t>31296243.0</t>
  </si>
  <si>
    <t>5421202.0</t>
  </si>
  <si>
    <t>229647.0</t>
  </si>
  <si>
    <t>137.04</t>
  </si>
  <si>
    <t>74667.0</t>
  </si>
  <si>
    <t>31952688.0</t>
  </si>
  <si>
    <t>620.241</t>
  </si>
  <si>
    <t>68447.0</t>
  </si>
  <si>
    <t>71320917.0</t>
  </si>
  <si>
    <t>40172345.0</t>
  </si>
  <si>
    <t>31402127.0</t>
  </si>
  <si>
    <t>5498539.0</t>
  </si>
  <si>
    <t>230224.0</t>
  </si>
  <si>
    <t>218780.0</t>
  </si>
  <si>
    <t>71220.0</t>
  </si>
  <si>
    <t>31991015.0</t>
  </si>
  <si>
    <t>38327.0</t>
  </si>
  <si>
    <t>620.985</t>
  </si>
  <si>
    <t>67246.0</t>
  </si>
  <si>
    <t>71597387.0</t>
  </si>
  <si>
    <t>40262427.0</t>
  </si>
  <si>
    <t>31522344.0</t>
  </si>
  <si>
    <t>5586501.0</t>
  </si>
  <si>
    <t>276470.0</t>
  </si>
  <si>
    <t>235698.0</t>
  </si>
  <si>
    <t>76919.0</t>
  </si>
  <si>
    <t>32050333.0</t>
  </si>
  <si>
    <t>59318.0</t>
  </si>
  <si>
    <t>622.136</t>
  </si>
  <si>
    <t>65927.0</t>
  </si>
  <si>
    <t>71700174.0</t>
  </si>
  <si>
    <t>40286441.0</t>
  </si>
  <si>
    <t>31568206.0</t>
  </si>
  <si>
    <t>5626752.0</t>
  </si>
  <si>
    <t>102787.0</t>
  </si>
  <si>
    <t>227804.0</t>
  </si>
  <si>
    <t>138.22</t>
  </si>
  <si>
    <t>73180.0</t>
  </si>
  <si>
    <t>173696.9</t>
  </si>
  <si>
    <t>3348.43671673231</t>
  </si>
  <si>
    <t>32096717.0</t>
  </si>
  <si>
    <t>46384.0</t>
  </si>
  <si>
    <t>623.037</t>
  </si>
  <si>
    <t>60056.0</t>
  </si>
  <si>
    <t>71927908.0</t>
  </si>
  <si>
    <t>40348092.0</t>
  </si>
  <si>
    <t>31668670.0</t>
  </si>
  <si>
    <t>5715017.0</t>
  </si>
  <si>
    <t>227734.0</t>
  </si>
  <si>
    <t>225309.0</t>
  </si>
  <si>
    <t>69361.0</t>
  </si>
  <si>
    <t>32155328.0</t>
  </si>
  <si>
    <t>58611.0</t>
  </si>
  <si>
    <t>624.175</t>
  </si>
  <si>
    <t>72153729.0</t>
  </si>
  <si>
    <t>40403140.0</t>
  </si>
  <si>
    <t>31765969.0</t>
  </si>
  <si>
    <t>5808639.0</t>
  </si>
  <si>
    <t>225821.0</t>
  </si>
  <si>
    <t>222538.0</t>
  </si>
  <si>
    <t>64817.0</t>
  </si>
  <si>
    <t>32217624.0</t>
  </si>
  <si>
    <t>625.384</t>
  </si>
  <si>
    <t>57414.0</t>
  </si>
  <si>
    <t>72614845.0</t>
  </si>
  <si>
    <t>40499018.0</t>
  </si>
  <si>
    <t>31957431.0</t>
  </si>
  <si>
    <t>6018758.0</t>
  </si>
  <si>
    <t>461116.0</t>
  </si>
  <si>
    <t>253074.0</t>
  </si>
  <si>
    <t>139.98</t>
  </si>
  <si>
    <t>32270008.0</t>
  </si>
  <si>
    <t>52384.0</t>
  </si>
  <si>
    <t>626.401</t>
  </si>
  <si>
    <t>55406.0</t>
  </si>
  <si>
    <t>60404.0</t>
  </si>
  <si>
    <t>32328963.0</t>
  </si>
  <si>
    <t>58955.0</t>
  </si>
  <si>
    <t>627.545</t>
  </si>
  <si>
    <t>53754.0</t>
  </si>
  <si>
    <t>72926924.0</t>
  </si>
  <si>
    <t>40555273.0</t>
  </si>
  <si>
    <t>32076232.0</t>
  </si>
  <si>
    <t>6175302.0</t>
  </si>
  <si>
    <t>229430.0</t>
  </si>
  <si>
    <t>54704.0</t>
  </si>
  <si>
    <t>32356921.0</t>
  </si>
  <si>
    <t>27958.0</t>
  </si>
  <si>
    <t>628.088</t>
  </si>
  <si>
    <t>52272.0</t>
  </si>
  <si>
    <t>73129930.0</t>
  </si>
  <si>
    <t>40590831.0</t>
  </si>
  <si>
    <t>32155932.0</t>
  </si>
  <si>
    <t>6273737.0</t>
  </si>
  <si>
    <t>203006.0</t>
  </si>
  <si>
    <t>218935.0</t>
  </si>
  <si>
    <t>140.98</t>
  </si>
  <si>
    <t>46915.0</t>
  </si>
  <si>
    <t>32399330.0</t>
  </si>
  <si>
    <t>42409.0</t>
  </si>
  <si>
    <t>628.911</t>
  </si>
  <si>
    <t>49857.0</t>
  </si>
  <si>
    <t>73325312.0</t>
  </si>
  <si>
    <t>40664129.0</t>
  </si>
  <si>
    <t>32248330.0</t>
  </si>
  <si>
    <t>6324522.0</t>
  </si>
  <si>
    <t>195382.0</t>
  </si>
  <si>
    <t>232163.0</t>
  </si>
  <si>
    <t>141.35</t>
  </si>
  <si>
    <t>53955.0</t>
  </si>
  <si>
    <t>176541.8</t>
  </si>
  <si>
    <t>33.41</t>
  </si>
  <si>
    <t>3403.27919011803</t>
  </si>
  <si>
    <t>32439499.0</t>
  </si>
  <si>
    <t>40169.0</t>
  </si>
  <si>
    <t>629.691</t>
  </si>
  <si>
    <t>73549566.0</t>
  </si>
  <si>
    <t>40706935.0</t>
  </si>
  <si>
    <t>32331677.0</t>
  </si>
  <si>
    <t>6438577.0</t>
  </si>
  <si>
    <t>224254.0</t>
  </si>
  <si>
    <t>231665.0</t>
  </si>
  <si>
    <t>141.78</t>
  </si>
  <si>
    <t>51263.0</t>
  </si>
  <si>
    <t>32500421.0</t>
  </si>
  <si>
    <t>60922.0</t>
  </si>
  <si>
    <t>630.873</t>
  </si>
  <si>
    <t>49299.0</t>
  </si>
  <si>
    <t>73778566.0</t>
  </si>
  <si>
    <t>40746508.0</t>
  </si>
  <si>
    <t>32414333.0</t>
  </si>
  <si>
    <t>6560186.0</t>
  </si>
  <si>
    <t>229000.0</t>
  </si>
  <si>
    <t>232120.0</t>
  </si>
  <si>
    <t>142.23</t>
  </si>
  <si>
    <t>32542383.0</t>
  </si>
  <si>
    <t>41962.0</t>
  </si>
  <si>
    <t>631.688</t>
  </si>
  <si>
    <t>46394.0</t>
  </si>
  <si>
    <t>74043064.0</t>
  </si>
  <si>
    <t>40788751.0</t>
  </si>
  <si>
    <t>32503403.0</t>
  </si>
  <si>
    <t>6709409.0</t>
  </si>
  <si>
    <t>264498.0</t>
  </si>
  <si>
    <t>204031.0</t>
  </si>
  <si>
    <t>142.74</t>
  </si>
  <si>
    <t>41390.0</t>
  </si>
  <si>
    <t>32587058.0</t>
  </si>
  <si>
    <t>44675.0</t>
  </si>
  <si>
    <t>632.555</t>
  </si>
  <si>
    <t>45293.0</t>
  </si>
  <si>
    <t>74290915.0</t>
  </si>
  <si>
    <t>40830740.0</t>
  </si>
  <si>
    <t>32586898.0</t>
  </si>
  <si>
    <t>6846944.0</t>
  </si>
  <si>
    <t>247851.0</t>
  </si>
  <si>
    <t>217147.0</t>
  </si>
  <si>
    <t>32607499.0</t>
  </si>
  <si>
    <t>20441.0</t>
  </si>
  <si>
    <t>632.952</t>
  </si>
  <si>
    <t>39791.0</t>
  </si>
  <si>
    <t>74561909.0</t>
  </si>
  <si>
    <t>40877239.0</t>
  </si>
  <si>
    <t>32679549.0</t>
  </si>
  <si>
    <t>6993963.0</t>
  </si>
  <si>
    <t>270994.0</t>
  </si>
  <si>
    <t>233569.0</t>
  </si>
  <si>
    <t>45995.0</t>
  </si>
  <si>
    <t>32631490.0</t>
  </si>
  <si>
    <t>23991.0</t>
  </si>
  <si>
    <t>633.417</t>
  </si>
  <si>
    <t>39224.0</t>
  </si>
  <si>
    <t>74766645.0</t>
  </si>
  <si>
    <t>40907085.0</t>
  </si>
  <si>
    <t>32747871.0</t>
  </si>
  <si>
    <t>7109363.0</t>
  </si>
  <si>
    <t>204736.0</t>
  </si>
  <si>
    <t>233816.0</t>
  </si>
  <si>
    <t>144.13</t>
  </si>
  <si>
    <t>32667537.0</t>
  </si>
  <si>
    <t>36047.0</t>
  </si>
  <si>
    <t>634.117</t>
  </si>
  <si>
    <t>38315.0</t>
  </si>
  <si>
    <t>74852552.0</t>
  </si>
  <si>
    <t>40918363.0</t>
  </si>
  <si>
    <t>32775467.0</t>
  </si>
  <si>
    <t>7160288.0</t>
  </si>
  <si>
    <t>218177.0</t>
  </si>
  <si>
    <t>63.18</t>
  </si>
  <si>
    <t>36319.0</t>
  </si>
  <si>
    <t>178599.1</t>
  </si>
  <si>
    <t>3442.93872841338</t>
  </si>
  <si>
    <t>32697181.0</t>
  </si>
  <si>
    <t>634.693</t>
  </si>
  <si>
    <t>36812.0</t>
  </si>
  <si>
    <t>75086726.0</t>
  </si>
  <si>
    <t>40959950.0</t>
  </si>
  <si>
    <t>32850895.0</t>
  </si>
  <si>
    <t>7292101.0</t>
  </si>
  <si>
    <t>234174.0</t>
  </si>
  <si>
    <t>219594.0</t>
  </si>
  <si>
    <t>144.75</t>
  </si>
  <si>
    <t>32732814.0</t>
  </si>
  <si>
    <t>35633.0</t>
  </si>
  <si>
    <t>635.384</t>
  </si>
  <si>
    <t>33199.0</t>
  </si>
  <si>
    <t>75320803.0</t>
  </si>
  <si>
    <t>41002546.0</t>
  </si>
  <si>
    <t>32922693.0</t>
  </si>
  <si>
    <t>7426279.0</t>
  </si>
  <si>
    <t>234077.0</t>
  </si>
  <si>
    <t>220320.0</t>
  </si>
  <si>
    <t>145.2</t>
  </si>
  <si>
    <t>36577.0</t>
  </si>
  <si>
    <t>32768444.0</t>
  </si>
  <si>
    <t>35630.0</t>
  </si>
  <si>
    <t>636.076</t>
  </si>
  <si>
    <t>32294.0</t>
  </si>
  <si>
    <t>75533930.0</t>
  </si>
  <si>
    <t>41039767.0</t>
  </si>
  <si>
    <t>32991350.0</t>
  </si>
  <si>
    <t>7547291.0</t>
  </si>
  <si>
    <t>213127.0</t>
  </si>
  <si>
    <t>212981.0</t>
  </si>
  <si>
    <t>145.61</t>
  </si>
  <si>
    <t>4106.0</t>
  </si>
  <si>
    <t>35859.0</t>
  </si>
  <si>
    <t>32807426.0</t>
  </si>
  <si>
    <t>636.833</t>
  </si>
  <si>
    <t>75732846.0</t>
  </si>
  <si>
    <t>41079423.0</t>
  </si>
  <si>
    <t>33056351.0</t>
  </si>
  <si>
    <t>7656978.0</t>
  </si>
  <si>
    <t>198916.0</t>
  </si>
  <si>
    <t>205990.0</t>
  </si>
  <si>
    <t>145.99</t>
  </si>
  <si>
    <t>35526.0</t>
  </si>
  <si>
    <t>32841322.0</t>
  </si>
  <si>
    <t>33896.0</t>
  </si>
  <si>
    <t>637.491</t>
  </si>
  <si>
    <t>33403.0</t>
  </si>
  <si>
    <t>183675.0</t>
  </si>
  <si>
    <t>32861425.0</t>
  </si>
  <si>
    <t>20103.0</t>
  </si>
  <si>
    <t>637.881</t>
  </si>
  <si>
    <t>75962425.0</t>
  </si>
  <si>
    <t>41121168.0</t>
  </si>
  <si>
    <t>33130745.0</t>
  </si>
  <si>
    <t>7784212.0</t>
  </si>
  <si>
    <t>170826.0</t>
  </si>
  <si>
    <t>146.44</t>
  </si>
  <si>
    <t>63.87</t>
  </si>
  <si>
    <t>32892409.0</t>
  </si>
  <si>
    <t>30984.0</t>
  </si>
  <si>
    <t>638.482</t>
  </si>
  <si>
    <t>32125.0</t>
  </si>
  <si>
    <t>76193263.0</t>
  </si>
  <si>
    <t>41155481.0</t>
  </si>
  <si>
    <t>33206412.0</t>
  </si>
  <si>
    <t>7916114.0</t>
  </si>
  <si>
    <t>230838.0</t>
  </si>
  <si>
    <t>191530.0</t>
  </si>
  <si>
    <t>146.88</t>
  </si>
  <si>
    <t>33874.0</t>
  </si>
  <si>
    <t>179913.6</t>
  </si>
  <si>
    <t>3468.27896225834</t>
  </si>
  <si>
    <t>32919122.0</t>
  </si>
  <si>
    <t>26713.0</t>
  </si>
  <si>
    <t>639.001</t>
  </si>
  <si>
    <t>31706.0</t>
  </si>
  <si>
    <t>76367277.0</t>
  </si>
  <si>
    <t>41186677.0</t>
  </si>
  <si>
    <t>33260818.0</t>
  </si>
  <si>
    <t>8015694.0</t>
  </si>
  <si>
    <t>174014.0</t>
  </si>
  <si>
    <t>182936.0</t>
  </si>
  <si>
    <t>32390.0</t>
  </si>
  <si>
    <t>32954825.0</t>
  </si>
  <si>
    <t>35703.0</t>
  </si>
  <si>
    <t>639.694</t>
  </si>
  <si>
    <t>31716.0</t>
  </si>
  <si>
    <t>76557520.0</t>
  </si>
  <si>
    <t>41219162.0</t>
  </si>
  <si>
    <t>33318561.0</t>
  </si>
  <si>
    <t>8128813.0</t>
  </si>
  <si>
    <t>190243.0</t>
  </si>
  <si>
    <t>176674.0</t>
  </si>
  <si>
    <t>147.58</t>
  </si>
  <si>
    <t>30945.0</t>
  </si>
  <si>
    <t>32988984.0</t>
  </si>
  <si>
    <t>34159.0</t>
  </si>
  <si>
    <t>640.357</t>
  </si>
  <si>
    <t>31506.0</t>
  </si>
  <si>
    <t>76733198.0</t>
  </si>
  <si>
    <t>41253498.0</t>
  </si>
  <si>
    <t>33371543.0</t>
  </si>
  <si>
    <t>8229013.0</t>
  </si>
  <si>
    <t>175678.0</t>
  </si>
  <si>
    <t>171324.0</t>
  </si>
  <si>
    <t>147.92</t>
  </si>
  <si>
    <t>64.33</t>
  </si>
  <si>
    <t>30533.0</t>
  </si>
  <si>
    <t>33024037.0</t>
  </si>
  <si>
    <t>35053.0</t>
  </si>
  <si>
    <t>641.037</t>
  </si>
  <si>
    <t>157551.0</t>
  </si>
  <si>
    <t>27342.0</t>
  </si>
  <si>
    <t>33057374.0</t>
  </si>
  <si>
    <t>33337.0</t>
  </si>
  <si>
    <t>641.684</t>
  </si>
  <si>
    <t>30865.0</t>
  </si>
  <si>
    <t>26835.0</t>
  </si>
  <si>
    <t>33075038.0</t>
  </si>
  <si>
    <t>642.027</t>
  </si>
  <si>
    <t>30516.0</t>
  </si>
  <si>
    <t>154040.0</t>
  </si>
  <si>
    <t>26327.0</t>
  </si>
  <si>
    <t>33104172.0</t>
  </si>
  <si>
    <t>29134.0</t>
  </si>
  <si>
    <t>642.593</t>
  </si>
  <si>
    <t>30252.0</t>
  </si>
  <si>
    <t>135706.0</t>
  </si>
  <si>
    <t>180573.5</t>
  </si>
  <si>
    <t>3481.00016447537</t>
  </si>
  <si>
    <t>33132536.0</t>
  </si>
  <si>
    <t>643.143</t>
  </si>
  <si>
    <t>30488.0</t>
  </si>
  <si>
    <t>21917.0</t>
  </si>
  <si>
    <t>33162747.0</t>
  </si>
  <si>
    <t>30211.0</t>
  </si>
  <si>
    <t>643.73</t>
  </si>
  <si>
    <t>29703.0</t>
  </si>
  <si>
    <t>112956.0</t>
  </si>
  <si>
    <t>19751.0</t>
  </si>
  <si>
    <t>33188938.0</t>
  </si>
  <si>
    <t>26191.0</t>
  </si>
  <si>
    <t>644.238</t>
  </si>
  <si>
    <t>102502.0</t>
  </si>
  <si>
    <t>17320.0</t>
  </si>
  <si>
    <t>33220052.0</t>
  </si>
  <si>
    <t>31114.0</t>
  </si>
  <si>
    <t>644.842</t>
  </si>
  <si>
    <t>33248513.0</t>
  </si>
  <si>
    <t>28461.0</t>
  </si>
  <si>
    <t>645.395</t>
  </si>
  <si>
    <t>77655719.0</t>
  </si>
  <si>
    <t>41409379.0</t>
  </si>
  <si>
    <t>33706581.0</t>
  </si>
  <si>
    <t>8715348.0</t>
  </si>
  <si>
    <t>33264232.0</t>
  </si>
  <si>
    <t>15719.0</t>
  </si>
  <si>
    <t>645.7</t>
  </si>
  <si>
    <t>27028.0</t>
  </si>
  <si>
    <t>109789.0</t>
  </si>
  <si>
    <t>33288779.0</t>
  </si>
  <si>
    <t>24547.0</t>
  </si>
  <si>
    <t>646.176</t>
  </si>
  <si>
    <t>26372.0</t>
  </si>
  <si>
    <t>117075.0</t>
  </si>
  <si>
    <t>18832.0</t>
  </si>
  <si>
    <t>180937.2</t>
  </si>
  <si>
    <t>3488.01138018432</t>
  </si>
  <si>
    <t>33312775.0</t>
  </si>
  <si>
    <t>23996.0</t>
  </si>
  <si>
    <t>646.642</t>
  </si>
  <si>
    <t>25748.0</t>
  </si>
  <si>
    <t>124362.0</t>
  </si>
  <si>
    <t>19587.0</t>
  </si>
  <si>
    <t>33338876.0</t>
  </si>
  <si>
    <t>647.149</t>
  </si>
  <si>
    <t>25161.0</t>
  </si>
  <si>
    <t>131649.0</t>
  </si>
  <si>
    <t>20343.0</t>
  </si>
  <si>
    <t>33365579.0</t>
  </si>
  <si>
    <t>647.667</t>
  </si>
  <si>
    <t>25234.0</t>
  </si>
  <si>
    <t>78423261.0</t>
  </si>
  <si>
    <t>41522429.0</t>
  </si>
  <si>
    <t>33973503.0</t>
  </si>
  <si>
    <t>9147317.0</t>
  </si>
  <si>
    <t>138935.0</t>
  </si>
  <si>
    <t>151.18</t>
  </si>
  <si>
    <t>21099.0</t>
  </si>
  <si>
    <t>33392633.0</t>
  </si>
  <si>
    <t>27054.0</t>
  </si>
  <si>
    <t>648.192</t>
  </si>
  <si>
    <t>142821.0</t>
  </si>
  <si>
    <t>21457.0</t>
  </si>
  <si>
    <t>33419896.0</t>
  </si>
  <si>
    <t>648.721</t>
  </si>
  <si>
    <t>24483.0</t>
  </si>
  <si>
    <t>78682668.0</t>
  </si>
  <si>
    <t>41562091.0</t>
  </si>
  <si>
    <t>34062856.0</t>
  </si>
  <si>
    <t>9293334.0</t>
  </si>
  <si>
    <t>146707.0</t>
  </si>
  <si>
    <t>151.68</t>
  </si>
  <si>
    <t>33433475.0</t>
  </si>
  <si>
    <t>13579.0</t>
  </si>
  <si>
    <t>648.985</t>
  </si>
  <si>
    <t>140204.0</t>
  </si>
  <si>
    <t>21152.0</t>
  </si>
  <si>
    <t>33454880.0</t>
  </si>
  <si>
    <t>649.4</t>
  </si>
  <si>
    <t>133702.0</t>
  </si>
  <si>
    <t>181134.3</t>
  </si>
  <si>
    <t>3491.81096945084</t>
  </si>
  <si>
    <t>33478190.0</t>
  </si>
  <si>
    <t>649.853</t>
  </si>
  <si>
    <t>33504205.0</t>
  </si>
  <si>
    <t>650.358</t>
  </si>
  <si>
    <t>23618.0</t>
  </si>
  <si>
    <t>120696.0</t>
  </si>
  <si>
    <t>19161.0</t>
  </si>
  <si>
    <t>33533875.0</t>
  </si>
  <si>
    <t>650.934</t>
  </si>
  <si>
    <t>24042.0</t>
  </si>
  <si>
    <t>79222616.0</t>
  </si>
  <si>
    <t>41651910.0</t>
  </si>
  <si>
    <t>34247024.0</t>
  </si>
  <si>
    <t>9589039.0</t>
  </si>
  <si>
    <t>114194.0</t>
  </si>
  <si>
    <t>18497.0</t>
  </si>
  <si>
    <t>33561081.0</t>
  </si>
  <si>
    <t>27206.0</t>
  </si>
  <si>
    <t>651.462</t>
  </si>
  <si>
    <t>111854.0</t>
  </si>
  <si>
    <t>33585544.0</t>
  </si>
  <si>
    <t>24463.0</t>
  </si>
  <si>
    <t>651.937</t>
  </si>
  <si>
    <t>23664.0</t>
  </si>
  <si>
    <t>79449268.0</t>
  </si>
  <si>
    <t>41688633.0</t>
  </si>
  <si>
    <t>34327440.0</t>
  </si>
  <si>
    <t>9711573.0</t>
  </si>
  <si>
    <t>109514.0</t>
  </si>
  <si>
    <t>153.16</t>
  </si>
  <si>
    <t>33599988.0</t>
  </si>
  <si>
    <t>14444.0</t>
  </si>
  <si>
    <t>652.217</t>
  </si>
  <si>
    <t>23788.0</t>
  </si>
  <si>
    <t>116229.0</t>
  </si>
  <si>
    <t>33621330.0</t>
  </si>
  <si>
    <t>21342.0</t>
  </si>
  <si>
    <t>652.631</t>
  </si>
  <si>
    <t>23779.0</t>
  </si>
  <si>
    <t>122943.0</t>
  </si>
  <si>
    <t>24422.0</t>
  </si>
  <si>
    <t>181195.8</t>
  </si>
  <si>
    <t>3492.99653383385</t>
  </si>
  <si>
    <t>33643275.0</t>
  </si>
  <si>
    <t>21945.0</t>
  </si>
  <si>
    <t>653.057</t>
  </si>
  <si>
    <t>129658.0</t>
  </si>
  <si>
    <t>33654778.0</t>
  </si>
  <si>
    <t>653.281</t>
  </si>
  <si>
    <t>21510.0</t>
  </si>
  <si>
    <t>136372.0</t>
  </si>
  <si>
    <t>30767.0</t>
  </si>
  <si>
    <t>33679927.0</t>
  </si>
  <si>
    <t>25149.0</t>
  </si>
  <si>
    <t>653.769</t>
  </si>
  <si>
    <t>20865.0</t>
  </si>
  <si>
    <t>80224223.0</t>
  </si>
  <si>
    <t>41889486.0</t>
  </si>
  <si>
    <t>34607638.0</t>
  </si>
  <si>
    <t>10036870.0</t>
  </si>
  <si>
    <t>143087.0</t>
  </si>
  <si>
    <t>33939.0</t>
  </si>
  <si>
    <t>33704034.0</t>
  </si>
  <si>
    <t>654.237</t>
  </si>
  <si>
    <t>141534.0</t>
  </si>
  <si>
    <t>33494.0</t>
  </si>
  <si>
    <t>33728922.0</t>
  </si>
  <si>
    <t>24888.0</t>
  </si>
  <si>
    <t>654.72</t>
  </si>
  <si>
    <t>20483.0</t>
  </si>
  <si>
    <t>139982.0</t>
  </si>
  <si>
    <t>33048.0</t>
  </si>
  <si>
    <t>33741624.0</t>
  </si>
  <si>
    <t>654.967</t>
  </si>
  <si>
    <t>80531597.0</t>
  </si>
  <si>
    <t>41935211.0</t>
  </si>
  <si>
    <t>34714553.0</t>
  </si>
  <si>
    <t>10205047.0</t>
  </si>
  <si>
    <t>132477.0</t>
  </si>
  <si>
    <t>155.24</t>
  </si>
  <si>
    <t>29487.0</t>
  </si>
  <si>
    <t>33767098.0</t>
  </si>
  <si>
    <t>655.461</t>
  </si>
  <si>
    <t>20824.0</t>
  </si>
  <si>
    <t>80573164.0</t>
  </si>
  <si>
    <t>41940039.0</t>
  </si>
  <si>
    <t>34730020.0</t>
  </si>
  <si>
    <t>10228131.0</t>
  </si>
  <si>
    <t>41567.0</t>
  </si>
  <si>
    <t>116273.0</t>
  </si>
  <si>
    <t>155.32</t>
  </si>
  <si>
    <t>24438.0</t>
  </si>
  <si>
    <t>181310.9</t>
  </si>
  <si>
    <t>3495.21537058969</t>
  </si>
  <si>
    <t>33790938.0</t>
  </si>
  <si>
    <t>23840.0</t>
  </si>
  <si>
    <t>655.924</t>
  </si>
  <si>
    <t>80649211.0</t>
  </si>
  <si>
    <t>41951410.0</t>
  </si>
  <si>
    <t>34756228.0</t>
  </si>
  <si>
    <t>10270753.0</t>
  </si>
  <si>
    <t>76047.0</t>
  </si>
  <si>
    <t>104996.0</t>
  </si>
  <si>
    <t>155.47</t>
  </si>
  <si>
    <t>20324.0</t>
  </si>
  <si>
    <t>33814893.0</t>
  </si>
  <si>
    <t>656.389</t>
  </si>
  <si>
    <t>80744778.0</t>
  </si>
  <si>
    <t>41966456.0</t>
  </si>
  <si>
    <t>34789381.0</t>
  </si>
  <si>
    <t>10323806.0</t>
  </si>
  <si>
    <t>16734.0</t>
  </si>
  <si>
    <t>33837190.0</t>
  </si>
  <si>
    <t>656.822</t>
  </si>
  <si>
    <t>22466.0</t>
  </si>
  <si>
    <t>80853452.0</t>
  </si>
  <si>
    <t>41984356.0</t>
  </si>
  <si>
    <t>34827110.0</t>
  </si>
  <si>
    <t>10382672.0</t>
  </si>
  <si>
    <t>89890.0</t>
  </si>
  <si>
    <t>155.86</t>
  </si>
  <si>
    <t>33860289.0</t>
  </si>
  <si>
    <t>23099.0</t>
  </si>
  <si>
    <t>657.27</t>
  </si>
  <si>
    <t>22322.0</t>
  </si>
  <si>
    <t>13417.0</t>
  </si>
  <si>
    <t>33882190.0</t>
  </si>
  <si>
    <t>21901.0</t>
  </si>
  <si>
    <t>657.695</t>
  </si>
  <si>
    <t>21895.0</t>
  </si>
  <si>
    <t>86807.0</t>
  </si>
  <si>
    <t>33892189.0</t>
  </si>
  <si>
    <t>657.889</t>
  </si>
  <si>
    <t>81128454.0</t>
  </si>
  <si>
    <t>42027218.0</t>
  </si>
  <si>
    <t>34917616.0</t>
  </si>
  <si>
    <t>10537990.0</t>
  </si>
  <si>
    <t>85265.0</t>
  </si>
  <si>
    <t>33911412.0</t>
  </si>
  <si>
    <t>658.262</t>
  </si>
  <si>
    <t>20616.0</t>
  </si>
  <si>
    <t>81159572.0</t>
  </si>
  <si>
    <t>42031368.0</t>
  </si>
  <si>
    <t>34927150.0</t>
  </si>
  <si>
    <t>10557132.0</t>
  </si>
  <si>
    <t>31118.0</t>
  </si>
  <si>
    <t>83773.0</t>
  </si>
  <si>
    <t>156.46</t>
  </si>
  <si>
    <t>181331.6</t>
  </si>
  <si>
    <t>3495.61441421129</t>
  </si>
  <si>
    <t>33931957.0</t>
  </si>
  <si>
    <t>658.661</t>
  </si>
  <si>
    <t>20146.0</t>
  </si>
  <si>
    <t>81258280.0</t>
  </si>
  <si>
    <t>42046235.0</t>
  </si>
  <si>
    <t>34959180.0</t>
  </si>
  <si>
    <t>10614388.0</t>
  </si>
  <si>
    <t>98708.0</t>
  </si>
  <si>
    <t>87010.0</t>
  </si>
  <si>
    <t>156.65</t>
  </si>
  <si>
    <t>33958221.0</t>
  </si>
  <si>
    <t>659.171</t>
  </si>
  <si>
    <t>20475.0</t>
  </si>
  <si>
    <t>81346329.0</t>
  </si>
  <si>
    <t>42059679.0</t>
  </si>
  <si>
    <t>34988666.0</t>
  </si>
  <si>
    <t>10664382.0</t>
  </si>
  <si>
    <t>88049.0</t>
  </si>
  <si>
    <t>85936.0</t>
  </si>
  <si>
    <t>33986137.0</t>
  </si>
  <si>
    <t>27916.0</t>
  </si>
  <si>
    <t>659.713</t>
  </si>
  <si>
    <t>21278.0</t>
  </si>
  <si>
    <t>81433240.0</t>
  </si>
  <si>
    <t>42072984.0</t>
  </si>
  <si>
    <t>35016472.0</t>
  </si>
  <si>
    <t>10714600.0</t>
  </si>
  <si>
    <t>86911.0</t>
  </si>
  <si>
    <t>12661.0</t>
  </si>
  <si>
    <t>34011923.0</t>
  </si>
  <si>
    <t>660.213</t>
  </si>
  <si>
    <t>81519746.0</t>
  </si>
  <si>
    <t>42087297.0</t>
  </si>
  <si>
    <t>35044319.0</t>
  </si>
  <si>
    <t>10763569.0</t>
  </si>
  <si>
    <t>82090.0</t>
  </si>
  <si>
    <t>157.15</t>
  </si>
  <si>
    <t>34037066.0</t>
  </si>
  <si>
    <t>25143.0</t>
  </si>
  <si>
    <t>660.701</t>
  </si>
  <si>
    <t>22125.0</t>
  </si>
  <si>
    <t>81603837.0</t>
  </si>
  <si>
    <t>42100204.0</t>
  </si>
  <si>
    <t>35071761.0</t>
  </si>
  <si>
    <t>10811351.0</t>
  </si>
  <si>
    <t>84091.0</t>
  </si>
  <si>
    <t>81007.0</t>
  </si>
  <si>
    <t>34050654.0</t>
  </si>
  <si>
    <t>660.965</t>
  </si>
  <si>
    <t>22638.0</t>
  </si>
  <si>
    <t>74803.0</t>
  </si>
  <si>
    <t>34072763.0</t>
  </si>
  <si>
    <t>22109.0</t>
  </si>
  <si>
    <t>661.394</t>
  </si>
  <si>
    <t>81700313.0</t>
  </si>
  <si>
    <t>35101865.0</t>
  </si>
  <si>
    <t>10868755.0</t>
  </si>
  <si>
    <t>77249.0</t>
  </si>
  <si>
    <t>157.5</t>
  </si>
  <si>
    <t>9842.0</t>
  </si>
  <si>
    <t>181407.5</t>
  </si>
  <si>
    <t>3497.07757415715</t>
  </si>
  <si>
    <t>34095221.0</t>
  </si>
  <si>
    <t>22458.0</t>
  </si>
  <si>
    <t>661.83</t>
  </si>
  <si>
    <t>23323.0</t>
  </si>
  <si>
    <t>81790318.0</t>
  </si>
  <si>
    <t>35129675.0</t>
  </si>
  <si>
    <t>10922404.0</t>
  </si>
  <si>
    <t>90005.0</t>
  </si>
  <si>
    <t>76005.0</t>
  </si>
  <si>
    <t>157.67</t>
  </si>
  <si>
    <t>34120654.0</t>
  </si>
  <si>
    <t>662.324</t>
  </si>
  <si>
    <t>23205.0</t>
  </si>
  <si>
    <t>69618.0</t>
  </si>
  <si>
    <t>34141872.0</t>
  </si>
  <si>
    <t>21218.0</t>
  </si>
  <si>
    <t>662.736</t>
  </si>
  <si>
    <t>22248.0</t>
  </si>
  <si>
    <t>63394.0</t>
  </si>
  <si>
    <t>34163815.0</t>
  </si>
  <si>
    <t>21943.0</t>
  </si>
  <si>
    <t>663.162</t>
  </si>
  <si>
    <t>34173581.0</t>
  </si>
  <si>
    <t>9766.0</t>
  </si>
  <si>
    <t>663.351</t>
  </si>
  <si>
    <t>81963673.0</t>
  </si>
  <si>
    <t>35181392.0</t>
  </si>
  <si>
    <t>11038195.0</t>
  </si>
  <si>
    <t>51405.0</t>
  </si>
  <si>
    <t>158.01</t>
  </si>
  <si>
    <t>34179572.0</t>
  </si>
  <si>
    <t>663.468</t>
  </si>
  <si>
    <t>81982606.0</t>
  </si>
  <si>
    <t>35186684.0</t>
  </si>
  <si>
    <t>11050650.0</t>
  </si>
  <si>
    <t>18933.0</t>
  </si>
  <si>
    <t>47219.0</t>
  </si>
  <si>
    <t>34186750.0</t>
  </si>
  <si>
    <t>663.607</t>
  </si>
  <si>
    <t>46066.0</t>
  </si>
  <si>
    <t>181370.0</t>
  </si>
  <si>
    <t>-0.78</t>
  </si>
  <si>
    <t>3496.35466904556</t>
  </si>
  <si>
    <t>34203058.0</t>
  </si>
  <si>
    <t>663.924</t>
  </si>
  <si>
    <t>82062945.0</t>
  </si>
  <si>
    <t>35212057.0</t>
  </si>
  <si>
    <t>11097984.0</t>
  </si>
  <si>
    <t>34224621.0</t>
  </si>
  <si>
    <t>664.342</t>
  </si>
  <si>
    <t>37694.0</t>
  </si>
  <si>
    <t>34243933.0</t>
  </si>
  <si>
    <t>19312.0</t>
  </si>
  <si>
    <t>664.717</t>
  </si>
  <si>
    <t>36441.0</t>
  </si>
  <si>
    <t>34265156.0</t>
  </si>
  <si>
    <t>665.129</t>
  </si>
  <si>
    <t>35188.0</t>
  </si>
  <si>
    <t>34283195.0</t>
  </si>
  <si>
    <t>665.479</t>
  </si>
  <si>
    <t>34299046.0</t>
  </si>
  <si>
    <t>665.787</t>
  </si>
  <si>
    <t>36169.0</t>
  </si>
  <si>
    <t>34308894.0</t>
  </si>
  <si>
    <t>665.978</t>
  </si>
  <si>
    <t>17449.0</t>
  </si>
  <si>
    <t>181539.1</t>
  </si>
  <si>
    <t>3499.61448916209</t>
  </si>
  <si>
    <t>34325689.0</t>
  </si>
  <si>
    <t>16795.0</t>
  </si>
  <si>
    <t>666.304</t>
  </si>
  <si>
    <t>34569.0</t>
  </si>
  <si>
    <t>34344565.0</t>
  </si>
  <si>
    <t>18876.0</t>
  </si>
  <si>
    <t>666.67</t>
  </si>
  <si>
    <t>34365532.0</t>
  </si>
  <si>
    <t>20967.0</t>
  </si>
  <si>
    <t>667.077</t>
  </si>
  <si>
    <t>17371.0</t>
  </si>
  <si>
    <t>34383886.0</t>
  </si>
  <si>
    <t>18354.0</t>
  </si>
  <si>
    <t>667.434</t>
  </si>
  <si>
    <t>16961.0</t>
  </si>
  <si>
    <t>34402215.0</t>
  </si>
  <si>
    <t>667.789</t>
  </si>
  <si>
    <t>82443202.0</t>
  </si>
  <si>
    <t>42100794.0</t>
  </si>
  <si>
    <t>35409389.0</t>
  </si>
  <si>
    <t>11340479.0</t>
  </si>
  <si>
    <t>158.93</t>
  </si>
  <si>
    <t>34411712.0</t>
  </si>
  <si>
    <t>667.974</t>
  </si>
  <si>
    <t>37838.0</t>
  </si>
  <si>
    <t>17137.0</t>
  </si>
  <si>
    <t>41107.0</t>
  </si>
  <si>
    <t>181645.0</t>
  </si>
  <si>
    <t>3501.65597319722</t>
  </si>
  <si>
    <t>17187.0</t>
  </si>
  <si>
    <t>44377.0</t>
  </si>
  <si>
    <t>16393.0</t>
  </si>
  <si>
    <t>34497425.0</t>
  </si>
  <si>
    <t>669.638</t>
  </si>
  <si>
    <t>54185.0</t>
  </si>
  <si>
    <t>15953.0</t>
  </si>
  <si>
    <t>82845381.0</t>
  </si>
  <si>
    <t>42136168.0</t>
  </si>
  <si>
    <t>35534430.0</t>
  </si>
  <si>
    <t>11597140.0</t>
  </si>
  <si>
    <t>57454.0</t>
  </si>
  <si>
    <t>16947.0</t>
  </si>
  <si>
    <t>64360.0</t>
  </si>
  <si>
    <t>71266.0</t>
  </si>
  <si>
    <t>181930.9</t>
  </si>
  <si>
    <t>3507.16740176799</t>
  </si>
  <si>
    <t>78172.0</t>
  </si>
  <si>
    <t>16655.0</t>
  </si>
  <si>
    <t>85078.0</t>
  </si>
  <si>
    <t>91985.0</t>
  </si>
  <si>
    <t>34612643.0</t>
  </si>
  <si>
    <t>671.874</t>
  </si>
  <si>
    <t>10376.0</t>
  </si>
  <si>
    <t>16501.0</t>
  </si>
  <si>
    <t>83585958.0</t>
  </si>
  <si>
    <t>42215008.0</t>
  </si>
  <si>
    <t>35778117.0</t>
  </si>
  <si>
    <t>12068192.0</t>
  </si>
  <si>
    <t>105797.0</t>
  </si>
  <si>
    <t>161.13</t>
  </si>
  <si>
    <t>96810.0</t>
  </si>
  <si>
    <t>87824.0</t>
  </si>
  <si>
    <t>182134.6</t>
  </si>
  <si>
    <t>3511.09422233415</t>
  </si>
  <si>
    <t>78838.0</t>
  </si>
  <si>
    <t>16665.0</t>
  </si>
  <si>
    <t>69852.0</t>
  </si>
  <si>
    <t>16706.0</t>
  </si>
  <si>
    <t>60866.0</t>
  </si>
  <si>
    <t>34729871.0</t>
  </si>
  <si>
    <t>674.15</t>
  </si>
  <si>
    <t>51879.0</t>
  </si>
  <si>
    <t>17000.0</t>
  </si>
  <si>
    <t>42893.0</t>
  </si>
  <si>
    <t>17506.0</t>
  </si>
  <si>
    <t>182174.5</t>
  </si>
  <si>
    <t>3511.86339337288</t>
  </si>
  <si>
    <t>17760.0</t>
  </si>
  <si>
    <t>18266.0</t>
  </si>
  <si>
    <t>34859505.0</t>
  </si>
  <si>
    <t>676.666</t>
  </si>
  <si>
    <t>18088.0</t>
  </si>
  <si>
    <t>17873.0</t>
  </si>
  <si>
    <t>182297.8</t>
  </si>
  <si>
    <t>3514.24030537979</t>
  </si>
  <si>
    <t>17657.0</t>
  </si>
  <si>
    <t>17442.0</t>
  </si>
  <si>
    <t>17227.0</t>
  </si>
  <si>
    <t>34978583.0</t>
  </si>
  <si>
    <t>678.977</t>
  </si>
  <si>
    <t>17011.0</t>
  </si>
  <si>
    <t>84486714.0</t>
  </si>
  <si>
    <t>42292969.0</t>
  </si>
  <si>
    <t>35958948.0</t>
  </si>
  <si>
    <t>12459136.0</t>
  </si>
  <si>
    <t>17614.0</t>
  </si>
  <si>
    <t>50348.0</t>
  </si>
  <si>
    <t>57804.0</t>
  </si>
  <si>
    <t>182557.5</t>
  </si>
  <si>
    <t>3519.24666424593</t>
  </si>
  <si>
    <t>65259.0</t>
  </si>
  <si>
    <t>72714.0</t>
  </si>
  <si>
    <t>80170.0</t>
  </si>
  <si>
    <t>35112433.0</t>
  </si>
  <si>
    <t>681.576</t>
  </si>
  <si>
    <t>19121.0</t>
  </si>
  <si>
    <t>87625.0</t>
  </si>
  <si>
    <t>19018.0</t>
  </si>
  <si>
    <t>85152277.0</t>
  </si>
  <si>
    <t>42365365.0</t>
  </si>
  <si>
    <t>36081319.0</t>
  </si>
  <si>
    <t>12719794.0</t>
  </si>
  <si>
    <t>95080.0</t>
  </si>
  <si>
    <t>164.15</t>
  </si>
  <si>
    <t>18914.0</t>
  </si>
  <si>
    <t>87772.0</t>
  </si>
  <si>
    <t>18810.0</t>
  </si>
  <si>
    <t>80463.0</t>
  </si>
  <si>
    <t>182804.4</t>
  </si>
  <si>
    <t>3524.00627150064</t>
  </si>
  <si>
    <t>73155.0</t>
  </si>
  <si>
    <t>7537.0</t>
  </si>
  <si>
    <t>65846.0</t>
  </si>
  <si>
    <t>35241195.0</t>
  </si>
  <si>
    <t>684.075</t>
  </si>
  <si>
    <t>51229.0</t>
  </si>
  <si>
    <t>43920.0</t>
  </si>
  <si>
    <t>183119.5</t>
  </si>
  <si>
    <t>3530.08060218497</t>
  </si>
  <si>
    <t>85767160.0</t>
  </si>
  <si>
    <t>42418509.0</t>
  </si>
  <si>
    <t>36180137.0</t>
  </si>
  <si>
    <t>12964054.0</t>
  </si>
  <si>
    <t>41974.0</t>
  </si>
  <si>
    <t>40027.0</t>
  </si>
  <si>
    <t>183415.4</t>
  </si>
  <si>
    <t>3535.78480545216</t>
  </si>
  <si>
    <t>38080.0</t>
  </si>
  <si>
    <t>34187.0</t>
  </si>
  <si>
    <t>32240.0</t>
  </si>
  <si>
    <t>184147.3</t>
  </si>
  <si>
    <t>3549.89398548345</t>
  </si>
  <si>
    <t>86191269.0</t>
  </si>
  <si>
    <t>42455997.0</t>
  </si>
  <si>
    <t>36251593.0</t>
  </si>
  <si>
    <t>13138299.0</t>
  </si>
  <si>
    <t>166.15</t>
  </si>
  <si>
    <t>31737.0</t>
  </si>
  <si>
    <t>184979.0</t>
  </si>
  <si>
    <t>29.04</t>
  </si>
  <si>
    <t>16.27</t>
  </si>
  <si>
    <t>3565.92705698505</t>
  </si>
  <si>
    <t>34625.0</t>
  </si>
  <si>
    <t>36069.0</t>
  </si>
  <si>
    <t>37513.0</t>
  </si>
  <si>
    <t>38957.0</t>
  </si>
  <si>
    <t>86474076.0</t>
  </si>
  <si>
    <t>42480321.0</t>
  </si>
  <si>
    <t>36295164.0</t>
  </si>
  <si>
    <t>13254074.0</t>
  </si>
  <si>
    <t>40401.0</t>
  </si>
  <si>
    <t>40807.0</t>
  </si>
  <si>
    <t>41213.0</t>
  </si>
  <si>
    <t>185833.9</t>
  </si>
  <si>
    <t>3582.40736578235</t>
  </si>
  <si>
    <t>42025.0</t>
  </si>
  <si>
    <t>42837.0</t>
  </si>
  <si>
    <t>43243.0</t>
  </si>
  <si>
    <t>6641.0</t>
  </si>
  <si>
    <t>186258.0</t>
  </si>
  <si>
    <t>3590.5829406577</t>
  </si>
  <si>
    <t>87079477.0</t>
  </si>
  <si>
    <t>42573293.0</t>
  </si>
  <si>
    <t>36397439.0</t>
  </si>
  <si>
    <t>13470722.0</t>
  </si>
  <si>
    <t>167.87</t>
  </si>
  <si>
    <t>40379.0</t>
  </si>
  <si>
    <t>6104.0</t>
  </si>
  <si>
    <t>37515.0</t>
  </si>
  <si>
    <t>186837.9</t>
  </si>
  <si>
    <t>3601.76194530334</t>
  </si>
  <si>
    <t>34650.0</t>
  </si>
  <si>
    <t>31786.0</t>
  </si>
  <si>
    <t>26058.0</t>
  </si>
  <si>
    <t>23194.0</t>
  </si>
  <si>
    <t>187210.8</t>
  </si>
  <si>
    <t>3608.950513733</t>
  </si>
  <si>
    <t>187476.9</t>
  </si>
  <si>
    <t>3614.08024840485</t>
  </si>
  <si>
    <t>87566541.0</t>
  </si>
  <si>
    <t>42633866.0</t>
  </si>
  <si>
    <t>36479814.0</t>
  </si>
  <si>
    <t>13662929.0</t>
  </si>
  <si>
    <t>168.81</t>
  </si>
  <si>
    <t>23245.0</t>
  </si>
  <si>
    <t>187572.2</t>
  </si>
  <si>
    <t>3615.91739126177</t>
  </si>
  <si>
    <t>23347.0</t>
  </si>
  <si>
    <t>23552.0</t>
  </si>
  <si>
    <t>187851.1</t>
  </si>
  <si>
    <t>3621.29387754504</t>
  </si>
  <si>
    <t>188156.8</t>
  </si>
  <si>
    <t>3627.18700001473</t>
  </si>
  <si>
    <t>188393.7</t>
  </si>
  <si>
    <t>3631.75383257302</t>
  </si>
  <si>
    <t>188408.4</t>
  </si>
  <si>
    <t>3632.03721137676</t>
  </si>
  <si>
    <t>188359.7</t>
  </si>
  <si>
    <t>3631.09839860517</t>
  </si>
  <si>
    <t>188412.2</t>
  </si>
  <si>
    <t>3632.1104657614</t>
  </si>
  <si>
    <t>88720602.0</t>
  </si>
  <si>
    <t>42759702.0</t>
  </si>
  <si>
    <t>36670153.0</t>
  </si>
  <si>
    <t>14115363.0</t>
  </si>
  <si>
    <t>171.03</t>
  </si>
  <si>
    <t>27.21</t>
  </si>
  <si>
    <t>26204.0</t>
  </si>
  <si>
    <t>28856.0</t>
  </si>
  <si>
    <t>188523.3</t>
  </si>
  <si>
    <t>3634.25219263867</t>
  </si>
  <si>
    <t>31508.0</t>
  </si>
  <si>
    <t>39464.0</t>
  </si>
  <si>
    <t>5851.0</t>
  </si>
  <si>
    <t>89015414.0</t>
  </si>
  <si>
    <t>42804486.0</t>
  </si>
  <si>
    <t>36725822.0</t>
  </si>
  <si>
    <t>14226071.0</t>
  </si>
  <si>
    <t>42116.0</t>
  </si>
  <si>
    <t>38250.0</t>
  </si>
  <si>
    <t>188660.4</t>
  </si>
  <si>
    <t>3636.89513372665</t>
  </si>
  <si>
    <t>30517.0</t>
  </si>
  <si>
    <t>26651.0</t>
  </si>
  <si>
    <t>89120782.0</t>
  </si>
  <si>
    <t>42816825.0</t>
  </si>
  <si>
    <t>36745579.0</t>
  </si>
  <si>
    <t>14267329.0</t>
  </si>
  <si>
    <t>14717.0</t>
  </si>
  <si>
    <t>188879.1</t>
  </si>
  <si>
    <t>3641.11111633745</t>
  </si>
  <si>
    <t>89209704.0</t>
  </si>
  <si>
    <t>42828694.0</t>
  </si>
  <si>
    <t>36763427.0</t>
  </si>
  <si>
    <t>14301919.0</t>
  </si>
  <si>
    <t>12703.0</t>
  </si>
  <si>
    <t>12940.0</t>
  </si>
  <si>
    <t>13176.0</t>
  </si>
  <si>
    <t>189049.8</t>
  </si>
  <si>
    <t>3644.40178040541</t>
  </si>
  <si>
    <t>13886.0</t>
  </si>
  <si>
    <t>14122.0</t>
  </si>
  <si>
    <t>89310214.0</t>
  </si>
  <si>
    <t>42842898.0</t>
  </si>
  <si>
    <t>36784255.0</t>
  </si>
  <si>
    <t>14341000.0</t>
  </si>
  <si>
    <t>172.17</t>
  </si>
  <si>
    <t>14731.0</t>
  </si>
  <si>
    <t>189099.7</t>
  </si>
  <si>
    <t>3645.36372614056</t>
  </si>
  <si>
    <t>14917.0</t>
  </si>
  <si>
    <t>15103.0</t>
  </si>
  <si>
    <t>15475.0</t>
  </si>
  <si>
    <t>89419840.0</t>
  </si>
  <si>
    <t>42856459.0</t>
  </si>
  <si>
    <t>36804956.0</t>
  </si>
  <si>
    <t>14383523.0</t>
  </si>
  <si>
    <t>15661.0</t>
  </si>
  <si>
    <t>172.38</t>
  </si>
  <si>
    <t>189059.8</t>
  </si>
  <si>
    <t>26.06</t>
  </si>
  <si>
    <t>-0.81</t>
  </si>
  <si>
    <t>3644.59455510183</t>
  </si>
  <si>
    <t>15201.0</t>
  </si>
  <si>
    <t>15086.0</t>
  </si>
  <si>
    <t>89627825.0</t>
  </si>
  <si>
    <t>42886655.0</t>
  </si>
  <si>
    <t>36848923.0</t>
  </si>
  <si>
    <t>14464311.0</t>
  </si>
  <si>
    <t>172.78</t>
  </si>
  <si>
    <t>89787647.0</t>
  </si>
  <si>
    <t>42909220.0</t>
  </si>
  <si>
    <t>36879309.0</t>
  </si>
  <si>
    <t>14521436.0</t>
  </si>
  <si>
    <t>173.09</t>
  </si>
  <si>
    <t>COM</t>
  </si>
  <si>
    <t>Comoros</t>
  </si>
  <si>
    <t>43728.0</t>
  </si>
  <si>
    <t>43140.0</t>
  </si>
  <si>
    <t>44975.0</t>
  </si>
  <si>
    <t>4390.0</t>
  </si>
  <si>
    <t>83907.0</t>
  </si>
  <si>
    <t>84360.0</t>
  </si>
  <si>
    <t>90880.0</t>
  </si>
  <si>
    <t>125960.0</t>
  </si>
  <si>
    <t>84740.0</t>
  </si>
  <si>
    <t>162450.0</t>
  </si>
  <si>
    <t>121092.0</t>
  </si>
  <si>
    <t>41358.0</t>
  </si>
  <si>
    <t>4748.0</t>
  </si>
  <si>
    <t>188875.0</t>
  </si>
  <si>
    <t>147517.0</t>
  </si>
  <si>
    <t>216123.0</t>
  </si>
  <si>
    <t>174765.0</t>
  </si>
  <si>
    <t>239158.0</t>
  </si>
  <si>
    <t>6682.0</t>
  </si>
  <si>
    <t>277419.0</t>
  </si>
  <si>
    <t>334369.0</t>
  </si>
  <si>
    <t>159604.0</t>
  </si>
  <si>
    <t>19.07</t>
  </si>
  <si>
    <t>336863.0</t>
  </si>
  <si>
    <t>162098.0</t>
  </si>
  <si>
    <t>19.37</t>
  </si>
  <si>
    <t>352635.0</t>
  </si>
  <si>
    <t>190637.0</t>
  </si>
  <si>
    <t>360675.0</t>
  </si>
  <si>
    <t>198577.0</t>
  </si>
  <si>
    <t>375241.0</t>
  </si>
  <si>
    <t>213143.0</t>
  </si>
  <si>
    <t>3744.0</t>
  </si>
  <si>
    <t>407792.0</t>
  </si>
  <si>
    <t>245694.0</t>
  </si>
  <si>
    <t>6067.0</t>
  </si>
  <si>
    <t>452612.0</t>
  </si>
  <si>
    <t>273498.0</t>
  </si>
  <si>
    <t>179114.0</t>
  </si>
  <si>
    <t>476350.0</t>
  </si>
  <si>
    <t>278152.0</t>
  </si>
  <si>
    <t>198198.0</t>
  </si>
  <si>
    <t>523256.0</t>
  </si>
  <si>
    <t>281946.0</t>
  </si>
  <si>
    <t>241310.0</t>
  </si>
  <si>
    <t>527119.0</t>
  </si>
  <si>
    <t>282378.0</t>
  </si>
  <si>
    <t>244741.0</t>
  </si>
  <si>
    <t>581547.0</t>
  </si>
  <si>
    <t>335408.0</t>
  </si>
  <si>
    <t>246139.0</t>
  </si>
  <si>
    <t>341102.0</t>
  </si>
  <si>
    <t>637961.0</t>
  </si>
  <si>
    <t>296859.0</t>
  </si>
  <si>
    <t>301218.0</t>
  </si>
  <si>
    <t>7.579</t>
  </si>
  <si>
    <t>435.3</t>
  </si>
  <si>
    <t>397.4</t>
  </si>
  <si>
    <t>571.3</t>
  </si>
  <si>
    <t>703.3</t>
  </si>
  <si>
    <t>1142.6</t>
  </si>
  <si>
    <t>1015.6</t>
  </si>
  <si>
    <t>2287.2</t>
  </si>
  <si>
    <t>1829.1</t>
  </si>
  <si>
    <t>1523.9</t>
  </si>
  <si>
    <t>913.9</t>
  </si>
  <si>
    <t>3044.3</t>
  </si>
  <si>
    <t>9132.9</t>
  </si>
  <si>
    <t>4566.4</t>
  </si>
  <si>
    <t>642320.0</t>
  </si>
  <si>
    <t>341302.0</t>
  </si>
  <si>
    <t>100289.0</t>
  </si>
  <si>
    <t>122.062</t>
  </si>
  <si>
    <t>409094.0</t>
  </si>
  <si>
    <t>362030.0</t>
  </si>
  <si>
    <t>804403.0</t>
  </si>
  <si>
    <t>420317.0</t>
  </si>
  <si>
    <t>381922.0</t>
  </si>
  <si>
    <t>96.13</t>
  </si>
  <si>
    <t>423255.0</t>
  </si>
  <si>
    <t>382032.0</t>
  </si>
  <si>
    <t>45.65</t>
  </si>
  <si>
    <t>835021.0</t>
  </si>
  <si>
    <t>438825.0</t>
  </si>
  <si>
    <t>397080.0</t>
  </si>
  <si>
    <t>COG</t>
  </si>
  <si>
    <t>Congo</t>
  </si>
  <si>
    <t>14297.0</t>
  </si>
  <si>
    <t>38151.0</t>
  </si>
  <si>
    <t>55445.0</t>
  </si>
  <si>
    <t>57613.0</t>
  </si>
  <si>
    <t>60745.0</t>
  </si>
  <si>
    <t>62231.0</t>
  </si>
  <si>
    <t>67511.0</t>
  </si>
  <si>
    <t>102642.0</t>
  </si>
  <si>
    <t>116110.0</t>
  </si>
  <si>
    <t>163742.0</t>
  </si>
  <si>
    <t>198698.0</t>
  </si>
  <si>
    <t>132671.0</t>
  </si>
  <si>
    <t>66027.0</t>
  </si>
  <si>
    <t>255988.0</t>
  </si>
  <si>
    <t>160945.0</t>
  </si>
  <si>
    <t>95043.0</t>
  </si>
  <si>
    <t>273790.0</t>
  </si>
  <si>
    <t>172162.0</t>
  </si>
  <si>
    <t>101628.0</t>
  </si>
  <si>
    <t>290287.0</t>
  </si>
  <si>
    <t>184812.0</t>
  </si>
  <si>
    <t>105475.0</t>
  </si>
  <si>
    <t>309575.0</t>
  </si>
  <si>
    <t>198954.0</t>
  </si>
  <si>
    <t>110621.0</t>
  </si>
  <si>
    <t>319231.0</t>
  </si>
  <si>
    <t>207265.0</t>
  </si>
  <si>
    <t>111966.0</t>
  </si>
  <si>
    <t>329905.0</t>
  </si>
  <si>
    <t>215561.0</t>
  </si>
  <si>
    <t>346613.0</t>
  </si>
  <si>
    <t>230572.0</t>
  </si>
  <si>
    <t>116041.0</t>
  </si>
  <si>
    <t>372046.0</t>
  </si>
  <si>
    <t>253726.0</t>
  </si>
  <si>
    <t>118320.0</t>
  </si>
  <si>
    <t>398685.0</t>
  </si>
  <si>
    <t>279091.0</t>
  </si>
  <si>
    <t>119594.0</t>
  </si>
  <si>
    <t>410016.0</t>
  </si>
  <si>
    <t>289849.0</t>
  </si>
  <si>
    <t>120167.0</t>
  </si>
  <si>
    <t>509251.0</t>
  </si>
  <si>
    <t>384530.0</t>
  </si>
  <si>
    <t>549254.0</t>
  </si>
  <si>
    <t>423819.0</t>
  </si>
  <si>
    <t>125435.0</t>
  </si>
  <si>
    <t>591722.0</t>
  </si>
  <si>
    <t>464855.0</t>
  </si>
  <si>
    <t>126867.0</t>
  </si>
  <si>
    <t>5547.0</t>
  </si>
  <si>
    <t>625579.0</t>
  </si>
  <si>
    <t>496643.0</t>
  </si>
  <si>
    <t>128936.0</t>
  </si>
  <si>
    <t>5298.0</t>
  </si>
  <si>
    <t>651411.0</t>
  </si>
  <si>
    <t>521700.0</t>
  </si>
  <si>
    <t>129711.0</t>
  </si>
  <si>
    <t>686096.0</t>
  </si>
  <si>
    <t>550142.0</t>
  </si>
  <si>
    <t>135954.0</t>
  </si>
  <si>
    <t>3829.0</t>
  </si>
  <si>
    <t>758891.0</t>
  </si>
  <si>
    <t>622886.0</t>
  </si>
  <si>
    <t>812761.0</t>
  </si>
  <si>
    <t>675865.0</t>
  </si>
  <si>
    <t>817927.0</t>
  </si>
  <si>
    <t>680630.0</t>
  </si>
  <si>
    <t>818931.0</t>
  </si>
  <si>
    <t>681597.0</t>
  </si>
  <si>
    <t>388006.0</t>
  </si>
  <si>
    <t>66.487</t>
  </si>
  <si>
    <t>395040.0</t>
  </si>
  <si>
    <t>67.692</t>
  </si>
  <si>
    <t>830379.0</t>
  </si>
  <si>
    <t>693003.0</t>
  </si>
  <si>
    <t>544256.0</t>
  </si>
  <si>
    <t>831318.0</t>
  </si>
  <si>
    <t>693902.0</t>
  </si>
  <si>
    <t>652422.0</t>
  </si>
  <si>
    <t>833078.0</t>
  </si>
  <si>
    <t>695631.0</t>
  </si>
  <si>
    <t>654005.0</t>
  </si>
  <si>
    <t>833210.0</t>
  </si>
  <si>
    <t>695760.0</t>
  </si>
  <si>
    <t>654119.0</t>
  </si>
  <si>
    <t>COK</t>
  </si>
  <si>
    <t>Cook Islands</t>
  </si>
  <si>
    <t>32938.0</t>
  </si>
  <si>
    <t>29767.0</t>
  </si>
  <si>
    <t>26597.0</t>
  </si>
  <si>
    <t>20197.0</t>
  </si>
  <si>
    <t>9564.0</t>
  </si>
  <si>
    <t>17496.0</t>
  </si>
  <si>
    <t>19140.0</t>
  </si>
  <si>
    <t>20843.0</t>
  </si>
  <si>
    <t>22546.0</t>
  </si>
  <si>
    <t>39338.0</t>
  </si>
  <si>
    <t>43506.0</t>
  </si>
  <si>
    <t>9613.0</t>
  </si>
  <si>
    <t>39984.0</t>
  </si>
  <si>
    <t>28065.0</t>
  </si>
  <si>
    <t>22076.0</t>
  </si>
  <si>
    <t>16146.0</t>
  </si>
  <si>
    <t>18942.0</t>
  </si>
  <si>
    <t>120.41</t>
  </si>
  <si>
    <t>22444.0</t>
  </si>
  <si>
    <t>11404.0</t>
  </si>
  <si>
    <t>11040.0</t>
  </si>
  <si>
    <t>22536.0</t>
  </si>
  <si>
    <t>132.32</t>
  </si>
  <si>
    <t>137.91</t>
  </si>
  <si>
    <t>12600.0</t>
  </si>
  <si>
    <t>11726.0</t>
  </si>
  <si>
    <t>142.83</t>
  </si>
  <si>
    <t>25339.0</t>
  </si>
  <si>
    <t>12610.0</t>
  </si>
  <si>
    <t>12971.0</t>
  </si>
  <si>
    <t>25764.0</t>
  </si>
  <si>
    <t>13062.0</t>
  </si>
  <si>
    <t>14571.0</t>
  </si>
  <si>
    <t>12773.0</t>
  </si>
  <si>
    <t>160.54</t>
  </si>
  <si>
    <t>13269.0</t>
  </si>
  <si>
    <t>27441.0</t>
  </si>
  <si>
    <t>14662.0</t>
  </si>
  <si>
    <t>12779.0</t>
  </si>
  <si>
    <t>161.11</t>
  </si>
  <si>
    <t>14930.0</t>
  </si>
  <si>
    <t>9746.0</t>
  </si>
  <si>
    <t>29233.0</t>
  </si>
  <si>
    <t>171.64</t>
  </si>
  <si>
    <t>88.02</t>
  </si>
  <si>
    <t>11038.0</t>
  </si>
  <si>
    <t>7574.0</t>
  </si>
  <si>
    <t>29325.0</t>
  </si>
  <si>
    <t>14333.0</t>
  </si>
  <si>
    <t>172.18</t>
  </si>
  <si>
    <t>173.59</t>
  </si>
  <si>
    <t>85.56</t>
  </si>
  <si>
    <t>13739.0</t>
  </si>
  <si>
    <t>48967.0</t>
  </si>
  <si>
    <t>60651.0</t>
  </si>
  <si>
    <t>72393.0</t>
  </si>
  <si>
    <t>232.48</t>
  </si>
  <si>
    <t>84136.0</t>
  </si>
  <si>
    <t>72158.0</t>
  </si>
  <si>
    <t>60122.0</t>
  </si>
  <si>
    <t>48145.0</t>
  </si>
  <si>
    <t>36167.0</t>
  </si>
  <si>
    <t>24190.0</t>
  </si>
  <si>
    <t>39780.0</t>
  </si>
  <si>
    <t>15033.0</t>
  </si>
  <si>
    <t>14685.0</t>
  </si>
  <si>
    <t>233.56</t>
  </si>
  <si>
    <t>88.26</t>
  </si>
  <si>
    <t>86.22</t>
  </si>
  <si>
    <t>39998.0</t>
  </si>
  <si>
    <t>10206.0</t>
  </si>
  <si>
    <t>86.36</t>
  </si>
  <si>
    <t>40744.0</t>
  </si>
  <si>
    <t>40781.0</t>
  </si>
  <si>
    <t>239.44</t>
  </si>
  <si>
    <t>CRI</t>
  </si>
  <si>
    <t>Costa Rica</t>
  </si>
  <si>
    <t>-80.3</t>
  </si>
  <si>
    <t>-1.3</t>
  </si>
  <si>
    <t>-15.4994290496746</t>
  </si>
  <si>
    <t>5917.0</t>
  </si>
  <si>
    <t>8046.0</t>
  </si>
  <si>
    <t>9180.0</t>
  </si>
  <si>
    <t>9289.0</t>
  </si>
  <si>
    <t>-225.0</t>
  </si>
  <si>
    <t>-2.75</t>
  </si>
  <si>
    <t>-43.4292843857632</t>
  </si>
  <si>
    <t>12015.0</t>
  </si>
  <si>
    <t>13650.0</t>
  </si>
  <si>
    <t>14432.0</t>
  </si>
  <si>
    <t>14570.0</t>
  </si>
  <si>
    <t>16303.0</t>
  </si>
  <si>
    <t>3.218</t>
  </si>
  <si>
    <t>18148.0</t>
  </si>
  <si>
    <t>18615.0</t>
  </si>
  <si>
    <t>-461.3</t>
  </si>
  <si>
    <t>-4.49</t>
  </si>
  <si>
    <t>-11.26</t>
  </si>
  <si>
    <t>-89.0396839429003</t>
  </si>
  <si>
    <t>19661.0</t>
  </si>
  <si>
    <t>3.815</t>
  </si>
  <si>
    <t>20895.0</t>
  </si>
  <si>
    <t>21229.0</t>
  </si>
  <si>
    <t>21497.0</t>
  </si>
  <si>
    <t>4.171</t>
  </si>
  <si>
    <t>21658.0</t>
  </si>
  <si>
    <t>4.247</t>
  </si>
  <si>
    <t>22695.0</t>
  </si>
  <si>
    <t>4.497</t>
  </si>
  <si>
    <t>23688.0</t>
  </si>
  <si>
    <t>4.596</t>
  </si>
  <si>
    <t>24511.0</t>
  </si>
  <si>
    <t>24962.0</t>
  </si>
  <si>
    <t>4.843</t>
  </si>
  <si>
    <t>25409.0</t>
  </si>
  <si>
    <t>26038.0</t>
  </si>
  <si>
    <t>5.052</t>
  </si>
  <si>
    <t>26495.0</t>
  </si>
  <si>
    <t>5.141</t>
  </si>
  <si>
    <t>26886.0</t>
  </si>
  <si>
    <t>27130.0</t>
  </si>
  <si>
    <t>27573.0</t>
  </si>
  <si>
    <t>5.607</t>
  </si>
  <si>
    <t>29584.0</t>
  </si>
  <si>
    <t>30474.0</t>
  </si>
  <si>
    <t>5.913</t>
  </si>
  <si>
    <t>6.057</t>
  </si>
  <si>
    <t>31908.0</t>
  </si>
  <si>
    <t>6.191</t>
  </si>
  <si>
    <t>32502.0</t>
  </si>
  <si>
    <t>-707.6</t>
  </si>
  <si>
    <t>-5.71</t>
  </si>
  <si>
    <t>-11.71</t>
  </si>
  <si>
    <t>-136.580273917182</t>
  </si>
  <si>
    <t>33355.0</t>
  </si>
  <si>
    <t>6.472</t>
  </si>
  <si>
    <t>6.716</t>
  </si>
  <si>
    <t>35547.0</t>
  </si>
  <si>
    <t>6.897</t>
  </si>
  <si>
    <t>36545.0</t>
  </si>
  <si>
    <t>7.091</t>
  </si>
  <si>
    <t>37742.0</t>
  </si>
  <si>
    <t>7.323</t>
  </si>
  <si>
    <t>7.517</t>
  </si>
  <si>
    <t>41092.0</t>
  </si>
  <si>
    <t>7.973</t>
  </si>
  <si>
    <t>8.312</t>
  </si>
  <si>
    <t>44209.0</t>
  </si>
  <si>
    <t>8.578</t>
  </si>
  <si>
    <t>45687.0</t>
  </si>
  <si>
    <t>47479.0</t>
  </si>
  <si>
    <t>49468.0</t>
  </si>
  <si>
    <t>9.598</t>
  </si>
  <si>
    <t>9.876</t>
  </si>
  <si>
    <t>52237.0</t>
  </si>
  <si>
    <t>53799.0</t>
  </si>
  <si>
    <t>10.438</t>
  </si>
  <si>
    <t>55367.0</t>
  </si>
  <si>
    <t>10.743</t>
  </si>
  <si>
    <t>56483.0</t>
  </si>
  <si>
    <t>10.959</t>
  </si>
  <si>
    <t>58007.0</t>
  </si>
  <si>
    <t>11.255</t>
  </si>
  <si>
    <t>59124.0</t>
  </si>
  <si>
    <t>11.472</t>
  </si>
  <si>
    <t>60228.0</t>
  </si>
  <si>
    <t>11.686</t>
  </si>
  <si>
    <t>61456.0</t>
  </si>
  <si>
    <t>11.924</t>
  </si>
  <si>
    <t>63285.0</t>
  </si>
  <si>
    <t>12.279</t>
  </si>
  <si>
    <t>64795.0</t>
  </si>
  <si>
    <t>12.572</t>
  </si>
  <si>
    <t>66637.0</t>
  </si>
  <si>
    <t>12.929</t>
  </si>
  <si>
    <t>68201.0</t>
  </si>
  <si>
    <t>13.233</t>
  </si>
  <si>
    <t>69902.0</t>
  </si>
  <si>
    <t>13.563</t>
  </si>
  <si>
    <t>71403.0</t>
  </si>
  <si>
    <t>13.854</t>
  </si>
  <si>
    <t>73059.0</t>
  </si>
  <si>
    <t>74899.0</t>
  </si>
  <si>
    <t>14.532</t>
  </si>
  <si>
    <t>14.871</t>
  </si>
  <si>
    <t>-742.5</t>
  </si>
  <si>
    <t>-5.13</t>
  </si>
  <si>
    <t>-1.67</t>
  </si>
  <si>
    <t>-143.316638473019</t>
  </si>
  <si>
    <t>78306.0</t>
  </si>
  <si>
    <t>80321.0</t>
  </si>
  <si>
    <t>15.584</t>
  </si>
  <si>
    <t>15.885</t>
  </si>
  <si>
    <t>83455.0</t>
  </si>
  <si>
    <t>16.192</t>
  </si>
  <si>
    <t>85254.0</t>
  </si>
  <si>
    <t>87089.0</t>
  </si>
  <si>
    <t>16.898</t>
  </si>
  <si>
    <t>88919.0</t>
  </si>
  <si>
    <t>17.253</t>
  </si>
  <si>
    <t>90606.0</t>
  </si>
  <si>
    <t>92011.0</t>
  </si>
  <si>
    <t>93468.0</t>
  </si>
  <si>
    <t>18.135</t>
  </si>
  <si>
    <t>94719.0</t>
  </si>
  <si>
    <t>18.378</t>
  </si>
  <si>
    <t>96383.0</t>
  </si>
  <si>
    <t>18.701</t>
  </si>
  <si>
    <t>98380.0</t>
  </si>
  <si>
    <t>100552.0</t>
  </si>
  <si>
    <t>102749.0</t>
  </si>
  <si>
    <t>19.936</t>
  </si>
  <si>
    <t>104993.0</t>
  </si>
  <si>
    <t>20.371</t>
  </si>
  <si>
    <t>106528.0</t>
  </si>
  <si>
    <t>20.669</t>
  </si>
  <si>
    <t>107587.0</t>
  </si>
  <si>
    <t>20.875</t>
  </si>
  <si>
    <t>109122.0</t>
  </si>
  <si>
    <t>110317.0</t>
  </si>
  <si>
    <t>21.404</t>
  </si>
  <si>
    <t>112155.0</t>
  </si>
  <si>
    <t>21.761</t>
  </si>
  <si>
    <t>114286.0</t>
  </si>
  <si>
    <t>22.174</t>
  </si>
  <si>
    <t>116379.0</t>
  </si>
  <si>
    <t>22.581</t>
  </si>
  <si>
    <t>117912.0</t>
  </si>
  <si>
    <t>22.878</t>
  </si>
  <si>
    <t>119216.0</t>
  </si>
  <si>
    <t>23.131</t>
  </si>
  <si>
    <t>121264.0</t>
  </si>
  <si>
    <t>23.528</t>
  </si>
  <si>
    <t>123123.0</t>
  </si>
  <si>
    <t>125334.0</t>
  </si>
  <si>
    <t>24.318</t>
  </si>
  <si>
    <t>127967.0</t>
  </si>
  <si>
    <t>24.829</t>
  </si>
  <si>
    <t>130021.0</t>
  </si>
  <si>
    <t>25.227</t>
  </si>
  <si>
    <t>131538.0</t>
  </si>
  <si>
    <t>25.522</t>
  </si>
  <si>
    <t>-583.8</t>
  </si>
  <si>
    <t>-3.52</t>
  </si>
  <si>
    <t>-112.684516552927</t>
  </si>
  <si>
    <t>133026.0</t>
  </si>
  <si>
    <t>135145.0</t>
  </si>
  <si>
    <t>26.222</t>
  </si>
  <si>
    <t>137636.0</t>
  </si>
  <si>
    <t>26.705</t>
  </si>
  <si>
    <t>140386.0</t>
  </si>
  <si>
    <t>27.238</t>
  </si>
  <si>
    <t>145407.0</t>
  </si>
  <si>
    <t>28.213</t>
  </si>
  <si>
    <t>146963.0</t>
  </si>
  <si>
    <t>28.515</t>
  </si>
  <si>
    <t>148941.0</t>
  </si>
  <si>
    <t>28.898</t>
  </si>
  <si>
    <t>151458.0</t>
  </si>
  <si>
    <t>29.387</t>
  </si>
  <si>
    <t>154073.0</t>
  </si>
  <si>
    <t>29.894</t>
  </si>
  <si>
    <t>157227.0</t>
  </si>
  <si>
    <t>30.506</t>
  </si>
  <si>
    <t>160223.0</t>
  </si>
  <si>
    <t>31.087</t>
  </si>
  <si>
    <t>164674.0</t>
  </si>
  <si>
    <t>31.951</t>
  </si>
  <si>
    <t>166382.0</t>
  </si>
  <si>
    <t>32.282</t>
  </si>
  <si>
    <t>168602.0</t>
  </si>
  <si>
    <t>32.713</t>
  </si>
  <si>
    <t>170910.0</t>
  </si>
  <si>
    <t>33.161</t>
  </si>
  <si>
    <t>174148.0</t>
  </si>
  <si>
    <t>177258.0</t>
  </si>
  <si>
    <t>34.393</t>
  </si>
  <si>
    <t>180172.0</t>
  </si>
  <si>
    <t>181913.0</t>
  </si>
  <si>
    <t>35.296</t>
  </si>
  <si>
    <t>183815.0</t>
  </si>
  <si>
    <t>35.665</t>
  </si>
  <si>
    <t>186792.0</t>
  </si>
  <si>
    <t>36.242</t>
  </si>
  <si>
    <t>189981.0</t>
  </si>
  <si>
    <t>36.861</t>
  </si>
  <si>
    <t>192639.0</t>
  </si>
  <si>
    <t>37.377</t>
  </si>
  <si>
    <t>195696.0</t>
  </si>
  <si>
    <t>198118.0</t>
  </si>
  <si>
    <t>199840.0</t>
  </si>
  <si>
    <t>38.774</t>
  </si>
  <si>
    <t>201495.0</t>
  </si>
  <si>
    <t>39.095</t>
  </si>
  <si>
    <t>204202.0</t>
  </si>
  <si>
    <t>-112.5</t>
  </si>
  <si>
    <t>-21.7146421928816</t>
  </si>
  <si>
    <t>206734.0</t>
  </si>
  <si>
    <t>40.112</t>
  </si>
  <si>
    <t>209286.0</t>
  </si>
  <si>
    <t>40.607</t>
  </si>
  <si>
    <t>212439.0</t>
  </si>
  <si>
    <t>41.219</t>
  </si>
  <si>
    <t>41.762</t>
  </si>
  <si>
    <t>216894.0</t>
  </si>
  <si>
    <t>218610.0</t>
  </si>
  <si>
    <t>42.416</t>
  </si>
  <si>
    <t>221065.0</t>
  </si>
  <si>
    <t>42.892</t>
  </si>
  <si>
    <t>224029.0</t>
  </si>
  <si>
    <t>43.467</t>
  </si>
  <si>
    <t>226778.0</t>
  </si>
  <si>
    <t>44.001</t>
  </si>
  <si>
    <t>229809.0</t>
  </si>
  <si>
    <t>44.589</t>
  </si>
  <si>
    <t>232510.0</t>
  </si>
  <si>
    <t>45.113</t>
  </si>
  <si>
    <t>234140.0</t>
  </si>
  <si>
    <t>45.429</t>
  </si>
  <si>
    <t>236058.0</t>
  </si>
  <si>
    <t>45.801</t>
  </si>
  <si>
    <t>239057.0</t>
  </si>
  <si>
    <t>46.383</t>
  </si>
  <si>
    <t>242149.0</t>
  </si>
  <si>
    <t>46.983</t>
  </si>
  <si>
    <t>244881.0</t>
  </si>
  <si>
    <t>47.513</t>
  </si>
  <si>
    <t>247547.0</t>
  </si>
  <si>
    <t>250056.0</t>
  </si>
  <si>
    <t>48.517</t>
  </si>
  <si>
    <t>251383.0</t>
  </si>
  <si>
    <t>48.775</t>
  </si>
  <si>
    <t>252836.0</t>
  </si>
  <si>
    <t>49.057</t>
  </si>
  <si>
    <t>255900.0</t>
  </si>
  <si>
    <t>258560.0</t>
  </si>
  <si>
    <t>50.167</t>
  </si>
  <si>
    <t>261342.0</t>
  </si>
  <si>
    <t>50.707</t>
  </si>
  <si>
    <t>264266.0</t>
  </si>
  <si>
    <t>51.274</t>
  </si>
  <si>
    <t>266572.0</t>
  </si>
  <si>
    <t>51.722</t>
  </si>
  <si>
    <t>267734.0</t>
  </si>
  <si>
    <t>269230.0</t>
  </si>
  <si>
    <t>52.238</t>
  </si>
  <si>
    <t>271855.0</t>
  </si>
  <si>
    <t>52.747</t>
  </si>
  <si>
    <t>53.221</t>
  </si>
  <si>
    <t>277358.0</t>
  </si>
  <si>
    <t>53.815</t>
  </si>
  <si>
    <t>279948.0</t>
  </si>
  <si>
    <t>54.317</t>
  </si>
  <si>
    <t>40.3409797183312</t>
  </si>
  <si>
    <t>281709.0</t>
  </si>
  <si>
    <t>54.659</t>
  </si>
  <si>
    <t>283085.0</t>
  </si>
  <si>
    <t>54.926</t>
  </si>
  <si>
    <t>284907.0</t>
  </si>
  <si>
    <t>55.279</t>
  </si>
  <si>
    <t>287396.0</t>
  </si>
  <si>
    <t>55.762</t>
  </si>
  <si>
    <t>290244.0</t>
  </si>
  <si>
    <t>56.315</t>
  </si>
  <si>
    <t>292717.0</t>
  </si>
  <si>
    <t>295118.0</t>
  </si>
  <si>
    <t>297337.0</t>
  </si>
  <si>
    <t>57.691</t>
  </si>
  <si>
    <t>298204.0</t>
  </si>
  <si>
    <t>57.859</t>
  </si>
  <si>
    <t>300211.0</t>
  </si>
  <si>
    <t>58.249</t>
  </si>
  <si>
    <t>302817.0</t>
  </si>
  <si>
    <t>58.754</t>
  </si>
  <si>
    <t>305679.0</t>
  </si>
  <si>
    <t>308376.0</t>
  </si>
  <si>
    <t>59.833</t>
  </si>
  <si>
    <t>310869.0</t>
  </si>
  <si>
    <t>60.317</t>
  </si>
  <si>
    <t>312941.0</t>
  </si>
  <si>
    <t>60.719</t>
  </si>
  <si>
    <t>314240.0</t>
  </si>
  <si>
    <t>60.971</t>
  </si>
  <si>
    <t>315881.0</t>
  </si>
  <si>
    <t>61.289</t>
  </si>
  <si>
    <t>318965.0</t>
  </si>
  <si>
    <t>61.887</t>
  </si>
  <si>
    <t>321799.0</t>
  </si>
  <si>
    <t>324372.0</t>
  </si>
  <si>
    <t>62.936</t>
  </si>
  <si>
    <t>327611.0</t>
  </si>
  <si>
    <t>63.565</t>
  </si>
  <si>
    <t>330247.0</t>
  </si>
  <si>
    <t>64.076</t>
  </si>
  <si>
    <t>331623.0</t>
  </si>
  <si>
    <t>64.343</t>
  </si>
  <si>
    <t>333533.0</t>
  </si>
  <si>
    <t>64.714</t>
  </si>
  <si>
    <t>336328.0</t>
  </si>
  <si>
    <t>65.256</t>
  </si>
  <si>
    <t>339350.0</t>
  </si>
  <si>
    <t>65.843</t>
  </si>
  <si>
    <t>342291.0</t>
  </si>
  <si>
    <t>66.413</t>
  </si>
  <si>
    <t>345419.0</t>
  </si>
  <si>
    <t>347942.0</t>
  </si>
  <si>
    <t>349329.0</t>
  </si>
  <si>
    <t>362.5</t>
  </si>
  <si>
    <t>69.9694026215074</t>
  </si>
  <si>
    <t>350549.0</t>
  </si>
  <si>
    <t>68.016</t>
  </si>
  <si>
    <t>352579.0</t>
  </si>
  <si>
    <t>68.409</t>
  </si>
  <si>
    <t>355176.0</t>
  </si>
  <si>
    <t>68.913</t>
  </si>
  <si>
    <t>357782.0</t>
  </si>
  <si>
    <t>69.419</t>
  </si>
  <si>
    <t>361060.0</t>
  </si>
  <si>
    <t>70.055</t>
  </si>
  <si>
    <t>363901.0</t>
  </si>
  <si>
    <t>70.606</t>
  </si>
  <si>
    <t>365348.0</t>
  </si>
  <si>
    <t>70.887</t>
  </si>
  <si>
    <t>367365.0</t>
  </si>
  <si>
    <t>71.278</t>
  </si>
  <si>
    <t>370419.0</t>
  </si>
  <si>
    <t>71.871</t>
  </si>
  <si>
    <t>373326.0</t>
  </si>
  <si>
    <t>72.435</t>
  </si>
  <si>
    <t>376544.0</t>
  </si>
  <si>
    <t>73.059</t>
  </si>
  <si>
    <t>379683.0</t>
  </si>
  <si>
    <t>73.668</t>
  </si>
  <si>
    <t>382128.0</t>
  </si>
  <si>
    <t>74.143</t>
  </si>
  <si>
    <t>383388.0</t>
  </si>
  <si>
    <t>74.387</t>
  </si>
  <si>
    <t>385416.0</t>
  </si>
  <si>
    <t>74.781</t>
  </si>
  <si>
    <t>388366.0</t>
  </si>
  <si>
    <t>75.353</t>
  </si>
  <si>
    <t>391412.0</t>
  </si>
  <si>
    <t>75.944</t>
  </si>
  <si>
    <t>394157.0</t>
  </si>
  <si>
    <t>76.477</t>
  </si>
  <si>
    <t>398339.0</t>
  </si>
  <si>
    <t>77.288</t>
  </si>
  <si>
    <t>400973.0</t>
  </si>
  <si>
    <t>77.799</t>
  </si>
  <si>
    <t>402718.0</t>
  </si>
  <si>
    <t>78.138</t>
  </si>
  <si>
    <t>405412.0</t>
  </si>
  <si>
    <t>408281.0</t>
  </si>
  <si>
    <t>79.217</t>
  </si>
  <si>
    <t>411532.0</t>
  </si>
  <si>
    <t>79.848</t>
  </si>
  <si>
    <t>80.417</t>
  </si>
  <si>
    <t>416169.0</t>
  </si>
  <si>
    <t>80.747</t>
  </si>
  <si>
    <t>418097.0</t>
  </si>
  <si>
    <t>81.122</t>
  </si>
  <si>
    <t>419732.0</t>
  </si>
  <si>
    <t>81.439</t>
  </si>
  <si>
    <t>421785.0</t>
  </si>
  <si>
    <t>81.837</t>
  </si>
  <si>
    <t>424890.0</t>
  </si>
  <si>
    <t>427761.0</t>
  </si>
  <si>
    <t>82.997</t>
  </si>
  <si>
    <t>920.8</t>
  </si>
  <si>
    <t>177.731933610715</t>
  </si>
  <si>
    <t>431013.0</t>
  </si>
  <si>
    <t>83.628</t>
  </si>
  <si>
    <t>432850.0</t>
  </si>
  <si>
    <t>83.984</t>
  </si>
  <si>
    <t>434647.0</t>
  </si>
  <si>
    <t>84.333</t>
  </si>
  <si>
    <t>437313.0</t>
  </si>
  <si>
    <t>439814.0</t>
  </si>
  <si>
    <t>85.335</t>
  </si>
  <si>
    <t>443302.0</t>
  </si>
  <si>
    <t>86.012</t>
  </si>
  <si>
    <t>446736.0</t>
  </si>
  <si>
    <t>86.678</t>
  </si>
  <si>
    <t>449717.0</t>
  </si>
  <si>
    <t>87.257</t>
  </si>
  <si>
    <t>9751.0</t>
  </si>
  <si>
    <t>453601.0</t>
  </si>
  <si>
    <t>456061.0</t>
  </si>
  <si>
    <t>88.488</t>
  </si>
  <si>
    <t>457320.0</t>
  </si>
  <si>
    <t>88.732</t>
  </si>
  <si>
    <t>459705.0</t>
  </si>
  <si>
    <t>89.195</t>
  </si>
  <si>
    <t>462470.0</t>
  </si>
  <si>
    <t>89.731</t>
  </si>
  <si>
    <t>465205.0</t>
  </si>
  <si>
    <t>90.262</t>
  </si>
  <si>
    <t>467826.0</t>
  </si>
  <si>
    <t>24859.0</t>
  </si>
  <si>
    <t>470477.0</t>
  </si>
  <si>
    <t>91.285</t>
  </si>
  <si>
    <t>472096.0</t>
  </si>
  <si>
    <t>91.599</t>
  </si>
  <si>
    <t>473414.0</t>
  </si>
  <si>
    <t>91.854</t>
  </si>
  <si>
    <t>29389.0</t>
  </si>
  <si>
    <t>475307.0</t>
  </si>
  <si>
    <t>92.222</t>
  </si>
  <si>
    <t>477651.0</t>
  </si>
  <si>
    <t>92.677</t>
  </si>
  <si>
    <t>479640.0</t>
  </si>
  <si>
    <t>93.062</t>
  </si>
  <si>
    <t>482142.0</t>
  </si>
  <si>
    <t>93.548</t>
  </si>
  <si>
    <t>483770.0</t>
  </si>
  <si>
    <t>93.864</t>
  </si>
  <si>
    <t>485104.0</t>
  </si>
  <si>
    <t>94.123</t>
  </si>
  <si>
    <t>94.296</t>
  </si>
  <si>
    <t>48128.0</t>
  </si>
  <si>
    <t>45707.0</t>
  </si>
  <si>
    <t>487857.0</t>
  </si>
  <si>
    <t>94.657</t>
  </si>
  <si>
    <t>490738.0</t>
  </si>
  <si>
    <t>95.216</t>
  </si>
  <si>
    <t>493237.0</t>
  </si>
  <si>
    <t>95.701</t>
  </si>
  <si>
    <t>495432.0</t>
  </si>
  <si>
    <t>96.127</t>
  </si>
  <si>
    <t>498891.0</t>
  </si>
  <si>
    <t>96.798</t>
  </si>
  <si>
    <t>502687.0</t>
  </si>
  <si>
    <t>97.534</t>
  </si>
  <si>
    <t>1318.6</t>
  </si>
  <si>
    <t>254.514908404744</t>
  </si>
  <si>
    <t>504289.0</t>
  </si>
  <si>
    <t>97.845</t>
  </si>
  <si>
    <t>57701.0</t>
  </si>
  <si>
    <t>506376.0</t>
  </si>
  <si>
    <t>98.25</t>
  </si>
  <si>
    <t>509044.0</t>
  </si>
  <si>
    <t>511471.0</t>
  </si>
  <si>
    <t>99.239</t>
  </si>
  <si>
    <t>513695.0</t>
  </si>
  <si>
    <t>517557.0</t>
  </si>
  <si>
    <t>100.419</t>
  </si>
  <si>
    <t>520379.0</t>
  </si>
  <si>
    <t>100.967</t>
  </si>
  <si>
    <t>521882.0</t>
  </si>
  <si>
    <t>101.259</t>
  </si>
  <si>
    <t>75113.0</t>
  </si>
  <si>
    <t>46750.0</t>
  </si>
  <si>
    <t>28363.0</t>
  </si>
  <si>
    <t>523996.0</t>
  </si>
  <si>
    <t>101.669</t>
  </si>
  <si>
    <t>526511.0</t>
  </si>
  <si>
    <t>102.157</t>
  </si>
  <si>
    <t>528844.0</t>
  </si>
  <si>
    <t>531321.0</t>
  </si>
  <si>
    <t>534945.0</t>
  </si>
  <si>
    <t>103.793</t>
  </si>
  <si>
    <t>537875.0</t>
  </si>
  <si>
    <t>104.362</t>
  </si>
  <si>
    <t>539439.0</t>
  </si>
  <si>
    <t>104.665</t>
  </si>
  <si>
    <t>96948.0</t>
  </si>
  <si>
    <t>54395.0</t>
  </si>
  <si>
    <t>541955.0</t>
  </si>
  <si>
    <t>105.153</t>
  </si>
  <si>
    <t>544958.0</t>
  </si>
  <si>
    <t>105.736</t>
  </si>
  <si>
    <t>548084.0</t>
  </si>
  <si>
    <t>106.342</t>
  </si>
  <si>
    <t>550199.0</t>
  </si>
  <si>
    <t>106.753</t>
  </si>
  <si>
    <t>554847.0</t>
  </si>
  <si>
    <t>107.655</t>
  </si>
  <si>
    <t>557379.0</t>
  </si>
  <si>
    <t>108.146</t>
  </si>
  <si>
    <t>559337.0</t>
  </si>
  <si>
    <t>108.526</t>
  </si>
  <si>
    <t>57162.0</t>
  </si>
  <si>
    <t>561653.0</t>
  </si>
  <si>
    <t>108.975</t>
  </si>
  <si>
    <t>564716.0</t>
  </si>
  <si>
    <t>109.569</t>
  </si>
  <si>
    <t>567828.0</t>
  </si>
  <si>
    <t>110.173</t>
  </si>
  <si>
    <t>571802.0</t>
  </si>
  <si>
    <t>110.944</t>
  </si>
  <si>
    <t>576907.0</t>
  </si>
  <si>
    <t>111.935</t>
  </si>
  <si>
    <t>579897.0</t>
  </si>
  <si>
    <t>112.515</t>
  </si>
  <si>
    <t>280.495271419516</t>
  </si>
  <si>
    <t>582104.0</t>
  </si>
  <si>
    <t>112.943</t>
  </si>
  <si>
    <t>149812.0</t>
  </si>
  <si>
    <t>103695.0</t>
  </si>
  <si>
    <t>46117.0</t>
  </si>
  <si>
    <t>584894.0</t>
  </si>
  <si>
    <t>113.484</t>
  </si>
  <si>
    <t>587550.0</t>
  </si>
  <si>
    <t>590679.0</t>
  </si>
  <si>
    <t>114.607</t>
  </si>
  <si>
    <t>593640.0</t>
  </si>
  <si>
    <t>115.181</t>
  </si>
  <si>
    <t>193273.0</t>
  </si>
  <si>
    <t>142049.0</t>
  </si>
  <si>
    <t>51224.0</t>
  </si>
  <si>
    <t>9186.0</t>
  </si>
  <si>
    <t>597476.0</t>
  </si>
  <si>
    <t>115.926</t>
  </si>
  <si>
    <t>600022.0</t>
  </si>
  <si>
    <t>116.42</t>
  </si>
  <si>
    <t>601881.0</t>
  </si>
  <si>
    <t>204586.0</t>
  </si>
  <si>
    <t>151841.0</t>
  </si>
  <si>
    <t>52745.0</t>
  </si>
  <si>
    <t>7825.0</t>
  </si>
  <si>
    <t>604040.0</t>
  </si>
  <si>
    <t>117.199</t>
  </si>
  <si>
    <t>606483.0</t>
  </si>
  <si>
    <t>117.673</t>
  </si>
  <si>
    <t>609376.0</t>
  </si>
  <si>
    <t>118.235</t>
  </si>
  <si>
    <t>7147.0</t>
  </si>
  <si>
    <t>6624.0</t>
  </si>
  <si>
    <t>612398.0</t>
  </si>
  <si>
    <t>118.821</t>
  </si>
  <si>
    <t>241724.0</t>
  </si>
  <si>
    <t>187826.0</t>
  </si>
  <si>
    <t>53898.0</t>
  </si>
  <si>
    <t>616805.0</t>
  </si>
  <si>
    <t>119.676</t>
  </si>
  <si>
    <t>619623.0</t>
  </si>
  <si>
    <t>120.223</t>
  </si>
  <si>
    <t>621566.0</t>
  </si>
  <si>
    <t>248082.0</t>
  </si>
  <si>
    <t>190088.0</t>
  </si>
  <si>
    <t>57994.0</t>
  </si>
  <si>
    <t>623493.0</t>
  </si>
  <si>
    <t>120.974</t>
  </si>
  <si>
    <t>6200.0</t>
  </si>
  <si>
    <t>627306.0</t>
  </si>
  <si>
    <t>121.713</t>
  </si>
  <si>
    <t>631462.0</t>
  </si>
  <si>
    <t>635447.0</t>
  </si>
  <si>
    <t>640556.0</t>
  </si>
  <si>
    <t>124.284</t>
  </si>
  <si>
    <t>644026.0</t>
  </si>
  <si>
    <t>124.958</t>
  </si>
  <si>
    <t>646487.0</t>
  </si>
  <si>
    <t>125.435</t>
  </si>
  <si>
    <t>312425.0</t>
  </si>
  <si>
    <t>206198.0</t>
  </si>
  <si>
    <t>106227.0</t>
  </si>
  <si>
    <t>9192.0</t>
  </si>
  <si>
    <t>649297.0</t>
  </si>
  <si>
    <t>125.98</t>
  </si>
  <si>
    <t>10422.0</t>
  </si>
  <si>
    <t>653122.0</t>
  </si>
  <si>
    <t>126.722</t>
  </si>
  <si>
    <t>348037.0</t>
  </si>
  <si>
    <t>213404.0</t>
  </si>
  <si>
    <t>134633.0</t>
  </si>
  <si>
    <t>657577.0</t>
  </si>
  <si>
    <t>127.587</t>
  </si>
  <si>
    <t>661520.0</t>
  </si>
  <si>
    <t>128.352</t>
  </si>
  <si>
    <t>11102.0</t>
  </si>
  <si>
    <t>667828.0</t>
  </si>
  <si>
    <t>129.576</t>
  </si>
  <si>
    <t>671793.0</t>
  </si>
  <si>
    <t>130.345</t>
  </si>
  <si>
    <t>674404.0</t>
  </si>
  <si>
    <t>130.852</t>
  </si>
  <si>
    <t>384355.0</t>
  </si>
  <si>
    <t>224092.0</t>
  </si>
  <si>
    <t>160263.0</t>
  </si>
  <si>
    <t>10276.0</t>
  </si>
  <si>
    <t>677548.0</t>
  </si>
  <si>
    <t>131.462</t>
  </si>
  <si>
    <t>9885.0</t>
  </si>
  <si>
    <t>681462.0</t>
  </si>
  <si>
    <t>132.221</t>
  </si>
  <si>
    <t>1597.8</t>
  </si>
  <si>
    <t>308.405824851433</t>
  </si>
  <si>
    <t>685469.0</t>
  </si>
  <si>
    <t>132.999</t>
  </si>
  <si>
    <t>689115.0</t>
  </si>
  <si>
    <t>133.706</t>
  </si>
  <si>
    <t>693151.0</t>
  </si>
  <si>
    <t>134.489</t>
  </si>
  <si>
    <t>696774.0</t>
  </si>
  <si>
    <t>135.192</t>
  </si>
  <si>
    <t>13956.0</t>
  </si>
  <si>
    <t>699410.0</t>
  </si>
  <si>
    <t>135.703</t>
  </si>
  <si>
    <t>15072.0</t>
  </si>
  <si>
    <t>702375.0</t>
  </si>
  <si>
    <t>136.279</t>
  </si>
  <si>
    <t>504930.0</t>
  </si>
  <si>
    <t>291368.0</t>
  </si>
  <si>
    <t>213562.0</t>
  </si>
  <si>
    <t>706622.0</t>
  </si>
  <si>
    <t>137.103</t>
  </si>
  <si>
    <t>14868.0</t>
  </si>
  <si>
    <t>710773.0</t>
  </si>
  <si>
    <t>137.908</t>
  </si>
  <si>
    <t>14664.0</t>
  </si>
  <si>
    <t>715385.0</t>
  </si>
  <si>
    <t>138.803</t>
  </si>
  <si>
    <t>14460.0</t>
  </si>
  <si>
    <t>721323.0</t>
  </si>
  <si>
    <t>139.955</t>
  </si>
  <si>
    <t>14256.0</t>
  </si>
  <si>
    <t>725673.0</t>
  </si>
  <si>
    <t>140.799</t>
  </si>
  <si>
    <t>9894.0</t>
  </si>
  <si>
    <t>728842.0</t>
  </si>
  <si>
    <t>141.414</t>
  </si>
  <si>
    <t>586799.0</t>
  </si>
  <si>
    <t>354291.0</t>
  </si>
  <si>
    <t>232508.0</t>
  </si>
  <si>
    <t>732282.0</t>
  </si>
  <si>
    <t>142.082</t>
  </si>
  <si>
    <t>736653.0</t>
  </si>
  <si>
    <t>142.93</t>
  </si>
  <si>
    <t>14298.0</t>
  </si>
  <si>
    <t>11422.0</t>
  </si>
  <si>
    <t>740663.0</t>
  </si>
  <si>
    <t>143.708</t>
  </si>
  <si>
    <t>745639.0</t>
  </si>
  <si>
    <t>144.673</t>
  </si>
  <si>
    <t>12356.0</t>
  </si>
  <si>
    <t>751633.0</t>
  </si>
  <si>
    <t>145.836</t>
  </si>
  <si>
    <t>15279.0</t>
  </si>
  <si>
    <t>12823.0</t>
  </si>
  <si>
    <t>756158.0</t>
  </si>
  <si>
    <t>146.714</t>
  </si>
  <si>
    <t>759076.0</t>
  </si>
  <si>
    <t>147.28</t>
  </si>
  <si>
    <t>698327.0</t>
  </si>
  <si>
    <t>450593.0</t>
  </si>
  <si>
    <t>13757.0</t>
  </si>
  <si>
    <t>763383.0</t>
  </si>
  <si>
    <t>148.116</t>
  </si>
  <si>
    <t>16117.0</t>
  </si>
  <si>
    <t>13590.0</t>
  </si>
  <si>
    <t>768285.0</t>
  </si>
  <si>
    <t>149.067</t>
  </si>
  <si>
    <t>774885.0</t>
  </si>
  <si>
    <t>150.348</t>
  </si>
  <si>
    <t>777745.0</t>
  </si>
  <si>
    <t>150.903</t>
  </si>
  <si>
    <t>16670.0</t>
  </si>
  <si>
    <t>13087.0</t>
  </si>
  <si>
    <t>784612.0</t>
  </si>
  <si>
    <t>152.235</t>
  </si>
  <si>
    <t>16854.0</t>
  </si>
  <si>
    <t>12919.0</t>
  </si>
  <si>
    <t>789553.0</t>
  </si>
  <si>
    <t>153.194</t>
  </si>
  <si>
    <t>12752.0</t>
  </si>
  <si>
    <t>793943.0</t>
  </si>
  <si>
    <t>154.045</t>
  </si>
  <si>
    <t>818884.0</t>
  </si>
  <si>
    <t>538682.0</t>
  </si>
  <si>
    <t>280202.0</t>
  </si>
  <si>
    <t>17222.0</t>
  </si>
  <si>
    <t>798469.0</t>
  </si>
  <si>
    <t>154.923</t>
  </si>
  <si>
    <t>805336.0</t>
  </si>
  <si>
    <t>156.256</t>
  </si>
  <si>
    <t>812785.0</t>
  </si>
  <si>
    <t>7449.0</t>
  </si>
  <si>
    <t>157.701</t>
  </si>
  <si>
    <t>821746.0</t>
  </si>
  <si>
    <t>8961.0</t>
  </si>
  <si>
    <t>159.44</t>
  </si>
  <si>
    <t>18105.0</t>
  </si>
  <si>
    <t>1822.2</t>
  </si>
  <si>
    <t>351.719297812168</t>
  </si>
  <si>
    <t>830762.0</t>
  </si>
  <si>
    <t>161.189</t>
  </si>
  <si>
    <t>18326.0</t>
  </si>
  <si>
    <t>836511.0</t>
  </si>
  <si>
    <t>162.305</t>
  </si>
  <si>
    <t>18546.0</t>
  </si>
  <si>
    <t>9930.0</t>
  </si>
  <si>
    <t>840269.0</t>
  </si>
  <si>
    <t>163.034</t>
  </si>
  <si>
    <t>950252.0</t>
  </si>
  <si>
    <t>605099.0</t>
  </si>
  <si>
    <t>345153.0</t>
  </si>
  <si>
    <t>18767.0</t>
  </si>
  <si>
    <t>844983.0</t>
  </si>
  <si>
    <t>4714.0</t>
  </si>
  <si>
    <t>163.948</t>
  </si>
  <si>
    <t>852193.0</t>
  </si>
  <si>
    <t>165.347</t>
  </si>
  <si>
    <t>166.569</t>
  </si>
  <si>
    <t>19521.0</t>
  </si>
  <si>
    <t>865764.0</t>
  </si>
  <si>
    <t>167.98</t>
  </si>
  <si>
    <t>19772.0</t>
  </si>
  <si>
    <t>873698.0</t>
  </si>
  <si>
    <t>169.52</t>
  </si>
  <si>
    <t>20023.0</t>
  </si>
  <si>
    <t>880966.0</t>
  </si>
  <si>
    <t>887153.0</t>
  </si>
  <si>
    <t>172.13</t>
  </si>
  <si>
    <t>1093931.0</t>
  </si>
  <si>
    <t>657301.0</t>
  </si>
  <si>
    <t>436630.0</t>
  </si>
  <si>
    <t>20526.0</t>
  </si>
  <si>
    <t>892861.0</t>
  </si>
  <si>
    <t>173.238</t>
  </si>
  <si>
    <t>20817.0</t>
  </si>
  <si>
    <t>900419.0</t>
  </si>
  <si>
    <t>174.704</t>
  </si>
  <si>
    <t>21109.0</t>
  </si>
  <si>
    <t>908540.0</t>
  </si>
  <si>
    <t>21400.0</t>
  </si>
  <si>
    <t>917453.0</t>
  </si>
  <si>
    <t>8913.0</t>
  </si>
  <si>
    <t>178.009</t>
  </si>
  <si>
    <t>925650.0</t>
  </si>
  <si>
    <t>8721.0</t>
  </si>
  <si>
    <t>932287.0</t>
  </si>
  <si>
    <t>180.888</t>
  </si>
  <si>
    <t>22275.0</t>
  </si>
  <si>
    <t>8973.0</t>
  </si>
  <si>
    <t>936738.0</t>
  </si>
  <si>
    <t>181.751</t>
  </si>
  <si>
    <t>1251900.0</t>
  </si>
  <si>
    <t>721882.0</t>
  </si>
  <si>
    <t>530018.0</t>
  </si>
  <si>
    <t>941538.0</t>
  </si>
  <si>
    <t>182.683</t>
  </si>
  <si>
    <t>23545.0</t>
  </si>
  <si>
    <t>10880.0</t>
  </si>
  <si>
    <t>948848.0</t>
  </si>
  <si>
    <t>7310.0</t>
  </si>
  <si>
    <t>184.101</t>
  </si>
  <si>
    <t>24523.0</t>
  </si>
  <si>
    <t>955659.0</t>
  </si>
  <si>
    <t>185.422</t>
  </si>
  <si>
    <t>6731.0</t>
  </si>
  <si>
    <t>25502.0</t>
  </si>
  <si>
    <t>14188.0</t>
  </si>
  <si>
    <t>962783.0</t>
  </si>
  <si>
    <t>186.805</t>
  </si>
  <si>
    <t>971644.0</t>
  </si>
  <si>
    <t>188.524</t>
  </si>
  <si>
    <t>27458.0</t>
  </si>
  <si>
    <t>977258.0</t>
  </si>
  <si>
    <t>189.613</t>
  </si>
  <si>
    <t>28436.0</t>
  </si>
  <si>
    <t>19151.0</t>
  </si>
  <si>
    <t>980817.0</t>
  </si>
  <si>
    <t>190.304</t>
  </si>
  <si>
    <t>1457802.0</t>
  </si>
  <si>
    <t>867517.0</t>
  </si>
  <si>
    <t>590285.0</t>
  </si>
  <si>
    <t>29415.0</t>
  </si>
  <si>
    <t>20805.0</t>
  </si>
  <si>
    <t>986759.0</t>
  </si>
  <si>
    <t>191.457</t>
  </si>
  <si>
    <t>20419.0</t>
  </si>
  <si>
    <t>993967.0</t>
  </si>
  <si>
    <t>192.855</t>
  </si>
  <si>
    <t>1003088.0</t>
  </si>
  <si>
    <t>9121.0</t>
  </si>
  <si>
    <t>194.625</t>
  </si>
  <si>
    <t>27570.0</t>
  </si>
  <si>
    <t>19647.0</t>
  </si>
  <si>
    <t>1009995.0</t>
  </si>
  <si>
    <t>195.965</t>
  </si>
  <si>
    <t>26955.0</t>
  </si>
  <si>
    <t>19261.0</t>
  </si>
  <si>
    <t>1016851.0</t>
  </si>
  <si>
    <t>6856.0</t>
  </si>
  <si>
    <t>197.295</t>
  </si>
  <si>
    <t>26340.0</t>
  </si>
  <si>
    <t>18875.0</t>
  </si>
  <si>
    <t>1020304.0</t>
  </si>
  <si>
    <t>197.965</t>
  </si>
  <si>
    <t>25725.0</t>
  </si>
  <si>
    <t>18489.0</t>
  </si>
  <si>
    <t>1023486.0</t>
  </si>
  <si>
    <t>198.583</t>
  </si>
  <si>
    <t>6096.0</t>
  </si>
  <si>
    <t>25110.0</t>
  </si>
  <si>
    <t>517.677069878298</t>
  </si>
  <si>
    <t>1030935.0</t>
  </si>
  <si>
    <t>200.028</t>
  </si>
  <si>
    <t>6311.0</t>
  </si>
  <si>
    <t>1658685.0</t>
  </si>
  <si>
    <t>1012339.0</t>
  </si>
  <si>
    <t>646346.0</t>
  </si>
  <si>
    <t>1040857.0</t>
  </si>
  <si>
    <t>201.953</t>
  </si>
  <si>
    <t>20450.0</t>
  </si>
  <si>
    <t>203.662</t>
  </si>
  <si>
    <t>1055492.0</t>
  </si>
  <si>
    <t>204.793</t>
  </si>
  <si>
    <t>32027.0</t>
  </si>
  <si>
    <t>1063153.0</t>
  </si>
  <si>
    <t>206.279</t>
  </si>
  <si>
    <t>34332.0</t>
  </si>
  <si>
    <t>27493.0</t>
  </si>
  <si>
    <t>1068577.0</t>
  </si>
  <si>
    <t>207.331</t>
  </si>
  <si>
    <t>36638.0</t>
  </si>
  <si>
    <t>29840.0</t>
  </si>
  <si>
    <t>1071806.0</t>
  </si>
  <si>
    <t>207.958</t>
  </si>
  <si>
    <t>6903.0</t>
  </si>
  <si>
    <t>1906177.0</t>
  </si>
  <si>
    <t>1219551.0</t>
  </si>
  <si>
    <t>686626.0</t>
  </si>
  <si>
    <t>7517.0</t>
  </si>
  <si>
    <t>32188.0</t>
  </si>
  <si>
    <t>1078199.0</t>
  </si>
  <si>
    <t>209.198</t>
  </si>
  <si>
    <t>40343.0</t>
  </si>
  <si>
    <t>1086035.0</t>
  </si>
  <si>
    <t>7836.0</t>
  </si>
  <si>
    <t>210.719</t>
  </si>
  <si>
    <t>39437.0</t>
  </si>
  <si>
    <t>1094638.0</t>
  </si>
  <si>
    <t>212.388</t>
  </si>
  <si>
    <t>31381.0</t>
  </si>
  <si>
    <t>1102081.0</t>
  </si>
  <si>
    <t>213.832</t>
  </si>
  <si>
    <t>30330.0</t>
  </si>
  <si>
    <t>1110951.0</t>
  </si>
  <si>
    <t>8870.0</t>
  </si>
  <si>
    <t>215.553</t>
  </si>
  <si>
    <t>36718.0</t>
  </si>
  <si>
    <t>29278.0</t>
  </si>
  <si>
    <t>1116743.0</t>
  </si>
  <si>
    <t>216.677</t>
  </si>
  <si>
    <t>1120728.0</t>
  </si>
  <si>
    <t>2150520.0</t>
  </si>
  <si>
    <t>1409778.0</t>
  </si>
  <si>
    <t>740742.0</t>
  </si>
  <si>
    <t>34906.0</t>
  </si>
  <si>
    <t>1127025.0</t>
  </si>
  <si>
    <t>218.672</t>
  </si>
  <si>
    <t>25546.0</t>
  </si>
  <si>
    <t>1135918.0</t>
  </si>
  <si>
    <t>220.397</t>
  </si>
  <si>
    <t>31380.0</t>
  </si>
  <si>
    <t>23918.0</t>
  </si>
  <si>
    <t>1144376.0</t>
  </si>
  <si>
    <t>222.038</t>
  </si>
  <si>
    <t>7105.0</t>
  </si>
  <si>
    <t>29617.0</t>
  </si>
  <si>
    <t>22289.0</t>
  </si>
  <si>
    <t>1152720.0</t>
  </si>
  <si>
    <t>223.657</t>
  </si>
  <si>
    <t>27853.0</t>
  </si>
  <si>
    <t>20660.0</t>
  </si>
  <si>
    <t>1160635.0</t>
  </si>
  <si>
    <t>225.193</t>
  </si>
  <si>
    <t>19031.0</t>
  </si>
  <si>
    <t>1166807.0</t>
  </si>
  <si>
    <t>226.391</t>
  </si>
  <si>
    <t>24327.0</t>
  </si>
  <si>
    <t>17402.0</t>
  </si>
  <si>
    <t>1169976.0</t>
  </si>
  <si>
    <t>227.005</t>
  </si>
  <si>
    <t>22564.0</t>
  </si>
  <si>
    <t>15774.0</t>
  </si>
  <si>
    <t>1178133.0</t>
  </si>
  <si>
    <t>228.588</t>
  </si>
  <si>
    <t>2331030.0</t>
  </si>
  <si>
    <t>1535967.0</t>
  </si>
  <si>
    <t>795063.0</t>
  </si>
  <si>
    <t>1186782.0</t>
  </si>
  <si>
    <t>230.266</t>
  </si>
  <si>
    <t>7266.0</t>
  </si>
  <si>
    <t>21944.0</t>
  </si>
  <si>
    <t>15741.0</t>
  </si>
  <si>
    <t>1195260.0</t>
  </si>
  <si>
    <t>231.911</t>
  </si>
  <si>
    <t>21324.0</t>
  </si>
  <si>
    <t>15708.0</t>
  </si>
  <si>
    <t>1205701.0</t>
  </si>
  <si>
    <t>10441.0</t>
  </si>
  <si>
    <t>233.937</t>
  </si>
  <si>
    <t>2.026</t>
  </si>
  <si>
    <t>15675.0</t>
  </si>
  <si>
    <t>1214603.0</t>
  </si>
  <si>
    <t>235.664</t>
  </si>
  <si>
    <t>20085.0</t>
  </si>
  <si>
    <t>1220592.0</t>
  </si>
  <si>
    <t>236.826</t>
  </si>
  <si>
    <t>19465.0</t>
  </si>
  <si>
    <t>1223633.0</t>
  </si>
  <si>
    <t>237.416</t>
  </si>
  <si>
    <t>2440385.0</t>
  </si>
  <si>
    <t>1629222.0</t>
  </si>
  <si>
    <t>811163.0</t>
  </si>
  <si>
    <t>1232682.0</t>
  </si>
  <si>
    <t>9049.0</t>
  </si>
  <si>
    <t>239.172</t>
  </si>
  <si>
    <t>14866.0</t>
  </si>
  <si>
    <t>1242730.0</t>
  </si>
  <si>
    <t>241.122</t>
  </si>
  <si>
    <t>7993.0</t>
  </si>
  <si>
    <t>16341.0</t>
  </si>
  <si>
    <t>14189.0</t>
  </si>
  <si>
    <t>3150.8</t>
  </si>
  <si>
    <t>608.164396634057</t>
  </si>
  <si>
    <t>1251000.0</t>
  </si>
  <si>
    <t>242.726</t>
  </si>
  <si>
    <t>15399.0</t>
  </si>
  <si>
    <t>13513.0</t>
  </si>
  <si>
    <t>1260243.0</t>
  </si>
  <si>
    <t>244.52</t>
  </si>
  <si>
    <t>12836.0</t>
  </si>
  <si>
    <t>1269293.0</t>
  </si>
  <si>
    <t>246.275</t>
  </si>
  <si>
    <t>7813.0</t>
  </si>
  <si>
    <t>1276288.0</t>
  </si>
  <si>
    <t>247.633</t>
  </si>
  <si>
    <t>1280995.0</t>
  </si>
  <si>
    <t>248.546</t>
  </si>
  <si>
    <t>2521795.0</t>
  </si>
  <si>
    <t>1704864.0</t>
  </si>
  <si>
    <t>816931.0</t>
  </si>
  <si>
    <t>11630.0</t>
  </si>
  <si>
    <t>1288373.0</t>
  </si>
  <si>
    <t>249.977</t>
  </si>
  <si>
    <t>1295095.0</t>
  </si>
  <si>
    <t>251.282</t>
  </si>
  <si>
    <t>10543.0</t>
  </si>
  <si>
    <t>1301514.0</t>
  </si>
  <si>
    <t>252.527</t>
  </si>
  <si>
    <t>1310945.0</t>
  </si>
  <si>
    <t>254.357</t>
  </si>
  <si>
    <t>1320603.0</t>
  </si>
  <si>
    <t>256.231</t>
  </si>
  <si>
    <t>1325872.0</t>
  </si>
  <si>
    <t>257.253</t>
  </si>
  <si>
    <t>1330030.0</t>
  </si>
  <si>
    <t>258.06</t>
  </si>
  <si>
    <t>10624.0</t>
  </si>
  <si>
    <t>9886.0</t>
  </si>
  <si>
    <t>1339170.0</t>
  </si>
  <si>
    <t>259.833</t>
  </si>
  <si>
    <t>2606791.0</t>
  </si>
  <si>
    <t>1783949.0</t>
  </si>
  <si>
    <t>822842.0</t>
  </si>
  <si>
    <t>1347457.0</t>
  </si>
  <si>
    <t>261.441</t>
  </si>
  <si>
    <t>13200.0</t>
  </si>
  <si>
    <t>1356730.0</t>
  </si>
  <si>
    <t>9273.0</t>
  </si>
  <si>
    <t>263.24</t>
  </si>
  <si>
    <t>16514.0</t>
  </si>
  <si>
    <t>1366894.0</t>
  </si>
  <si>
    <t>265.213</t>
  </si>
  <si>
    <t>20786.0</t>
  </si>
  <si>
    <t>19828.0</t>
  </si>
  <si>
    <t>1375994.0</t>
  </si>
  <si>
    <t>266.978</t>
  </si>
  <si>
    <t>24173.0</t>
  </si>
  <si>
    <t>1382147.0</t>
  </si>
  <si>
    <t>268.172</t>
  </si>
  <si>
    <t>27560.0</t>
  </si>
  <si>
    <t>26456.0</t>
  </si>
  <si>
    <t>1384989.0</t>
  </si>
  <si>
    <t>268.723</t>
  </si>
  <si>
    <t>2812795.0</t>
  </si>
  <si>
    <t>1982452.0</t>
  </si>
  <si>
    <t>830343.0</t>
  </si>
  <si>
    <t>30947.0</t>
  </si>
  <si>
    <t>1391495.0</t>
  </si>
  <si>
    <t>269.986</t>
  </si>
  <si>
    <t>271.133</t>
  </si>
  <si>
    <t>49483.0</t>
  </si>
  <si>
    <t>47743.0</t>
  </si>
  <si>
    <t>1403604.0</t>
  </si>
  <si>
    <t>272.335</t>
  </si>
  <si>
    <t>57057.0</t>
  </si>
  <si>
    <t>55073.0</t>
  </si>
  <si>
    <t>1412472.0</t>
  </si>
  <si>
    <t>274.056</t>
  </si>
  <si>
    <t>64632.0</t>
  </si>
  <si>
    <t>62402.0</t>
  </si>
  <si>
    <t>1421351.0</t>
  </si>
  <si>
    <t>275.779</t>
  </si>
  <si>
    <t>6480.0</t>
  </si>
  <si>
    <t>72206.0</t>
  </si>
  <si>
    <t>69732.0</t>
  </si>
  <si>
    <t>1425982.0</t>
  </si>
  <si>
    <t>276.677</t>
  </si>
  <si>
    <t>79780.0</t>
  </si>
  <si>
    <t>77061.0</t>
  </si>
  <si>
    <t>1429397.0</t>
  </si>
  <si>
    <t>277.34</t>
  </si>
  <si>
    <t>3424278.0</t>
  </si>
  <si>
    <t>2573189.0</t>
  </si>
  <si>
    <t>851089.0</t>
  </si>
  <si>
    <t>87355.0</t>
  </si>
  <si>
    <t>84391.0</t>
  </si>
  <si>
    <t>1432739.0</t>
  </si>
  <si>
    <t>277.988</t>
  </si>
  <si>
    <t>14884.0</t>
  </si>
  <si>
    <t>74452.0</t>
  </si>
  <si>
    <t>1439602.0</t>
  </si>
  <si>
    <t>279.32</t>
  </si>
  <si>
    <t>66870.0</t>
  </si>
  <si>
    <t>1449099.0</t>
  </si>
  <si>
    <t>281.162</t>
  </si>
  <si>
    <t>54575.0</t>
  </si>
  <si>
    <t>1458997.0</t>
  </si>
  <si>
    <t>283.083</t>
  </si>
  <si>
    <t>6646.0</t>
  </si>
  <si>
    <t>46386.0</t>
  </si>
  <si>
    <t>44636.0</t>
  </si>
  <si>
    <t>1468598.0</t>
  </si>
  <si>
    <t>284.946</t>
  </si>
  <si>
    <t>36144.0</t>
  </si>
  <si>
    <t>34697.0</t>
  </si>
  <si>
    <t>671.513246124757</t>
  </si>
  <si>
    <t>1475270.0</t>
  </si>
  <si>
    <t>6672.0</t>
  </si>
  <si>
    <t>286.24</t>
  </si>
  <si>
    <t>25902.0</t>
  </si>
  <si>
    <t>24758.0</t>
  </si>
  <si>
    <t>1479571.0</t>
  </si>
  <si>
    <t>287.075</t>
  </si>
  <si>
    <t>14819.0</t>
  </si>
  <si>
    <t>1484079.0</t>
  </si>
  <si>
    <t>287.949</t>
  </si>
  <si>
    <t>1493368.0</t>
  </si>
  <si>
    <t>289.752</t>
  </si>
  <si>
    <t>1501498.0</t>
  </si>
  <si>
    <t>1509193.0</t>
  </si>
  <si>
    <t>292.822</t>
  </si>
  <si>
    <t>1516949.0</t>
  </si>
  <si>
    <t>294.327</t>
  </si>
  <si>
    <t>1521711.0</t>
  </si>
  <si>
    <t>295.251</t>
  </si>
  <si>
    <t>1525058.0</t>
  </si>
  <si>
    <t>295.9</t>
  </si>
  <si>
    <t>6498.0</t>
  </si>
  <si>
    <t>3643509.0</t>
  </si>
  <si>
    <t>2780658.0</t>
  </si>
  <si>
    <t>862851.0</t>
  </si>
  <si>
    <t>1533601.0</t>
  </si>
  <si>
    <t>297.558</t>
  </si>
  <si>
    <t>1542369.0</t>
  </si>
  <si>
    <t>299.259</t>
  </si>
  <si>
    <t>1550945.0</t>
  </si>
  <si>
    <t>300.923</t>
  </si>
  <si>
    <t>1559330.0</t>
  </si>
  <si>
    <t>302.55</t>
  </si>
  <si>
    <t>1567109.0</t>
  </si>
  <si>
    <t>7779.0</t>
  </si>
  <si>
    <t>304.059</t>
  </si>
  <si>
    <t>25356.0</t>
  </si>
  <si>
    <t>1573410.0</t>
  </si>
  <si>
    <t>305.282</t>
  </si>
  <si>
    <t>27296.0</t>
  </si>
  <si>
    <t>306.127</t>
  </si>
  <si>
    <t>3848155.0</t>
  </si>
  <si>
    <t>2948584.0</t>
  </si>
  <si>
    <t>899571.0</t>
  </si>
  <si>
    <t>29235.0</t>
  </si>
  <si>
    <t>1584299.0</t>
  </si>
  <si>
    <t>307.395</t>
  </si>
  <si>
    <t>28831.0</t>
  </si>
  <si>
    <t>22214.0</t>
  </si>
  <si>
    <t>1593955.0</t>
  </si>
  <si>
    <t>309.268</t>
  </si>
  <si>
    <t>28428.0</t>
  </si>
  <si>
    <t>1602957.0</t>
  </si>
  <si>
    <t>311.015</t>
  </si>
  <si>
    <t>1611731.0</t>
  </si>
  <si>
    <t>312.717</t>
  </si>
  <si>
    <t>27621.0</t>
  </si>
  <si>
    <t>1620792.0</t>
  </si>
  <si>
    <t>314.475</t>
  </si>
  <si>
    <t>27217.0</t>
  </si>
  <si>
    <t>1627915.0</t>
  </si>
  <si>
    <t>315.857</t>
  </si>
  <si>
    <t>26813.0</t>
  </si>
  <si>
    <t>1632278.0</t>
  </si>
  <si>
    <t>316.704</t>
  </si>
  <si>
    <t>4033022.0</t>
  </si>
  <si>
    <t>3029514.0</t>
  </si>
  <si>
    <t>1003508.0</t>
  </si>
  <si>
    <t>26410.0</t>
  </si>
  <si>
    <t>1640131.0</t>
  </si>
  <si>
    <t>318.228</t>
  </si>
  <si>
    <t>27647.0</t>
  </si>
  <si>
    <t>1648512.0</t>
  </si>
  <si>
    <t>319.854</t>
  </si>
  <si>
    <t>1659843.0</t>
  </si>
  <si>
    <t>322.052</t>
  </si>
  <si>
    <t>30121.0</t>
  </si>
  <si>
    <t>8413.0</t>
  </si>
  <si>
    <t>1670837.0</t>
  </si>
  <si>
    <t>324.185</t>
  </si>
  <si>
    <t>1678331.0</t>
  </si>
  <si>
    <t>325.639</t>
  </si>
  <si>
    <t>1684392.0</t>
  </si>
  <si>
    <t>326.815</t>
  </si>
  <si>
    <t>1688911.0</t>
  </si>
  <si>
    <t>327.692</t>
  </si>
  <si>
    <t>4278505.0</t>
  </si>
  <si>
    <t>3059023.0</t>
  </si>
  <si>
    <t>1219482.0</t>
  </si>
  <si>
    <t>35069.0</t>
  </si>
  <si>
    <t>1696805.0</t>
  </si>
  <si>
    <t>7894.0</t>
  </si>
  <si>
    <t>329.224</t>
  </si>
  <si>
    <t>8096.0</t>
  </si>
  <si>
    <t>4042.8</t>
  </si>
  <si>
    <t>780.337381843394</t>
  </si>
  <si>
    <t>1706335.0</t>
  </si>
  <si>
    <t>331.073</t>
  </si>
  <si>
    <t>1717255.0</t>
  </si>
  <si>
    <t>333.192</t>
  </si>
  <si>
    <t>1727689.0</t>
  </si>
  <si>
    <t>335.216</t>
  </si>
  <si>
    <t>34211.0</t>
  </si>
  <si>
    <t>6603.0</t>
  </si>
  <si>
    <t>1737200.0</t>
  </si>
  <si>
    <t>337.061</t>
  </si>
  <si>
    <t>33996.0</t>
  </si>
  <si>
    <t>1743078.0</t>
  </si>
  <si>
    <t>338.202</t>
  </si>
  <si>
    <t>33782.0</t>
  </si>
  <si>
    <t>1746331.0</t>
  </si>
  <si>
    <t>338.833</t>
  </si>
  <si>
    <t>33567.0</t>
  </si>
  <si>
    <t>1752660.0</t>
  </si>
  <si>
    <t>340.061</t>
  </si>
  <si>
    <t>1757308.0</t>
  </si>
  <si>
    <t>340.963</t>
  </si>
  <si>
    <t>4580610.0</t>
  </si>
  <si>
    <t>3071596.0</t>
  </si>
  <si>
    <t>1509014.0</t>
  </si>
  <si>
    <t>88.41</t>
  </si>
  <si>
    <t>1763461.0</t>
  </si>
  <si>
    <t>342.157</t>
  </si>
  <si>
    <t>37100.0</t>
  </si>
  <si>
    <t>1774417.0</t>
  </si>
  <si>
    <t>344.282</t>
  </si>
  <si>
    <t>40632.0</t>
  </si>
  <si>
    <t>7843.0</t>
  </si>
  <si>
    <t>1783754.0</t>
  </si>
  <si>
    <t>9337.0</t>
  </si>
  <si>
    <t>346.094</t>
  </si>
  <si>
    <t>44165.0</t>
  </si>
  <si>
    <t>1790476.0</t>
  </si>
  <si>
    <t>347.398</t>
  </si>
  <si>
    <t>1794154.0</t>
  </si>
  <si>
    <t>348.112</t>
  </si>
  <si>
    <t>4872085.0</t>
  </si>
  <si>
    <t>3144786.0</t>
  </si>
  <si>
    <t>1727299.0</t>
  </si>
  <si>
    <t>51230.0</t>
  </si>
  <si>
    <t>1797498.0</t>
  </si>
  <si>
    <t>348.761</t>
  </si>
  <si>
    <t>10563.0</t>
  </si>
  <si>
    <t>1805445.0</t>
  </si>
  <si>
    <t>350.303</t>
  </si>
  <si>
    <t>58224.0</t>
  </si>
  <si>
    <t>11238.0</t>
  </si>
  <si>
    <t>1812767.0</t>
  </si>
  <si>
    <t>351.723</t>
  </si>
  <si>
    <t>58188.0</t>
  </si>
  <si>
    <t>1819757.0</t>
  </si>
  <si>
    <t>353.08</t>
  </si>
  <si>
    <t>58153.0</t>
  </si>
  <si>
    <t>16859.0</t>
  </si>
  <si>
    <t>1825804.0</t>
  </si>
  <si>
    <t>354.253</t>
  </si>
  <si>
    <t>58117.0</t>
  </si>
  <si>
    <t>17414.0</t>
  </si>
  <si>
    <t>1830696.0</t>
  </si>
  <si>
    <t>4892.0</t>
  </si>
  <si>
    <t>355.202</t>
  </si>
  <si>
    <t>58082.0</t>
  </si>
  <si>
    <t>11211.0</t>
  </si>
  <si>
    <t>17970.0</t>
  </si>
  <si>
    <t>1834076.0</t>
  </si>
  <si>
    <t>355.858</t>
  </si>
  <si>
    <t>5278407.0</t>
  </si>
  <si>
    <t>3274461.0</t>
  </si>
  <si>
    <t>2003946.0</t>
  </si>
  <si>
    <t>58046.0</t>
  </si>
  <si>
    <t>18525.0</t>
  </si>
  <si>
    <t>1842388.0</t>
  </si>
  <si>
    <t>357.471</t>
  </si>
  <si>
    <t>56245.0</t>
  </si>
  <si>
    <t>18588.0</t>
  </si>
  <si>
    <t>1850302.0</t>
  </si>
  <si>
    <t>359.006</t>
  </si>
  <si>
    <t>54445.0</t>
  </si>
  <si>
    <t>10509.0</t>
  </si>
  <si>
    <t>18651.0</t>
  </si>
  <si>
    <t>1858221.0</t>
  </si>
  <si>
    <t>360.543</t>
  </si>
  <si>
    <t>52644.0</t>
  </si>
  <si>
    <t>1867284.0</t>
  </si>
  <si>
    <t>362.301</t>
  </si>
  <si>
    <t>50843.0</t>
  </si>
  <si>
    <t>1874729.0</t>
  </si>
  <si>
    <t>363.746</t>
  </si>
  <si>
    <t>49043.0</t>
  </si>
  <si>
    <t>1879112.0</t>
  </si>
  <si>
    <t>364.596</t>
  </si>
  <si>
    <t>18902.0</t>
  </si>
  <si>
    <t>1882317.0</t>
  </si>
  <si>
    <t>365.218</t>
  </si>
  <si>
    <t>6892.0</t>
  </si>
  <si>
    <t>5596495.0</t>
  </si>
  <si>
    <t>3407214.0</t>
  </si>
  <si>
    <t>2189281.0</t>
  </si>
  <si>
    <t>108.02</t>
  </si>
  <si>
    <t>8771.0</t>
  </si>
  <si>
    <t>1889134.0</t>
  </si>
  <si>
    <t>366.541</t>
  </si>
  <si>
    <t>42292.0</t>
  </si>
  <si>
    <t>1895956.0</t>
  </si>
  <si>
    <t>367.864</t>
  </si>
  <si>
    <t>39144.0</t>
  </si>
  <si>
    <t>1902801.0</t>
  </si>
  <si>
    <t>369.192</t>
  </si>
  <si>
    <t>35995.0</t>
  </si>
  <si>
    <t>5083.2</t>
  </si>
  <si>
    <t>981.154392843163</t>
  </si>
  <si>
    <t>370.6</t>
  </si>
  <si>
    <t>32846.0</t>
  </si>
  <si>
    <t>1916650.0</t>
  </si>
  <si>
    <t>6594.0</t>
  </si>
  <si>
    <t>371.879</t>
  </si>
  <si>
    <t>29697.0</t>
  </si>
  <si>
    <t>1921894.0</t>
  </si>
  <si>
    <t>372.897</t>
  </si>
  <si>
    <t>26548.0</t>
  </si>
  <si>
    <t>1924877.0</t>
  </si>
  <si>
    <t>373.476</t>
  </si>
  <si>
    <t>5760293.0</t>
  </si>
  <si>
    <t>3470013.0</t>
  </si>
  <si>
    <t>2290280.0</t>
  </si>
  <si>
    <t>23400.0</t>
  </si>
  <si>
    <t>8971.0</t>
  </si>
  <si>
    <t>1930253.0</t>
  </si>
  <si>
    <t>374.519</t>
  </si>
  <si>
    <t>23338.0</t>
  </si>
  <si>
    <t>1937639.0</t>
  </si>
  <si>
    <t>375.952</t>
  </si>
  <si>
    <t>23277.0</t>
  </si>
  <si>
    <t>1944709.0</t>
  </si>
  <si>
    <t>377.323</t>
  </si>
  <si>
    <t>8509.0</t>
  </si>
  <si>
    <t>1951822.0</t>
  </si>
  <si>
    <t>378.704</t>
  </si>
  <si>
    <t>1957444.0</t>
  </si>
  <si>
    <t>379.794</t>
  </si>
  <si>
    <t>23093.0</t>
  </si>
  <si>
    <t>1961293.0</t>
  </si>
  <si>
    <t>380.541</t>
  </si>
  <si>
    <t>23032.0</t>
  </si>
  <si>
    <t>1963791.0</t>
  </si>
  <si>
    <t>381.026</t>
  </si>
  <si>
    <t>5921089.0</t>
  </si>
  <si>
    <t>3525260.0</t>
  </si>
  <si>
    <t>2395829.0</t>
  </si>
  <si>
    <t>22971.0</t>
  </si>
  <si>
    <t>1968845.0</t>
  </si>
  <si>
    <t>382.006</t>
  </si>
  <si>
    <t>23839.0</t>
  </si>
  <si>
    <t>1972853.0</t>
  </si>
  <si>
    <t>382.784</t>
  </si>
  <si>
    <t>24708.0</t>
  </si>
  <si>
    <t>1978939.0</t>
  </si>
  <si>
    <t>383.965</t>
  </si>
  <si>
    <t>1986621.0</t>
  </si>
  <si>
    <t>7682.0</t>
  </si>
  <si>
    <t>385.455</t>
  </si>
  <si>
    <t>26445.0</t>
  </si>
  <si>
    <t>1991741.0</t>
  </si>
  <si>
    <t>386.449</t>
  </si>
  <si>
    <t>27314.0</t>
  </si>
  <si>
    <t>1995581.0</t>
  </si>
  <si>
    <t>387.194</t>
  </si>
  <si>
    <t>1997467.0</t>
  </si>
  <si>
    <t>387.56</t>
  </si>
  <si>
    <t>6124445.0</t>
  </si>
  <si>
    <t>3597302.0</t>
  </si>
  <si>
    <t>2527143.0</t>
  </si>
  <si>
    <t>29051.0</t>
  </si>
  <si>
    <t>118.21</t>
  </si>
  <si>
    <t>10292.0</t>
  </si>
  <si>
    <t>2001086.0</t>
  </si>
  <si>
    <t>388.262</t>
  </si>
  <si>
    <t>29420.0</t>
  </si>
  <si>
    <t>5679.0</t>
  </si>
  <si>
    <t>10392.0</t>
  </si>
  <si>
    <t>2004854.0</t>
  </si>
  <si>
    <t>388.993</t>
  </si>
  <si>
    <t>29789.0</t>
  </si>
  <si>
    <t>2007326.0</t>
  </si>
  <si>
    <t>389.473</t>
  </si>
  <si>
    <t>30158.0</t>
  </si>
  <si>
    <t>10594.0</t>
  </si>
  <si>
    <t>2009160.0</t>
  </si>
  <si>
    <t>389.829</t>
  </si>
  <si>
    <t>30526.0</t>
  </si>
  <si>
    <t>10694.0</t>
  </si>
  <si>
    <t>2011098.0</t>
  </si>
  <si>
    <t>390.205</t>
  </si>
  <si>
    <t>30895.0</t>
  </si>
  <si>
    <t>2012602.0</t>
  </si>
  <si>
    <t>390.496</t>
  </si>
  <si>
    <t>10896.0</t>
  </si>
  <si>
    <t>2013923.0</t>
  </si>
  <si>
    <t>390.753</t>
  </si>
  <si>
    <t>2015765.0</t>
  </si>
  <si>
    <t>391.11</t>
  </si>
  <si>
    <t>2018243.0</t>
  </si>
  <si>
    <t>391.591</t>
  </si>
  <si>
    <t>2020309.0</t>
  </si>
  <si>
    <t>391.992</t>
  </si>
  <si>
    <t>2022326.0</t>
  </si>
  <si>
    <t>392.383</t>
  </si>
  <si>
    <t>2023857.0</t>
  </si>
  <si>
    <t>392.68</t>
  </si>
  <si>
    <t>2025062.0</t>
  </si>
  <si>
    <t>392.914</t>
  </si>
  <si>
    <t>5831.8</t>
  </si>
  <si>
    <t>1125.64844747064</t>
  </si>
  <si>
    <t>2026214.0</t>
  </si>
  <si>
    <t>393.138</t>
  </si>
  <si>
    <t>6567309.0</t>
  </si>
  <si>
    <t>3751251.0</t>
  </si>
  <si>
    <t>2798296.0</t>
  </si>
  <si>
    <t>17762.0</t>
  </si>
  <si>
    <t>126.76</t>
  </si>
  <si>
    <t>2027619.0</t>
  </si>
  <si>
    <t>393.41</t>
  </si>
  <si>
    <t>10226.0</t>
  </si>
  <si>
    <t>2033747.0</t>
  </si>
  <si>
    <t>394.599</t>
  </si>
  <si>
    <t>29520.0</t>
  </si>
  <si>
    <t>2039277.0</t>
  </si>
  <si>
    <t>395.672</t>
  </si>
  <si>
    <t>2045539.0</t>
  </si>
  <si>
    <t>396.887</t>
  </si>
  <si>
    <t>27408.0</t>
  </si>
  <si>
    <t>7917.0</t>
  </si>
  <si>
    <t>2051080.0</t>
  </si>
  <si>
    <t>397.962</t>
  </si>
  <si>
    <t>26351.0</t>
  </si>
  <si>
    <t>2053374.0</t>
  </si>
  <si>
    <t>398.407</t>
  </si>
  <si>
    <t>2055262.0</t>
  </si>
  <si>
    <t>398.774</t>
  </si>
  <si>
    <t>6736978.0</t>
  </si>
  <si>
    <t>3790500.0</t>
  </si>
  <si>
    <t>2922621.0</t>
  </si>
  <si>
    <t>24238.0</t>
  </si>
  <si>
    <t>130.04</t>
  </si>
  <si>
    <t>2059649.0</t>
  </si>
  <si>
    <t>399.625</t>
  </si>
  <si>
    <t>2064364.0</t>
  </si>
  <si>
    <t>400.54</t>
  </si>
  <si>
    <t>23072.0</t>
  </si>
  <si>
    <t>2069395.0</t>
  </si>
  <si>
    <t>401.516</t>
  </si>
  <si>
    <t>2073590.0</t>
  </si>
  <si>
    <t>402.33</t>
  </si>
  <si>
    <t>2078510.0</t>
  </si>
  <si>
    <t>403.284</t>
  </si>
  <si>
    <t>2081844.0</t>
  </si>
  <si>
    <t>403.931</t>
  </si>
  <si>
    <t>2083548.0</t>
  </si>
  <si>
    <t>404.262</t>
  </si>
  <si>
    <t>6878077.0</t>
  </si>
  <si>
    <t>3821682.0</t>
  </si>
  <si>
    <t>3030603.0</t>
  </si>
  <si>
    <t>25792.0</t>
  </si>
  <si>
    <t>20157.0</t>
  </si>
  <si>
    <t>2088327.0</t>
  </si>
  <si>
    <t>405.189</t>
  </si>
  <si>
    <t>2093210.0</t>
  </si>
  <si>
    <t>406.136</t>
  </si>
  <si>
    <t>2097343.0</t>
  </si>
  <si>
    <t>406.938</t>
  </si>
  <si>
    <t>21082.0</t>
  </si>
  <si>
    <t>2098748.0</t>
  </si>
  <si>
    <t>407.211</t>
  </si>
  <si>
    <t>2100044.0</t>
  </si>
  <si>
    <t>407.462</t>
  </si>
  <si>
    <t>21698.0</t>
  </si>
  <si>
    <t>2104041.0</t>
  </si>
  <si>
    <t>408.238</t>
  </si>
  <si>
    <t>22006.0</t>
  </si>
  <si>
    <t>2106115.0</t>
  </si>
  <si>
    <t>408.64</t>
  </si>
  <si>
    <t>7034279.0</t>
  </si>
  <si>
    <t>3860379.0</t>
  </si>
  <si>
    <t>3144053.0</t>
  </si>
  <si>
    <t>29847.0</t>
  </si>
  <si>
    <t>2111551.0</t>
  </si>
  <si>
    <t>409.695</t>
  </si>
  <si>
    <t>2114822.0</t>
  </si>
  <si>
    <t>410.33</t>
  </si>
  <si>
    <t>2119924.0</t>
  </si>
  <si>
    <t>411.32</t>
  </si>
  <si>
    <t>2125937.0</t>
  </si>
  <si>
    <t>6013.0</t>
  </si>
  <si>
    <t>412.486</t>
  </si>
  <si>
    <t>18029.0</t>
  </si>
  <si>
    <t>2132124.0</t>
  </si>
  <si>
    <t>413.687</t>
  </si>
  <si>
    <t>2135381.0</t>
  </si>
  <si>
    <t>414.319</t>
  </si>
  <si>
    <t>2137631.0</t>
  </si>
  <si>
    <t>414.755</t>
  </si>
  <si>
    <t>7137983.0</t>
  </si>
  <si>
    <t>3887480.0</t>
  </si>
  <si>
    <t>3215091.0</t>
  </si>
  <si>
    <t>35412.0</t>
  </si>
  <si>
    <t>2141018.0</t>
  </si>
  <si>
    <t>415.412</t>
  </si>
  <si>
    <t>5981.4</t>
  </si>
  <si>
    <t>1154.52409611113</t>
  </si>
  <si>
    <t>2145920.0</t>
  </si>
  <si>
    <t>416.364</t>
  </si>
  <si>
    <t>2151888.0</t>
  </si>
  <si>
    <t>417.522</t>
  </si>
  <si>
    <t>2155184.0</t>
  </si>
  <si>
    <t>418.161</t>
  </si>
  <si>
    <t>2160480.0</t>
  </si>
  <si>
    <t>419.189</t>
  </si>
  <si>
    <t>12808.0</t>
  </si>
  <si>
    <t>2164305.0</t>
  </si>
  <si>
    <t>419.931</t>
  </si>
  <si>
    <t>2167223.0</t>
  </si>
  <si>
    <t>420.497</t>
  </si>
  <si>
    <t>7222020.0</t>
  </si>
  <si>
    <t>3904671.0</t>
  </si>
  <si>
    <t>3278289.0</t>
  </si>
  <si>
    <t>39060.0</t>
  </si>
  <si>
    <t>2173414.0</t>
  </si>
  <si>
    <t>421.698</t>
  </si>
  <si>
    <t>12881.0</t>
  </si>
  <si>
    <t>2176962.0</t>
  </si>
  <si>
    <t>422.387</t>
  </si>
  <si>
    <t>2180151.0</t>
  </si>
  <si>
    <t>423.005</t>
  </si>
  <si>
    <t>2183219.0</t>
  </si>
  <si>
    <t>423.601</t>
  </si>
  <si>
    <t>2187241.0</t>
  </si>
  <si>
    <t>424.381</t>
  </si>
  <si>
    <t>16384.0</t>
  </si>
  <si>
    <t>2190347.0</t>
  </si>
  <si>
    <t>424.984</t>
  </si>
  <si>
    <t>17259.0</t>
  </si>
  <si>
    <t>2193047.0</t>
  </si>
  <si>
    <t>7348965.0</t>
  </si>
  <si>
    <t>3922190.0</t>
  </si>
  <si>
    <t>3364478.0</t>
  </si>
  <si>
    <t>62297.0</t>
  </si>
  <si>
    <t>141.85</t>
  </si>
  <si>
    <t>2196318.0</t>
  </si>
  <si>
    <t>426.142</t>
  </si>
  <si>
    <t>19671.0</t>
  </si>
  <si>
    <t>2199371.0</t>
  </si>
  <si>
    <t>426.734</t>
  </si>
  <si>
    <t>21206.0</t>
  </si>
  <si>
    <t>2203254.0</t>
  </si>
  <si>
    <t>427.488</t>
  </si>
  <si>
    <t>22742.0</t>
  </si>
  <si>
    <t>2205422.0</t>
  </si>
  <si>
    <t>427.908</t>
  </si>
  <si>
    <t>2207338.0</t>
  </si>
  <si>
    <t>428.28</t>
  </si>
  <si>
    <t>25814.0</t>
  </si>
  <si>
    <t>2208429.0</t>
  </si>
  <si>
    <t>428.492</t>
  </si>
  <si>
    <t>27349.0</t>
  </si>
  <si>
    <t>2214285.0</t>
  </si>
  <si>
    <t>429.628</t>
  </si>
  <si>
    <t>28885.0</t>
  </si>
  <si>
    <t>2220309.0</t>
  </si>
  <si>
    <t>430.797</t>
  </si>
  <si>
    <t>7580046.0</t>
  </si>
  <si>
    <t>3934813.0</t>
  </si>
  <si>
    <t>3444299.0</t>
  </si>
  <si>
    <t>200934.0</t>
  </si>
  <si>
    <t>2227347.0</t>
  </si>
  <si>
    <t>432.163</t>
  </si>
  <si>
    <t>2232911.0</t>
  </si>
  <si>
    <t>433.242</t>
  </si>
  <si>
    <t>2234265.0</t>
  </si>
  <si>
    <t>433.505</t>
  </si>
  <si>
    <t>29099.0</t>
  </si>
  <si>
    <t>2235841.0</t>
  </si>
  <si>
    <t>433.811</t>
  </si>
  <si>
    <t>2239757.0</t>
  </si>
  <si>
    <t>434.57</t>
  </si>
  <si>
    <t>2243993.0</t>
  </si>
  <si>
    <t>435.392</t>
  </si>
  <si>
    <t>7756348.0</t>
  </si>
  <si>
    <t>3944932.0</t>
  </si>
  <si>
    <t>3505176.0</t>
  </si>
  <si>
    <t>29312.0</t>
  </si>
  <si>
    <t>2248299.0</t>
  </si>
  <si>
    <t>436.228</t>
  </si>
  <si>
    <t>2251845.0</t>
  </si>
  <si>
    <t>436.916</t>
  </si>
  <si>
    <t>2258285.0</t>
  </si>
  <si>
    <t>438.165</t>
  </si>
  <si>
    <t>24355.0</t>
  </si>
  <si>
    <t>2266262.0</t>
  </si>
  <si>
    <t>439.713</t>
  </si>
  <si>
    <t>5946.8</t>
  </si>
  <si>
    <t>1147.84563726781</t>
  </si>
  <si>
    <t>2271042.0</t>
  </si>
  <si>
    <t>440.64</t>
  </si>
  <si>
    <t>21003.0</t>
  </si>
  <si>
    <t>2274266.0</t>
  </si>
  <si>
    <t>441.266</t>
  </si>
  <si>
    <t>2277096.0</t>
  </si>
  <si>
    <t>441.815</t>
  </si>
  <si>
    <t>7879899.0</t>
  </si>
  <si>
    <t>3953407.0</t>
  </si>
  <si>
    <t>3546380.0</t>
  </si>
  <si>
    <t>380112.0</t>
  </si>
  <si>
    <t>17650.0</t>
  </si>
  <si>
    <t>152.1</t>
  </si>
  <si>
    <t>2285910.0</t>
  </si>
  <si>
    <t>8814.0</t>
  </si>
  <si>
    <t>443.525</t>
  </si>
  <si>
    <t>2296719.0</t>
  </si>
  <si>
    <t>445.622</t>
  </si>
  <si>
    <t>2307933.0</t>
  </si>
  <si>
    <t>447.798</t>
  </si>
  <si>
    <t>2318008.0</t>
  </si>
  <si>
    <t>449.753</t>
  </si>
  <si>
    <t>18714.0</t>
  </si>
  <si>
    <t>2330263.0</t>
  </si>
  <si>
    <t>452.131</t>
  </si>
  <si>
    <t>2339178.0</t>
  </si>
  <si>
    <t>453.861</t>
  </si>
  <si>
    <t>2347444.0</t>
  </si>
  <si>
    <t>455.464</t>
  </si>
  <si>
    <t>8016478.0</t>
  </si>
  <si>
    <t>3965650.0</t>
  </si>
  <si>
    <t>3590471.0</t>
  </si>
  <si>
    <t>460357.0</t>
  </si>
  <si>
    <t>2359320.0</t>
  </si>
  <si>
    <t>457.769</t>
  </si>
  <si>
    <t>19351.0</t>
  </si>
  <si>
    <t>2374167.0</t>
  </si>
  <si>
    <t>14847.0</t>
  </si>
  <si>
    <t>460.649</t>
  </si>
  <si>
    <t>11064.0</t>
  </si>
  <si>
    <t>19190.0</t>
  </si>
  <si>
    <t>2388908.0</t>
  </si>
  <si>
    <t>14741.0</t>
  </si>
  <si>
    <t>463.509</t>
  </si>
  <si>
    <t>19029.0</t>
  </si>
  <si>
    <t>2402161.0</t>
  </si>
  <si>
    <t>466.081</t>
  </si>
  <si>
    <t>2416803.0</t>
  </si>
  <si>
    <t>468.922</t>
  </si>
  <si>
    <t>12363.0</t>
  </si>
  <si>
    <t>2427898.0</t>
  </si>
  <si>
    <t>471.075</t>
  </si>
  <si>
    <t>2435243.0</t>
  </si>
  <si>
    <t>472.5</t>
  </si>
  <si>
    <t>12543.0</t>
  </si>
  <si>
    <t>8145182.0</t>
  </si>
  <si>
    <t>3997459.0</t>
  </si>
  <si>
    <t>3628935.0</t>
  </si>
  <si>
    <t>518788.0</t>
  </si>
  <si>
    <t>157.22</t>
  </si>
  <si>
    <t>2446678.0</t>
  </si>
  <si>
    <t>474.718</t>
  </si>
  <si>
    <t>12480.0</t>
  </si>
  <si>
    <t>2459717.0</t>
  </si>
  <si>
    <t>477.248</t>
  </si>
  <si>
    <t>2474391.0</t>
  </si>
  <si>
    <t>480.095</t>
  </si>
  <si>
    <t>12212.0</t>
  </si>
  <si>
    <t>2489994.0</t>
  </si>
  <si>
    <t>483.123</t>
  </si>
  <si>
    <t>12548.0</t>
  </si>
  <si>
    <t>14246.0</t>
  </si>
  <si>
    <t>2503698.0</t>
  </si>
  <si>
    <t>13704.0</t>
  </si>
  <si>
    <t>485.782</t>
  </si>
  <si>
    <t>13210.0</t>
  </si>
  <si>
    <t>2513514.0</t>
  </si>
  <si>
    <t>487.686</t>
  </si>
  <si>
    <t>12231.0</t>
  </si>
  <si>
    <t>12175.0</t>
  </si>
  <si>
    <t>2521490.0</t>
  </si>
  <si>
    <t>489.234</t>
  </si>
  <si>
    <t>12321.0</t>
  </si>
  <si>
    <t>11140.0</t>
  </si>
  <si>
    <t>2536400.0</t>
  </si>
  <si>
    <t>14910.0</t>
  </si>
  <si>
    <t>492.127</t>
  </si>
  <si>
    <t>12817.0</t>
  </si>
  <si>
    <t>8234302.0</t>
  </si>
  <si>
    <t>4028723.0</t>
  </si>
  <si>
    <t>3654209.0</t>
  </si>
  <si>
    <t>551370.0</t>
  </si>
  <si>
    <t>158.94</t>
  </si>
  <si>
    <t>2552607.0</t>
  </si>
  <si>
    <t>16207.0</t>
  </si>
  <si>
    <t>495.271</t>
  </si>
  <si>
    <t>11479.0</t>
  </si>
  <si>
    <t>2569002.0</t>
  </si>
  <si>
    <t>498.452</t>
  </si>
  <si>
    <t>11817.0</t>
  </si>
  <si>
    <t>2582806.0</t>
  </si>
  <si>
    <t>501.131</t>
  </si>
  <si>
    <t>13259.0</t>
  </si>
  <si>
    <t>2595086.0</t>
  </si>
  <si>
    <t>503.513</t>
  </si>
  <si>
    <t>12494.0</t>
  </si>
  <si>
    <t>2605386.0</t>
  </si>
  <si>
    <t>505.512</t>
  </si>
  <si>
    <t>2614219.0</t>
  </si>
  <si>
    <t>8833.0</t>
  </si>
  <si>
    <t>507.226</t>
  </si>
  <si>
    <t>8315360.0</t>
  </si>
  <si>
    <t>4059598.0</t>
  </si>
  <si>
    <t>3676687.0</t>
  </si>
  <si>
    <t>579075.0</t>
  </si>
  <si>
    <t>2627182.0</t>
  </si>
  <si>
    <t>12963.0</t>
  </si>
  <si>
    <t>509.741</t>
  </si>
  <si>
    <t>2642561.0</t>
  </si>
  <si>
    <t>512.725</t>
  </si>
  <si>
    <t>2656016.0</t>
  </si>
  <si>
    <t>515.335</t>
  </si>
  <si>
    <t>2668756.0</t>
  </si>
  <si>
    <t>14190.0</t>
  </si>
  <si>
    <t>2681961.0</t>
  </si>
  <si>
    <t>520.369</t>
  </si>
  <si>
    <t>2690612.0</t>
  </si>
  <si>
    <t>522.048</t>
  </si>
  <si>
    <t>2697455.0</t>
  </si>
  <si>
    <t>6843.0</t>
  </si>
  <si>
    <t>523.376</t>
  </si>
  <si>
    <t>11891.0</t>
  </si>
  <si>
    <t>8418258.0</t>
  </si>
  <si>
    <t>4089508.0</t>
  </si>
  <si>
    <t>3713796.0</t>
  </si>
  <si>
    <t>614954.0</t>
  </si>
  <si>
    <t>2709964.0</t>
  </si>
  <si>
    <t>525.803</t>
  </si>
  <si>
    <t>11826.0</t>
  </si>
  <si>
    <t>2723435.0</t>
  </si>
  <si>
    <t>528.416</t>
  </si>
  <si>
    <t>2735623.0</t>
  </si>
  <si>
    <t>530.781</t>
  </si>
  <si>
    <t>17422.0</t>
  </si>
  <si>
    <t>2748574.0</t>
  </si>
  <si>
    <t>533.294</t>
  </si>
  <si>
    <t>2760745.0</t>
  </si>
  <si>
    <t>535.655</t>
  </si>
  <si>
    <t>19236.0</t>
  </si>
  <si>
    <t>2769483.0</t>
  </si>
  <si>
    <t>537.351</t>
  </si>
  <si>
    <t>2774653.0</t>
  </si>
  <si>
    <t>538.354</t>
  </si>
  <si>
    <t>8565613.0</t>
  </si>
  <si>
    <t>4119679.0</t>
  </si>
  <si>
    <t>3747136.0</t>
  </si>
  <si>
    <t>698798.0</t>
  </si>
  <si>
    <t>2786177.0</t>
  </si>
  <si>
    <t>540.59</t>
  </si>
  <si>
    <t>2797430.0</t>
  </si>
  <si>
    <t>542.773</t>
  </si>
  <si>
    <t>10571.0</t>
  </si>
  <si>
    <t>31567.0</t>
  </si>
  <si>
    <t>2807976.0</t>
  </si>
  <si>
    <t>544.819</t>
  </si>
  <si>
    <t>10336.0</t>
  </si>
  <si>
    <t>36825.0</t>
  </si>
  <si>
    <t>7108.0</t>
  </si>
  <si>
    <t>2818120.0</t>
  </si>
  <si>
    <t>546.788</t>
  </si>
  <si>
    <t>42083.0</t>
  </si>
  <si>
    <t>2829854.0</t>
  </si>
  <si>
    <t>549.064</t>
  </si>
  <si>
    <t>9873.0</t>
  </si>
  <si>
    <t>2838649.0</t>
  </si>
  <si>
    <t>8795.0</t>
  </si>
  <si>
    <t>550.771</t>
  </si>
  <si>
    <t>9881.0</t>
  </si>
  <si>
    <t>52599.0</t>
  </si>
  <si>
    <t>2844176.0</t>
  </si>
  <si>
    <t>551.843</t>
  </si>
  <si>
    <t>9932.0</t>
  </si>
  <si>
    <t>8970610.0</t>
  </si>
  <si>
    <t>4152664.0</t>
  </si>
  <si>
    <t>3787890.0</t>
  </si>
  <si>
    <t>1030056.0</t>
  </si>
  <si>
    <t>173.15</t>
  </si>
  <si>
    <t>80.15</t>
  </si>
  <si>
    <t>554.02</t>
  </si>
  <si>
    <t>57325.0</t>
  </si>
  <si>
    <t>11065.0</t>
  </si>
  <si>
    <t>2867093.0</t>
  </si>
  <si>
    <t>11696.0</t>
  </si>
  <si>
    <t>556.29</t>
  </si>
  <si>
    <t>56793.0</t>
  </si>
  <si>
    <t>2877694.0</t>
  </si>
  <si>
    <t>558.347</t>
  </si>
  <si>
    <t>56260.0</t>
  </si>
  <si>
    <t>2886430.0</t>
  </si>
  <si>
    <t>560.042</t>
  </si>
  <si>
    <t>55728.0</t>
  </si>
  <si>
    <t>2891699.0</t>
  </si>
  <si>
    <t>561.064</t>
  </si>
  <si>
    <t>55196.0</t>
  </si>
  <si>
    <t>2899697.0</t>
  </si>
  <si>
    <t>562.616</t>
  </si>
  <si>
    <t>54664.0</t>
  </si>
  <si>
    <t>2906278.0</t>
  </si>
  <si>
    <t>563.893</t>
  </si>
  <si>
    <t>9349535.0</t>
  </si>
  <si>
    <t>4195968.0</t>
  </si>
  <si>
    <t>3827352.0</t>
  </si>
  <si>
    <t>1326215.0</t>
  </si>
  <si>
    <t>54132.0</t>
  </si>
  <si>
    <t>180.46</t>
  </si>
  <si>
    <t>2915298.0</t>
  </si>
  <si>
    <t>565.643</t>
  </si>
  <si>
    <t>51149.0</t>
  </si>
  <si>
    <t>2925359.0</t>
  </si>
  <si>
    <t>567.595</t>
  </si>
  <si>
    <t>2934984.0</t>
  </si>
  <si>
    <t>569.462</t>
  </si>
  <si>
    <t>2944860.0</t>
  </si>
  <si>
    <t>571.378</t>
  </si>
  <si>
    <t>42201.0</t>
  </si>
  <si>
    <t>2954022.0</t>
  </si>
  <si>
    <t>573.156</t>
  </si>
  <si>
    <t>2960716.0</t>
  </si>
  <si>
    <t>574.455</t>
  </si>
  <si>
    <t>36235.0</t>
  </si>
  <si>
    <t>2965239.0</t>
  </si>
  <si>
    <t>575.333</t>
  </si>
  <si>
    <t>9582303.0</t>
  </si>
  <si>
    <t>4235270.0</t>
  </si>
  <si>
    <t>3859818.0</t>
  </si>
  <si>
    <t>1487215.0</t>
  </si>
  <si>
    <t>33253.0</t>
  </si>
  <si>
    <t>184.96</t>
  </si>
  <si>
    <t>2974965.0</t>
  </si>
  <si>
    <t>577.22</t>
  </si>
  <si>
    <t>8524.0</t>
  </si>
  <si>
    <t>2985310.0</t>
  </si>
  <si>
    <t>579.227</t>
  </si>
  <si>
    <t>2994578.0</t>
  </si>
  <si>
    <t>9268.0</t>
  </si>
  <si>
    <t>581.025</t>
  </si>
  <si>
    <t>3003902.0</t>
  </si>
  <si>
    <t>31231.0</t>
  </si>
  <si>
    <t>3013641.0</t>
  </si>
  <si>
    <t>3020558.0</t>
  </si>
  <si>
    <t>586.066</t>
  </si>
  <si>
    <t>30221.0</t>
  </si>
  <si>
    <t>3025956.0</t>
  </si>
  <si>
    <t>587.113</t>
  </si>
  <si>
    <t>8674.0</t>
  </si>
  <si>
    <t>9790312.0</t>
  </si>
  <si>
    <t>4273569.0</t>
  </si>
  <si>
    <t>3892636.0</t>
  </si>
  <si>
    <t>1624107.0</t>
  </si>
  <si>
    <t>29716.0</t>
  </si>
  <si>
    <t>3033236.0</t>
  </si>
  <si>
    <t>7280.0</t>
  </si>
  <si>
    <t>588.526</t>
  </si>
  <si>
    <t>3042977.0</t>
  </si>
  <si>
    <t>590.416</t>
  </si>
  <si>
    <t>8238.0</t>
  </si>
  <si>
    <t>29366.0</t>
  </si>
  <si>
    <t>3052624.0</t>
  </si>
  <si>
    <t>9647.0</t>
  </si>
  <si>
    <t>592.287</t>
  </si>
  <si>
    <t>29192.0</t>
  </si>
  <si>
    <t>3062477.0</t>
  </si>
  <si>
    <t>594.199</t>
  </si>
  <si>
    <t>3072929.0</t>
  </si>
  <si>
    <t>10452.0</t>
  </si>
  <si>
    <t>596.227</t>
  </si>
  <si>
    <t>28843.0</t>
  </si>
  <si>
    <t>3079807.0</t>
  </si>
  <si>
    <t>597.562</t>
  </si>
  <si>
    <t>8464.0</t>
  </si>
  <si>
    <t>3085419.0</t>
  </si>
  <si>
    <t>598.651</t>
  </si>
  <si>
    <t>28494.0</t>
  </si>
  <si>
    <t>3093822.0</t>
  </si>
  <si>
    <t>600.281</t>
  </si>
  <si>
    <t>10018261.0</t>
  </si>
  <si>
    <t>4313391.0</t>
  </si>
  <si>
    <t>3937449.0</t>
  </si>
  <si>
    <t>1767421.0</t>
  </si>
  <si>
    <t>193.37</t>
  </si>
  <si>
    <t>3103141.0</t>
  </si>
  <si>
    <t>602.089</t>
  </si>
  <si>
    <t>27947.0</t>
  </si>
  <si>
    <t>3113637.0</t>
  </si>
  <si>
    <t>604.126</t>
  </si>
  <si>
    <t>3123031.0</t>
  </si>
  <si>
    <t>605.948</t>
  </si>
  <si>
    <t>26854.0</t>
  </si>
  <si>
    <t>3132380.0</t>
  </si>
  <si>
    <t>607.762</t>
  </si>
  <si>
    <t>26308.0</t>
  </si>
  <si>
    <t>3139740.0</t>
  </si>
  <si>
    <t>7360.0</t>
  </si>
  <si>
    <t>609.19</t>
  </si>
  <si>
    <t>3144278.0</t>
  </si>
  <si>
    <t>610.071</t>
  </si>
  <si>
    <t>10166273.0</t>
  </si>
  <si>
    <t>4336171.0</t>
  </si>
  <si>
    <t>3971404.0</t>
  </si>
  <si>
    <t>1858698.0</t>
  </si>
  <si>
    <t>25215.0</t>
  </si>
  <si>
    <t>196.23</t>
  </si>
  <si>
    <t>3153023.0</t>
  </si>
  <si>
    <t>611.767</t>
  </si>
  <si>
    <t>24153.0</t>
  </si>
  <si>
    <t>3163347.0</t>
  </si>
  <si>
    <t>613.771</t>
  </si>
  <si>
    <t>23637.0</t>
  </si>
  <si>
    <t>3172700.0</t>
  </si>
  <si>
    <t>9353.0</t>
  </si>
  <si>
    <t>615.585</t>
  </si>
  <si>
    <t>23121.0</t>
  </si>
  <si>
    <t>3180766.0</t>
  </si>
  <si>
    <t>617.15</t>
  </si>
  <si>
    <t>22606.0</t>
  </si>
  <si>
    <t>3190259.0</t>
  </si>
  <si>
    <t>618.992</t>
  </si>
  <si>
    <t>3197386.0</t>
  </si>
  <si>
    <t>620.375</t>
  </si>
  <si>
    <t>3202545.0</t>
  </si>
  <si>
    <t>621.376</t>
  </si>
  <si>
    <t>10313681.0</t>
  </si>
  <si>
    <t>4358705.0</t>
  </si>
  <si>
    <t>4008446.0</t>
  </si>
  <si>
    <t>1946530.0</t>
  </si>
  <si>
    <t>21058.0</t>
  </si>
  <si>
    <t>3209666.0</t>
  </si>
  <si>
    <t>7121.0</t>
  </si>
  <si>
    <t>622.758</t>
  </si>
  <si>
    <t>20628.0</t>
  </si>
  <si>
    <t>3218504.0</t>
  </si>
  <si>
    <t>624.472</t>
  </si>
  <si>
    <t>3227019.0</t>
  </si>
  <si>
    <t>626.125</t>
  </si>
  <si>
    <t>3233070.0</t>
  </si>
  <si>
    <t>6051.0</t>
  </si>
  <si>
    <t>627.299</t>
  </si>
  <si>
    <t>3243374.0</t>
  </si>
  <si>
    <t>629.298</t>
  </si>
  <si>
    <t>18907.0</t>
  </si>
  <si>
    <t>3250220.0</t>
  </si>
  <si>
    <t>6846.0</t>
  </si>
  <si>
    <t>630.626</t>
  </si>
  <si>
    <t>3254493.0</t>
  </si>
  <si>
    <t>631.455</t>
  </si>
  <si>
    <t>10440011.0</t>
  </si>
  <si>
    <t>4379374.0</t>
  </si>
  <si>
    <t>4042081.0</t>
  </si>
  <si>
    <t>2018556.0</t>
  </si>
  <si>
    <t>18047.0</t>
  </si>
  <si>
    <t>201.51</t>
  </si>
  <si>
    <t>3260859.0</t>
  </si>
  <si>
    <t>632.69</t>
  </si>
  <si>
    <t>7313.0</t>
  </si>
  <si>
    <t>3267583.0</t>
  </si>
  <si>
    <t>633.995</t>
  </si>
  <si>
    <t>7011.0</t>
  </si>
  <si>
    <t>15700.0</t>
  </si>
  <si>
    <t>3274133.0</t>
  </si>
  <si>
    <t>635.266</t>
  </si>
  <si>
    <t>3278547.0</t>
  </si>
  <si>
    <t>636.122</t>
  </si>
  <si>
    <t>13352.0</t>
  </si>
  <si>
    <t>3283135.0</t>
  </si>
  <si>
    <t>637.012</t>
  </si>
  <si>
    <t>3288738.0</t>
  </si>
  <si>
    <t>638.1</t>
  </si>
  <si>
    <t>3293162.0</t>
  </si>
  <si>
    <t>638.958</t>
  </si>
  <si>
    <t>10508830.0</t>
  </si>
  <si>
    <t>4386191.0</t>
  </si>
  <si>
    <t>4055152.0</t>
  </si>
  <si>
    <t>2067487.0</t>
  </si>
  <si>
    <t>202.84</t>
  </si>
  <si>
    <t>3300930.0</t>
  </si>
  <si>
    <t>640.465</t>
  </si>
  <si>
    <t>3308681.0</t>
  </si>
  <si>
    <t>641.969</t>
  </si>
  <si>
    <t>3317143.0</t>
  </si>
  <si>
    <t>643.611</t>
  </si>
  <si>
    <t>12251.0</t>
  </si>
  <si>
    <t>3324739.0</t>
  </si>
  <si>
    <t>645.085</t>
  </si>
  <si>
    <t>13058.0</t>
  </si>
  <si>
    <t>3332307.0</t>
  </si>
  <si>
    <t>646.553</t>
  </si>
  <si>
    <t>3338945.0</t>
  </si>
  <si>
    <t>647.841</t>
  </si>
  <si>
    <t>14671.0</t>
  </si>
  <si>
    <t>3341620.0</t>
  </si>
  <si>
    <t>648.36</t>
  </si>
  <si>
    <t>10617173.0</t>
  </si>
  <si>
    <t>4401102.0</t>
  </si>
  <si>
    <t>4084348.0</t>
  </si>
  <si>
    <t>2131723.0</t>
  </si>
  <si>
    <t>15478.0</t>
  </si>
  <si>
    <t>204.93</t>
  </si>
  <si>
    <t>41.15</t>
  </si>
  <si>
    <t>3349195.0</t>
  </si>
  <si>
    <t>649.83</t>
  </si>
  <si>
    <t>14925.0</t>
  </si>
  <si>
    <t>3357994.0</t>
  </si>
  <si>
    <t>8799.0</t>
  </si>
  <si>
    <t>651.537</t>
  </si>
  <si>
    <t>3366777.0</t>
  </si>
  <si>
    <t>653.241</t>
  </si>
  <si>
    <t>13819.0</t>
  </si>
  <si>
    <t>3375078.0</t>
  </si>
  <si>
    <t>654.852</t>
  </si>
  <si>
    <t>3383822.0</t>
  </si>
  <si>
    <t>656.548</t>
  </si>
  <si>
    <t>3390742.0</t>
  </si>
  <si>
    <t>6920.0</t>
  </si>
  <si>
    <t>657.891</t>
  </si>
  <si>
    <t>3395433.0</t>
  </si>
  <si>
    <t>658.801</t>
  </si>
  <si>
    <t>10698423.0</t>
  </si>
  <si>
    <t>4413772.0</t>
  </si>
  <si>
    <t>4105520.0</t>
  </si>
  <si>
    <t>2179131.0</t>
  </si>
  <si>
    <t>3402537.0</t>
  </si>
  <si>
    <t>660.18</t>
  </si>
  <si>
    <t>7620.0</t>
  </si>
  <si>
    <t>3412780.0</t>
  </si>
  <si>
    <t>10243.0</t>
  </si>
  <si>
    <t>662.167</t>
  </si>
  <si>
    <t>3423147.0</t>
  </si>
  <si>
    <t>664.178</t>
  </si>
  <si>
    <t>3433207.0</t>
  </si>
  <si>
    <t>666.13</t>
  </si>
  <si>
    <t>11457.0</t>
  </si>
  <si>
    <t>3443253.0</t>
  </si>
  <si>
    <t>668.079</t>
  </si>
  <si>
    <t>3451012.0</t>
  </si>
  <si>
    <t>669.585</t>
  </si>
  <si>
    <t>8610.0</t>
  </si>
  <si>
    <t>11382.0</t>
  </si>
  <si>
    <t>3456844.0</t>
  </si>
  <si>
    <t>670.716</t>
  </si>
  <si>
    <t>11345.0</t>
  </si>
  <si>
    <t>3465874.0</t>
  </si>
  <si>
    <t>672.469</t>
  </si>
  <si>
    <t>10789180.0</t>
  </si>
  <si>
    <t>4423865.0</t>
  </si>
  <si>
    <t>4119873.0</t>
  </si>
  <si>
    <t>2221366.0</t>
  </si>
  <si>
    <t>208.25</t>
  </si>
  <si>
    <t>3476816.0</t>
  </si>
  <si>
    <t>10942.0</t>
  </si>
  <si>
    <t>674.592</t>
  </si>
  <si>
    <t>12181.0</t>
  </si>
  <si>
    <t>3486317.0</t>
  </si>
  <si>
    <t>9501.0</t>
  </si>
  <si>
    <t>676.435</t>
  </si>
  <si>
    <t>3496854.0</t>
  </si>
  <si>
    <t>678.479</t>
  </si>
  <si>
    <t>9092.0</t>
  </si>
  <si>
    <t>3507038.0</t>
  </si>
  <si>
    <t>680.455</t>
  </si>
  <si>
    <t>9112.0</t>
  </si>
  <si>
    <t>14692.0</t>
  </si>
  <si>
    <t>3516130.0</t>
  </si>
  <si>
    <t>682.22</t>
  </si>
  <si>
    <t>3521208.0</t>
  </si>
  <si>
    <t>683.205</t>
  </si>
  <si>
    <t>16366.0</t>
  </si>
  <si>
    <t>3533475.0</t>
  </si>
  <si>
    <t>12267.0</t>
  </si>
  <si>
    <t>685.585</t>
  </si>
  <si>
    <t>10909597.0</t>
  </si>
  <si>
    <t>4431502.0</t>
  </si>
  <si>
    <t>4131666.0</t>
  </si>
  <si>
    <t>2262214.0</t>
  </si>
  <si>
    <t>210.58</t>
  </si>
  <si>
    <t>43.67</t>
  </si>
  <si>
    <t>3546446.0</t>
  </si>
  <si>
    <t>688.102</t>
  </si>
  <si>
    <t>3559985.0</t>
  </si>
  <si>
    <t>690.729</t>
  </si>
  <si>
    <t>10524.0</t>
  </si>
  <si>
    <t>17432.0</t>
  </si>
  <si>
    <t>3572877.0</t>
  </si>
  <si>
    <t>12892.0</t>
  </si>
  <si>
    <t>693.23</t>
  </si>
  <si>
    <t>17546.0</t>
  </si>
  <si>
    <t>3585646.0</t>
  </si>
  <si>
    <t>12769.0</t>
  </si>
  <si>
    <t>695.707</t>
  </si>
  <si>
    <t>3594785.0</t>
  </si>
  <si>
    <t>697.481</t>
  </si>
  <si>
    <t>11236.0</t>
  </si>
  <si>
    <t>3601705.0</t>
  </si>
  <si>
    <t>698.823</t>
  </si>
  <si>
    <t>11017624.0</t>
  </si>
  <si>
    <t>4437629.0</t>
  </si>
  <si>
    <t>4143017.0</t>
  </si>
  <si>
    <t>2299181.0</t>
  </si>
  <si>
    <t>17890.0</t>
  </si>
  <si>
    <t>3614586.0</t>
  </si>
  <si>
    <t>701.322</t>
  </si>
  <si>
    <t>3628644.0</t>
  </si>
  <si>
    <t>14058.0</t>
  </si>
  <si>
    <t>704.05</t>
  </si>
  <si>
    <t>14511.0</t>
  </si>
  <si>
    <t>3642458.0</t>
  </si>
  <si>
    <t>706.73</t>
  </si>
  <si>
    <t>11782.0</t>
  </si>
  <si>
    <t>3655735.0</t>
  </si>
  <si>
    <t>13277.0</t>
  </si>
  <si>
    <t>709.306</t>
  </si>
  <si>
    <t>3668909.0</t>
  </si>
  <si>
    <t>711.863</t>
  </si>
  <si>
    <t>3677525.0</t>
  </si>
  <si>
    <t>713.534</t>
  </si>
  <si>
    <t>11820.0</t>
  </si>
  <si>
    <t>11323830.0</t>
  </si>
  <si>
    <t>4175944.0</t>
  </si>
  <si>
    <t>2402802.0</t>
  </si>
  <si>
    <t>218.57</t>
  </si>
  <si>
    <t>11417676.0</t>
  </si>
  <si>
    <t>4456540.0</t>
  </si>
  <si>
    <t>4179996.0</t>
  </si>
  <si>
    <t>2418813.0</t>
  </si>
  <si>
    <t>220.38</t>
  </si>
  <si>
    <t>12982.0</t>
  </si>
  <si>
    <t>11504591.0</t>
  </si>
  <si>
    <t>4458619.0</t>
  </si>
  <si>
    <t>4183451.0</t>
  </si>
  <si>
    <t>2438194.0</t>
  </si>
  <si>
    <t>11585211.0</t>
  </si>
  <si>
    <t>4460393.0</t>
  </si>
  <si>
    <t>4186342.0</t>
  </si>
  <si>
    <t>2456743.0</t>
  </si>
  <si>
    <t>223.62</t>
  </si>
  <si>
    <t>9827.0</t>
  </si>
  <si>
    <t>11649270.0</t>
  </si>
  <si>
    <t>4462107.0</t>
  </si>
  <si>
    <t>4189079.0</t>
  </si>
  <si>
    <t>2472325.0</t>
  </si>
  <si>
    <t>224.85</t>
  </si>
  <si>
    <t>47.72</t>
  </si>
  <si>
    <t>8008.0</t>
  </si>
  <si>
    <t>11703991.0</t>
  </si>
  <si>
    <t>4463636.0</t>
  </si>
  <si>
    <t>4191686.0</t>
  </si>
  <si>
    <t>2486203.0</t>
  </si>
  <si>
    <t>225.91</t>
  </si>
  <si>
    <t>47.99</t>
  </si>
  <si>
    <t>7477.0</t>
  </si>
  <si>
    <t>11913344.0</t>
  </si>
  <si>
    <t>4471009.0</t>
  </si>
  <si>
    <t>4203167.0</t>
  </si>
  <si>
    <t>2549028.0</t>
  </si>
  <si>
    <t>229.95</t>
  </si>
  <si>
    <t>12033083.0</t>
  </si>
  <si>
    <t>4476191.0</t>
  </si>
  <si>
    <t>4210411.0</t>
  </si>
  <si>
    <t>2591748.0</t>
  </si>
  <si>
    <t>232.26</t>
  </si>
  <si>
    <t>8922.0</t>
  </si>
  <si>
    <t>12112439.0</t>
  </si>
  <si>
    <t>4480428.0</t>
  </si>
  <si>
    <t>4216761.0</t>
  </si>
  <si>
    <t>2623652.0</t>
  </si>
  <si>
    <t>233.79</t>
  </si>
  <si>
    <t>12169521.0</t>
  </si>
  <si>
    <t>4500155.0</t>
  </si>
  <si>
    <t>4219797.0</t>
  </si>
  <si>
    <t>2639586.0</t>
  </si>
  <si>
    <t>234.89</t>
  </si>
  <si>
    <t>12320607.0</t>
  </si>
  <si>
    <t>4541315.0</t>
  </si>
  <si>
    <t>4239098.0</t>
  </si>
  <si>
    <t>2684074.0</t>
  </si>
  <si>
    <t>9604.0</t>
  </si>
  <si>
    <t>12560236.0</t>
  </si>
  <si>
    <t>4580458.0</t>
  </si>
  <si>
    <t>4283384.0</t>
  </si>
  <si>
    <t>2759972.0</t>
  </si>
  <si>
    <t>12606343.0</t>
  </si>
  <si>
    <t>4587029.0</t>
  </si>
  <si>
    <t>4290783.0</t>
  </si>
  <si>
    <t>2774381.0</t>
  </si>
  <si>
    <t>CIV</t>
  </si>
  <si>
    <t>Cote d'Ivoire</t>
  </si>
  <si>
    <t>5730.0</t>
  </si>
  <si>
    <t>8581.0</t>
  </si>
  <si>
    <t>11278.0</t>
  </si>
  <si>
    <t>11448.0</t>
  </si>
  <si>
    <t>12768.0</t>
  </si>
  <si>
    <t>13663.0</t>
  </si>
  <si>
    <t>14162.0</t>
  </si>
  <si>
    <t>15260.0</t>
  </si>
  <si>
    <t>0.1103</t>
  </si>
  <si>
    <t>18608.0</t>
  </si>
  <si>
    <t>19174.0</t>
  </si>
  <si>
    <t>21069.0</t>
  </si>
  <si>
    <t>24317.0</t>
  </si>
  <si>
    <t>25099.0</t>
  </si>
  <si>
    <t>25524.0</t>
  </si>
  <si>
    <t>26021.0</t>
  </si>
  <si>
    <t>27650.0</t>
  </si>
  <si>
    <t>28120.0</t>
  </si>
  <si>
    <t>28522.0</t>
  </si>
  <si>
    <t>29228.0</t>
  </si>
  <si>
    <t>29856.0</t>
  </si>
  <si>
    <t>31549.0</t>
  </si>
  <si>
    <t>32349.0</t>
  </si>
  <si>
    <t>32864.0</t>
  </si>
  <si>
    <t>33476.0</t>
  </si>
  <si>
    <t>34272.0</t>
  </si>
  <si>
    <t>35935.0</t>
  </si>
  <si>
    <t>36783.0</t>
  </si>
  <si>
    <t>0.2936</t>
  </si>
  <si>
    <t>38637.0</t>
  </si>
  <si>
    <t>0.2916</t>
  </si>
  <si>
    <t>0.2951</t>
  </si>
  <si>
    <t>41443.0</t>
  </si>
  <si>
    <t>0.2846</t>
  </si>
  <si>
    <t>0.2927</t>
  </si>
  <si>
    <t>45152.0</t>
  </si>
  <si>
    <t>45996.0</t>
  </si>
  <si>
    <t>47299.0</t>
  </si>
  <si>
    <t>48340.0</t>
  </si>
  <si>
    <t>49352.0</t>
  </si>
  <si>
    <t>50914.0</t>
  </si>
  <si>
    <t>0.2379</t>
  </si>
  <si>
    <t>52261.0</t>
  </si>
  <si>
    <t>52885.0</t>
  </si>
  <si>
    <t>53938.0</t>
  </si>
  <si>
    <t>57774.0</t>
  </si>
  <si>
    <t>59382.0</t>
  </si>
  <si>
    <t>60652.0</t>
  </si>
  <si>
    <t>0.1546</t>
  </si>
  <si>
    <t>62205.0</t>
  </si>
  <si>
    <t>0.1526</t>
  </si>
  <si>
    <t>64424.0</t>
  </si>
  <si>
    <t>65888.0</t>
  </si>
  <si>
    <t>69009.0</t>
  </si>
  <si>
    <t>70414.0</t>
  </si>
  <si>
    <t>72599.0</t>
  </si>
  <si>
    <t>2.642</t>
  </si>
  <si>
    <t>74880.0</t>
  </si>
  <si>
    <t>76250.0</t>
  </si>
  <si>
    <t>77384.0</t>
  </si>
  <si>
    <t>0.1658</t>
  </si>
  <si>
    <t>78066.0</t>
  </si>
  <si>
    <t>79895.0</t>
  </si>
  <si>
    <t>0.1745</t>
  </si>
  <si>
    <t>81379.0</t>
  </si>
  <si>
    <t>3.007</t>
  </si>
  <si>
    <t>83753.0</t>
  </si>
  <si>
    <t>85409.0</t>
  </si>
  <si>
    <t>86552.0</t>
  </si>
  <si>
    <t>89920.0</t>
  </si>
  <si>
    <t>91655.0</t>
  </si>
  <si>
    <t>93659.0</t>
  </si>
  <si>
    <t>96097.0</t>
  </si>
  <si>
    <t>96768.0</t>
  </si>
  <si>
    <t>98014.0</t>
  </si>
  <si>
    <t>3.567</t>
  </si>
  <si>
    <t>99734.0</t>
  </si>
  <si>
    <t>0.0996</t>
  </si>
  <si>
    <t>100685.0</t>
  </si>
  <si>
    <t>3.664</t>
  </si>
  <si>
    <t>101583.0</t>
  </si>
  <si>
    <t>102685.0</t>
  </si>
  <si>
    <t>103112.0</t>
  </si>
  <si>
    <t>103624.0</t>
  </si>
  <si>
    <t>104584.0</t>
  </si>
  <si>
    <t>105508.0</t>
  </si>
  <si>
    <t>106753.0</t>
  </si>
  <si>
    <t>3.962</t>
  </si>
  <si>
    <t>109677.0</t>
  </si>
  <si>
    <t>3.991</t>
  </si>
  <si>
    <t>110359.0</t>
  </si>
  <si>
    <t>110611.0</t>
  </si>
  <si>
    <t>4.025</t>
  </si>
  <si>
    <t>111132.0</t>
  </si>
  <si>
    <t>112061.0</t>
  </si>
  <si>
    <t>112931.0</t>
  </si>
  <si>
    <t>113388.0</t>
  </si>
  <si>
    <t>114420.0</t>
  </si>
  <si>
    <t>115338.0</t>
  </si>
  <si>
    <t>116785.0</t>
  </si>
  <si>
    <t>117115.0</t>
  </si>
  <si>
    <t>4.262</t>
  </si>
  <si>
    <t>118065.0</t>
  </si>
  <si>
    <t>4.297</t>
  </si>
  <si>
    <t>119166.0</t>
  </si>
  <si>
    <t>4.337</t>
  </si>
  <si>
    <t>120299.0</t>
  </si>
  <si>
    <t>121286.0</t>
  </si>
  <si>
    <t>4.414</t>
  </si>
  <si>
    <t>122079.0</t>
  </si>
  <si>
    <t>4.443</t>
  </si>
  <si>
    <t>122975.0</t>
  </si>
  <si>
    <t>124057.0</t>
  </si>
  <si>
    <t>4.515</t>
  </si>
  <si>
    <t>4.552</t>
  </si>
  <si>
    <t>125972.0</t>
  </si>
  <si>
    <t>4.584</t>
  </si>
  <si>
    <t>126552.0</t>
  </si>
  <si>
    <t>127804.0</t>
  </si>
  <si>
    <t>4.665</t>
  </si>
  <si>
    <t>129125.0</t>
  </si>
  <si>
    <t>131150.0</t>
  </si>
  <si>
    <t>4.773</t>
  </si>
  <si>
    <t>132863.0</t>
  </si>
  <si>
    <t>4.835</t>
  </si>
  <si>
    <t>134026.0</t>
  </si>
  <si>
    <t>4.878</t>
  </si>
  <si>
    <t>134785.0</t>
  </si>
  <si>
    <t>135277.0</t>
  </si>
  <si>
    <t>136441.0</t>
  </si>
  <si>
    <t>4.965</t>
  </si>
  <si>
    <t>137921.0</t>
  </si>
  <si>
    <t>139706.0</t>
  </si>
  <si>
    <t>5.084</t>
  </si>
  <si>
    <t>141462.0</t>
  </si>
  <si>
    <t>142248.0</t>
  </si>
  <si>
    <t>144759.0</t>
  </si>
  <si>
    <t>146312.0</t>
  </si>
  <si>
    <t>147565.0</t>
  </si>
  <si>
    <t>148957.0</t>
  </si>
  <si>
    <t>5.421</t>
  </si>
  <si>
    <t>150646.0</t>
  </si>
  <si>
    <t>5.482</t>
  </si>
  <si>
    <t>152527.0</t>
  </si>
  <si>
    <t>5.551</t>
  </si>
  <si>
    <t>152682.0</t>
  </si>
  <si>
    <t>5.556</t>
  </si>
  <si>
    <t>153228.0</t>
  </si>
  <si>
    <t>5.576</t>
  </si>
  <si>
    <t>154970.0</t>
  </si>
  <si>
    <t>0.0344</t>
  </si>
  <si>
    <t>156390.0</t>
  </si>
  <si>
    <t>158022.0</t>
  </si>
  <si>
    <t>159285.0</t>
  </si>
  <si>
    <t>5.797</t>
  </si>
  <si>
    <t>160192.0</t>
  </si>
  <si>
    <t>160428.0</t>
  </si>
  <si>
    <t>5.838</t>
  </si>
  <si>
    <t>5.864</t>
  </si>
  <si>
    <t>162781.0</t>
  </si>
  <si>
    <t>163715.0</t>
  </si>
  <si>
    <t>164839.0</t>
  </si>
  <si>
    <t>165735.0</t>
  </si>
  <si>
    <t>6.031</t>
  </si>
  <si>
    <t>166529.0</t>
  </si>
  <si>
    <t>166699.0</t>
  </si>
  <si>
    <t>6.067</t>
  </si>
  <si>
    <t>167083.0</t>
  </si>
  <si>
    <t>6.125</t>
  </si>
  <si>
    <t>169404.0</t>
  </si>
  <si>
    <t>6.165</t>
  </si>
  <si>
    <t>170503.0</t>
  </si>
  <si>
    <t>6.205</t>
  </si>
  <si>
    <t>172308.0</t>
  </si>
  <si>
    <t>6.271</t>
  </si>
  <si>
    <t>173214.0</t>
  </si>
  <si>
    <t>6.304</t>
  </si>
  <si>
    <t>173282.0</t>
  </si>
  <si>
    <t>174223.0</t>
  </si>
  <si>
    <t>175666.0</t>
  </si>
  <si>
    <t>6.393</t>
  </si>
  <si>
    <t>176844.0</t>
  </si>
  <si>
    <t>6.436</t>
  </si>
  <si>
    <t>177817.0</t>
  </si>
  <si>
    <t>178801.0</t>
  </si>
  <si>
    <t>6.507</t>
  </si>
  <si>
    <t>180040.0</t>
  </si>
  <si>
    <t>180800.0</t>
  </si>
  <si>
    <t>181735.0</t>
  </si>
  <si>
    <t>6.614</t>
  </si>
  <si>
    <t>183400.0</t>
  </si>
  <si>
    <t>6.674</t>
  </si>
  <si>
    <t>184796.0</t>
  </si>
  <si>
    <t>6.725</t>
  </si>
  <si>
    <t>186404.0</t>
  </si>
  <si>
    <t>188017.0</t>
  </si>
  <si>
    <t>6.842</t>
  </si>
  <si>
    <t>188716.0</t>
  </si>
  <si>
    <t>190116.0</t>
  </si>
  <si>
    <t>192394.0</t>
  </si>
  <si>
    <t>7.002</t>
  </si>
  <si>
    <t>193715.0</t>
  </si>
  <si>
    <t>194200.0</t>
  </si>
  <si>
    <t>195065.0</t>
  </si>
  <si>
    <t>195528.0</t>
  </si>
  <si>
    <t>7.116</t>
  </si>
  <si>
    <t>196129.0</t>
  </si>
  <si>
    <t>7.138</t>
  </si>
  <si>
    <t>197091.0</t>
  </si>
  <si>
    <t>197708.0</t>
  </si>
  <si>
    <t>7.195</t>
  </si>
  <si>
    <t>198662.0</t>
  </si>
  <si>
    <t>199603.0</t>
  </si>
  <si>
    <t>199880.0</t>
  </si>
  <si>
    <t>7.274</t>
  </si>
  <si>
    <t>200218.0</t>
  </si>
  <si>
    <t>7.286</t>
  </si>
  <si>
    <t>200986.0</t>
  </si>
  <si>
    <t>201860.0</t>
  </si>
  <si>
    <t>202716.0</t>
  </si>
  <si>
    <t>203802.0</t>
  </si>
  <si>
    <t>204756.0</t>
  </si>
  <si>
    <t>7.452</t>
  </si>
  <si>
    <t>205228.0</t>
  </si>
  <si>
    <t>7.469</t>
  </si>
  <si>
    <t>205598.0</t>
  </si>
  <si>
    <t>206457.0</t>
  </si>
  <si>
    <t>207321.0</t>
  </si>
  <si>
    <t>7.545</t>
  </si>
  <si>
    <t>208426.0</t>
  </si>
  <si>
    <t>7.585</t>
  </si>
  <si>
    <t>209295.0</t>
  </si>
  <si>
    <t>7.617</t>
  </si>
  <si>
    <t>210236.0</t>
  </si>
  <si>
    <t>7.651</t>
  </si>
  <si>
    <t>211202.0</t>
  </si>
  <si>
    <t>7.686</t>
  </si>
  <si>
    <t>211540.0</t>
  </si>
  <si>
    <t>7.698</t>
  </si>
  <si>
    <t>212611.0</t>
  </si>
  <si>
    <t>7.737</t>
  </si>
  <si>
    <t>213689.0</t>
  </si>
  <si>
    <t>7.777</t>
  </si>
  <si>
    <t>214926.0</t>
  </si>
  <si>
    <t>215944.0</t>
  </si>
  <si>
    <t>217462.0</t>
  </si>
  <si>
    <t>7.914</t>
  </si>
  <si>
    <t>218207.0</t>
  </si>
  <si>
    <t>7.941</t>
  </si>
  <si>
    <t>218660.0</t>
  </si>
  <si>
    <t>219775.0</t>
  </si>
  <si>
    <t>7.998</t>
  </si>
  <si>
    <t>221219.0</t>
  </si>
  <si>
    <t>8.051</t>
  </si>
  <si>
    <t>222462.0</t>
  </si>
  <si>
    <t>8.147</t>
  </si>
  <si>
    <t>225399.0</t>
  </si>
  <si>
    <t>8.203</t>
  </si>
  <si>
    <t>226237.0</t>
  </si>
  <si>
    <t>226594.0</t>
  </si>
  <si>
    <t>8.246</t>
  </si>
  <si>
    <t>227882.0</t>
  </si>
  <si>
    <t>8.293</t>
  </si>
  <si>
    <t>229493.0</t>
  </si>
  <si>
    <t>230799.0</t>
  </si>
  <si>
    <t>8.399</t>
  </si>
  <si>
    <t>232220.0</t>
  </si>
  <si>
    <t>8.451</t>
  </si>
  <si>
    <t>234067.0</t>
  </si>
  <si>
    <t>8.518</t>
  </si>
  <si>
    <t>235378.0</t>
  </si>
  <si>
    <t>236078.0</t>
  </si>
  <si>
    <t>8.591</t>
  </si>
  <si>
    <t>237469.0</t>
  </si>
  <si>
    <t>8.642</t>
  </si>
  <si>
    <t>239365.0</t>
  </si>
  <si>
    <t>8.711</t>
  </si>
  <si>
    <t>241221.0</t>
  </si>
  <si>
    <t>8.779</t>
  </si>
  <si>
    <t>243027.0</t>
  </si>
  <si>
    <t>8.844</t>
  </si>
  <si>
    <t>244957.0</t>
  </si>
  <si>
    <t>8.915</t>
  </si>
  <si>
    <t>246128.0</t>
  </si>
  <si>
    <t>8.957</t>
  </si>
  <si>
    <t>246969.0</t>
  </si>
  <si>
    <t>8.988</t>
  </si>
  <si>
    <t>248050.0</t>
  </si>
  <si>
    <t>9.027</t>
  </si>
  <si>
    <t>250256.0</t>
  </si>
  <si>
    <t>9.107</t>
  </si>
  <si>
    <t>251251.0</t>
  </si>
  <si>
    <t>9.144</t>
  </si>
  <si>
    <t>253132.0</t>
  </si>
  <si>
    <t>254011.0</t>
  </si>
  <si>
    <t>255003.0</t>
  </si>
  <si>
    <t>256649.0</t>
  </si>
  <si>
    <t>258506.0</t>
  </si>
  <si>
    <t>260851.0</t>
  </si>
  <si>
    <t>9.493</t>
  </si>
  <si>
    <t>262407.0</t>
  </si>
  <si>
    <t>264223.0</t>
  </si>
  <si>
    <t>9.616</t>
  </si>
  <si>
    <t>265531.0</t>
  </si>
  <si>
    <t>9.663</t>
  </si>
  <si>
    <t>267276.0</t>
  </si>
  <si>
    <t>271353.0</t>
  </si>
  <si>
    <t>9.875</t>
  </si>
  <si>
    <t>274288.0</t>
  </si>
  <si>
    <t>277151.0</t>
  </si>
  <si>
    <t>280629.0</t>
  </si>
  <si>
    <t>10.213</t>
  </si>
  <si>
    <t>282125.0</t>
  </si>
  <si>
    <t>10.267</t>
  </si>
  <si>
    <t>283759.0</t>
  </si>
  <si>
    <t>10.327</t>
  </si>
  <si>
    <t>286698.0</t>
  </si>
  <si>
    <t>10.434</t>
  </si>
  <si>
    <t>290465.0</t>
  </si>
  <si>
    <t>10.571</t>
  </si>
  <si>
    <t>293382.0</t>
  </si>
  <si>
    <t>295966.0</t>
  </si>
  <si>
    <t>10.771</t>
  </si>
  <si>
    <t>298847.0</t>
  </si>
  <si>
    <t>301237.0</t>
  </si>
  <si>
    <t>10.963</t>
  </si>
  <si>
    <t>302966.0</t>
  </si>
  <si>
    <t>305299.0</t>
  </si>
  <si>
    <t>11.111</t>
  </si>
  <si>
    <t>306629.0</t>
  </si>
  <si>
    <t>11.159</t>
  </si>
  <si>
    <t>311656.0</t>
  </si>
  <si>
    <t>11.342</t>
  </si>
  <si>
    <t>314632.0</t>
  </si>
  <si>
    <t>319232.0</t>
  </si>
  <si>
    <t>4600.0</t>
  </si>
  <si>
    <t>11.618</t>
  </si>
  <si>
    <t>321083.0</t>
  </si>
  <si>
    <t>11.685</t>
  </si>
  <si>
    <t>323322.0</t>
  </si>
  <si>
    <t>11.766</t>
  </si>
  <si>
    <t>325872.0</t>
  </si>
  <si>
    <t>330173.0</t>
  </si>
  <si>
    <t>12.016</t>
  </si>
  <si>
    <t>333591.0</t>
  </si>
  <si>
    <t>339365.0</t>
  </si>
  <si>
    <t>344477.0</t>
  </si>
  <si>
    <t>12.536</t>
  </si>
  <si>
    <t>346185.0</t>
  </si>
  <si>
    <t>12.599</t>
  </si>
  <si>
    <t>349351.0</t>
  </si>
  <si>
    <t>12.714</t>
  </si>
  <si>
    <t>351316.0</t>
  </si>
  <si>
    <t>12.785</t>
  </si>
  <si>
    <t>355696.0</t>
  </si>
  <si>
    <t>12.945</t>
  </si>
  <si>
    <t>359550.0</t>
  </si>
  <si>
    <t>13.085</t>
  </si>
  <si>
    <t>362035.0</t>
  </si>
  <si>
    <t>13.175</t>
  </si>
  <si>
    <t>365508.0</t>
  </si>
  <si>
    <t>13.302</t>
  </si>
  <si>
    <t>367353.0</t>
  </si>
  <si>
    <t>13.369</t>
  </si>
  <si>
    <t>368833.0</t>
  </si>
  <si>
    <t>372020.0</t>
  </si>
  <si>
    <t>13.539</t>
  </si>
  <si>
    <t>375487.0</t>
  </si>
  <si>
    <t>13.665</t>
  </si>
  <si>
    <t>378905.0</t>
  </si>
  <si>
    <t>382078.0</t>
  </si>
  <si>
    <t>13.905</t>
  </si>
  <si>
    <t>385616.0</t>
  </si>
  <si>
    <t>386800.0</t>
  </si>
  <si>
    <t>14.077</t>
  </si>
  <si>
    <t>389190.0</t>
  </si>
  <si>
    <t>14.164</t>
  </si>
  <si>
    <t>391848.0</t>
  </si>
  <si>
    <t>394668.0</t>
  </si>
  <si>
    <t>14.363</t>
  </si>
  <si>
    <t>398383.0</t>
  </si>
  <si>
    <t>14.498</t>
  </si>
  <si>
    <t>401809.0</t>
  </si>
  <si>
    <t>14.623</t>
  </si>
  <si>
    <t>405112.0</t>
  </si>
  <si>
    <t>14.743</t>
  </si>
  <si>
    <t>406140.0</t>
  </si>
  <si>
    <t>408167.0</t>
  </si>
  <si>
    <t>411902.0</t>
  </si>
  <si>
    <t>415261.0</t>
  </si>
  <si>
    <t>15.112</t>
  </si>
  <si>
    <t>417474.0</t>
  </si>
  <si>
    <t>420582.0</t>
  </si>
  <si>
    <t>15.306</t>
  </si>
  <si>
    <t>423731.0</t>
  </si>
  <si>
    <t>424625.0</t>
  </si>
  <si>
    <t>15.453</t>
  </si>
  <si>
    <t>426876.0</t>
  </si>
  <si>
    <t>429177.0</t>
  </si>
  <si>
    <t>15.619</t>
  </si>
  <si>
    <t>432695.0</t>
  </si>
  <si>
    <t>15.747</t>
  </si>
  <si>
    <t>435656.0</t>
  </si>
  <si>
    <t>15.855</t>
  </si>
  <si>
    <t>438334.0</t>
  </si>
  <si>
    <t>443563.0</t>
  </si>
  <si>
    <t>16.142</t>
  </si>
  <si>
    <t>445505.0</t>
  </si>
  <si>
    <t>16.213</t>
  </si>
  <si>
    <t>448597.0</t>
  </si>
  <si>
    <t>16.326</t>
  </si>
  <si>
    <t>452430.0</t>
  </si>
  <si>
    <t>16.465</t>
  </si>
  <si>
    <t>455436.0</t>
  </si>
  <si>
    <t>16.574</t>
  </si>
  <si>
    <t>458980.0</t>
  </si>
  <si>
    <t>16.703</t>
  </si>
  <si>
    <t>462268.0</t>
  </si>
  <si>
    <t>16.823</t>
  </si>
  <si>
    <t>464302.0</t>
  </si>
  <si>
    <t>16.897</t>
  </si>
  <si>
    <t>0.1242</t>
  </si>
  <si>
    <t>15181.0</t>
  </si>
  <si>
    <t>466511.0</t>
  </si>
  <si>
    <t>16.977</t>
  </si>
  <si>
    <t>470459.0</t>
  </si>
  <si>
    <t>19113.0</t>
  </si>
  <si>
    <t>473798.0</t>
  </si>
  <si>
    <t>17.243</t>
  </si>
  <si>
    <t>20766.0</t>
  </si>
  <si>
    <t>477430.0</t>
  </si>
  <si>
    <t>17.375</t>
  </si>
  <si>
    <t>22443.0</t>
  </si>
  <si>
    <t>481527.0</t>
  </si>
  <si>
    <t>17.524</t>
  </si>
  <si>
    <t>24171.0</t>
  </si>
  <si>
    <t>484973.0</t>
  </si>
  <si>
    <t>17.649</t>
  </si>
  <si>
    <t>486766.0</t>
  </si>
  <si>
    <t>17.715</t>
  </si>
  <si>
    <t>24728.0</t>
  </si>
  <si>
    <t>488648.0</t>
  </si>
  <si>
    <t>17.783</t>
  </si>
  <si>
    <t>26079.0</t>
  </si>
  <si>
    <t>492562.0</t>
  </si>
  <si>
    <t>17.926</t>
  </si>
  <si>
    <t>497211.0</t>
  </si>
  <si>
    <t>18.095</t>
  </si>
  <si>
    <t>502125.0</t>
  </si>
  <si>
    <t>31104.0</t>
  </si>
  <si>
    <t>505960.0</t>
  </si>
  <si>
    <t>18.413</t>
  </si>
  <si>
    <t>33395.0</t>
  </si>
  <si>
    <t>510008.0</t>
  </si>
  <si>
    <t>18.56</t>
  </si>
  <si>
    <t>513010.0</t>
  </si>
  <si>
    <t>34388.0</t>
  </si>
  <si>
    <t>514837.0</t>
  </si>
  <si>
    <t>18.736</t>
  </si>
  <si>
    <t>519522.0</t>
  </si>
  <si>
    <t>18.907</t>
  </si>
  <si>
    <t>524257.0</t>
  </si>
  <si>
    <t>19.079</t>
  </si>
  <si>
    <t>42725.0</t>
  </si>
  <si>
    <t>528303.0</t>
  </si>
  <si>
    <t>19.226</t>
  </si>
  <si>
    <t>45247.0</t>
  </si>
  <si>
    <t>533125.0</t>
  </si>
  <si>
    <t>19.402</t>
  </si>
  <si>
    <t>47968.0</t>
  </si>
  <si>
    <t>536109.0</t>
  </si>
  <si>
    <t>538411.0</t>
  </si>
  <si>
    <t>19.594</t>
  </si>
  <si>
    <t>539507.0</t>
  </si>
  <si>
    <t>19.634</t>
  </si>
  <si>
    <t>49948.0</t>
  </si>
  <si>
    <t>541414.0</t>
  </si>
  <si>
    <t>19.703</t>
  </si>
  <si>
    <t>544843.0</t>
  </si>
  <si>
    <t>19.828</t>
  </si>
  <si>
    <t>53071.0</t>
  </si>
  <si>
    <t>548998.0</t>
  </si>
  <si>
    <t>19.979</t>
  </si>
  <si>
    <t>60823.0</t>
  </si>
  <si>
    <t>551900.0</t>
  </si>
  <si>
    <t>20.085</t>
  </si>
  <si>
    <t>66496.0</t>
  </si>
  <si>
    <t>556152.0</t>
  </si>
  <si>
    <t>68843.0</t>
  </si>
  <si>
    <t>557294.0</t>
  </si>
  <si>
    <t>20.281</t>
  </si>
  <si>
    <t>559330.0</t>
  </si>
  <si>
    <t>20.355</t>
  </si>
  <si>
    <t>562275.0</t>
  </si>
  <si>
    <t>20.463</t>
  </si>
  <si>
    <t>83425.0</t>
  </si>
  <si>
    <t>565217.0</t>
  </si>
  <si>
    <t>87267.0</t>
  </si>
  <si>
    <t>567714.0</t>
  </si>
  <si>
    <t>91901.0</t>
  </si>
  <si>
    <t>570199.0</t>
  </si>
  <si>
    <t>20.751</t>
  </si>
  <si>
    <t>572731.0</t>
  </si>
  <si>
    <t>20.843</t>
  </si>
  <si>
    <t>94818.0</t>
  </si>
  <si>
    <t>573182.0</t>
  </si>
  <si>
    <t>20.859</t>
  </si>
  <si>
    <t>577798.0</t>
  </si>
  <si>
    <t>21.027</t>
  </si>
  <si>
    <t>105110.0</t>
  </si>
  <si>
    <t>579748.0</t>
  </si>
  <si>
    <t>21.098</t>
  </si>
  <si>
    <t>109077.0</t>
  </si>
  <si>
    <t>581820.0</t>
  </si>
  <si>
    <t>21.174</t>
  </si>
  <si>
    <t>113224.0</t>
  </si>
  <si>
    <t>583627.0</t>
  </si>
  <si>
    <t>117227.0</t>
  </si>
  <si>
    <t>585823.0</t>
  </si>
  <si>
    <t>118875.0</t>
  </si>
  <si>
    <t>586455.0</t>
  </si>
  <si>
    <t>21.343</t>
  </si>
  <si>
    <t>119663.0</t>
  </si>
  <si>
    <t>588554.0</t>
  </si>
  <si>
    <t>125958.0</t>
  </si>
  <si>
    <t>590207.0</t>
  </si>
  <si>
    <t>21.479</t>
  </si>
  <si>
    <t>132434.0</t>
  </si>
  <si>
    <t>592384.0</t>
  </si>
  <si>
    <t>21.558</t>
  </si>
  <si>
    <t>140270.0</t>
  </si>
  <si>
    <t>594288.0</t>
  </si>
  <si>
    <t>149037.0</t>
  </si>
  <si>
    <t>596854.0</t>
  </si>
  <si>
    <t>21.721</t>
  </si>
  <si>
    <t>158981.0</t>
  </si>
  <si>
    <t>598706.0</t>
  </si>
  <si>
    <t>21.788</t>
  </si>
  <si>
    <t>163176.0</t>
  </si>
  <si>
    <t>21.799</t>
  </si>
  <si>
    <t>168419.0</t>
  </si>
  <si>
    <t>600661.0</t>
  </si>
  <si>
    <t>183301.0</t>
  </si>
  <si>
    <t>603021.0</t>
  </si>
  <si>
    <t>21.945</t>
  </si>
  <si>
    <t>197492.0</t>
  </si>
  <si>
    <t>9294.0</t>
  </si>
  <si>
    <t>215010.0</t>
  </si>
  <si>
    <t>17518.0</t>
  </si>
  <si>
    <t>606980.0</t>
  </si>
  <si>
    <t>235747.0</t>
  </si>
  <si>
    <t>20737.0</t>
  </si>
  <si>
    <t>608960.0</t>
  </si>
  <si>
    <t>22.162</t>
  </si>
  <si>
    <t>252317.0</t>
  </si>
  <si>
    <t>16570.0</t>
  </si>
  <si>
    <t>611119.0</t>
  </si>
  <si>
    <t>262639.0</t>
  </si>
  <si>
    <t>611270.0</t>
  </si>
  <si>
    <t>22.246</t>
  </si>
  <si>
    <t>267032.0</t>
  </si>
  <si>
    <t>613154.0</t>
  </si>
  <si>
    <t>22.314</t>
  </si>
  <si>
    <t>280799.0</t>
  </si>
  <si>
    <t>614959.0</t>
  </si>
  <si>
    <t>292537.0</t>
  </si>
  <si>
    <t>11738.0</t>
  </si>
  <si>
    <t>13578.0</t>
  </si>
  <si>
    <t>616078.0</t>
  </si>
  <si>
    <t>22.421</t>
  </si>
  <si>
    <t>295309.0</t>
  </si>
  <si>
    <t>11471.0</t>
  </si>
  <si>
    <t>617204.0</t>
  </si>
  <si>
    <t>22.462</t>
  </si>
  <si>
    <t>301497.0</t>
  </si>
  <si>
    <t>619741.0</t>
  </si>
  <si>
    <t>321020.0</t>
  </si>
  <si>
    <t>621411.0</t>
  </si>
  <si>
    <t>22.615</t>
  </si>
  <si>
    <t>333793.0</t>
  </si>
  <si>
    <t>621582.0</t>
  </si>
  <si>
    <t>22.621</t>
  </si>
  <si>
    <t>340049.0</t>
  </si>
  <si>
    <t>623383.0</t>
  </si>
  <si>
    <t>22.686</t>
  </si>
  <si>
    <t>366285.0</t>
  </si>
  <si>
    <t>26236.0</t>
  </si>
  <si>
    <t>625623.0</t>
  </si>
  <si>
    <t>22.768</t>
  </si>
  <si>
    <t>391085.0</t>
  </si>
  <si>
    <t>24800.0</t>
  </si>
  <si>
    <t>14078.0</t>
  </si>
  <si>
    <t>627781.0</t>
  </si>
  <si>
    <t>22.846</t>
  </si>
  <si>
    <t>418455.0</t>
  </si>
  <si>
    <t>27370.0</t>
  </si>
  <si>
    <t>17592.0</t>
  </si>
  <si>
    <t>630451.0</t>
  </si>
  <si>
    <t>22.944</t>
  </si>
  <si>
    <t>447449.0</t>
  </si>
  <si>
    <t>28994.0</t>
  </si>
  <si>
    <t>632190.0</t>
  </si>
  <si>
    <t>23.007</t>
  </si>
  <si>
    <t>473098.0</t>
  </si>
  <si>
    <t>25649.0</t>
  </si>
  <si>
    <t>635046.0</t>
  </si>
  <si>
    <t>23.111</t>
  </si>
  <si>
    <t>486231.0</t>
  </si>
  <si>
    <t>13133.0</t>
  </si>
  <si>
    <t>635668.0</t>
  </si>
  <si>
    <t>23.133</t>
  </si>
  <si>
    <t>491146.0</t>
  </si>
  <si>
    <t>636980.0</t>
  </si>
  <si>
    <t>23.181</t>
  </si>
  <si>
    <t>496319.0</t>
  </si>
  <si>
    <t>17302.0</t>
  </si>
  <si>
    <t>641049.0</t>
  </si>
  <si>
    <t>23.329</t>
  </si>
  <si>
    <t>528084.0</t>
  </si>
  <si>
    <t>643113.0</t>
  </si>
  <si>
    <t>535748.0</t>
  </si>
  <si>
    <t>645222.0</t>
  </si>
  <si>
    <t>23.481</t>
  </si>
  <si>
    <t>540245.0</t>
  </si>
  <si>
    <t>9592.0</t>
  </si>
  <si>
    <t>7802.0</t>
  </si>
  <si>
    <t>23.605</t>
  </si>
  <si>
    <t>541449.0</t>
  </si>
  <si>
    <t>650416.0</t>
  </si>
  <si>
    <t>543663.0</t>
  </si>
  <si>
    <t>652778.0</t>
  </si>
  <si>
    <t>23.756</t>
  </si>
  <si>
    <t>555472.0</t>
  </si>
  <si>
    <t>654588.0</t>
  </si>
  <si>
    <t>23.822</t>
  </si>
  <si>
    <t>567488.0</t>
  </si>
  <si>
    <t>5629.0</t>
  </si>
  <si>
    <t>657347.0</t>
  </si>
  <si>
    <t>23.922</t>
  </si>
  <si>
    <t>659797.0</t>
  </si>
  <si>
    <t>24.012</t>
  </si>
  <si>
    <t>593683.0</t>
  </si>
  <si>
    <t>661623.0</t>
  </si>
  <si>
    <t>24.078</t>
  </si>
  <si>
    <t>602540.0</t>
  </si>
  <si>
    <t>662099.0</t>
  </si>
  <si>
    <t>24.095</t>
  </si>
  <si>
    <t>606907.0</t>
  </si>
  <si>
    <t>663286.0</t>
  </si>
  <si>
    <t>24.139</t>
  </si>
  <si>
    <t>625780.0</t>
  </si>
  <si>
    <t>18873.0</t>
  </si>
  <si>
    <t>665601.0</t>
  </si>
  <si>
    <t>24.223</t>
  </si>
  <si>
    <t>644253.0</t>
  </si>
  <si>
    <t>18473.0</t>
  </si>
  <si>
    <t>668205.0</t>
  </si>
  <si>
    <t>662848.0</t>
  </si>
  <si>
    <t>24.388</t>
  </si>
  <si>
    <t>675294.0</t>
  </si>
  <si>
    <t>672653.0</t>
  </si>
  <si>
    <t>24.479</t>
  </si>
  <si>
    <t>674878.0</t>
  </si>
  <si>
    <t>24.56</t>
  </si>
  <si>
    <t>692523.0</t>
  </si>
  <si>
    <t>675738.0</t>
  </si>
  <si>
    <t>24.592</t>
  </si>
  <si>
    <t>694950.0</t>
  </si>
  <si>
    <t>24.656</t>
  </si>
  <si>
    <t>705051.0</t>
  </si>
  <si>
    <t>678807.0</t>
  </si>
  <si>
    <t>24.703</t>
  </si>
  <si>
    <t>712777.0</t>
  </si>
  <si>
    <t>681693.0</t>
  </si>
  <si>
    <t>24.808</t>
  </si>
  <si>
    <t>718197.0</t>
  </si>
  <si>
    <t>684588.0</t>
  </si>
  <si>
    <t>24.914</t>
  </si>
  <si>
    <t>722073.0</t>
  </si>
  <si>
    <t>687004.0</t>
  </si>
  <si>
    <t>25.002</t>
  </si>
  <si>
    <t>724592.0</t>
  </si>
  <si>
    <t>689859.0</t>
  </si>
  <si>
    <t>25.106</t>
  </si>
  <si>
    <t>725916.0</t>
  </si>
  <si>
    <t>690236.0</t>
  </si>
  <si>
    <t>25.119</t>
  </si>
  <si>
    <t>733375.0</t>
  </si>
  <si>
    <t>692153.0</t>
  </si>
  <si>
    <t>25.189</t>
  </si>
  <si>
    <t>735677.0</t>
  </si>
  <si>
    <t>694178.0</t>
  </si>
  <si>
    <t>25.263</t>
  </si>
  <si>
    <t>737314.0</t>
  </si>
  <si>
    <t>696739.0</t>
  </si>
  <si>
    <t>25.356</t>
  </si>
  <si>
    <t>738763.0</t>
  </si>
  <si>
    <t>699078.0</t>
  </si>
  <si>
    <t>25.441</t>
  </si>
  <si>
    <t>170.5</t>
  </si>
  <si>
    <t>740391.0</t>
  </si>
  <si>
    <t>701511.0</t>
  </si>
  <si>
    <t>703614.0</t>
  </si>
  <si>
    <t>25.606</t>
  </si>
  <si>
    <t>92.9</t>
  </si>
  <si>
    <t>704710.0</t>
  </si>
  <si>
    <t>25.646</t>
  </si>
  <si>
    <t>745327.0</t>
  </si>
  <si>
    <t>707100.0</t>
  </si>
  <si>
    <t>25.733</t>
  </si>
  <si>
    <t>749368.0</t>
  </si>
  <si>
    <t>709587.0</t>
  </si>
  <si>
    <t>757113.0</t>
  </si>
  <si>
    <t>711845.0</t>
  </si>
  <si>
    <t>25.906</t>
  </si>
  <si>
    <t>768039.0</t>
  </si>
  <si>
    <t>714637.0</t>
  </si>
  <si>
    <t>26.007</t>
  </si>
  <si>
    <t>780623.0</t>
  </si>
  <si>
    <t>716855.0</t>
  </si>
  <si>
    <t>26.088</t>
  </si>
  <si>
    <t>791306.0</t>
  </si>
  <si>
    <t>719439.0</t>
  </si>
  <si>
    <t>26.182</t>
  </si>
  <si>
    <t>797907.0</t>
  </si>
  <si>
    <t>720533.0</t>
  </si>
  <si>
    <t>801089.0</t>
  </si>
  <si>
    <t>722995.0</t>
  </si>
  <si>
    <t>26.312</t>
  </si>
  <si>
    <t>814945.0</t>
  </si>
  <si>
    <t>725477.0</t>
  </si>
  <si>
    <t>26.402</t>
  </si>
  <si>
    <t>825286.0</t>
  </si>
  <si>
    <t>10341.0</t>
  </si>
  <si>
    <t>727895.0</t>
  </si>
  <si>
    <t>835163.0</t>
  </si>
  <si>
    <t>9877.0</t>
  </si>
  <si>
    <t>730536.0</t>
  </si>
  <si>
    <t>26.586</t>
  </si>
  <si>
    <t>850857.0</t>
  </si>
  <si>
    <t>10033.0</t>
  </si>
  <si>
    <t>8819.0</t>
  </si>
  <si>
    <t>735556.0</t>
  </si>
  <si>
    <t>26.769</t>
  </si>
  <si>
    <t>857406.0</t>
  </si>
  <si>
    <t>737784.0</t>
  </si>
  <si>
    <t>861278.0</t>
  </si>
  <si>
    <t>740799.0</t>
  </si>
  <si>
    <t>866611.0</t>
  </si>
  <si>
    <t>743705.0</t>
  </si>
  <si>
    <t>27.065</t>
  </si>
  <si>
    <t>874736.0</t>
  </si>
  <si>
    <t>746339.0</t>
  </si>
  <si>
    <t>27.161</t>
  </si>
  <si>
    <t>883862.0</t>
  </si>
  <si>
    <t>748773.0</t>
  </si>
  <si>
    <t>891966.0</t>
  </si>
  <si>
    <t>751373.0</t>
  </si>
  <si>
    <t>27.344</t>
  </si>
  <si>
    <t>896350.0</t>
  </si>
  <si>
    <t>752459.0</t>
  </si>
  <si>
    <t>27.384</t>
  </si>
  <si>
    <t>898247.0</t>
  </si>
  <si>
    <t>755218.0</t>
  </si>
  <si>
    <t>27.484</t>
  </si>
  <si>
    <t>905475.0</t>
  </si>
  <si>
    <t>756969.0</t>
  </si>
  <si>
    <t>27.548</t>
  </si>
  <si>
    <t>906089.0</t>
  </si>
  <si>
    <t>761980.0</t>
  </si>
  <si>
    <t>918433.0</t>
  </si>
  <si>
    <t>765030.0</t>
  </si>
  <si>
    <t>925083.0</t>
  </si>
  <si>
    <t>768101.0</t>
  </si>
  <si>
    <t>27.953</t>
  </si>
  <si>
    <t>933816.0</t>
  </si>
  <si>
    <t>8733.0</t>
  </si>
  <si>
    <t>769662.0</t>
  </si>
  <si>
    <t>935111.0</t>
  </si>
  <si>
    <t>772501.0</t>
  </si>
  <si>
    <t>28.113</t>
  </si>
  <si>
    <t>943437.0</t>
  </si>
  <si>
    <t>775631.0</t>
  </si>
  <si>
    <t>28.227</t>
  </si>
  <si>
    <t>959349.0</t>
  </si>
  <si>
    <t>779318.0</t>
  </si>
  <si>
    <t>28.361</t>
  </si>
  <si>
    <t>975086.0</t>
  </si>
  <si>
    <t>782868.0</t>
  </si>
  <si>
    <t>990305.0</t>
  </si>
  <si>
    <t>785677.0</t>
  </si>
  <si>
    <t>28.593</t>
  </si>
  <si>
    <t>1008244.0</t>
  </si>
  <si>
    <t>17939.0</t>
  </si>
  <si>
    <t>11880.0</t>
  </si>
  <si>
    <t>788680.0</t>
  </si>
  <si>
    <t>28.702</t>
  </si>
  <si>
    <t>1019898.0</t>
  </si>
  <si>
    <t>11654.0</t>
  </si>
  <si>
    <t>791050.0</t>
  </si>
  <si>
    <t>28.788</t>
  </si>
  <si>
    <t>1023548.0</t>
  </si>
  <si>
    <t>794606.0</t>
  </si>
  <si>
    <t>28.918</t>
  </si>
  <si>
    <t>1067141.0</t>
  </si>
  <si>
    <t>43593.0</t>
  </si>
  <si>
    <t>17672.0</t>
  </si>
  <si>
    <t>798105.0</t>
  </si>
  <si>
    <t>29.045</t>
  </si>
  <si>
    <t>1098505.0</t>
  </si>
  <si>
    <t>31364.0</t>
  </si>
  <si>
    <t>802020.0</t>
  </si>
  <si>
    <t>29.187</t>
  </si>
  <si>
    <t>1117143.0</t>
  </si>
  <si>
    <t>18638.0</t>
  </si>
  <si>
    <t>805295.0</t>
  </si>
  <si>
    <t>29.307</t>
  </si>
  <si>
    <t>1120944.0</t>
  </si>
  <si>
    <t>809144.0</t>
  </si>
  <si>
    <t>29.447</t>
  </si>
  <si>
    <t>1138231.0</t>
  </si>
  <si>
    <t>18570.0</t>
  </si>
  <si>
    <t>813541.0</t>
  </si>
  <si>
    <t>1143268.0</t>
  </si>
  <si>
    <t>815708.0</t>
  </si>
  <si>
    <t>1147868.0</t>
  </si>
  <si>
    <t>818804.0</t>
  </si>
  <si>
    <t>29.798</t>
  </si>
  <si>
    <t>1165391.0</t>
  </si>
  <si>
    <t>822299.0</t>
  </si>
  <si>
    <t>29.925</t>
  </si>
  <si>
    <t>1181287.0</t>
  </si>
  <si>
    <t>15896.0</t>
  </si>
  <si>
    <t>826678.0</t>
  </si>
  <si>
    <t>30.085</t>
  </si>
  <si>
    <t>1194760.0</t>
  </si>
  <si>
    <t>831123.0</t>
  </si>
  <si>
    <t>30.247</t>
  </si>
  <si>
    <t>1206541.0</t>
  </si>
  <si>
    <t>835566.0</t>
  </si>
  <si>
    <t>30.408</t>
  </si>
  <si>
    <t>1215526.0</t>
  </si>
  <si>
    <t>840869.0</t>
  </si>
  <si>
    <t>30.601</t>
  </si>
  <si>
    <t>1227516.0</t>
  </si>
  <si>
    <t>843716.0</t>
  </si>
  <si>
    <t>30.705</t>
  </si>
  <si>
    <t>1246309.0</t>
  </si>
  <si>
    <t>847957.0</t>
  </si>
  <si>
    <t>30.859</t>
  </si>
  <si>
    <t>852163.0</t>
  </si>
  <si>
    <t>31.012</t>
  </si>
  <si>
    <t>1253326.0</t>
  </si>
  <si>
    <t>855738.0</t>
  </si>
  <si>
    <t>1264058.0</t>
  </si>
  <si>
    <t>10732.0</t>
  </si>
  <si>
    <t>860233.0</t>
  </si>
  <si>
    <t>1268988.0</t>
  </si>
  <si>
    <t>864834.0</t>
  </si>
  <si>
    <t>31.473</t>
  </si>
  <si>
    <t>1274083.0</t>
  </si>
  <si>
    <t>868523.0</t>
  </si>
  <si>
    <t>31.608</t>
  </si>
  <si>
    <t>1275868.0</t>
  </si>
  <si>
    <t>871626.0</t>
  </si>
  <si>
    <t>31.721</t>
  </si>
  <si>
    <t>1287881.0</t>
  </si>
  <si>
    <t>875540.0</t>
  </si>
  <si>
    <t>31.863</t>
  </si>
  <si>
    <t>1293296.0</t>
  </si>
  <si>
    <t>880168.0</t>
  </si>
  <si>
    <t>32.031</t>
  </si>
  <si>
    <t>1297822.0</t>
  </si>
  <si>
    <t>883824.0</t>
  </si>
  <si>
    <t>32.164</t>
  </si>
  <si>
    <t>1301985.0</t>
  </si>
  <si>
    <t>888751.0</t>
  </si>
  <si>
    <t>1310778.0</t>
  </si>
  <si>
    <t>898175.0</t>
  </si>
  <si>
    <t>1327485.0</t>
  </si>
  <si>
    <t>901623.0</t>
  </si>
  <si>
    <t>32.812</t>
  </si>
  <si>
    <t>1353553.0</t>
  </si>
  <si>
    <t>26068.0</t>
  </si>
  <si>
    <t>905599.0</t>
  </si>
  <si>
    <t>32.957</t>
  </si>
  <si>
    <t>1370123.0</t>
  </si>
  <si>
    <t>910059.0</t>
  </si>
  <si>
    <t>33.119</t>
  </si>
  <si>
    <t>913331.0</t>
  </si>
  <si>
    <t>33.238</t>
  </si>
  <si>
    <t>1404020.0</t>
  </si>
  <si>
    <t>14576.0</t>
  </si>
  <si>
    <t>918113.0</t>
  </si>
  <si>
    <t>1421566.0</t>
  </si>
  <si>
    <t>15827.0</t>
  </si>
  <si>
    <t>923288.0</t>
  </si>
  <si>
    <t>33.601</t>
  </si>
  <si>
    <t>1434173.0</t>
  </si>
  <si>
    <t>927584.0</t>
  </si>
  <si>
    <t>33.757</t>
  </si>
  <si>
    <t>1443607.0</t>
  </si>
  <si>
    <t>930920.0</t>
  </si>
  <si>
    <t>33.878</t>
  </si>
  <si>
    <t>1459525.0</t>
  </si>
  <si>
    <t>15918.0</t>
  </si>
  <si>
    <t>15139.0</t>
  </si>
  <si>
    <t>935841.0</t>
  </si>
  <si>
    <t>4921.0</t>
  </si>
  <si>
    <t>34.058</t>
  </si>
  <si>
    <t>11089.0</t>
  </si>
  <si>
    <t>944072.0</t>
  </si>
  <si>
    <t>34.357</t>
  </si>
  <si>
    <t>1467277.0</t>
  </si>
  <si>
    <t>1193877.0</t>
  </si>
  <si>
    <t>273400.0</t>
  </si>
  <si>
    <t>948089.0</t>
  </si>
  <si>
    <t>34.503</t>
  </si>
  <si>
    <t>952906.0</t>
  </si>
  <si>
    <t>34.679</t>
  </si>
  <si>
    <t>1542157.0</t>
  </si>
  <si>
    <t>15426.0</t>
  </si>
  <si>
    <t>1548584.0</t>
  </si>
  <si>
    <t>958345.0</t>
  </si>
  <si>
    <t>1572866.0</t>
  </si>
  <si>
    <t>24282.0</t>
  </si>
  <si>
    <t>16192.0</t>
  </si>
  <si>
    <t>16178.0</t>
  </si>
  <si>
    <t>961259.0</t>
  </si>
  <si>
    <t>34.983</t>
  </si>
  <si>
    <t>1620480.0</t>
  </si>
  <si>
    <t>47614.0</t>
  </si>
  <si>
    <t>22624.0</t>
  </si>
  <si>
    <t>964928.0</t>
  </si>
  <si>
    <t>35.116</t>
  </si>
  <si>
    <t>3567.0</t>
  </si>
  <si>
    <t>1664954.0</t>
  </si>
  <si>
    <t>44474.0</t>
  </si>
  <si>
    <t>28609.0</t>
  </si>
  <si>
    <t>969741.0</t>
  </si>
  <si>
    <t>35.291</t>
  </si>
  <si>
    <t>1698973.0</t>
  </si>
  <si>
    <t>33099.0</t>
  </si>
  <si>
    <t>27997.0</t>
  </si>
  <si>
    <t>972843.0</t>
  </si>
  <si>
    <t>35.404</t>
  </si>
  <si>
    <t>1735898.0</t>
  </si>
  <si>
    <t>36925.0</t>
  </si>
  <si>
    <t>977401.0</t>
  </si>
  <si>
    <t>1761075.0</t>
  </si>
  <si>
    <t>25177.0</t>
  </si>
  <si>
    <t>31274.0</t>
  </si>
  <si>
    <t>1775036.0</t>
  </si>
  <si>
    <t>13961.0</t>
  </si>
  <si>
    <t>980911.0</t>
  </si>
  <si>
    <t>35.698</t>
  </si>
  <si>
    <t>987523.0</t>
  </si>
  <si>
    <t>35.938</t>
  </si>
  <si>
    <t>1836904.0</t>
  </si>
  <si>
    <t>991992.0</t>
  </si>
  <si>
    <t>36.101</t>
  </si>
  <si>
    <t>1868955.0</t>
  </si>
  <si>
    <t>32051.0</t>
  </si>
  <si>
    <t>29143.0</t>
  </si>
  <si>
    <t>994044.0</t>
  </si>
  <si>
    <t>36.176</t>
  </si>
  <si>
    <t>1903064.0</t>
  </si>
  <si>
    <t>29156.0</t>
  </si>
  <si>
    <t>998355.0</t>
  </si>
  <si>
    <t>36.333</t>
  </si>
  <si>
    <t>1943925.0</t>
  </si>
  <si>
    <t>40861.0</t>
  </si>
  <si>
    <t>1001419.0</t>
  </si>
  <si>
    <t>36.444</t>
  </si>
  <si>
    <t>1968171.0</t>
  </si>
  <si>
    <t>24246.0</t>
  </si>
  <si>
    <t>1004160.0</t>
  </si>
  <si>
    <t>36.544</t>
  </si>
  <si>
    <t>1982168.0</t>
  </si>
  <si>
    <t>29590.0</t>
  </si>
  <si>
    <t>1011465.0</t>
  </si>
  <si>
    <t>2082137.0</t>
  </si>
  <si>
    <t>35033.0</t>
  </si>
  <si>
    <t>1016424.0</t>
  </si>
  <si>
    <t>2137947.0</t>
  </si>
  <si>
    <t>55810.0</t>
  </si>
  <si>
    <t>2200971.0</t>
  </si>
  <si>
    <t>42558.0</t>
  </si>
  <si>
    <t>1022748.0</t>
  </si>
  <si>
    <t>2238044.0</t>
  </si>
  <si>
    <t>37073.0</t>
  </si>
  <si>
    <t>42017.0</t>
  </si>
  <si>
    <t>1025755.0</t>
  </si>
  <si>
    <t>37.33</t>
  </si>
  <si>
    <t>2270565.0</t>
  </si>
  <si>
    <t>32521.0</t>
  </si>
  <si>
    <t>1027609.0</t>
  </si>
  <si>
    <t>37.397</t>
  </si>
  <si>
    <t>2294393.0</t>
  </si>
  <si>
    <t>23828.0</t>
  </si>
  <si>
    <t>1029903.0</t>
  </si>
  <si>
    <t>37.481</t>
  </si>
  <si>
    <t>2334426.0</t>
  </si>
  <si>
    <t>40033.0</t>
  </si>
  <si>
    <t>43182.0</t>
  </si>
  <si>
    <t>1032829.0</t>
  </si>
  <si>
    <t>37.587</t>
  </si>
  <si>
    <t>2490820.0</t>
  </si>
  <si>
    <t>1921801.0</t>
  </si>
  <si>
    <t>569019.0</t>
  </si>
  <si>
    <t>156394.0</t>
  </si>
  <si>
    <t>58383.0</t>
  </si>
  <si>
    <t>1035874.0</t>
  </si>
  <si>
    <t>37.698</t>
  </si>
  <si>
    <t>52909.0</t>
  </si>
  <si>
    <t>25390.0</t>
  </si>
  <si>
    <t>1039167.0</t>
  </si>
  <si>
    <t>37.818</t>
  </si>
  <si>
    <t>46404.0</t>
  </si>
  <si>
    <t>1042339.0</t>
  </si>
  <si>
    <t>37.933</t>
  </si>
  <si>
    <t>43606.0</t>
  </si>
  <si>
    <t>20175.0</t>
  </si>
  <si>
    <t>1044828.0</t>
  </si>
  <si>
    <t>38.024</t>
  </si>
  <si>
    <t>17567.0</t>
  </si>
  <si>
    <t>1045709.0</t>
  </si>
  <si>
    <t>38.056</t>
  </si>
  <si>
    <t>2578266.0</t>
  </si>
  <si>
    <t>1970527.0</t>
  </si>
  <si>
    <t>607739.0</t>
  </si>
  <si>
    <t>40553.0</t>
  </si>
  <si>
    <t>14960.0</t>
  </si>
  <si>
    <t>1048082.0</t>
  </si>
  <si>
    <t>38.142</t>
  </si>
  <si>
    <t>41401.0</t>
  </si>
  <si>
    <t>14180.0</t>
  </si>
  <si>
    <t>1050249.0</t>
  </si>
  <si>
    <t>38.221</t>
  </si>
  <si>
    <t>25627.0</t>
  </si>
  <si>
    <t>13400.0</t>
  </si>
  <si>
    <t>1053181.0</t>
  </si>
  <si>
    <t>38.328</t>
  </si>
  <si>
    <t>1055780.0</t>
  </si>
  <si>
    <t>38.422</t>
  </si>
  <si>
    <t>2762147.0</t>
  </si>
  <si>
    <t>2060675.0</t>
  </si>
  <si>
    <t>701472.0</t>
  </si>
  <si>
    <t>35917.0</t>
  </si>
  <si>
    <t>17868.0</t>
  </si>
  <si>
    <t>1060912.0</t>
  </si>
  <si>
    <t>38.609</t>
  </si>
  <si>
    <t>1062889.0</t>
  </si>
  <si>
    <t>38.681</t>
  </si>
  <si>
    <t>19495.0</t>
  </si>
  <si>
    <t>1064416.0</t>
  </si>
  <si>
    <t>2892373.0</t>
  </si>
  <si>
    <t>2122428.0</t>
  </si>
  <si>
    <t>769945.0</t>
  </si>
  <si>
    <t>38305.0</t>
  </si>
  <si>
    <t>1066678.0</t>
  </si>
  <si>
    <t>38.819</t>
  </si>
  <si>
    <t>37137.0</t>
  </si>
  <si>
    <t>17637.0</t>
  </si>
  <si>
    <t>1069515.0</t>
  </si>
  <si>
    <t>38.922</t>
  </si>
  <si>
    <t>16794.0</t>
  </si>
  <si>
    <t>1071307.0</t>
  </si>
  <si>
    <t>38.987</t>
  </si>
  <si>
    <t>3005741.0</t>
  </si>
  <si>
    <t>33043.0</t>
  </si>
  <si>
    <t>1077179.0</t>
  </si>
  <si>
    <t>39.201</t>
  </si>
  <si>
    <t>3046263.0</t>
  </si>
  <si>
    <t>2205593.0</t>
  </si>
  <si>
    <t>840670.0</t>
  </si>
  <si>
    <t>31286.0</t>
  </si>
  <si>
    <t>1078058.0</t>
  </si>
  <si>
    <t>39.233</t>
  </si>
  <si>
    <t>30127.0</t>
  </si>
  <si>
    <t>16173.0</t>
  </si>
  <si>
    <t>1080259.0</t>
  </si>
  <si>
    <t>39.313</t>
  </si>
  <si>
    <t>28969.0</t>
  </si>
  <si>
    <t>1082472.0</t>
  </si>
  <si>
    <t>39.394</t>
  </si>
  <si>
    <t>27062.0</t>
  </si>
  <si>
    <t>1083757.0</t>
  </si>
  <si>
    <t>39.441</t>
  </si>
  <si>
    <t>3144043.0</t>
  </si>
  <si>
    <t>2264016.0</t>
  </si>
  <si>
    <t>880027.0</t>
  </si>
  <si>
    <t>25156.0</t>
  </si>
  <si>
    <t>1086735.0</t>
  </si>
  <si>
    <t>39.549</t>
  </si>
  <si>
    <t>129.6</t>
  </si>
  <si>
    <t>15482.0</t>
  </si>
  <si>
    <t>1089721.0</t>
  </si>
  <si>
    <t>39.658</t>
  </si>
  <si>
    <t>25330.0</t>
  </si>
  <si>
    <t>1090833.0</t>
  </si>
  <si>
    <t>39.698</t>
  </si>
  <si>
    <t>3232947.0</t>
  </si>
  <si>
    <t>2314075.0</t>
  </si>
  <si>
    <t>918872.0</t>
  </si>
  <si>
    <t>26669.0</t>
  </si>
  <si>
    <t>1092753.0</t>
  </si>
  <si>
    <t>39.768</t>
  </si>
  <si>
    <t>28299.0</t>
  </si>
  <si>
    <t>16407.0</t>
  </si>
  <si>
    <t>1094328.0</t>
  </si>
  <si>
    <t>39.825</t>
  </si>
  <si>
    <t>29930.0</t>
  </si>
  <si>
    <t>1096276.0</t>
  </si>
  <si>
    <t>39.896</t>
  </si>
  <si>
    <t>18225.0</t>
  </si>
  <si>
    <t>1098651.0</t>
  </si>
  <si>
    <t>39.983</t>
  </si>
  <si>
    <t>144.6</t>
  </si>
  <si>
    <t>3376376.0</t>
  </si>
  <si>
    <t>2397955.0</t>
  </si>
  <si>
    <t>978421.0</t>
  </si>
  <si>
    <t>19134.0</t>
  </si>
  <si>
    <t>1101165.0</t>
  </si>
  <si>
    <t>40.074</t>
  </si>
  <si>
    <t>33683.0</t>
  </si>
  <si>
    <t>19307.0</t>
  </si>
  <si>
    <t>1104034.0</t>
  </si>
  <si>
    <t>34175.0</t>
  </si>
  <si>
    <t>19479.0</t>
  </si>
  <si>
    <t>1106456.0</t>
  </si>
  <si>
    <t>40.267</t>
  </si>
  <si>
    <t>34668.0</t>
  </si>
  <si>
    <t>19652.0</t>
  </si>
  <si>
    <t>1107683.0</t>
  </si>
  <si>
    <t>40.311</t>
  </si>
  <si>
    <t>34271.0</t>
  </si>
  <si>
    <t>19213.0</t>
  </si>
  <si>
    <t>1109103.0</t>
  </si>
  <si>
    <t>40.363</t>
  </si>
  <si>
    <t>3541785.0</t>
  </si>
  <si>
    <t>2487429.0</t>
  </si>
  <si>
    <t>1054356.0</t>
  </si>
  <si>
    <t>33875.0</t>
  </si>
  <si>
    <t>1111876.0</t>
  </si>
  <si>
    <t>40.464</t>
  </si>
  <si>
    <t>1114331.0</t>
  </si>
  <si>
    <t>23182.0</t>
  </si>
  <si>
    <t>44961.0</t>
  </si>
  <si>
    <t>25826.0</t>
  </si>
  <si>
    <t>1119402.0</t>
  </si>
  <si>
    <t>40.738</t>
  </si>
  <si>
    <t>48921.0</t>
  </si>
  <si>
    <t>28470.0</t>
  </si>
  <si>
    <t>1121820.0</t>
  </si>
  <si>
    <t>40.826</t>
  </si>
  <si>
    <t>3845788.0</t>
  </si>
  <si>
    <t>2669432.0</t>
  </si>
  <si>
    <t>1176366.0</t>
  </si>
  <si>
    <t>52881.0</t>
  </si>
  <si>
    <t>31113.0</t>
  </si>
  <si>
    <t>31624.0</t>
  </si>
  <si>
    <t>1124382.0</t>
  </si>
  <si>
    <t>40.919</t>
  </si>
  <si>
    <t>52721.0</t>
  </si>
  <si>
    <t>32135.0</t>
  </si>
  <si>
    <t>1126575.0</t>
  </si>
  <si>
    <t>40.999</t>
  </si>
  <si>
    <t>48682.0</t>
  </si>
  <si>
    <t>30002.0</t>
  </si>
  <si>
    <t>1128789.0</t>
  </si>
  <si>
    <t>41.079</t>
  </si>
  <si>
    <t>44642.0</t>
  </si>
  <si>
    <t>27869.0</t>
  </si>
  <si>
    <t>1131105.0</t>
  </si>
  <si>
    <t>41.164</t>
  </si>
  <si>
    <t>25736.0</t>
  </si>
  <si>
    <t>1133807.0</t>
  </si>
  <si>
    <t>41.262</t>
  </si>
  <si>
    <t>36563.0</t>
  </si>
  <si>
    <t>23604.0</t>
  </si>
  <si>
    <t>41.331</t>
  </si>
  <si>
    <t>32523.0</t>
  </si>
  <si>
    <t>21471.0</t>
  </si>
  <si>
    <t>1136591.0</t>
  </si>
  <si>
    <t>41.363</t>
  </si>
  <si>
    <t>168.6</t>
  </si>
  <si>
    <t>1138373.0</t>
  </si>
  <si>
    <t>1140479.0</t>
  </si>
  <si>
    <t>1142701.0</t>
  </si>
  <si>
    <t>41.586</t>
  </si>
  <si>
    <t>1147166.0</t>
  </si>
  <si>
    <t>41.748</t>
  </si>
  <si>
    <t>1149013.0</t>
  </si>
  <si>
    <t>41.815</t>
  </si>
  <si>
    <t>1149869.0</t>
  </si>
  <si>
    <t>41.847</t>
  </si>
  <si>
    <t>109.7</t>
  </si>
  <si>
    <t>1151972.0</t>
  </si>
  <si>
    <t>41.923</t>
  </si>
  <si>
    <t>1154007.0</t>
  </si>
  <si>
    <t>41.997</t>
  </si>
  <si>
    <t>1156622.0</t>
  </si>
  <si>
    <t>42.092</t>
  </si>
  <si>
    <t>1159053.0</t>
  </si>
  <si>
    <t>1161235.0</t>
  </si>
  <si>
    <t>1163183.0</t>
  </si>
  <si>
    <t>42.331</t>
  </si>
  <si>
    <t>4528780.0</t>
  </si>
  <si>
    <t>3120320.0</t>
  </si>
  <si>
    <t>1408460.0</t>
  </si>
  <si>
    <t>1164056.0</t>
  </si>
  <si>
    <t>42.363</t>
  </si>
  <si>
    <t>33662.0</t>
  </si>
  <si>
    <t>34801.0</t>
  </si>
  <si>
    <t>22927.0</t>
  </si>
  <si>
    <t>1168065.0</t>
  </si>
  <si>
    <t>42.509</t>
  </si>
  <si>
    <t>35939.0</t>
  </si>
  <si>
    <t>23656.0</t>
  </si>
  <si>
    <t>1169635.0</t>
  </si>
  <si>
    <t>42.566</t>
  </si>
  <si>
    <t>37078.0</t>
  </si>
  <si>
    <t>1172127.0</t>
  </si>
  <si>
    <t>42.657</t>
  </si>
  <si>
    <t>148.6</t>
  </si>
  <si>
    <t>38216.0</t>
  </si>
  <si>
    <t>25112.0</t>
  </si>
  <si>
    <t>1174585.0</t>
  </si>
  <si>
    <t>42.746</t>
  </si>
  <si>
    <t>39355.0</t>
  </si>
  <si>
    <t>25840.0</t>
  </si>
  <si>
    <t>1176716.0</t>
  </si>
  <si>
    <t>42.824</t>
  </si>
  <si>
    <t>167.1</t>
  </si>
  <si>
    <t>4812235.0</t>
  </si>
  <si>
    <t>3306299.0</t>
  </si>
  <si>
    <t>1505936.0</t>
  </si>
  <si>
    <t>40494.0</t>
  </si>
  <si>
    <t>1177883.0</t>
  </si>
  <si>
    <t>52010.0</t>
  </si>
  <si>
    <t>35137.0</t>
  </si>
  <si>
    <t>63525.0</t>
  </si>
  <si>
    <t>43706.0</t>
  </si>
  <si>
    <t>1182109.0</t>
  </si>
  <si>
    <t>75041.0</t>
  </si>
  <si>
    <t>52275.0</t>
  </si>
  <si>
    <t>1184554.0</t>
  </si>
  <si>
    <t>43.109</t>
  </si>
  <si>
    <t>86557.0</t>
  </si>
  <si>
    <t>60844.0</t>
  </si>
  <si>
    <t>1187326.0</t>
  </si>
  <si>
    <t>69413.0</t>
  </si>
  <si>
    <t>1189763.0</t>
  </si>
  <si>
    <t>43.298</t>
  </si>
  <si>
    <t>77982.0</t>
  </si>
  <si>
    <t>1192348.0</t>
  </si>
  <si>
    <t>43.392</t>
  </si>
  <si>
    <t>121105.0</t>
  </si>
  <si>
    <t>86551.0</t>
  </si>
  <si>
    <t>1194265.0</t>
  </si>
  <si>
    <t>43.462</t>
  </si>
  <si>
    <t>1196976.0</t>
  </si>
  <si>
    <t>1200034.0</t>
  </si>
  <si>
    <t>43.672</t>
  </si>
  <si>
    <t>1203455.0</t>
  </si>
  <si>
    <t>43.797</t>
  </si>
  <si>
    <t>1206126.0</t>
  </si>
  <si>
    <t>43.894</t>
  </si>
  <si>
    <t>1208604.0</t>
  </si>
  <si>
    <t>43.984</t>
  </si>
  <si>
    <t>0.0954</t>
  </si>
  <si>
    <t>1213207.0</t>
  </si>
  <si>
    <t>44.152</t>
  </si>
  <si>
    <t>1215813.0</t>
  </si>
  <si>
    <t>44.246</t>
  </si>
  <si>
    <t>1221161.0</t>
  </si>
  <si>
    <t>44.441</t>
  </si>
  <si>
    <t>1225710.0</t>
  </si>
  <si>
    <t>44.607</t>
  </si>
  <si>
    <t>1233370.0</t>
  </si>
  <si>
    <t>44.885</t>
  </si>
  <si>
    <t>0.2794</t>
  </si>
  <si>
    <t>7113233.0</t>
  </si>
  <si>
    <t>4950775.0</t>
  </si>
  <si>
    <t>2162458.0</t>
  </si>
  <si>
    <t>1236834.0</t>
  </si>
  <si>
    <t>45.011</t>
  </si>
  <si>
    <t>0.2822</t>
  </si>
  <si>
    <t>7220501.0</t>
  </si>
  <si>
    <t>107268.0</t>
  </si>
  <si>
    <t>119128.0</t>
  </si>
  <si>
    <t>1240423.0</t>
  </si>
  <si>
    <t>45.142</t>
  </si>
  <si>
    <t>0.2881</t>
  </si>
  <si>
    <t>103480.0</t>
  </si>
  <si>
    <t>66006.0</t>
  </si>
  <si>
    <t>0.2547</t>
  </si>
  <si>
    <t>7243628.0</t>
  </si>
  <si>
    <t>87831.0</t>
  </si>
  <si>
    <t>55734.0</t>
  </si>
  <si>
    <t>1247438.0</t>
  </si>
  <si>
    <t>45.397</t>
  </si>
  <si>
    <t>0.2757</t>
  </si>
  <si>
    <t>7266800.0</t>
  </si>
  <si>
    <t>73840.0</t>
  </si>
  <si>
    <t>1254030.0</t>
  </si>
  <si>
    <t>45.637</t>
  </si>
  <si>
    <t>0.2585</t>
  </si>
  <si>
    <t>7290279.0</t>
  </si>
  <si>
    <t>23479.0</t>
  </si>
  <si>
    <t>59894.0</t>
  </si>
  <si>
    <t>35189.0</t>
  </si>
  <si>
    <t>1261912.0</t>
  </si>
  <si>
    <t>45.924</t>
  </si>
  <si>
    <t>7314146.0</t>
  </si>
  <si>
    <t>23867.0</t>
  </si>
  <si>
    <t>46003.0</t>
  </si>
  <si>
    <t>24916.0</t>
  </si>
  <si>
    <t>1270375.0</t>
  </si>
  <si>
    <t>8463.0</t>
  </si>
  <si>
    <t>46.232</t>
  </si>
  <si>
    <t>7339282.0</t>
  </si>
  <si>
    <t>25136.0</t>
  </si>
  <si>
    <t>32293.0</t>
  </si>
  <si>
    <t>14644.0</t>
  </si>
  <si>
    <t>1276661.0</t>
  </si>
  <si>
    <t>46.461</t>
  </si>
  <si>
    <t>7359678.0</t>
  </si>
  <si>
    <t>19882.0</t>
  </si>
  <si>
    <t>1283889.0</t>
  </si>
  <si>
    <t>46.724</t>
  </si>
  <si>
    <t>1290935.0</t>
  </si>
  <si>
    <t>20926.0</t>
  </si>
  <si>
    <t>1297249.0</t>
  </si>
  <si>
    <t>7116.0</t>
  </si>
  <si>
    <t>19790.0</t>
  </si>
  <si>
    <t>1302990.0</t>
  </si>
  <si>
    <t>47.419</t>
  </si>
  <si>
    <t>1307509.0</t>
  </si>
  <si>
    <t>47.583</t>
  </si>
  <si>
    <t>17374.0</t>
  </si>
  <si>
    <t>1312238.0</t>
  </si>
  <si>
    <t>47.756</t>
  </si>
  <si>
    <t>7450983.0</t>
  </si>
  <si>
    <t>5155788.0</t>
  </si>
  <si>
    <t>2295195.0</t>
  </si>
  <si>
    <t>15957.0</t>
  </si>
  <si>
    <t>26.46</t>
  </si>
  <si>
    <t>1316977.0</t>
  </si>
  <si>
    <t>7482020.0</t>
  </si>
  <si>
    <t>5166682.0</t>
  </si>
  <si>
    <t>2315338.0</t>
  </si>
  <si>
    <t>1328502.0</t>
  </si>
  <si>
    <t>1332327.0</t>
  </si>
  <si>
    <t>48.487</t>
  </si>
  <si>
    <t>10875.0</t>
  </si>
  <si>
    <t>1341052.0</t>
  </si>
  <si>
    <t>48.804</t>
  </si>
  <si>
    <t>1342440.0</t>
  </si>
  <si>
    <t>48.855</t>
  </si>
  <si>
    <t>1344834.0</t>
  </si>
  <si>
    <t>48.942</t>
  </si>
  <si>
    <t>7591109.0</t>
  </si>
  <si>
    <t>5208637.0</t>
  </si>
  <si>
    <t>2382472.0</t>
  </si>
  <si>
    <t>19758.0</t>
  </si>
  <si>
    <t>1354210.0</t>
  </si>
  <si>
    <t>49.283</t>
  </si>
  <si>
    <t>12303.0</t>
  </si>
  <si>
    <t>42668.0</t>
  </si>
  <si>
    <t>50304.0</t>
  </si>
  <si>
    <t>57941.0</t>
  </si>
  <si>
    <t>19945.0</t>
  </si>
  <si>
    <t>65578.0</t>
  </si>
  <si>
    <t>22492.0</t>
  </si>
  <si>
    <t>1363297.0</t>
  </si>
  <si>
    <t>49.614</t>
  </si>
  <si>
    <t>1369892.0</t>
  </si>
  <si>
    <t>49.854</t>
  </si>
  <si>
    <t>1374303.0</t>
  </si>
  <si>
    <t>50.014</t>
  </si>
  <si>
    <t>8574775.0</t>
  </si>
  <si>
    <t>5546012.0</t>
  </si>
  <si>
    <t>3028763.0</t>
  </si>
  <si>
    <t>71832.0</t>
  </si>
  <si>
    <t>1381273.0</t>
  </si>
  <si>
    <t>50.268</t>
  </si>
  <si>
    <t>78086.0</t>
  </si>
  <si>
    <t>24528.0</t>
  </si>
  <si>
    <t>84340.0</t>
  </si>
  <si>
    <t>25545.0</t>
  </si>
  <si>
    <t>90594.0</t>
  </si>
  <si>
    <t>26563.0</t>
  </si>
  <si>
    <t>96848.0</t>
  </si>
  <si>
    <t>27581.0</t>
  </si>
  <si>
    <t>103102.0</t>
  </si>
  <si>
    <t>1391848.0</t>
  </si>
  <si>
    <t>50.653</t>
  </si>
  <si>
    <t>109356.0</t>
  </si>
  <si>
    <t>9558981.0</t>
  </si>
  <si>
    <t>5812567.0</t>
  </si>
  <si>
    <t>3746414.0</t>
  </si>
  <si>
    <t>1399989.0</t>
  </si>
  <si>
    <t>50.949</t>
  </si>
  <si>
    <t>98260.0</t>
  </si>
  <si>
    <t>87164.0</t>
  </si>
  <si>
    <t>44504.0</t>
  </si>
  <si>
    <t>1403648.0</t>
  </si>
  <si>
    <t>51.082</t>
  </si>
  <si>
    <t>76068.0</t>
  </si>
  <si>
    <t>51948.0</t>
  </si>
  <si>
    <t>1406040.0</t>
  </si>
  <si>
    <t>51.169</t>
  </si>
  <si>
    <t>127.4</t>
  </si>
  <si>
    <t>64972.0</t>
  </si>
  <si>
    <t>59392.0</t>
  </si>
  <si>
    <t>133.6</t>
  </si>
  <si>
    <t>1411598.0</t>
  </si>
  <si>
    <t>51.371</t>
  </si>
  <si>
    <t>42780.0</t>
  </si>
  <si>
    <t>74279.0</t>
  </si>
  <si>
    <t>1414287.0</t>
  </si>
  <si>
    <t>51.469</t>
  </si>
  <si>
    <t>170.1</t>
  </si>
  <si>
    <t>31684.0</t>
  </si>
  <si>
    <t>81722.0</t>
  </si>
  <si>
    <t>172.6</t>
  </si>
  <si>
    <t>1417847.0</t>
  </si>
  <si>
    <t>51.599</t>
  </si>
  <si>
    <t>119.6</t>
  </si>
  <si>
    <t>1421267.0</t>
  </si>
  <si>
    <t>51.723</t>
  </si>
  <si>
    <t>146.4</t>
  </si>
  <si>
    <t>1425886.0</t>
  </si>
  <si>
    <t>51.891</t>
  </si>
  <si>
    <t>180.8</t>
  </si>
  <si>
    <t>9970869.0</t>
  </si>
  <si>
    <t>6874956.0</t>
  </si>
  <si>
    <t>4006643.0</t>
  </si>
  <si>
    <t>14.23</t>
  </si>
  <si>
    <t>1428735.0</t>
  </si>
  <si>
    <t>51.995</t>
  </si>
  <si>
    <t>33713.0</t>
  </si>
  <si>
    <t>1431243.0</t>
  </si>
  <si>
    <t>52.086</t>
  </si>
  <si>
    <t>66031.0</t>
  </si>
  <si>
    <t>10108543.0</t>
  </si>
  <si>
    <t>6955366.0</t>
  </si>
  <si>
    <t>37773.0</t>
  </si>
  <si>
    <t>58186.0</t>
  </si>
  <si>
    <t>319.5</t>
  </si>
  <si>
    <t>34351.0</t>
  </si>
  <si>
    <t>47325.0</t>
  </si>
  <si>
    <t>1436544.0</t>
  </si>
  <si>
    <t>52.279</t>
  </si>
  <si>
    <t>353.9</t>
  </si>
  <si>
    <t>36465.0</t>
  </si>
  <si>
    <t>1439716.0</t>
  </si>
  <si>
    <t>52.395</t>
  </si>
  <si>
    <t>429.1</t>
  </si>
  <si>
    <t>27506.0</t>
  </si>
  <si>
    <t>25605.0</t>
  </si>
  <si>
    <t>1441966.0</t>
  </si>
  <si>
    <t>52.477</t>
  </si>
  <si>
    <t>14744.0</t>
  </si>
  <si>
    <t>363.3</t>
  </si>
  <si>
    <t>18632.0</t>
  </si>
  <si>
    <t>334.5</t>
  </si>
  <si>
    <t>10154915.0</t>
  </si>
  <si>
    <t>6989567.0</t>
  </si>
  <si>
    <t>4220241.0</t>
  </si>
  <si>
    <t>13180.0</t>
  </si>
  <si>
    <t>244.6</t>
  </si>
  <si>
    <t>8928.0</t>
  </si>
  <si>
    <t>251.8</t>
  </si>
  <si>
    <t>7818.0</t>
  </si>
  <si>
    <t>13723.0</t>
  </si>
  <si>
    <t>1455273.0</t>
  </si>
  <si>
    <t>52.961</t>
  </si>
  <si>
    <t>8877.0</t>
  </si>
  <si>
    <t>219.3</t>
  </si>
  <si>
    <t>1460727.0</t>
  </si>
  <si>
    <t>53.159</t>
  </si>
  <si>
    <t>220.9</t>
  </si>
  <si>
    <t>245.8</t>
  </si>
  <si>
    <t>10364488.0</t>
  </si>
  <si>
    <t>7111845.0</t>
  </si>
  <si>
    <t>4599452.0</t>
  </si>
  <si>
    <t>1467139.0</t>
  </si>
  <si>
    <t>53.393</t>
  </si>
  <si>
    <t>29206.0</t>
  </si>
  <si>
    <t>16387.0</t>
  </si>
  <si>
    <t>23369.0</t>
  </si>
  <si>
    <t>55375.0</t>
  </si>
  <si>
    <t>30350.0</t>
  </si>
  <si>
    <t>68460.0</t>
  </si>
  <si>
    <t>37332.0</t>
  </si>
  <si>
    <t>1471872.0</t>
  </si>
  <si>
    <t>53.565</t>
  </si>
  <si>
    <t>187.1</t>
  </si>
  <si>
    <t>81544.0</t>
  </si>
  <si>
    <t>44313.0</t>
  </si>
  <si>
    <t>141.2</t>
  </si>
  <si>
    <t>94629.0</t>
  </si>
  <si>
    <t>51295.0</t>
  </si>
  <si>
    <t>58276.0</t>
  </si>
  <si>
    <t>130.4</t>
  </si>
  <si>
    <t>1478480.0</t>
  </si>
  <si>
    <t>53.805</t>
  </si>
  <si>
    <t>1481474.0</t>
  </si>
  <si>
    <t>53.914</t>
  </si>
  <si>
    <t>11872480.0</t>
  </si>
  <si>
    <t>7927713.0</t>
  </si>
  <si>
    <t>5394807.0</t>
  </si>
  <si>
    <t>47547.0</t>
  </si>
  <si>
    <t>93306.0</t>
  </si>
  <si>
    <t>50172.0</t>
  </si>
  <si>
    <t>42068.0</t>
  </si>
  <si>
    <t>33964.0</t>
  </si>
  <si>
    <t>25859.0</t>
  </si>
  <si>
    <t>35673.0</t>
  </si>
  <si>
    <t>6857.0</t>
  </si>
  <si>
    <t>1488217.0</t>
  </si>
  <si>
    <t>226.9</t>
  </si>
  <si>
    <t>198.4</t>
  </si>
  <si>
    <t>199.2</t>
  </si>
  <si>
    <t>212.4</t>
  </si>
  <si>
    <t>234.3</t>
  </si>
  <si>
    <t>1494624.0</t>
  </si>
  <si>
    <t>198.3</t>
  </si>
  <si>
    <t>149.9</t>
  </si>
  <si>
    <t>11982186.0</t>
  </si>
  <si>
    <t>7952458.0</t>
  </si>
  <si>
    <t>5437294.0</t>
  </si>
  <si>
    <t>87290.0</t>
  </si>
  <si>
    <t>163.9</t>
  </si>
  <si>
    <t>1498332.0</t>
  </si>
  <si>
    <t>54.528</t>
  </si>
  <si>
    <t>9357.0</t>
  </si>
  <si>
    <t>54.591</t>
  </si>
  <si>
    <t>14356.0</t>
  </si>
  <si>
    <t>1502805.0</t>
  </si>
  <si>
    <t>54.691</t>
  </si>
  <si>
    <t>1505532.0</t>
  </si>
  <si>
    <t>321.1</t>
  </si>
  <si>
    <t>316.6</t>
  </si>
  <si>
    <t>295.2</t>
  </si>
  <si>
    <t>1508044.0</t>
  </si>
  <si>
    <t>54.881</t>
  </si>
  <si>
    <t>523.4</t>
  </si>
  <si>
    <t>261.2</t>
  </si>
  <si>
    <t>1510401.0</t>
  </si>
  <si>
    <t>54.967</t>
  </si>
  <si>
    <t>180.5</t>
  </si>
  <si>
    <t>144.7</t>
  </si>
  <si>
    <t>1512337.0</t>
  </si>
  <si>
    <t>55.038</t>
  </si>
  <si>
    <t>1512972.0</t>
  </si>
  <si>
    <t>55.061</t>
  </si>
  <si>
    <t>115.9</t>
  </si>
  <si>
    <t>12387947.0</t>
  </si>
  <si>
    <t>43.99</t>
  </si>
  <si>
    <t>31315.0</t>
  </si>
  <si>
    <t>41788.0</t>
  </si>
  <si>
    <t>1521014.0</t>
  </si>
  <si>
    <t>55.353</t>
  </si>
  <si>
    <t>12753769.0</t>
  </si>
  <si>
    <t>52260.0</t>
  </si>
  <si>
    <t>44795.0</t>
  </si>
  <si>
    <t>1523252.0</t>
  </si>
  <si>
    <t>55.435</t>
  </si>
  <si>
    <t>22397.0</t>
  </si>
  <si>
    <t>1524572.0</t>
  </si>
  <si>
    <t>8026397.0</t>
  </si>
  <si>
    <t>5540193.0</t>
  </si>
  <si>
    <t>8632.0</t>
  </si>
  <si>
    <t>1528406.0</t>
  </si>
  <si>
    <t>25897.0</t>
  </si>
  <si>
    <t>34530.0</t>
  </si>
  <si>
    <t>26816.0</t>
  </si>
  <si>
    <t>43162.0</t>
  </si>
  <si>
    <t>51794.0</t>
  </si>
  <si>
    <t>37583.0</t>
  </si>
  <si>
    <t>1531780.0</t>
  </si>
  <si>
    <t>55.745</t>
  </si>
  <si>
    <t>60427.0</t>
  </si>
  <si>
    <t>42967.0</t>
  </si>
  <si>
    <t>1532591.0</t>
  </si>
  <si>
    <t>55.775</t>
  </si>
  <si>
    <t>1536986.0</t>
  </si>
  <si>
    <t>55.935</t>
  </si>
  <si>
    <t>1540831.0</t>
  </si>
  <si>
    <t>56.075</t>
  </si>
  <si>
    <t>14445720.0</t>
  </si>
  <si>
    <t>9229469.0</t>
  </si>
  <si>
    <t>6808411.0</t>
  </si>
  <si>
    <t>388079.0</t>
  </si>
  <si>
    <t>63899.0</t>
  </si>
  <si>
    <t>41890.0</t>
  </si>
  <si>
    <t>67371.0</t>
  </si>
  <si>
    <t>70842.0</t>
  </si>
  <si>
    <t>39736.0</t>
  </si>
  <si>
    <t>74314.0</t>
  </si>
  <si>
    <t>38659.0</t>
  </si>
  <si>
    <t>81258.0</t>
  </si>
  <si>
    <t>36506.0</t>
  </si>
  <si>
    <t>84730.0</t>
  </si>
  <si>
    <t>17411265.0</t>
  </si>
  <si>
    <t>10469471.0</t>
  </si>
  <si>
    <t>8369532.0</t>
  </si>
  <si>
    <t>1085450.0</t>
  </si>
  <si>
    <t>78996.0</t>
  </si>
  <si>
    <t>32942.0</t>
  </si>
  <si>
    <t>30455.0</t>
  </si>
  <si>
    <t>27968.0</t>
  </si>
  <si>
    <t>61794.0</t>
  </si>
  <si>
    <t>56060.0</t>
  </si>
  <si>
    <t>22994.0</t>
  </si>
  <si>
    <t>50326.0</t>
  </si>
  <si>
    <t>44592.0</t>
  </si>
  <si>
    <t>18035554.0</t>
  </si>
  <si>
    <t>10721755.0</t>
  </si>
  <si>
    <t>8670123.0</t>
  </si>
  <si>
    <t>1243021.0</t>
  </si>
  <si>
    <t>40964.0</t>
  </si>
  <si>
    <t>37337.0</t>
  </si>
  <si>
    <t>12872.0</t>
  </si>
  <si>
    <t>33709.0</t>
  </si>
  <si>
    <t>30081.0</t>
  </si>
  <si>
    <t>26454.0</t>
  </si>
  <si>
    <t>19198.0</t>
  </si>
  <si>
    <t>18304332.0</t>
  </si>
  <si>
    <t>8817755.0</t>
  </si>
  <si>
    <t>18682.0</t>
  </si>
  <si>
    <t>18424.0</t>
  </si>
  <si>
    <t>18166.0</t>
  </si>
  <si>
    <t>17391.0</t>
  </si>
  <si>
    <t>18547812.0</t>
  </si>
  <si>
    <t>23236.0</t>
  </si>
  <si>
    <t>29080.0</t>
  </si>
  <si>
    <t>34925.0</t>
  </si>
  <si>
    <t>14679.0</t>
  </si>
  <si>
    <t>46613.0</t>
  </si>
  <si>
    <t>52458.0</t>
  </si>
  <si>
    <t>58302.0</t>
  </si>
  <si>
    <t>20588390.0</t>
  </si>
  <si>
    <t>9215656.0</t>
  </si>
  <si>
    <t>52944.0</t>
  </si>
  <si>
    <t>50265.0</t>
  </si>
  <si>
    <t>47585.0</t>
  </si>
  <si>
    <t>44906.0</t>
  </si>
  <si>
    <t>42227.0</t>
  </si>
  <si>
    <t>21695732.0</t>
  </si>
  <si>
    <t>12340126.0</t>
  </si>
  <si>
    <t>10429385.0</t>
  </si>
  <si>
    <t>2031641.0</t>
  </si>
  <si>
    <t>44408.0</t>
  </si>
  <si>
    <t>26142.0</t>
  </si>
  <si>
    <t>49268.0</t>
  </si>
  <si>
    <t>26596.0</t>
  </si>
  <si>
    <t>54128.0</t>
  </si>
  <si>
    <t>27050.0</t>
  </si>
  <si>
    <t>63848.0</t>
  </si>
  <si>
    <t>68708.0</t>
  </si>
  <si>
    <t>28412.0</t>
  </si>
  <si>
    <t>73568.0</t>
  </si>
  <si>
    <t>28866.0</t>
  </si>
  <si>
    <t>23755644.0</t>
  </si>
  <si>
    <t>13148381.0</t>
  </si>
  <si>
    <t>11660147.0</t>
  </si>
  <si>
    <t>41.41</t>
  </si>
  <si>
    <t>HRV</t>
  </si>
  <si>
    <t>Croatia</t>
  </si>
  <si>
    <t>-942.1</t>
  </si>
  <si>
    <t>-8.98</t>
  </si>
  <si>
    <t>-6.85</t>
  </si>
  <si>
    <t>-233.750773193766</t>
  </si>
  <si>
    <t>-993.2</t>
  </si>
  <si>
    <t>-8.56</t>
  </si>
  <si>
    <t>-246.429538197695</t>
  </si>
  <si>
    <t>-982.1</t>
  </si>
  <si>
    <t>-7.75</t>
  </si>
  <si>
    <t>-243.675442472771</t>
  </si>
  <si>
    <t>-931.0</t>
  </si>
  <si>
    <t>-6.79</t>
  </si>
  <si>
    <t>-230.996677468842</t>
  </si>
  <si>
    <t>-825.5</t>
  </si>
  <si>
    <t>-204.820362245466</t>
  </si>
  <si>
    <t>7015.0</t>
  </si>
  <si>
    <t>9833.0</t>
  </si>
  <si>
    <t>-838.8</t>
  </si>
  <si>
    <t>-5.32</t>
  </si>
  <si>
    <t>-208.120314780735</t>
  </si>
  <si>
    <t>12322.0</t>
  </si>
  <si>
    <t>-812.5</t>
  </si>
  <si>
    <t>-4.86</t>
  </si>
  <si>
    <t>-201.59484472979</t>
  </si>
  <si>
    <t>4.382</t>
  </si>
  <si>
    <t>4.522</t>
  </si>
  <si>
    <t>4.743</t>
  </si>
  <si>
    <t>20953.0</t>
  </si>
  <si>
    <t>21647.0</t>
  </si>
  <si>
    <t>24186.0</t>
  </si>
  <si>
    <t>-776.2</t>
  </si>
  <si>
    <t>-4.39</t>
  </si>
  <si>
    <t>-192.588207359093</t>
  </si>
  <si>
    <t>26610.0</t>
  </si>
  <si>
    <t>27614.0</t>
  </si>
  <si>
    <t>6.801</t>
  </si>
  <si>
    <t>30213.0</t>
  </si>
  <si>
    <t>7.441</t>
  </si>
  <si>
    <t>78.405</t>
  </si>
  <si>
    <t>30913.0</t>
  </si>
  <si>
    <t>7.614</t>
  </si>
  <si>
    <t>31622.0</t>
  </si>
  <si>
    <t>7.788</t>
  </si>
  <si>
    <t>-900.5</t>
  </si>
  <si>
    <t>-4.83</t>
  </si>
  <si>
    <t>-12.53</t>
  </si>
  <si>
    <t>-223.429117143601</t>
  </si>
  <si>
    <t>32817.0</t>
  </si>
  <si>
    <t>66.743</t>
  </si>
  <si>
    <t>34476.0</t>
  </si>
  <si>
    <t>8.491</t>
  </si>
  <si>
    <t>37557.0</t>
  </si>
  <si>
    <t>5.946</t>
  </si>
  <si>
    <t>97.9</t>
  </si>
  <si>
    <t>-940.0</t>
  </si>
  <si>
    <t>-4.79</t>
  </si>
  <si>
    <t>-233.229728056618</t>
  </si>
  <si>
    <t>56.571</t>
  </si>
  <si>
    <t>39040.0</t>
  </si>
  <si>
    <t>9.615</t>
  </si>
  <si>
    <t>100.4</t>
  </si>
  <si>
    <t>53.841</t>
  </si>
  <si>
    <t>39973.0</t>
  </si>
  <si>
    <t>98.4</t>
  </si>
  <si>
    <t>41053.0</t>
  </si>
  <si>
    <t>10.111</t>
  </si>
  <si>
    <t>10.329</t>
  </si>
  <si>
    <t>102.4</t>
  </si>
  <si>
    <t>45.653</t>
  </si>
  <si>
    <t>10.684</t>
  </si>
  <si>
    <t>44218.0</t>
  </si>
  <si>
    <t>44886.0</t>
  </si>
  <si>
    <t>11.055</t>
  </si>
  <si>
    <t>-987.1</t>
  </si>
  <si>
    <t>-4.81</t>
  </si>
  <si>
    <t>-244.916026132647</t>
  </si>
  <si>
    <t>39.699</t>
  </si>
  <si>
    <t>11.347</t>
  </si>
  <si>
    <t>47480.0</t>
  </si>
  <si>
    <t>11.694</t>
  </si>
  <si>
    <t>48737.0</t>
  </si>
  <si>
    <t>12.004</t>
  </si>
  <si>
    <t>36.225</t>
  </si>
  <si>
    <t>50340.0</t>
  </si>
  <si>
    <t>12.399</t>
  </si>
  <si>
    <t>51568.0</t>
  </si>
  <si>
    <t>12.701</t>
  </si>
  <si>
    <t>52425.0</t>
  </si>
  <si>
    <t>12.912</t>
  </si>
  <si>
    <t>32.255</t>
  </si>
  <si>
    <t>-999.2</t>
  </si>
  <si>
    <t>-247.918238589546</t>
  </si>
  <si>
    <t>54820.0</t>
  </si>
  <si>
    <t>29.774</t>
  </si>
  <si>
    <t>55800.0</t>
  </si>
  <si>
    <t>57021.0</t>
  </si>
  <si>
    <t>14.044</t>
  </si>
  <si>
    <t>394.3</t>
  </si>
  <si>
    <t>507.9</t>
  </si>
  <si>
    <t>397.3</t>
  </si>
  <si>
    <t>60864.0</t>
  </si>
  <si>
    <t>20.097</t>
  </si>
  <si>
    <t>61482.0</t>
  </si>
  <si>
    <t>15.143</t>
  </si>
  <si>
    <t>422.4</t>
  </si>
  <si>
    <t>-1019.3</t>
  </si>
  <si>
    <t>-2.18</t>
  </si>
  <si>
    <t>-252.905384902246</t>
  </si>
  <si>
    <t>62422.0</t>
  </si>
  <si>
    <t>15.374</t>
  </si>
  <si>
    <t>475.1</t>
  </si>
  <si>
    <t>10.421</t>
  </si>
  <si>
    <t>63682.0</t>
  </si>
  <si>
    <t>15.685</t>
  </si>
  <si>
    <t>656.9</t>
  </si>
  <si>
    <t>9.428</t>
  </si>
  <si>
    <t>64266.0</t>
  </si>
  <si>
    <t>15.829</t>
  </si>
  <si>
    <t>724.3</t>
  </si>
  <si>
    <t>8.436</t>
  </si>
  <si>
    <t>16.032</t>
  </si>
  <si>
    <t>828.5</t>
  </si>
  <si>
    <t>65509.0</t>
  </si>
  <si>
    <t>16.135</t>
  </si>
  <si>
    <t>2797.2</t>
  </si>
  <si>
    <t>66144.0</t>
  </si>
  <si>
    <t>16.291</t>
  </si>
  <si>
    <t>1757.6</t>
  </si>
  <si>
    <t>66405.0</t>
  </si>
  <si>
    <t>16.355</t>
  </si>
  <si>
    <t>-1079.2</t>
  </si>
  <si>
    <t>-6.6</t>
  </si>
  <si>
    <t>-267.767577147556</t>
  </si>
  <si>
    <t>5.459</t>
  </si>
  <si>
    <t>66695.0</t>
  </si>
  <si>
    <t>16.427</t>
  </si>
  <si>
    <t>2132.9</t>
  </si>
  <si>
    <t>67297.0</t>
  </si>
  <si>
    <t>16.575</t>
  </si>
  <si>
    <t>1804.2</t>
  </si>
  <si>
    <t>67814.0</t>
  </si>
  <si>
    <t>16.702</t>
  </si>
  <si>
    <t>67997.0</t>
  </si>
  <si>
    <t>16.814</t>
  </si>
  <si>
    <t>1377.6</t>
  </si>
  <si>
    <t>68514.0</t>
  </si>
  <si>
    <t>2370.6</t>
  </si>
  <si>
    <t>68740.0</t>
  </si>
  <si>
    <t>2335.7</t>
  </si>
  <si>
    <t>-1035.7</t>
  </si>
  <si>
    <t>-4.28</t>
  </si>
  <si>
    <t>-256.974499306638</t>
  </si>
  <si>
    <t>16.962</t>
  </si>
  <si>
    <t>2167.8</t>
  </si>
  <si>
    <t>69115.0</t>
  </si>
  <si>
    <t>17.023</t>
  </si>
  <si>
    <t>1818.2</t>
  </si>
  <si>
    <t>69349.0</t>
  </si>
  <si>
    <t>69606.0</t>
  </si>
  <si>
    <t>17.144</t>
  </si>
  <si>
    <t>804.2</t>
  </si>
  <si>
    <t>69721.0</t>
  </si>
  <si>
    <t>17.172</t>
  </si>
  <si>
    <t>69967.0</t>
  </si>
  <si>
    <t>17.233</t>
  </si>
  <si>
    <t>17.268</t>
  </si>
  <si>
    <t>274.5</t>
  </si>
  <si>
    <t>-976.4</t>
  </si>
  <si>
    <t>-242.261177100513</t>
  </si>
  <si>
    <t>70254.0</t>
  </si>
  <si>
    <t>17.303</t>
  </si>
  <si>
    <t>70526.0</t>
  </si>
  <si>
    <t>70712.0</t>
  </si>
  <si>
    <t>70995.0</t>
  </si>
  <si>
    <t>71814.0</t>
  </si>
  <si>
    <t>17.688</t>
  </si>
  <si>
    <t>72202.0</t>
  </si>
  <si>
    <t>72478.0</t>
  </si>
  <si>
    <t>17.851</t>
  </si>
  <si>
    <t>-987.9</t>
  </si>
  <si>
    <t>-3.79</t>
  </si>
  <si>
    <t>-1.28</t>
  </si>
  <si>
    <t>-245.114519518227</t>
  </si>
  <si>
    <t>72746.0</t>
  </si>
  <si>
    <t>17.917</t>
  </si>
  <si>
    <t>73093.0</t>
  </si>
  <si>
    <t>74657.0</t>
  </si>
  <si>
    <t>18.388</t>
  </si>
  <si>
    <t>12.654</t>
  </si>
  <si>
    <t>13.398</t>
  </si>
  <si>
    <t>76624.0</t>
  </si>
  <si>
    <t>18.872</t>
  </si>
  <si>
    <t>14.887</t>
  </si>
  <si>
    <t>77453.0</t>
  </si>
  <si>
    <t>19.076</t>
  </si>
  <si>
    <t>-952.4</t>
  </si>
  <si>
    <t>-236.30637553311</t>
  </si>
  <si>
    <t>16.128</t>
  </si>
  <si>
    <t>78183.0</t>
  </si>
  <si>
    <t>79104.0</t>
  </si>
  <si>
    <t>19.483</t>
  </si>
  <si>
    <t>80456.0</t>
  </si>
  <si>
    <t>19.816</t>
  </si>
  <si>
    <t>81437.0</t>
  </si>
  <si>
    <t>20.058</t>
  </si>
  <si>
    <t>82902.0</t>
  </si>
  <si>
    <t>84166.0</t>
  </si>
  <si>
    <t>23.075</t>
  </si>
  <si>
    <t>85410.0</t>
  </si>
  <si>
    <t>21.036</t>
  </si>
  <si>
    <t>-912.9</t>
  </si>
  <si>
    <t>-226.505764620092</t>
  </si>
  <si>
    <t>85997.0</t>
  </si>
  <si>
    <t>21.181</t>
  </si>
  <si>
    <t>22.082</t>
  </si>
  <si>
    <t>86860.0</t>
  </si>
  <si>
    <t>21.393</t>
  </si>
  <si>
    <t>88235.0</t>
  </si>
  <si>
    <t>21.732</t>
  </si>
  <si>
    <t>89764.0</t>
  </si>
  <si>
    <t>22.109</t>
  </si>
  <si>
    <t>91486.0</t>
  </si>
  <si>
    <t>22.533</t>
  </si>
  <si>
    <t>92808.0</t>
  </si>
  <si>
    <t>22.858</t>
  </si>
  <si>
    <t>23.536</t>
  </si>
  <si>
    <t>93571.0</t>
  </si>
  <si>
    <t>23.046</t>
  </si>
  <si>
    <t>-922.2</t>
  </si>
  <si>
    <t>-3.2</t>
  </si>
  <si>
    <t>-228.813250227461</t>
  </si>
  <si>
    <t>94175.0</t>
  </si>
  <si>
    <t>23.195</t>
  </si>
  <si>
    <t>95920.0</t>
  </si>
  <si>
    <t>23.625</t>
  </si>
  <si>
    <t>97724.0</t>
  </si>
  <si>
    <t>24.069</t>
  </si>
  <si>
    <t>33.744</t>
  </si>
  <si>
    <t>99414.0</t>
  </si>
  <si>
    <t>100851.0</t>
  </si>
  <si>
    <t>24.839</t>
  </si>
  <si>
    <t>103104.0</t>
  </si>
  <si>
    <t>25.394</t>
  </si>
  <si>
    <t>-968.3</t>
  </si>
  <si>
    <t>-4.94</t>
  </si>
  <si>
    <t>-240.251431571514</t>
  </si>
  <si>
    <t>104132.0</t>
  </si>
  <si>
    <t>25.647</t>
  </si>
  <si>
    <t>105526.0</t>
  </si>
  <si>
    <t>25.991</t>
  </si>
  <si>
    <t>35.481</t>
  </si>
  <si>
    <t>106805.0</t>
  </si>
  <si>
    <t>26.306</t>
  </si>
  <si>
    <t>26.655</t>
  </si>
  <si>
    <t>109358.0</t>
  </si>
  <si>
    <t>26.935</t>
  </si>
  <si>
    <t>33.248</t>
  </si>
  <si>
    <t>110514.0</t>
  </si>
  <si>
    <t>27.219</t>
  </si>
  <si>
    <t>-960.4</t>
  </si>
  <si>
    <t>-3.13</t>
  </si>
  <si>
    <t>-238.291309388911</t>
  </si>
  <si>
    <t>112834.0</t>
  </si>
  <si>
    <t>114090.0</t>
  </si>
  <si>
    <t>115722.0</t>
  </si>
  <si>
    <t>28.502</t>
  </si>
  <si>
    <t>28.859</t>
  </si>
  <si>
    <t>118955.0</t>
  </si>
  <si>
    <t>29.298</t>
  </si>
  <si>
    <t>29.638</t>
  </si>
  <si>
    <t>18.829</t>
  </si>
  <si>
    <t>121320.0</t>
  </si>
  <si>
    <t>29.881</t>
  </si>
  <si>
    <t>-841.7</t>
  </si>
  <si>
    <t>-2.66</t>
  </si>
  <si>
    <t>-208.839853303463</t>
  </si>
  <si>
    <t>122083.0</t>
  </si>
  <si>
    <t>30.069</t>
  </si>
  <si>
    <t>123199.0</t>
  </si>
  <si>
    <t>30.344</t>
  </si>
  <si>
    <t>124383.0</t>
  </si>
  <si>
    <t>30.635</t>
  </si>
  <si>
    <t>125317.0</t>
  </si>
  <si>
    <t>30.865</t>
  </si>
  <si>
    <t>126410.0</t>
  </si>
  <si>
    <t>31.134</t>
  </si>
  <si>
    <t>31.379</t>
  </si>
  <si>
    <t>30.022</t>
  </si>
  <si>
    <t>128132.0</t>
  </si>
  <si>
    <t>31.559</t>
  </si>
  <si>
    <t>-822.2</t>
  </si>
  <si>
    <t>-204.001577029948</t>
  </si>
  <si>
    <t>129379.0</t>
  </si>
  <si>
    <t>31.866</t>
  </si>
  <si>
    <t>130688.0</t>
  </si>
  <si>
    <t>132292.0</t>
  </si>
  <si>
    <t>32.583</t>
  </si>
  <si>
    <t>32.879</t>
  </si>
  <si>
    <t>33.187</t>
  </si>
  <si>
    <t>136280.0</t>
  </si>
  <si>
    <t>137657.0</t>
  </si>
  <si>
    <t>33.905</t>
  </si>
  <si>
    <t>-812.3</t>
  </si>
  <si>
    <t>-201.545221383395</t>
  </si>
  <si>
    <t>138647.0</t>
  </si>
  <si>
    <t>34.148</t>
  </si>
  <si>
    <t>140471.0</t>
  </si>
  <si>
    <t>34.598</t>
  </si>
  <si>
    <t>142124.0</t>
  </si>
  <si>
    <t>35.005</t>
  </si>
  <si>
    <t>144521.0</t>
  </si>
  <si>
    <t>35.595</t>
  </si>
  <si>
    <t>33.496</t>
  </si>
  <si>
    <t>146168.0</t>
  </si>
  <si>
    <t>36.001</t>
  </si>
  <si>
    <t>148742.0</t>
  </si>
  <si>
    <t>36.635</t>
  </si>
  <si>
    <t>24.279</t>
  </si>
  <si>
    <t>150460.0</t>
  </si>
  <si>
    <t>37.058</t>
  </si>
  <si>
    <t>-774.4</t>
  </si>
  <si>
    <t>-2.25</t>
  </si>
  <si>
    <t>-192.141597241537</t>
  </si>
  <si>
    <t>152824.0</t>
  </si>
  <si>
    <t>41.435</t>
  </si>
  <si>
    <t>154159.0</t>
  </si>
  <si>
    <t>37.969</t>
  </si>
  <si>
    <t>157387.0</t>
  </si>
  <si>
    <t>38.764</t>
  </si>
  <si>
    <t>160236.0</t>
  </si>
  <si>
    <t>39.466</t>
  </si>
  <si>
    <t>162301.0</t>
  </si>
  <si>
    <t>39.974</t>
  </si>
  <si>
    <t>165716.0</t>
  </si>
  <si>
    <t>40.815</t>
  </si>
  <si>
    <t>166638.0</t>
  </si>
  <si>
    <t>41.042</t>
  </si>
  <si>
    <t>-696.3</t>
  </si>
  <si>
    <t>-172.76368047428</t>
  </si>
  <si>
    <t>168229.0</t>
  </si>
  <si>
    <t>41.434</t>
  </si>
  <si>
    <t>171224.0</t>
  </si>
  <si>
    <t>43.187</t>
  </si>
  <si>
    <t>179838.0</t>
  </si>
  <si>
    <t>44.294</t>
  </si>
  <si>
    <t>183912.0</t>
  </si>
  <si>
    <t>57.973</t>
  </si>
  <si>
    <t>191360.0</t>
  </si>
  <si>
    <t>47.131</t>
  </si>
  <si>
    <t>-630.6</t>
  </si>
  <si>
    <t>-156.462411183514</t>
  </si>
  <si>
    <t>193153.0</t>
  </si>
  <si>
    <t>47.573</t>
  </si>
  <si>
    <t>196966.0</t>
  </si>
  <si>
    <t>48.512</t>
  </si>
  <si>
    <t>201138.0</t>
  </si>
  <si>
    <t>205256.0</t>
  </si>
  <si>
    <t>50.554</t>
  </si>
  <si>
    <t>210805.0</t>
  </si>
  <si>
    <t>51.921</t>
  </si>
  <si>
    <t>216495.0</t>
  </si>
  <si>
    <t>53.322</t>
  </si>
  <si>
    <t>221834.0</t>
  </si>
  <si>
    <t>54.637</t>
  </si>
  <si>
    <t>-508.7</t>
  </si>
  <si>
    <t>-1.37</t>
  </si>
  <si>
    <t>-126.216981555747</t>
  </si>
  <si>
    <t>225014.0</t>
  </si>
  <si>
    <t>230585.0</t>
  </si>
  <si>
    <t>56.792</t>
  </si>
  <si>
    <t>236938.0</t>
  </si>
  <si>
    <t>58.357</t>
  </si>
  <si>
    <t>242886.0</t>
  </si>
  <si>
    <t>59.822</t>
  </si>
  <si>
    <t>249023.0</t>
  </si>
  <si>
    <t>61.334</t>
  </si>
  <si>
    <t>254480.0</t>
  </si>
  <si>
    <t>258864.0</t>
  </si>
  <si>
    <t>63.757</t>
  </si>
  <si>
    <t>-443.0</t>
  </si>
  <si>
    <t>-109.915712264981</t>
  </si>
  <si>
    <t>262132.0</t>
  </si>
  <si>
    <t>64.562</t>
  </si>
  <si>
    <t>267297.0</t>
  </si>
  <si>
    <t>65.835</t>
  </si>
  <si>
    <t>273684.0</t>
  </si>
  <si>
    <t>279035.0</t>
  </si>
  <si>
    <t>68.726</t>
  </si>
  <si>
    <t>67.736</t>
  </si>
  <si>
    <t>284449.0</t>
  </si>
  <si>
    <t>70.059</t>
  </si>
  <si>
    <t>289024.0</t>
  </si>
  <si>
    <t>71.186</t>
  </si>
  <si>
    <t>292969.0</t>
  </si>
  <si>
    <t>72.157</t>
  </si>
  <si>
    <t>-403.9</t>
  </si>
  <si>
    <t>-100.214348044753</t>
  </si>
  <si>
    <t>295998.0</t>
  </si>
  <si>
    <t>72.903</t>
  </si>
  <si>
    <t>67.984</t>
  </si>
  <si>
    <t>300492.0</t>
  </si>
  <si>
    <t>307084.0</t>
  </si>
  <si>
    <t>75.634</t>
  </si>
  <si>
    <t>312406.0</t>
  </si>
  <si>
    <t>317199.0</t>
  </si>
  <si>
    <t>4793.0</t>
  </si>
  <si>
    <t>326159.0</t>
  </si>
  <si>
    <t>80.332</t>
  </si>
  <si>
    <t>-279.0</t>
  </si>
  <si>
    <t>-0.7</t>
  </si>
  <si>
    <t>-69.2245682210601</t>
  </si>
  <si>
    <t>328392.0</t>
  </si>
  <si>
    <t>80.882</t>
  </si>
  <si>
    <t>333241.0</t>
  </si>
  <si>
    <t>82.076</t>
  </si>
  <si>
    <t>338594.0</t>
  </si>
  <si>
    <t>83.395</t>
  </si>
  <si>
    <t>344533.0</t>
  </si>
  <si>
    <t>84.858</t>
  </si>
  <si>
    <t>348950.0</t>
  </si>
  <si>
    <t>4417.0</t>
  </si>
  <si>
    <t>85.945</t>
  </si>
  <si>
    <t>353526.0</t>
  </si>
  <si>
    <t>87.072</t>
  </si>
  <si>
    <t>88.301</t>
  </si>
  <si>
    <t>-261.7</t>
  </si>
  <si>
    <t>-0.64</t>
  </si>
  <si>
    <t>-64.9321487578904</t>
  </si>
  <si>
    <t>360976.0</t>
  </si>
  <si>
    <t>88.907</t>
  </si>
  <si>
    <t>366235.0</t>
  </si>
  <si>
    <t>90.203</t>
  </si>
  <si>
    <t>372683.0</t>
  </si>
  <si>
    <t>91.791</t>
  </si>
  <si>
    <t>379379.0</t>
  </si>
  <si>
    <t>93.44</t>
  </si>
  <si>
    <t>385072.0</t>
  </si>
  <si>
    <t>94.842</t>
  </si>
  <si>
    <t>392052.0</t>
  </si>
  <si>
    <t>96.561</t>
  </si>
  <si>
    <t>397000.0</t>
  </si>
  <si>
    <t>97.78</t>
  </si>
  <si>
    <t>-90.4</t>
  </si>
  <si>
    <t>-22.4297525705514</t>
  </si>
  <si>
    <t>400636.0</t>
  </si>
  <si>
    <t>98.676</t>
  </si>
  <si>
    <t>406519.0</t>
  </si>
  <si>
    <t>100.125</t>
  </si>
  <si>
    <t>414774.0</t>
  </si>
  <si>
    <t>102.158</t>
  </si>
  <si>
    <t>421648.0</t>
  </si>
  <si>
    <t>103.851</t>
  </si>
  <si>
    <t>428961.0</t>
  </si>
  <si>
    <t>105.652</t>
  </si>
  <si>
    <t>437048.0</t>
  </si>
  <si>
    <t>107.644</t>
  </si>
  <si>
    <t>445568.0</t>
  </si>
  <si>
    <t>27.2184054976713</t>
  </si>
  <si>
    <t>449541.0</t>
  </si>
  <si>
    <t>110.721</t>
  </si>
  <si>
    <t>457726.0</t>
  </si>
  <si>
    <t>112.737</t>
  </si>
  <si>
    <t>466315.0</t>
  </si>
  <si>
    <t>114.852</t>
  </si>
  <si>
    <t>475994.0</t>
  </si>
  <si>
    <t>117.236</t>
  </si>
  <si>
    <t>2.384</t>
  </si>
  <si>
    <t>0.2562</t>
  </si>
  <si>
    <t>485281.0</t>
  </si>
  <si>
    <t>119.523</t>
  </si>
  <si>
    <t>494022.0</t>
  </si>
  <si>
    <t>121.676</t>
  </si>
  <si>
    <t>8139.0</t>
  </si>
  <si>
    <t>502048.0</t>
  </si>
  <si>
    <t>8026.0</t>
  </si>
  <si>
    <t>123.653</t>
  </si>
  <si>
    <t>80.3898211599408</t>
  </si>
  <si>
    <t>507163.0</t>
  </si>
  <si>
    <t>124.913</t>
  </si>
  <si>
    <t>514176.0</t>
  </si>
  <si>
    <t>126.64</t>
  </si>
  <si>
    <t>523382.0</t>
  </si>
  <si>
    <t>128.908</t>
  </si>
  <si>
    <t>532288.0</t>
  </si>
  <si>
    <t>131.101</t>
  </si>
  <si>
    <t>0.2778</t>
  </si>
  <si>
    <t>541605.0</t>
  </si>
  <si>
    <t>133.396</t>
  </si>
  <si>
    <t>0.2798</t>
  </si>
  <si>
    <t>550229.0</t>
  </si>
  <si>
    <t>8624.0</t>
  </si>
  <si>
    <t>135.52</t>
  </si>
  <si>
    <t>0.2738</t>
  </si>
  <si>
    <t>559016.0</t>
  </si>
  <si>
    <t>137.684</t>
  </si>
  <si>
    <t>8138.0</t>
  </si>
  <si>
    <t>656.5</t>
  </si>
  <si>
    <t>162.88863454167</t>
  </si>
  <si>
    <t>564686.0</t>
  </si>
  <si>
    <t>139.081</t>
  </si>
  <si>
    <t>572489.0</t>
  </si>
  <si>
    <t>141.002</t>
  </si>
  <si>
    <t>582170.0</t>
  </si>
  <si>
    <t>143.387</t>
  </si>
  <si>
    <t>8398.0</t>
  </si>
  <si>
    <t>592326.0</t>
  </si>
  <si>
    <t>10156.0</t>
  </si>
  <si>
    <t>145.888</t>
  </si>
  <si>
    <t>601743.0</t>
  </si>
  <si>
    <t>148.208</t>
  </si>
  <si>
    <t>611357.0</t>
  </si>
  <si>
    <t>9614.0</t>
  </si>
  <si>
    <t>150.576</t>
  </si>
  <si>
    <t>619532.0</t>
  </si>
  <si>
    <t>8175.0</t>
  </si>
  <si>
    <t>152.589</t>
  </si>
  <si>
    <t>1057.6</t>
  </si>
  <si>
    <t>262.408255736893</t>
  </si>
  <si>
    <t>624393.0</t>
  </si>
  <si>
    <t>153.786</t>
  </si>
  <si>
    <t>631655.0</t>
  </si>
  <si>
    <t>155.575</t>
  </si>
  <si>
    <t>640781.0</t>
  </si>
  <si>
    <t>157.823</t>
  </si>
  <si>
    <t>649551.0</t>
  </si>
  <si>
    <t>0.3138</t>
  </si>
  <si>
    <t>657872.0</t>
  </si>
  <si>
    <t>162.032</t>
  </si>
  <si>
    <t>667749.0</t>
  </si>
  <si>
    <t>164.465</t>
  </si>
  <si>
    <t>9216.0</t>
  </si>
  <si>
    <t>166.735</t>
  </si>
  <si>
    <t>0.3397</t>
  </si>
  <si>
    <t>1611.5</t>
  </si>
  <si>
    <t>399.840113577915</t>
  </si>
  <si>
    <t>683104.0</t>
  </si>
  <si>
    <t>168.247</t>
  </si>
  <si>
    <t>8387.0</t>
  </si>
  <si>
    <t>0.3436</t>
  </si>
  <si>
    <t>692048.0</t>
  </si>
  <si>
    <t>0.3403</t>
  </si>
  <si>
    <t>702242.0</t>
  </si>
  <si>
    <t>8780.0</t>
  </si>
  <si>
    <t>0.3401</t>
  </si>
  <si>
    <t>713729.0</t>
  </si>
  <si>
    <t>11487.0</t>
  </si>
  <si>
    <t>175.789</t>
  </si>
  <si>
    <t>2.829</t>
  </si>
  <si>
    <t>0.3389</t>
  </si>
  <si>
    <t>724820.0</t>
  </si>
  <si>
    <t>178.521</t>
  </si>
  <si>
    <t>736102.0</t>
  </si>
  <si>
    <t>11282.0</t>
  </si>
  <si>
    <t>181.3</t>
  </si>
  <si>
    <t>744319.0</t>
  </si>
  <si>
    <t>183.324</t>
  </si>
  <si>
    <t>9622.0</t>
  </si>
  <si>
    <t>0.3399</t>
  </si>
  <si>
    <t>2141.8</t>
  </si>
  <si>
    <t>531.416416544324</t>
  </si>
  <si>
    <t>749346.0</t>
  </si>
  <si>
    <t>184.562</t>
  </si>
  <si>
    <t>759014.0</t>
  </si>
  <si>
    <t>186.943</t>
  </si>
  <si>
    <t>9567.0</t>
  </si>
  <si>
    <t>0.3483</t>
  </si>
  <si>
    <t>769091.0</t>
  </si>
  <si>
    <t>10077.0</t>
  </si>
  <si>
    <t>189.425</t>
  </si>
  <si>
    <t>780257.0</t>
  </si>
  <si>
    <t>11166.0</t>
  </si>
  <si>
    <t>192.175</t>
  </si>
  <si>
    <t>0.3576</t>
  </si>
  <si>
    <t>790883.0</t>
  </si>
  <si>
    <t>194.792</t>
  </si>
  <si>
    <t>2.617</t>
  </si>
  <si>
    <t>801545.0</t>
  </si>
  <si>
    <t>197.418</t>
  </si>
  <si>
    <t>0.3631</t>
  </si>
  <si>
    <t>810885.0</t>
  </si>
  <si>
    <t>9340.0</t>
  </si>
  <si>
    <t>199.719</t>
  </si>
  <si>
    <t>2.342</t>
  </si>
  <si>
    <t>0.3567</t>
  </si>
  <si>
    <t>2864.3</t>
  </si>
  <si>
    <t>710.680755396353</t>
  </si>
  <si>
    <t>816241.0</t>
  </si>
  <si>
    <t>201.038</t>
  </si>
  <si>
    <t>2.354</t>
  </si>
  <si>
    <t>659.991</t>
  </si>
  <si>
    <t>825023.0</t>
  </si>
  <si>
    <t>203.201</t>
  </si>
  <si>
    <t>837619.0</t>
  </si>
  <si>
    <t>206.303</t>
  </si>
  <si>
    <t>2.411</t>
  </si>
  <si>
    <t>849714.0</t>
  </si>
  <si>
    <t>209.282</t>
  </si>
  <si>
    <t>0.3539</t>
  </si>
  <si>
    <t>861401.0</t>
  </si>
  <si>
    <t>11687.0</t>
  </si>
  <si>
    <t>212.161</t>
  </si>
  <si>
    <t>0.3548</t>
  </si>
  <si>
    <t>872515.0</t>
  </si>
  <si>
    <t>0.3532</t>
  </si>
  <si>
    <t>710.606</t>
  </si>
  <si>
    <t>882282.0</t>
  </si>
  <si>
    <t>217.304</t>
  </si>
  <si>
    <t>3600.6</t>
  </si>
  <si>
    <t>893.369105149638</t>
  </si>
  <si>
    <t>888080.0</t>
  </si>
  <si>
    <t>218.732</t>
  </si>
  <si>
    <t>0.3496</t>
  </si>
  <si>
    <t>896828.0</t>
  </si>
  <si>
    <t>220.886</t>
  </si>
  <si>
    <t>908215.0</t>
  </si>
  <si>
    <t>223.691</t>
  </si>
  <si>
    <t>0.3353</t>
  </si>
  <si>
    <t>920509.0</t>
  </si>
  <si>
    <t>226.719</t>
  </si>
  <si>
    <t>931358.0</t>
  </si>
  <si>
    <t>229.391</t>
  </si>
  <si>
    <t>9994.0</t>
  </si>
  <si>
    <t>9543.0</t>
  </si>
  <si>
    <t>0.3063</t>
  </si>
  <si>
    <t>0.2935</t>
  </si>
  <si>
    <t>4358.5</t>
  </si>
  <si>
    <t>1081.41677631359</t>
  </si>
  <si>
    <t>955225.0</t>
  </si>
  <si>
    <t>235.269</t>
  </si>
  <si>
    <t>964313.0</t>
  </si>
  <si>
    <t>237.508</t>
  </si>
  <si>
    <t>974507.0</t>
  </si>
  <si>
    <t>240.018</t>
  </si>
  <si>
    <t>9470.0</t>
  </si>
  <si>
    <t>982850.0</t>
  </si>
  <si>
    <t>242.073</t>
  </si>
  <si>
    <t>989014.0</t>
  </si>
  <si>
    <t>243.591</t>
  </si>
  <si>
    <t>990665.0</t>
  </si>
  <si>
    <t>243.998</t>
  </si>
  <si>
    <t>994293.0</t>
  </si>
  <si>
    <t>244.892</t>
  </si>
  <si>
    <t>4955.2</t>
  </si>
  <si>
    <t>1229.46803028314</t>
  </si>
  <si>
    <t>996935.0</t>
  </si>
  <si>
    <t>245.542</t>
  </si>
  <si>
    <t>0.2282</t>
  </si>
  <si>
    <t>1004346.0</t>
  </si>
  <si>
    <t>247.368</t>
  </si>
  <si>
    <t>1010668.0</t>
  </si>
  <si>
    <t>248.925</t>
  </si>
  <si>
    <t>1019109.0</t>
  </si>
  <si>
    <t>251.004</t>
  </si>
  <si>
    <t>0.2349</t>
  </si>
  <si>
    <t>1024740.0</t>
  </si>
  <si>
    <t>252.391</t>
  </si>
  <si>
    <t>604.66</t>
  </si>
  <si>
    <t>1026480.0</t>
  </si>
  <si>
    <t>252.819</t>
  </si>
  <si>
    <t>1032091.0</t>
  </si>
  <si>
    <t>254.201</t>
  </si>
  <si>
    <t>1338.81307406458</t>
  </si>
  <si>
    <t>1035076.0</t>
  </si>
  <si>
    <t>254.936</t>
  </si>
  <si>
    <t>0.2117</t>
  </si>
  <si>
    <t>1041678.0</t>
  </si>
  <si>
    <t>256.562</t>
  </si>
  <si>
    <t>1051597.0</t>
  </si>
  <si>
    <t>259.005</t>
  </si>
  <si>
    <t>1055211.0</t>
  </si>
  <si>
    <t>259.896</t>
  </si>
  <si>
    <t>1061953.0</t>
  </si>
  <si>
    <t>261.556</t>
  </si>
  <si>
    <t>0.1596</t>
  </si>
  <si>
    <t>1070562.0</t>
  </si>
  <si>
    <t>263.676</t>
  </si>
  <si>
    <t>5015.0</t>
  </si>
  <si>
    <t>1077777.0</t>
  </si>
  <si>
    <t>265.453</t>
  </si>
  <si>
    <t>5558.2</t>
  </si>
  <si>
    <t>1379.08241966414</t>
  </si>
  <si>
    <t>1080918.0</t>
  </si>
  <si>
    <t>266.227</t>
  </si>
  <si>
    <t>0.1506</t>
  </si>
  <si>
    <t>1087992.0</t>
  </si>
  <si>
    <t>267.969</t>
  </si>
  <si>
    <t>1095705.0</t>
  </si>
  <si>
    <t>269.869</t>
  </si>
  <si>
    <t>34553.0</t>
  </si>
  <si>
    <t>1102552.0</t>
  </si>
  <si>
    <t>6847.0</t>
  </si>
  <si>
    <t>271.556</t>
  </si>
  <si>
    <t>38000.0</t>
  </si>
  <si>
    <t>1107887.0</t>
  </si>
  <si>
    <t>272.869</t>
  </si>
  <si>
    <t>41532.0</t>
  </si>
  <si>
    <t>1113856.0</t>
  </si>
  <si>
    <t>274.34</t>
  </si>
  <si>
    <t>0.1208</t>
  </si>
  <si>
    <t>45906.0</t>
  </si>
  <si>
    <t>1118525.0</t>
  </si>
  <si>
    <t>275.49</t>
  </si>
  <si>
    <t>5685.9</t>
  </si>
  <si>
    <t>1410.76692633737</t>
  </si>
  <si>
    <t>1120894.0</t>
  </si>
  <si>
    <t>276.073</t>
  </si>
  <si>
    <t>1127153.0</t>
  </si>
  <si>
    <t>277.615</t>
  </si>
  <si>
    <t>54304.0</t>
  </si>
  <si>
    <t>1134221.0</t>
  </si>
  <si>
    <t>279.355</t>
  </si>
  <si>
    <t>1139956.0</t>
  </si>
  <si>
    <t>280.768</t>
  </si>
  <si>
    <t>1144819.0</t>
  </si>
  <si>
    <t>281.966</t>
  </si>
  <si>
    <t>0.1126</t>
  </si>
  <si>
    <t>64951.0</t>
  </si>
  <si>
    <t>1149691.0</t>
  </si>
  <si>
    <t>283.166</t>
  </si>
  <si>
    <t>1154033.0</t>
  </si>
  <si>
    <t>284.235</t>
  </si>
  <si>
    <t>5767.8</t>
  </si>
  <si>
    <t>1431.08768668613</t>
  </si>
  <si>
    <t>1156456.0</t>
  </si>
  <si>
    <t>284.832</t>
  </si>
  <si>
    <t>69984.0</t>
  </si>
  <si>
    <t>58077.0</t>
  </si>
  <si>
    <t>1162664.0</t>
  </si>
  <si>
    <t>286.361</t>
  </si>
  <si>
    <t>1169837.0</t>
  </si>
  <si>
    <t>288.128</t>
  </si>
  <si>
    <t>1175831.0</t>
  </si>
  <si>
    <t>289.604</t>
  </si>
  <si>
    <t>1180851.0</t>
  </si>
  <si>
    <t>290.84</t>
  </si>
  <si>
    <t>80000.0</t>
  </si>
  <si>
    <t>1186046.0</t>
  </si>
  <si>
    <t>292.12</t>
  </si>
  <si>
    <t>177.14</t>
  </si>
  <si>
    <t>1191125.0</t>
  </si>
  <si>
    <t>293.371</t>
  </si>
  <si>
    <t>5805.9</t>
  </si>
  <si>
    <t>1440.54093417438</t>
  </si>
  <si>
    <t>1193006.0</t>
  </si>
  <si>
    <t>293.834</t>
  </si>
  <si>
    <t>1199349.0</t>
  </si>
  <si>
    <t>6343.0</t>
  </si>
  <si>
    <t>295.396</t>
  </si>
  <si>
    <t>1206372.0</t>
  </si>
  <si>
    <t>297.126</t>
  </si>
  <si>
    <t>87929.0</t>
  </si>
  <si>
    <t>59064.0</t>
  </si>
  <si>
    <t>28865.0</t>
  </si>
  <si>
    <t>95505.0</t>
  </si>
  <si>
    <t>59593.0</t>
  </si>
  <si>
    <t>35912.0</t>
  </si>
  <si>
    <t>7576.0</t>
  </si>
  <si>
    <t>1217755.0</t>
  </si>
  <si>
    <t>299.93</t>
  </si>
  <si>
    <t>1449.74606493066</t>
  </si>
  <si>
    <t>1230808.0</t>
  </si>
  <si>
    <t>303.145</t>
  </si>
  <si>
    <t>102207.0</t>
  </si>
  <si>
    <t>61241.0</t>
  </si>
  <si>
    <t>41966.0</t>
  </si>
  <si>
    <t>261.763</t>
  </si>
  <si>
    <t>1250855.0</t>
  </si>
  <si>
    <t>308.082</t>
  </si>
  <si>
    <t>47969.0</t>
  </si>
  <si>
    <t>1255786.0</t>
  </si>
  <si>
    <t>309.297</t>
  </si>
  <si>
    <t>1266189.0</t>
  </si>
  <si>
    <t>311.859</t>
  </si>
  <si>
    <t>5871.9</t>
  </si>
  <si>
    <t>1456.91663848474</t>
  </si>
  <si>
    <t>1268323.0</t>
  </si>
  <si>
    <t>312.384</t>
  </si>
  <si>
    <t>120603.0</t>
  </si>
  <si>
    <t>67825.0</t>
  </si>
  <si>
    <t>52778.0</t>
  </si>
  <si>
    <t>1275009.0</t>
  </si>
  <si>
    <t>314.031</t>
  </si>
  <si>
    <t>1282357.0</t>
  </si>
  <si>
    <t>7348.0</t>
  </si>
  <si>
    <t>315.841</t>
  </si>
  <si>
    <t>1288429.0</t>
  </si>
  <si>
    <t>317.336</t>
  </si>
  <si>
    <t>142222.0</t>
  </si>
  <si>
    <t>87169.0</t>
  </si>
  <si>
    <t>1293415.0</t>
  </si>
  <si>
    <t>318.565</t>
  </si>
  <si>
    <t>1298994.0</t>
  </si>
  <si>
    <t>319.939</t>
  </si>
  <si>
    <t>1304452.0</t>
  </si>
  <si>
    <t>321.283</t>
  </si>
  <si>
    <t>5881.8</t>
  </si>
  <si>
    <t>1459.37299413129</t>
  </si>
  <si>
    <t>1306694.0</t>
  </si>
  <si>
    <t>321.835</t>
  </si>
  <si>
    <t>166146.0</t>
  </si>
  <si>
    <t>108311.0</t>
  </si>
  <si>
    <t>1313573.0</t>
  </si>
  <si>
    <t>323.529</t>
  </si>
  <si>
    <t>196.26</t>
  </si>
  <si>
    <t>1321336.0</t>
  </si>
  <si>
    <t>325.441</t>
  </si>
  <si>
    <t>125771.0</t>
  </si>
  <si>
    <t>58305.0</t>
  </si>
  <si>
    <t>1327769.0</t>
  </si>
  <si>
    <t>327.026</t>
  </si>
  <si>
    <t>194267.0</t>
  </si>
  <si>
    <t>135756.0</t>
  </si>
  <si>
    <t>58511.0</t>
  </si>
  <si>
    <t>1332840.0</t>
  </si>
  <si>
    <t>328.275</t>
  </si>
  <si>
    <t>1338842.0</t>
  </si>
  <si>
    <t>329.753</t>
  </si>
  <si>
    <t>1344652.0</t>
  </si>
  <si>
    <t>5810.0</t>
  </si>
  <si>
    <t>331.184</t>
  </si>
  <si>
    <t>5889.9</t>
  </si>
  <si>
    <t>1461.38273966029</t>
  </si>
  <si>
    <t>1346946.0</t>
  </si>
  <si>
    <t>331.749</t>
  </si>
  <si>
    <t>213068.0</t>
  </si>
  <si>
    <t>153085.0</t>
  </si>
  <si>
    <t>59983.0</t>
  </si>
  <si>
    <t>191.05</t>
  </si>
  <si>
    <t>1354191.0</t>
  </si>
  <si>
    <t>333.533</t>
  </si>
  <si>
    <t>1361483.0</t>
  </si>
  <si>
    <t>335.329</t>
  </si>
  <si>
    <t>1368448.0</t>
  </si>
  <si>
    <t>337.045</t>
  </si>
  <si>
    <t>242000.0</t>
  </si>
  <si>
    <t>182000.0</t>
  </si>
  <si>
    <t>60000.0</t>
  </si>
  <si>
    <t>1373877.0</t>
  </si>
  <si>
    <t>338.382</t>
  </si>
  <si>
    <t>6977.0</t>
  </si>
  <si>
    <t>1379715.0</t>
  </si>
  <si>
    <t>339.82</t>
  </si>
  <si>
    <t>5839.0</t>
  </si>
  <si>
    <t>1385768.0</t>
  </si>
  <si>
    <t>341.311</t>
  </si>
  <si>
    <t>5834.8</t>
  </si>
  <si>
    <t>-5.06</t>
  </si>
  <si>
    <t>1447.71150772846</t>
  </si>
  <si>
    <t>202167.0</t>
  </si>
  <si>
    <t>63056.0</t>
  </si>
  <si>
    <t>7012.0</t>
  </si>
  <si>
    <t>201.223</t>
  </si>
  <si>
    <t>7146.0</t>
  </si>
  <si>
    <t>1416328.0</t>
  </si>
  <si>
    <t>300956.0</t>
  </si>
  <si>
    <t>233423.0</t>
  </si>
  <si>
    <t>67533.0</t>
  </si>
  <si>
    <t>8072.0</t>
  </si>
  <si>
    <t>212.14</t>
  </si>
  <si>
    <t>5814.7</t>
  </si>
  <si>
    <t>-1.83</t>
  </si>
  <si>
    <t>1442.72436141576</t>
  </si>
  <si>
    <t>1431342.0</t>
  </si>
  <si>
    <t>352.536</t>
  </si>
  <si>
    <t>9031.0</t>
  </si>
  <si>
    <t>1461537.0</t>
  </si>
  <si>
    <t>359.973</t>
  </si>
  <si>
    <t>0.1318</t>
  </si>
  <si>
    <t>365082.0</t>
  </si>
  <si>
    <t>288622.0</t>
  </si>
  <si>
    <t>76460.0</t>
  </si>
  <si>
    <t>9070.0</t>
  </si>
  <si>
    <t>5771.8</t>
  </si>
  <si>
    <t>1432.08015361403</t>
  </si>
  <si>
    <t>1477537.0</t>
  </si>
  <si>
    <t>363.913</t>
  </si>
  <si>
    <t>311448.0</t>
  </si>
  <si>
    <t>8888.0</t>
  </si>
  <si>
    <t>1503437.0</t>
  </si>
  <si>
    <t>370.292</t>
  </si>
  <si>
    <t>1511440.0</t>
  </si>
  <si>
    <t>372.263</t>
  </si>
  <si>
    <t>416745.0</t>
  </si>
  <si>
    <t>335916.0</t>
  </si>
  <si>
    <t>80829.0</t>
  </si>
  <si>
    <t>1519731.0</t>
  </si>
  <si>
    <t>374.306</t>
  </si>
  <si>
    <t>1527320.0</t>
  </si>
  <si>
    <t>376.175</t>
  </si>
  <si>
    <t>7874.0</t>
  </si>
  <si>
    <t>430396.0</t>
  </si>
  <si>
    <t>348648.0</t>
  </si>
  <si>
    <t>5877.9</t>
  </si>
  <si>
    <t>1458.40533887659</t>
  </si>
  <si>
    <t>1530168.0</t>
  </si>
  <si>
    <t>376.876</t>
  </si>
  <si>
    <t>7519.0</t>
  </si>
  <si>
    <t>7080.0</t>
  </si>
  <si>
    <t>379.109</t>
  </si>
  <si>
    <t>7580.0</t>
  </si>
  <si>
    <t>1549854.0</t>
  </si>
  <si>
    <t>381.725</t>
  </si>
  <si>
    <t>476499.0</t>
  </si>
  <si>
    <t>385724.0</t>
  </si>
  <si>
    <t>89313.0</t>
  </si>
  <si>
    <t>10400.0</t>
  </si>
  <si>
    <t>384.059</t>
  </si>
  <si>
    <t>7985.0</t>
  </si>
  <si>
    <t>498417.0</t>
  </si>
  <si>
    <t>404518.0</t>
  </si>
  <si>
    <t>92380.0</t>
  </si>
  <si>
    <t>21918.0</t>
  </si>
  <si>
    <t>1568027.0</t>
  </si>
  <si>
    <t>386.201</t>
  </si>
  <si>
    <t>8084.0</t>
  </si>
  <si>
    <t>1.991</t>
  </si>
  <si>
    <t>517112.0</t>
  </si>
  <si>
    <t>419431.0</t>
  </si>
  <si>
    <t>96047.0</t>
  </si>
  <si>
    <t>14338.0</t>
  </si>
  <si>
    <t>1575650.0</t>
  </si>
  <si>
    <t>388.078</t>
  </si>
  <si>
    <t>11493.0</t>
  </si>
  <si>
    <t>1582500.0</t>
  </si>
  <si>
    <t>389.765</t>
  </si>
  <si>
    <t>524371.0</t>
  </si>
  <si>
    <t>426037.0</t>
  </si>
  <si>
    <t>6099.4</t>
  </si>
  <si>
    <t>1513.36319500908</t>
  </si>
  <si>
    <t>1583654.0</t>
  </si>
  <si>
    <t>390.05</t>
  </si>
  <si>
    <t>1589987.0</t>
  </si>
  <si>
    <t>391.609</t>
  </si>
  <si>
    <t>526414.0</t>
  </si>
  <si>
    <t>427387.0</t>
  </si>
  <si>
    <t>99027.0</t>
  </si>
  <si>
    <t>9326.0</t>
  </si>
  <si>
    <t>7717.0</t>
  </si>
  <si>
    <t>1599453.0</t>
  </si>
  <si>
    <t>393.941</t>
  </si>
  <si>
    <t>533409.0</t>
  </si>
  <si>
    <t>432601.0</t>
  </si>
  <si>
    <t>100808.0</t>
  </si>
  <si>
    <t>1610669.0</t>
  </si>
  <si>
    <t>396.703</t>
  </si>
  <si>
    <t>543436.0</t>
  </si>
  <si>
    <t>440890.0</t>
  </si>
  <si>
    <t>102546.0</t>
  </si>
  <si>
    <t>5196.0</t>
  </si>
  <si>
    <t>1619663.0</t>
  </si>
  <si>
    <t>398.919</t>
  </si>
  <si>
    <t>0.2314</t>
  </si>
  <si>
    <t>565785.0</t>
  </si>
  <si>
    <t>458762.0</t>
  </si>
  <si>
    <t>107023.0</t>
  </si>
  <si>
    <t>1629803.0</t>
  </si>
  <si>
    <t>10140.0</t>
  </si>
  <si>
    <t>401.416</t>
  </si>
  <si>
    <t>583931.0</t>
  </si>
  <si>
    <t>473522.0</t>
  </si>
  <si>
    <t>110409.0</t>
  </si>
  <si>
    <t>18146.0</t>
  </si>
  <si>
    <t>9027.0</t>
  </si>
  <si>
    <t>1639110.0</t>
  </si>
  <si>
    <t>403.708</t>
  </si>
  <si>
    <t>588183.0</t>
  </si>
  <si>
    <t>477617.0</t>
  </si>
  <si>
    <t>110566.0</t>
  </si>
  <si>
    <t>9116.0</t>
  </si>
  <si>
    <t>6364.1</t>
  </si>
  <si>
    <t>1579.0396939629</t>
  </si>
  <si>
    <t>1642311.0</t>
  </si>
  <si>
    <t>404.497</t>
  </si>
  <si>
    <t>8380.0</t>
  </si>
  <si>
    <t>595369.0</t>
  </si>
  <si>
    <t>483825.0</t>
  </si>
  <si>
    <t>111544.0</t>
  </si>
  <si>
    <t>1652525.0</t>
  </si>
  <si>
    <t>407.012</t>
  </si>
  <si>
    <t>0.2235</t>
  </si>
  <si>
    <t>605423.0</t>
  </si>
  <si>
    <t>491601.0</t>
  </si>
  <si>
    <t>113822.0</t>
  </si>
  <si>
    <t>9173.0</t>
  </si>
  <si>
    <t>1663542.0</t>
  </si>
  <si>
    <t>409.726</t>
  </si>
  <si>
    <t>617516.0</t>
  </si>
  <si>
    <t>500233.0</t>
  </si>
  <si>
    <t>117283.0</t>
  </si>
  <si>
    <t>493.256</t>
  </si>
  <si>
    <t>2.214</t>
  </si>
  <si>
    <t>643834.0</t>
  </si>
  <si>
    <t>519375.0</t>
  </si>
  <si>
    <t>124459.0</t>
  </si>
  <si>
    <t>26318.0</t>
  </si>
  <si>
    <t>14343.0</t>
  </si>
  <si>
    <t>11212.0</t>
  </si>
  <si>
    <t>1683651.0</t>
  </si>
  <si>
    <t>414.679</t>
  </si>
  <si>
    <t>9141.0</t>
  </si>
  <si>
    <t>671839.0</t>
  </si>
  <si>
    <t>539487.0</t>
  </si>
  <si>
    <t>132352.0</t>
  </si>
  <si>
    <t>28005.0</t>
  </si>
  <si>
    <t>15151.0</t>
  </si>
  <si>
    <t>0.2537</t>
  </si>
  <si>
    <t>691265.0</t>
  </si>
  <si>
    <t>552559.0</t>
  </si>
  <si>
    <t>138706.0</t>
  </si>
  <si>
    <t>15333.0</t>
  </si>
  <si>
    <t>0.2649</t>
  </si>
  <si>
    <t>693530.0</t>
  </si>
  <si>
    <t>553883.0</t>
  </si>
  <si>
    <t>139647.0</t>
  </si>
  <si>
    <t>10895.0</t>
  </si>
  <si>
    <t>6685.4</t>
  </si>
  <si>
    <t>1658.75959994651</t>
  </si>
  <si>
    <t>1703343.0</t>
  </si>
  <si>
    <t>419.529</t>
  </si>
  <si>
    <t>8719.0</t>
  </si>
  <si>
    <t>698032.0</t>
  </si>
  <si>
    <t>556969.0</t>
  </si>
  <si>
    <t>141063.0</t>
  </si>
  <si>
    <t>14666.0</t>
  </si>
  <si>
    <t>1713174.0</t>
  </si>
  <si>
    <t>421.95</t>
  </si>
  <si>
    <t>708960.0</t>
  </si>
  <si>
    <t>565164.0</t>
  </si>
  <si>
    <t>143796.0</t>
  </si>
  <si>
    <t>14791.0</t>
  </si>
  <si>
    <t>1723697.0</t>
  </si>
  <si>
    <t>424.542</t>
  </si>
  <si>
    <t>2.117</t>
  </si>
  <si>
    <t>726315.0</t>
  </si>
  <si>
    <t>578273.0</t>
  </si>
  <si>
    <t>148042.0</t>
  </si>
  <si>
    <t>17355.0</t>
  </si>
  <si>
    <t>11149.0</t>
  </si>
  <si>
    <t>1734234.0</t>
  </si>
  <si>
    <t>427.137</t>
  </si>
  <si>
    <t>8662.0</t>
  </si>
  <si>
    <t>746878.0</t>
  </si>
  <si>
    <t>593972.0</t>
  </si>
  <si>
    <t>152906.0</t>
  </si>
  <si>
    <t>552.556</t>
  </si>
  <si>
    <t>1743017.0</t>
  </si>
  <si>
    <t>429.3</t>
  </si>
  <si>
    <t>770221.0</t>
  </si>
  <si>
    <t>611792.0</t>
  </si>
  <si>
    <t>158429.0</t>
  </si>
  <si>
    <t>1752201.0</t>
  </si>
  <si>
    <t>431.562</t>
  </si>
  <si>
    <t>0.2444</t>
  </si>
  <si>
    <t>785869.0</t>
  </si>
  <si>
    <t>621077.0</t>
  </si>
  <si>
    <t>164792.0</t>
  </si>
  <si>
    <t>15648.0</t>
  </si>
  <si>
    <t>15.41</t>
  </si>
  <si>
    <t>1759208.0</t>
  </si>
  <si>
    <t>433.288</t>
  </si>
  <si>
    <t>795597.0</t>
  </si>
  <si>
    <t>627216.0</t>
  </si>
  <si>
    <t>168381.0</t>
  </si>
  <si>
    <t>14581.0</t>
  </si>
  <si>
    <t>7068.7</t>
  </si>
  <si>
    <t>1753.86274331257</t>
  </si>
  <si>
    <t>1762625.0</t>
  </si>
  <si>
    <t>434.13</t>
  </si>
  <si>
    <t>798717.0</t>
  </si>
  <si>
    <t>629108.0</t>
  </si>
  <si>
    <t>169609.0</t>
  </si>
  <si>
    <t>14384.0</t>
  </si>
  <si>
    <t>1772515.0</t>
  </si>
  <si>
    <t>436.566</t>
  </si>
  <si>
    <t>2.436</t>
  </si>
  <si>
    <t>0.2448</t>
  </si>
  <si>
    <t>812984.0</t>
  </si>
  <si>
    <t>639564.0</t>
  </si>
  <si>
    <t>173420.0</t>
  </si>
  <si>
    <t>14267.0</t>
  </si>
  <si>
    <t>14861.0</t>
  </si>
  <si>
    <t>1784547.0</t>
  </si>
  <si>
    <t>12032.0</t>
  </si>
  <si>
    <t>439.529</t>
  </si>
  <si>
    <t>0.2352</t>
  </si>
  <si>
    <t>825839.0</t>
  </si>
  <si>
    <t>648709.0</t>
  </si>
  <si>
    <t>177130.0</t>
  </si>
  <si>
    <t>1794905.0</t>
  </si>
  <si>
    <t>442.08</t>
  </si>
  <si>
    <t>8667.0</t>
  </si>
  <si>
    <t>872726.0</t>
  </si>
  <si>
    <t>682757.0</t>
  </si>
  <si>
    <t>189969.0</t>
  </si>
  <si>
    <t>17978.0</t>
  </si>
  <si>
    <t>12684.0</t>
  </si>
  <si>
    <t>1804187.0</t>
  </si>
  <si>
    <t>444.366</t>
  </si>
  <si>
    <t>901120.0</t>
  </si>
  <si>
    <t>702470.0</t>
  </si>
  <si>
    <t>198650.0</t>
  </si>
  <si>
    <t>28394.0</t>
  </si>
  <si>
    <t>12954.0</t>
  </si>
  <si>
    <t>1814505.0</t>
  </si>
  <si>
    <t>446.908</t>
  </si>
  <si>
    <t>8901.0</t>
  </si>
  <si>
    <t>907575.0</t>
  </si>
  <si>
    <t>707057.0</t>
  </si>
  <si>
    <t>200518.0</t>
  </si>
  <si>
    <t>1822875.0</t>
  </si>
  <si>
    <t>448.969</t>
  </si>
  <si>
    <t>0.1971</t>
  </si>
  <si>
    <t>908839.0</t>
  </si>
  <si>
    <t>708137.0</t>
  </si>
  <si>
    <t>200702.0</t>
  </si>
  <si>
    <t>22.55</t>
  </si>
  <si>
    <t>7424.4</t>
  </si>
  <si>
    <t>1842.11786487612</t>
  </si>
  <si>
    <t>1827068.0</t>
  </si>
  <si>
    <t>450.002</t>
  </si>
  <si>
    <t>921527.0</t>
  </si>
  <si>
    <t>716861.0</t>
  </si>
  <si>
    <t>204666.0</t>
  </si>
  <si>
    <t>17544.0</t>
  </si>
  <si>
    <t>1836108.0</t>
  </si>
  <si>
    <t>9040.0</t>
  </si>
  <si>
    <t>452.228</t>
  </si>
  <si>
    <t>944398.0</t>
  </si>
  <si>
    <t>734556.0</t>
  </si>
  <si>
    <t>209842.0</t>
  </si>
  <si>
    <t>22871.0</t>
  </si>
  <si>
    <t>1846554.0</t>
  </si>
  <si>
    <t>454.801</t>
  </si>
  <si>
    <t>979181.0</t>
  </si>
  <si>
    <t>760805.0</t>
  </si>
  <si>
    <t>218376.0</t>
  </si>
  <si>
    <t>34783.0</t>
  </si>
  <si>
    <t>1855623.0</t>
  </si>
  <si>
    <t>457.035</t>
  </si>
  <si>
    <t>1025701.0</t>
  </si>
  <si>
    <t>796909.0</t>
  </si>
  <si>
    <t>228792.0</t>
  </si>
  <si>
    <t>46520.0</t>
  </si>
  <si>
    <t>1863305.0</t>
  </si>
  <si>
    <t>458.927</t>
  </si>
  <si>
    <t>1078760.0</t>
  </si>
  <si>
    <t>835320.0</t>
  </si>
  <si>
    <t>243440.0</t>
  </si>
  <si>
    <t>53059.0</t>
  </si>
  <si>
    <t>25377.0</t>
  </si>
  <si>
    <t>1871290.0</t>
  </si>
  <si>
    <t>460.894</t>
  </si>
  <si>
    <t>8112.0</t>
  </si>
  <si>
    <t>1117709.0</t>
  </si>
  <si>
    <t>867621.0</t>
  </si>
  <si>
    <t>250088.0</t>
  </si>
  <si>
    <t>38949.0</t>
  </si>
  <si>
    <t>30019.0</t>
  </si>
  <si>
    <t>22938.0</t>
  </si>
  <si>
    <t>1878350.0</t>
  </si>
  <si>
    <t>462.632</t>
  </si>
  <si>
    <t>1131607.0</t>
  </si>
  <si>
    <t>879312.0</t>
  </si>
  <si>
    <t>252295.0</t>
  </si>
  <si>
    <t>31824.0</t>
  </si>
  <si>
    <t>7896.0</t>
  </si>
  <si>
    <t>24454.0</t>
  </si>
  <si>
    <t>7734.9</t>
  </si>
  <si>
    <t>1919.1581101544</t>
  </si>
  <si>
    <t>1881294.0</t>
  </si>
  <si>
    <t>463.357</t>
  </si>
  <si>
    <t>1154319.0</t>
  </si>
  <si>
    <t>894881.0</t>
  </si>
  <si>
    <t>259438.0</t>
  </si>
  <si>
    <t>8251.0</t>
  </si>
  <si>
    <t>25431.0</t>
  </si>
  <si>
    <t>1890133.0</t>
  </si>
  <si>
    <t>465.535</t>
  </si>
  <si>
    <t>1186581.0</t>
  </si>
  <si>
    <t>267442.0</t>
  </si>
  <si>
    <t>32262.0</t>
  </si>
  <si>
    <t>34598.0</t>
  </si>
  <si>
    <t>26369.0</t>
  </si>
  <si>
    <t>1898906.0</t>
  </si>
  <si>
    <t>467.695</t>
  </si>
  <si>
    <t>7479.0</t>
  </si>
  <si>
    <t>26979.0</t>
  </si>
  <si>
    <t>1906407.0</t>
  </si>
  <si>
    <t>469.543</t>
  </si>
  <si>
    <t>1268281.0</t>
  </si>
  <si>
    <t>980177.0</t>
  </si>
  <si>
    <t>288104.0</t>
  </si>
  <si>
    <t>34654.0</t>
  </si>
  <si>
    <t>24.32</t>
  </si>
  <si>
    <t>26181.0</t>
  </si>
  <si>
    <t>1912994.0</t>
  </si>
  <si>
    <t>471.165</t>
  </si>
  <si>
    <t>1310456.0</t>
  </si>
  <si>
    <t>1009609.0</t>
  </si>
  <si>
    <t>300847.0</t>
  </si>
  <si>
    <t>42175.0</t>
  </si>
  <si>
    <t>8212.0</t>
  </si>
  <si>
    <t>24898.0</t>
  </si>
  <si>
    <t>1920316.0</t>
  </si>
  <si>
    <t>472.969</t>
  </si>
  <si>
    <t>1346991.0</t>
  </si>
  <si>
    <t>1039233.0</t>
  </si>
  <si>
    <t>307758.0</t>
  </si>
  <si>
    <t>32755.0</t>
  </si>
  <si>
    <t>1927262.0</t>
  </si>
  <si>
    <t>474.679</t>
  </si>
  <si>
    <t>1349447.0</t>
  </si>
  <si>
    <t>1041215.0</t>
  </si>
  <si>
    <t>308232.0</t>
  </si>
  <si>
    <t>31120.0</t>
  </si>
  <si>
    <t>8069.8</t>
  </si>
  <si>
    <t>2002.25240369287</t>
  </si>
  <si>
    <t>1929591.0</t>
  </si>
  <si>
    <t>475.253</t>
  </si>
  <si>
    <t>1369969.0</t>
  </si>
  <si>
    <t>1052032.0</t>
  </si>
  <si>
    <t>317937.0</t>
  </si>
  <si>
    <t>20522.0</t>
  </si>
  <si>
    <t>30807.0</t>
  </si>
  <si>
    <t>22450.0</t>
  </si>
  <si>
    <t>1937595.0</t>
  </si>
  <si>
    <t>477.224</t>
  </si>
  <si>
    <t>1406279.0</t>
  </si>
  <si>
    <t>1078103.0</t>
  </si>
  <si>
    <t>328176.0</t>
  </si>
  <si>
    <t>31385.0</t>
  </si>
  <si>
    <t>22709.0</t>
  </si>
  <si>
    <t>1946021.0</t>
  </si>
  <si>
    <t>479.3</t>
  </si>
  <si>
    <t>1450169.0</t>
  </si>
  <si>
    <t>1109161.0</t>
  </si>
  <si>
    <t>341008.0</t>
  </si>
  <si>
    <t>31820.0</t>
  </si>
  <si>
    <t>1953059.0</t>
  </si>
  <si>
    <t>481.033</t>
  </si>
  <si>
    <t>21890.0</t>
  </si>
  <si>
    <t>1958888.0</t>
  </si>
  <si>
    <t>482.469</t>
  </si>
  <si>
    <t>1549368.0</t>
  </si>
  <si>
    <t>1157655.0</t>
  </si>
  <si>
    <t>391713.0</t>
  </si>
  <si>
    <t>34130.0</t>
  </si>
  <si>
    <t>21149.0</t>
  </si>
  <si>
    <t>1965385.0</t>
  </si>
  <si>
    <t>484.069</t>
  </si>
  <si>
    <t>1581292.0</t>
  </si>
  <si>
    <t>1179998.0</t>
  </si>
  <si>
    <t>401294.0</t>
  </si>
  <si>
    <t>31924.0</t>
  </si>
  <si>
    <t>33472.0</t>
  </si>
  <si>
    <t>8305.0</t>
  </si>
  <si>
    <t>20109.0</t>
  </si>
  <si>
    <t>1970997.0</t>
  </si>
  <si>
    <t>485.451</t>
  </si>
  <si>
    <t>1582821.0</t>
  </si>
  <si>
    <t>1181255.0</t>
  </si>
  <si>
    <t>401566.0</t>
  </si>
  <si>
    <t>33339.0</t>
  </si>
  <si>
    <t>20006.0</t>
  </si>
  <si>
    <t>8262.7</t>
  </si>
  <si>
    <t>21.13</t>
  </si>
  <si>
    <t>2050.11412129087</t>
  </si>
  <si>
    <t>1973701.0</t>
  </si>
  <si>
    <t>486.117</t>
  </si>
  <si>
    <t>1605287.0</t>
  </si>
  <si>
    <t>1195088.0</t>
  </si>
  <si>
    <t>410199.0</t>
  </si>
  <si>
    <t>33617.0</t>
  </si>
  <si>
    <t>39.83</t>
  </si>
  <si>
    <t>20437.0</t>
  </si>
  <si>
    <t>1981396.0</t>
  </si>
  <si>
    <t>488.012</t>
  </si>
  <si>
    <t>1608291.0</t>
  </si>
  <si>
    <t>1197164.0</t>
  </si>
  <si>
    <t>411127.0</t>
  </si>
  <si>
    <t>28859.0</t>
  </si>
  <si>
    <t>1988226.0</t>
  </si>
  <si>
    <t>489.695</t>
  </si>
  <si>
    <t>1645332.0</t>
  </si>
  <si>
    <t>1221109.0</t>
  </si>
  <si>
    <t>424223.0</t>
  </si>
  <si>
    <t>27880.0</t>
  </si>
  <si>
    <t>15993.0</t>
  </si>
  <si>
    <t>1994545.0</t>
  </si>
  <si>
    <t>491.251</t>
  </si>
  <si>
    <t>1686585.0</t>
  </si>
  <si>
    <t>1240309.0</t>
  </si>
  <si>
    <t>446276.0</t>
  </si>
  <si>
    <t>41.85</t>
  </si>
  <si>
    <t>1999818.0</t>
  </si>
  <si>
    <t>492.55</t>
  </si>
  <si>
    <t>1722430.0</t>
  </si>
  <si>
    <t>1254659.0</t>
  </si>
  <si>
    <t>467771.0</t>
  </si>
  <si>
    <t>24723.0</t>
  </si>
  <si>
    <t>13858.0</t>
  </si>
  <si>
    <t>203.208</t>
  </si>
  <si>
    <t>2005789.0</t>
  </si>
  <si>
    <t>494.02</t>
  </si>
  <si>
    <t>1748726.0</t>
  </si>
  <si>
    <t>1270392.0</t>
  </si>
  <si>
    <t>478334.0</t>
  </si>
  <si>
    <t>26296.0</t>
  </si>
  <si>
    <t>23919.0</t>
  </si>
  <si>
    <t>12913.0</t>
  </si>
  <si>
    <t>113.716</t>
  </si>
  <si>
    <t>2011339.0</t>
  </si>
  <si>
    <t>495.387</t>
  </si>
  <si>
    <t>1751087.0</t>
  </si>
  <si>
    <t>1272513.0</t>
  </si>
  <si>
    <t>478574.0</t>
  </si>
  <si>
    <t>5964.0</t>
  </si>
  <si>
    <t>13037.0</t>
  </si>
  <si>
    <t>8392.6</t>
  </si>
  <si>
    <t>2082.34448477444</t>
  </si>
  <si>
    <t>2013455.0</t>
  </si>
  <si>
    <t>495.908</t>
  </si>
  <si>
    <t>1773289.0</t>
  </si>
  <si>
    <t>1280300.0</t>
  </si>
  <si>
    <t>492989.0</t>
  </si>
  <si>
    <t>24000.0</t>
  </si>
  <si>
    <t>12173.0</t>
  </si>
  <si>
    <t>186.832</t>
  </si>
  <si>
    <t>2020494.0</t>
  </si>
  <si>
    <t>497.642</t>
  </si>
  <si>
    <t>1803557.0</t>
  </si>
  <si>
    <t>1293847.0</t>
  </si>
  <si>
    <t>509710.0</t>
  </si>
  <si>
    <t>30268.0</t>
  </si>
  <si>
    <t>27895.0</t>
  </si>
  <si>
    <t>2026151.0</t>
  </si>
  <si>
    <t>499.035</t>
  </si>
  <si>
    <t>1847314.0</t>
  </si>
  <si>
    <t>1312272.0</t>
  </si>
  <si>
    <t>535042.0</t>
  </si>
  <si>
    <t>43757.0</t>
  </si>
  <si>
    <t>28855.0</t>
  </si>
  <si>
    <t>2032200.0</t>
  </si>
  <si>
    <t>500.525</t>
  </si>
  <si>
    <t>1855003.0</t>
  </si>
  <si>
    <t>1317038.0</t>
  </si>
  <si>
    <t>537965.0</t>
  </si>
  <si>
    <t>7689.0</t>
  </si>
  <si>
    <t>2034875.0</t>
  </si>
  <si>
    <t>501.184</t>
  </si>
  <si>
    <t>1885772.0</t>
  </si>
  <si>
    <t>1329754.0</t>
  </si>
  <si>
    <t>556018.0</t>
  </si>
  <si>
    <t>30769.0</t>
  </si>
  <si>
    <t>5790.0</t>
  </si>
  <si>
    <t>2040256.0</t>
  </si>
  <si>
    <t>502.509</t>
  </si>
  <si>
    <t>1902092.0</t>
  </si>
  <si>
    <t>1337469.0</t>
  </si>
  <si>
    <t>564623.0</t>
  </si>
  <si>
    <t>143.66</t>
  </si>
  <si>
    <t>66.397</t>
  </si>
  <si>
    <t>2045229.0</t>
  </si>
  <si>
    <t>503.734</t>
  </si>
  <si>
    <t>1903673.0</t>
  </si>
  <si>
    <t>1338154.0</t>
  </si>
  <si>
    <t>565519.0</t>
  </si>
  <si>
    <t>21798.0</t>
  </si>
  <si>
    <t>8634.7</t>
  </si>
  <si>
    <t>26.87</t>
  </si>
  <si>
    <t>2142.41354558562</t>
  </si>
  <si>
    <t>2047218.0</t>
  </si>
  <si>
    <t>504.224</t>
  </si>
  <si>
    <t>1920656.0</t>
  </si>
  <si>
    <t>1345741.0</t>
  </si>
  <si>
    <t>574915.0</t>
  </si>
  <si>
    <t>16983.0</t>
  </si>
  <si>
    <t>33.39</t>
  </si>
  <si>
    <t>2054032.0</t>
  </si>
  <si>
    <t>505.902</t>
  </si>
  <si>
    <t>1947784.0</t>
  </si>
  <si>
    <t>1357103.0</t>
  </si>
  <si>
    <t>590681.0</t>
  </si>
  <si>
    <t>27128.0</t>
  </si>
  <si>
    <t>20604.0</t>
  </si>
  <si>
    <t>2060002.0</t>
  </si>
  <si>
    <t>507.373</t>
  </si>
  <si>
    <t>21146.0</t>
  </si>
  <si>
    <t>2065437.0</t>
  </si>
  <si>
    <t>508.711</t>
  </si>
  <si>
    <t>2042889.0</t>
  </si>
  <si>
    <t>1386564.0</t>
  </si>
  <si>
    <t>656325.0</t>
  </si>
  <si>
    <t>50.69</t>
  </si>
  <si>
    <t>2069520.0</t>
  </si>
  <si>
    <t>509.717</t>
  </si>
  <si>
    <t>2087157.0</t>
  </si>
  <si>
    <t>1401647.0</t>
  </si>
  <si>
    <t>685510.0</t>
  </si>
  <si>
    <t>44268.0</t>
  </si>
  <si>
    <t>28769.0</t>
  </si>
  <si>
    <t>10270.0</t>
  </si>
  <si>
    <t>2074221.0</t>
  </si>
  <si>
    <t>510.875</t>
  </si>
  <si>
    <t>2078716.0</t>
  </si>
  <si>
    <t>511.982</t>
  </si>
  <si>
    <t>2139816.0</t>
  </si>
  <si>
    <t>1413933.0</t>
  </si>
  <si>
    <t>725833.0</t>
  </si>
  <si>
    <t>33735.0</t>
  </si>
  <si>
    <t>8774.2</t>
  </si>
  <si>
    <t>2177.02582969615</t>
  </si>
  <si>
    <t>2080792.0</t>
  </si>
  <si>
    <t>512.493</t>
  </si>
  <si>
    <t>2164874.0</t>
  </si>
  <si>
    <t>1419924.0</t>
  </si>
  <si>
    <t>744950.0</t>
  </si>
  <si>
    <t>25058.0</t>
  </si>
  <si>
    <t>34888.0</t>
  </si>
  <si>
    <t>2086716.0</t>
  </si>
  <si>
    <t>513.952</t>
  </si>
  <si>
    <t>2196552.0</t>
  </si>
  <si>
    <t>1427566.0</t>
  </si>
  <si>
    <t>768986.0</t>
  </si>
  <si>
    <t>31678.0</t>
  </si>
  <si>
    <t>86.593</t>
  </si>
  <si>
    <t>2092201.0</t>
  </si>
  <si>
    <t>515.303</t>
  </si>
  <si>
    <t>2219196.0</t>
  </si>
  <si>
    <t>1428340.0</t>
  </si>
  <si>
    <t>790856.0</t>
  </si>
  <si>
    <t>22644.0</t>
  </si>
  <si>
    <t>55.06</t>
  </si>
  <si>
    <t>2097393.0</t>
  </si>
  <si>
    <t>516.582</t>
  </si>
  <si>
    <t>32275.0</t>
  </si>
  <si>
    <t>2101829.0</t>
  </si>
  <si>
    <t>517.675</t>
  </si>
  <si>
    <t>2318428.0</t>
  </si>
  <si>
    <t>1442925.0</t>
  </si>
  <si>
    <t>875503.0</t>
  </si>
  <si>
    <t>2106145.0</t>
  </si>
  <si>
    <t>518.738</t>
  </si>
  <si>
    <t>32209.0</t>
  </si>
  <si>
    <t>39.392</t>
  </si>
  <si>
    <t>2110485.0</t>
  </si>
  <si>
    <t>519.807</t>
  </si>
  <si>
    <t>2359472.0</t>
  </si>
  <si>
    <t>1450798.0</t>
  </si>
  <si>
    <t>908674.0</t>
  </si>
  <si>
    <t>31379.0</t>
  </si>
  <si>
    <t>8891.5</t>
  </si>
  <si>
    <t>2206.12992235683</t>
  </si>
  <si>
    <t>2112159.0</t>
  </si>
  <si>
    <t>520.219</t>
  </si>
  <si>
    <t>2379658.0</t>
  </si>
  <si>
    <t>1455647.0</t>
  </si>
  <si>
    <t>924011.0</t>
  </si>
  <si>
    <t>2117467.0</t>
  </si>
  <si>
    <t>521.526</t>
  </si>
  <si>
    <t>2389633.0</t>
  </si>
  <si>
    <t>1456750.0</t>
  </si>
  <si>
    <t>932833.0</t>
  </si>
  <si>
    <t>27583.0</t>
  </si>
  <si>
    <t>2119459.0</t>
  </si>
  <si>
    <t>522.017</t>
  </si>
  <si>
    <t>2424695.0</t>
  </si>
  <si>
    <t>1462287.0</t>
  </si>
  <si>
    <t>962408.0</t>
  </si>
  <si>
    <t>35062.0</t>
  </si>
  <si>
    <t>29357.0</t>
  </si>
  <si>
    <t>2124510.0</t>
  </si>
  <si>
    <t>523.261</t>
  </si>
  <si>
    <t>2128519.0</t>
  </si>
  <si>
    <t>524.248</t>
  </si>
  <si>
    <t>2502912.0</t>
  </si>
  <si>
    <t>1472708.0</t>
  </si>
  <si>
    <t>1030204.0</t>
  </si>
  <si>
    <t>26355.0</t>
  </si>
  <si>
    <t>2132353.0</t>
  </si>
  <si>
    <t>525.193</t>
  </si>
  <si>
    <t>2524626.0</t>
  </si>
  <si>
    <t>1476642.0</t>
  </si>
  <si>
    <t>1047984.0</t>
  </si>
  <si>
    <t>21714.0</t>
  </si>
  <si>
    <t>2135858.0</t>
  </si>
  <si>
    <t>526.056</t>
  </si>
  <si>
    <t>2529612.0</t>
  </si>
  <si>
    <t>1478516.0</t>
  </si>
  <si>
    <t>1051096.0</t>
  </si>
  <si>
    <t>24306.0</t>
  </si>
  <si>
    <t>62.76</t>
  </si>
  <si>
    <t>2261.3358952213</t>
  </si>
  <si>
    <t>2138094.0</t>
  </si>
  <si>
    <t>526.607</t>
  </si>
  <si>
    <t>2545040.0</t>
  </si>
  <si>
    <t>1482581.0</t>
  </si>
  <si>
    <t>1062459.0</t>
  </si>
  <si>
    <t>23626.0</t>
  </si>
  <si>
    <t>2143600.0</t>
  </si>
  <si>
    <t>527.963</t>
  </si>
  <si>
    <t>2573481.0</t>
  </si>
  <si>
    <t>1488707.0</t>
  </si>
  <si>
    <t>1084774.0</t>
  </si>
  <si>
    <t>28441.0</t>
  </si>
  <si>
    <t>2148554.0</t>
  </si>
  <si>
    <t>529.183</t>
  </si>
  <si>
    <t>37.466</t>
  </si>
  <si>
    <t>2153014.0</t>
  </si>
  <si>
    <t>530.281</t>
  </si>
  <si>
    <t>21355.0</t>
  </si>
  <si>
    <t>2157376.0</t>
  </si>
  <si>
    <t>531.356</t>
  </si>
  <si>
    <t>2633195.0</t>
  </si>
  <si>
    <t>1500932.0</t>
  </si>
  <si>
    <t>1132263.0</t>
  </si>
  <si>
    <t>4618.0</t>
  </si>
  <si>
    <t>2161431.0</t>
  </si>
  <si>
    <t>532.354</t>
  </si>
  <si>
    <t>2664327.0</t>
  </si>
  <si>
    <t>1506223.0</t>
  </si>
  <si>
    <t>1158104.0</t>
  </si>
  <si>
    <t>37.37</t>
  </si>
  <si>
    <t>21.059</t>
  </si>
  <si>
    <t>2165162.0</t>
  </si>
  <si>
    <t>533.273</t>
  </si>
  <si>
    <t>2669307.0</t>
  </si>
  <si>
    <t>1508083.0</t>
  </si>
  <si>
    <t>1161224.0</t>
  </si>
  <si>
    <t>9211.5</t>
  </si>
  <si>
    <t>2285.52727658887</t>
  </si>
  <si>
    <t>34.736</t>
  </si>
  <si>
    <t>2166780.0</t>
  </si>
  <si>
    <t>533.672</t>
  </si>
  <si>
    <t>2687515.0</t>
  </si>
  <si>
    <t>1511987.0</t>
  </si>
  <si>
    <t>1175528.0</t>
  </si>
  <si>
    <t>20354.0</t>
  </si>
  <si>
    <t>2171883.0</t>
  </si>
  <si>
    <t>534.929</t>
  </si>
  <si>
    <t>2714126.0</t>
  </si>
  <si>
    <t>1518820.0</t>
  </si>
  <si>
    <t>1195306.0</t>
  </si>
  <si>
    <t>26611.0</t>
  </si>
  <si>
    <t>2176865.0</t>
  </si>
  <si>
    <t>536.156</t>
  </si>
  <si>
    <t>2741251.0</t>
  </si>
  <si>
    <t>1526876.0</t>
  </si>
  <si>
    <t>1214375.0</t>
  </si>
  <si>
    <t>27125.0</t>
  </si>
  <si>
    <t>21124.0</t>
  </si>
  <si>
    <t>2180970.0</t>
  </si>
  <si>
    <t>537.167</t>
  </si>
  <si>
    <t>21938.0</t>
  </si>
  <si>
    <t>2184648.0</t>
  </si>
  <si>
    <t>538.073</t>
  </si>
  <si>
    <t>2792456.0</t>
  </si>
  <si>
    <t>1543689.0</t>
  </si>
  <si>
    <t>1248767.0</t>
  </si>
  <si>
    <t>22752.0</t>
  </si>
  <si>
    <t>26.052</t>
  </si>
  <si>
    <t>2188288.0</t>
  </si>
  <si>
    <t>538.969</t>
  </si>
  <si>
    <t>2814234.0</t>
  </si>
  <si>
    <t>1550632.0</t>
  </si>
  <si>
    <t>1263602.0</t>
  </si>
  <si>
    <t>21778.0</t>
  </si>
  <si>
    <t>21415.0</t>
  </si>
  <si>
    <t>2191742.0</t>
  </si>
  <si>
    <t>539.82</t>
  </si>
  <si>
    <t>2817143.0</t>
  </si>
  <si>
    <t>1552689.0</t>
  </si>
  <si>
    <t>1264454.0</t>
  </si>
  <si>
    <t>21119.0</t>
  </si>
  <si>
    <t>2305.00444004892</t>
  </si>
  <si>
    <t>26.548</t>
  </si>
  <si>
    <t>2193449.0</t>
  </si>
  <si>
    <t>540.24</t>
  </si>
  <si>
    <t>2833080.0</t>
  </si>
  <si>
    <t>1557706.0</t>
  </si>
  <si>
    <t>1275374.0</t>
  </si>
  <si>
    <t>20795.0</t>
  </si>
  <si>
    <t>2198026.0</t>
  </si>
  <si>
    <t>541.368</t>
  </si>
  <si>
    <t>2848709.0</t>
  </si>
  <si>
    <t>1562081.0</t>
  </si>
  <si>
    <t>1286628.0</t>
  </si>
  <si>
    <t>19226.0</t>
  </si>
  <si>
    <t>70.68</t>
  </si>
  <si>
    <t>2201991.0</t>
  </si>
  <si>
    <t>542.344</t>
  </si>
  <si>
    <t>2870866.0</t>
  </si>
  <si>
    <t>1569371.0</t>
  </si>
  <si>
    <t>1301495.0</t>
  </si>
  <si>
    <t>22157.0</t>
  </si>
  <si>
    <t>18516.0</t>
  </si>
  <si>
    <t>71.23</t>
  </si>
  <si>
    <t>2205900.0</t>
  </si>
  <si>
    <t>543.307</t>
  </si>
  <si>
    <t>2209866.0</t>
  </si>
  <si>
    <t>544.284</t>
  </si>
  <si>
    <t>2906350.0</t>
  </si>
  <si>
    <t>1584407.0</t>
  </si>
  <si>
    <t>1321943.0</t>
  </si>
  <si>
    <t>16271.0</t>
  </si>
  <si>
    <t>2213700.0</t>
  </si>
  <si>
    <t>545.228</t>
  </si>
  <si>
    <t>2915530.0</t>
  </si>
  <si>
    <t>1588753.0</t>
  </si>
  <si>
    <t>1326777.0</t>
  </si>
  <si>
    <t>14471.0</t>
  </si>
  <si>
    <t>2217169.0</t>
  </si>
  <si>
    <t>546.083</t>
  </si>
  <si>
    <t>2917001.0</t>
  </si>
  <si>
    <t>1589579.0</t>
  </si>
  <si>
    <t>1327422.0</t>
  </si>
  <si>
    <t>14265.0</t>
  </si>
  <si>
    <t>9359.7</t>
  </si>
  <si>
    <t>2322.29817626758</t>
  </si>
  <si>
    <t>2930768.0</t>
  </si>
  <si>
    <t>1593590.0</t>
  </si>
  <si>
    <t>1337178.0</t>
  </si>
  <si>
    <t>13955.0</t>
  </si>
  <si>
    <t>39.54</t>
  </si>
  <si>
    <t>2223324.0</t>
  </si>
  <si>
    <t>547.599</t>
  </si>
  <si>
    <t>2948798.0</t>
  </si>
  <si>
    <t>1599146.0</t>
  </si>
  <si>
    <t>1349652.0</t>
  </si>
  <si>
    <t>2965335.0</t>
  </si>
  <si>
    <t>1604513.0</t>
  </si>
  <si>
    <t>1360822.0</t>
  </si>
  <si>
    <t>2980716.0</t>
  </si>
  <si>
    <t>1610989.0</t>
  </si>
  <si>
    <t>1369727.0</t>
  </si>
  <si>
    <t>2236369.0</t>
  </si>
  <si>
    <t>550.811</t>
  </si>
  <si>
    <t>2997335.0</t>
  </si>
  <si>
    <t>1617306.0</t>
  </si>
  <si>
    <t>1380029.0</t>
  </si>
  <si>
    <t>12502.0</t>
  </si>
  <si>
    <t>3008752.0</t>
  </si>
  <si>
    <t>1620439.0</t>
  </si>
  <si>
    <t>1388313.0</t>
  </si>
  <si>
    <t>34.45</t>
  </si>
  <si>
    <t>9341.6</t>
  </si>
  <si>
    <t>2317.80726341883</t>
  </si>
  <si>
    <t>2251838.0</t>
  </si>
  <si>
    <t>554.621</t>
  </si>
  <si>
    <t>3018451.0</t>
  </si>
  <si>
    <t>1623475.0</t>
  </si>
  <si>
    <t>1394976.0</t>
  </si>
  <si>
    <t>9699.0</t>
  </si>
  <si>
    <t>12526.0</t>
  </si>
  <si>
    <t>40.28</t>
  </si>
  <si>
    <t>3031563.0</t>
  </si>
  <si>
    <t>1628084.0</t>
  </si>
  <si>
    <t>1403479.0</t>
  </si>
  <si>
    <t>13112.0</t>
  </si>
  <si>
    <t>11824.0</t>
  </si>
  <si>
    <t>3042701.0</t>
  </si>
  <si>
    <t>1632151.0</t>
  </si>
  <si>
    <t>1410550.0</t>
  </si>
  <si>
    <t>11138.0</t>
  </si>
  <si>
    <t>11052.0</t>
  </si>
  <si>
    <t>2292819.0</t>
  </si>
  <si>
    <t>564.715</t>
  </si>
  <si>
    <t>3068657.0</t>
  </si>
  <si>
    <t>1643402.0</t>
  </si>
  <si>
    <t>1425255.0</t>
  </si>
  <si>
    <t>10189.0</t>
  </si>
  <si>
    <t>35.36</t>
  </si>
  <si>
    <t>3078364.0</t>
  </si>
  <si>
    <t>1646466.0</t>
  </si>
  <si>
    <t>1431898.0</t>
  </si>
  <si>
    <t>10760.0</t>
  </si>
  <si>
    <t>3080719.0</t>
  </si>
  <si>
    <t>1647156.0</t>
  </si>
  <si>
    <t>1433563.0</t>
  </si>
  <si>
    <t>9451.5</t>
  </si>
  <si>
    <t>2345.0752922629</t>
  </si>
  <si>
    <t>2308960.0</t>
  </si>
  <si>
    <t>568.69</t>
  </si>
  <si>
    <t>3091467.0</t>
  </si>
  <si>
    <t>1650326.0</t>
  </si>
  <si>
    <t>1493859.0</t>
  </si>
  <si>
    <t>3099209.0</t>
  </si>
  <si>
    <t>1653601.0</t>
  </si>
  <si>
    <t>1498932.0</t>
  </si>
  <si>
    <t>9664.0</t>
  </si>
  <si>
    <t>37.19</t>
  </si>
  <si>
    <t>3109586.0</t>
  </si>
  <si>
    <t>1656936.0</t>
  </si>
  <si>
    <t>1506706.0</t>
  </si>
  <si>
    <t>41.11</t>
  </si>
  <si>
    <t>2332341.0</t>
  </si>
  <si>
    <t>574.449</t>
  </si>
  <si>
    <t>3110259.0</t>
  </si>
  <si>
    <t>1657443.0</t>
  </si>
  <si>
    <t>1506924.0</t>
  </si>
  <si>
    <t>41.12</t>
  </si>
  <si>
    <t>2337984.0</t>
  </si>
  <si>
    <t>575.839</t>
  </si>
  <si>
    <t>3118842.0</t>
  </si>
  <si>
    <t>1660504.0</t>
  </si>
  <si>
    <t>1513106.0</t>
  </si>
  <si>
    <t>8583.0</t>
  </si>
  <si>
    <t>2345366.0</t>
  </si>
  <si>
    <t>577.657</t>
  </si>
  <si>
    <t>3123548.0</t>
  </si>
  <si>
    <t>1662342.0</t>
  </si>
  <si>
    <t>1516479.0</t>
  </si>
  <si>
    <t>2352357.0</t>
  </si>
  <si>
    <t>579.379</t>
  </si>
  <si>
    <t>3125230.0</t>
  </si>
  <si>
    <t>1663029.0</t>
  </si>
  <si>
    <t>1517761.0</t>
  </si>
  <si>
    <t>41.26</t>
  </si>
  <si>
    <t>9475.2</t>
  </si>
  <si>
    <t>2350.95565881071</t>
  </si>
  <si>
    <t>2356266.0</t>
  </si>
  <si>
    <t>580.342</t>
  </si>
  <si>
    <t>3131892.0</t>
  </si>
  <si>
    <t>1665334.0</t>
  </si>
  <si>
    <t>1522586.0</t>
  </si>
  <si>
    <t>2364164.0</t>
  </si>
  <si>
    <t>582.287</t>
  </si>
  <si>
    <t>3140874.0</t>
  </si>
  <si>
    <t>1667896.0</t>
  </si>
  <si>
    <t>1529492.0</t>
  </si>
  <si>
    <t>2372235.0</t>
  </si>
  <si>
    <t>584.275</t>
  </si>
  <si>
    <t>3148900.0</t>
  </si>
  <si>
    <t>1671367.0</t>
  </si>
  <si>
    <t>1534745.0</t>
  </si>
  <si>
    <t>2380422.0</t>
  </si>
  <si>
    <t>586.291</t>
  </si>
  <si>
    <t>3157783.0</t>
  </si>
  <si>
    <t>1674878.0</t>
  </si>
  <si>
    <t>1540880.0</t>
  </si>
  <si>
    <t>2388495.0</t>
  </si>
  <si>
    <t>588.28</t>
  </si>
  <si>
    <t>3166258.0</t>
  </si>
  <si>
    <t>1678479.0</t>
  </si>
  <si>
    <t>1546645.0</t>
  </si>
  <si>
    <t>6376.0</t>
  </si>
  <si>
    <t>43.356</t>
  </si>
  <si>
    <t>3170096.0</t>
  </si>
  <si>
    <t>1679731.0</t>
  </si>
  <si>
    <t>1549881.0</t>
  </si>
  <si>
    <t>9608.7</t>
  </si>
  <si>
    <t>2384.07924252939</t>
  </si>
  <si>
    <t>3176538.0</t>
  </si>
  <si>
    <t>1682143.0</t>
  </si>
  <si>
    <t>1554491.0</t>
  </si>
  <si>
    <t>6378.0</t>
  </si>
  <si>
    <t>2417389.0</t>
  </si>
  <si>
    <t>595.396</t>
  </si>
  <si>
    <t>3182592.0</t>
  </si>
  <si>
    <t>1684554.0</t>
  </si>
  <si>
    <t>1558636.0</t>
  </si>
  <si>
    <t>78.97</t>
  </si>
  <si>
    <t>3191520.0</t>
  </si>
  <si>
    <t>1688016.0</t>
  </si>
  <si>
    <t>1564842.0</t>
  </si>
  <si>
    <t>38.83</t>
  </si>
  <si>
    <t>2437230.0</t>
  </si>
  <si>
    <t>600.283</t>
  </si>
  <si>
    <t>3200638.0</t>
  </si>
  <si>
    <t>1691778.0</t>
  </si>
  <si>
    <t>1571296.0</t>
  </si>
  <si>
    <t>2447178.0</t>
  </si>
  <si>
    <t>9948.0</t>
  </si>
  <si>
    <t>602.733</t>
  </si>
  <si>
    <t>3208101.0</t>
  </si>
  <si>
    <t>1694827.0</t>
  </si>
  <si>
    <t>1576504.0</t>
  </si>
  <si>
    <t>7463.0</t>
  </si>
  <si>
    <t>5978.0</t>
  </si>
  <si>
    <t>3212084.0</t>
  </si>
  <si>
    <t>1697152.0</t>
  </si>
  <si>
    <t>1578699.0</t>
  </si>
  <si>
    <t>3212783.0</t>
  </si>
  <si>
    <t>1697583.0</t>
  </si>
  <si>
    <t>1579035.0</t>
  </si>
  <si>
    <t>9695.6</t>
  </si>
  <si>
    <t>2405.64058653803</t>
  </si>
  <si>
    <t>2470457.0</t>
  </si>
  <si>
    <t>608.467</t>
  </si>
  <si>
    <t>8613.0</t>
  </si>
  <si>
    <t>2.121</t>
  </si>
  <si>
    <t>3219595.0</t>
  </si>
  <si>
    <t>1700378.0</t>
  </si>
  <si>
    <t>1583703.0</t>
  </si>
  <si>
    <t>2480446.0</t>
  </si>
  <si>
    <t>610.927</t>
  </si>
  <si>
    <t>3227814.0</t>
  </si>
  <si>
    <t>1703929.0</t>
  </si>
  <si>
    <t>1589077.0</t>
  </si>
  <si>
    <t>8219.0</t>
  </si>
  <si>
    <t>42.28</t>
  </si>
  <si>
    <t>2490899.0</t>
  </si>
  <si>
    <t>10453.0</t>
  </si>
  <si>
    <t>613.502</t>
  </si>
  <si>
    <t>3244822.0</t>
  </si>
  <si>
    <t>1712434.0</t>
  </si>
  <si>
    <t>1599278.0</t>
  </si>
  <si>
    <t>2510859.0</t>
  </si>
  <si>
    <t>618.418</t>
  </si>
  <si>
    <t>3253119.0</t>
  </si>
  <si>
    <t>1716520.0</t>
  </si>
  <si>
    <t>1604377.0</t>
  </si>
  <si>
    <t>2521032.0</t>
  </si>
  <si>
    <t>620.923</t>
  </si>
  <si>
    <t>3257094.0</t>
  </si>
  <si>
    <t>1718925.0</t>
  </si>
  <si>
    <t>1606701.0</t>
  </si>
  <si>
    <t>2530602.0</t>
  </si>
  <si>
    <t>623.28</t>
  </si>
  <si>
    <t>2.389</t>
  </si>
  <si>
    <t>3258375.0</t>
  </si>
  <si>
    <t>1719744.0</t>
  </si>
  <si>
    <t>1607430.0</t>
  </si>
  <si>
    <t>9782.5</t>
  </si>
  <si>
    <t>2427.20193054667</t>
  </si>
  <si>
    <t>2534386.0</t>
  </si>
  <si>
    <t>624.212</t>
  </si>
  <si>
    <t>3264851.0</t>
  </si>
  <si>
    <t>1723136.0</t>
  </si>
  <si>
    <t>1611262.0</t>
  </si>
  <si>
    <t>2543996.0</t>
  </si>
  <si>
    <t>626.579</t>
  </si>
  <si>
    <t>3278961.0</t>
  </si>
  <si>
    <t>1730522.0</t>
  </si>
  <si>
    <t>1619592.0</t>
  </si>
  <si>
    <t>3286459.0</t>
  </si>
  <si>
    <t>1734997.0</t>
  </si>
  <si>
    <t>1624041.0</t>
  </si>
  <si>
    <t>113.389</t>
  </si>
  <si>
    <t>2573737.0</t>
  </si>
  <si>
    <t>633.904</t>
  </si>
  <si>
    <t>3293563.0</t>
  </si>
  <si>
    <t>1738722.0</t>
  </si>
  <si>
    <t>1628334.0</t>
  </si>
  <si>
    <t>2584008.0</t>
  </si>
  <si>
    <t>636.434</t>
  </si>
  <si>
    <t>8997.0</t>
  </si>
  <si>
    <t>3296797.0</t>
  </si>
  <si>
    <t>1740837.0</t>
  </si>
  <si>
    <t>1630259.0</t>
  </si>
  <si>
    <t>100.09</t>
  </si>
  <si>
    <t>2593182.0</t>
  </si>
  <si>
    <t>638.694</t>
  </si>
  <si>
    <t>3297256.0</t>
  </si>
  <si>
    <t>1741244.0</t>
  </si>
  <si>
    <t>1630465.0</t>
  </si>
  <si>
    <t>9938.6</t>
  </si>
  <si>
    <t>2465.93295240798</t>
  </si>
  <si>
    <t>2597124.0</t>
  </si>
  <si>
    <t>639.664</t>
  </si>
  <si>
    <t>3302352.0</t>
  </si>
  <si>
    <t>1744048.0</t>
  </si>
  <si>
    <t>1633388.0</t>
  </si>
  <si>
    <t>2607201.0</t>
  </si>
  <si>
    <t>642.146</t>
  </si>
  <si>
    <t>2618129.0</t>
  </si>
  <si>
    <t>644.838</t>
  </si>
  <si>
    <t>3314168.0</t>
  </si>
  <si>
    <t>1750418.0</t>
  </si>
  <si>
    <t>137.457</t>
  </si>
  <si>
    <t>2628116.0</t>
  </si>
  <si>
    <t>647.298</t>
  </si>
  <si>
    <t>3321265.0</t>
  </si>
  <si>
    <t>1754731.0</t>
  </si>
  <si>
    <t>4972.0</t>
  </si>
  <si>
    <t>136.96</t>
  </si>
  <si>
    <t>2638469.0</t>
  </si>
  <si>
    <t>649.848</t>
  </si>
  <si>
    <t>3326927.0</t>
  </si>
  <si>
    <t>1757756.0</t>
  </si>
  <si>
    <t>3330644.0</t>
  </si>
  <si>
    <t>1759542.0</t>
  </si>
  <si>
    <t>2658977.0</t>
  </si>
  <si>
    <t>654.899</t>
  </si>
  <si>
    <t>3331246.0</t>
  </si>
  <si>
    <t>1759871.0</t>
  </si>
  <si>
    <t>10172.3</t>
  </si>
  <si>
    <t>2523.91783267057</t>
  </si>
  <si>
    <t>2662848.0</t>
  </si>
  <si>
    <t>655.852</t>
  </si>
  <si>
    <t>3335991.0</t>
  </si>
  <si>
    <t>1762738.0</t>
  </si>
  <si>
    <t>2673076.0</t>
  </si>
  <si>
    <t>10228.0</t>
  </si>
  <si>
    <t>658.371</t>
  </si>
  <si>
    <t>3341864.0</t>
  </si>
  <si>
    <t>1766447.0</t>
  </si>
  <si>
    <t>2684626.0</t>
  </si>
  <si>
    <t>11550.0</t>
  </si>
  <si>
    <t>661.216</t>
  </si>
  <si>
    <t>3348958.0</t>
  </si>
  <si>
    <t>1770818.0</t>
  </si>
  <si>
    <t>2695369.0</t>
  </si>
  <si>
    <t>663.862</t>
  </si>
  <si>
    <t>3356659.0</t>
  </si>
  <si>
    <t>1775653.0</t>
  </si>
  <si>
    <t>9710.0</t>
  </si>
  <si>
    <t>3364565.0</t>
  </si>
  <si>
    <t>1780180.0</t>
  </si>
  <si>
    <t>83.48</t>
  </si>
  <si>
    <t>2717509.0</t>
  </si>
  <si>
    <t>669.315</t>
  </si>
  <si>
    <t>3368323.0</t>
  </si>
  <si>
    <t>1782472.0</t>
  </si>
  <si>
    <t>2727130.0</t>
  </si>
  <si>
    <t>671.685</t>
  </si>
  <si>
    <t>3369026.0</t>
  </si>
  <si>
    <t>1782796.0</t>
  </si>
  <si>
    <t>10412.2</t>
  </si>
  <si>
    <t>2583.4410366714</t>
  </si>
  <si>
    <t>2730993.0</t>
  </si>
  <si>
    <t>672.636</t>
  </si>
  <si>
    <t>3374095.0</t>
  </si>
  <si>
    <t>1785666.0</t>
  </si>
  <si>
    <t>2740770.0</t>
  </si>
  <si>
    <t>675.044</t>
  </si>
  <si>
    <t>3380570.0</t>
  </si>
  <si>
    <t>1789718.0</t>
  </si>
  <si>
    <t>44.41</t>
  </si>
  <si>
    <t>175.17</t>
  </si>
  <si>
    <t>2751748.0</t>
  </si>
  <si>
    <t>677.748</t>
  </si>
  <si>
    <t>3388015.0</t>
  </si>
  <si>
    <t>1793806.0</t>
  </si>
  <si>
    <t>2761854.0</t>
  </si>
  <si>
    <t>10106.0</t>
  </si>
  <si>
    <t>680.237</t>
  </si>
  <si>
    <t>2.489</t>
  </si>
  <si>
    <t>3397030.0</t>
  </si>
  <si>
    <t>1799370.0</t>
  </si>
  <si>
    <t>5767.0</t>
  </si>
  <si>
    <t>2772055.0</t>
  </si>
  <si>
    <t>682.749</t>
  </si>
  <si>
    <t>3404014.0</t>
  </si>
  <si>
    <t>1803468.0</t>
  </si>
  <si>
    <t>5636.0</t>
  </si>
  <si>
    <t>3407385.0</t>
  </si>
  <si>
    <t>1805370.0</t>
  </si>
  <si>
    <t>125.608</t>
  </si>
  <si>
    <t>2790935.0</t>
  </si>
  <si>
    <t>687.4</t>
  </si>
  <si>
    <t>3408049.0</t>
  </si>
  <si>
    <t>1805773.0</t>
  </si>
  <si>
    <t>10589.9</t>
  </si>
  <si>
    <t>2627.53137994338</t>
  </si>
  <si>
    <t>2793951.0</t>
  </si>
  <si>
    <t>688.142</t>
  </si>
  <si>
    <t>0.1248</t>
  </si>
  <si>
    <t>3413174.0</t>
  </si>
  <si>
    <t>1808877.0</t>
  </si>
  <si>
    <t>44.88</t>
  </si>
  <si>
    <t>2803208.0</t>
  </si>
  <si>
    <t>690.422</t>
  </si>
  <si>
    <t>3419381.0</t>
  </si>
  <si>
    <t>1812532.0</t>
  </si>
  <si>
    <t>184.847</t>
  </si>
  <si>
    <t>2813356.0</t>
  </si>
  <si>
    <t>692.922</t>
  </si>
  <si>
    <t>3428029.0</t>
  </si>
  <si>
    <t>1817444.0</t>
  </si>
  <si>
    <t>2823030.0</t>
  </si>
  <si>
    <t>695.304</t>
  </si>
  <si>
    <t>3436799.0</t>
  </si>
  <si>
    <t>1822966.0</t>
  </si>
  <si>
    <t>2843039.0</t>
  </si>
  <si>
    <t>700.233</t>
  </si>
  <si>
    <t>3447108.0</t>
  </si>
  <si>
    <t>1829251.0</t>
  </si>
  <si>
    <t>2674.45025395988</t>
  </si>
  <si>
    <t>2855076.0</t>
  </si>
  <si>
    <t>703.197</t>
  </si>
  <si>
    <t>3453133.0</t>
  </si>
  <si>
    <t>1832889.0</t>
  </si>
  <si>
    <t>2864396.0</t>
  </si>
  <si>
    <t>705.493</t>
  </si>
  <si>
    <t>0.1442</t>
  </si>
  <si>
    <t>3460702.0</t>
  </si>
  <si>
    <t>5903.0</t>
  </si>
  <si>
    <t>2874479.0</t>
  </si>
  <si>
    <t>707.976</t>
  </si>
  <si>
    <t>3467940.0</t>
  </si>
  <si>
    <t>204.2</t>
  </si>
  <si>
    <t>2885071.0</t>
  </si>
  <si>
    <t>10592.0</t>
  </si>
  <si>
    <t>710.585</t>
  </si>
  <si>
    <t>3475957.0</t>
  </si>
  <si>
    <t>86.24</t>
  </si>
  <si>
    <t>2894887.0</t>
  </si>
  <si>
    <t>713.003</t>
  </si>
  <si>
    <t>2904282.0</t>
  </si>
  <si>
    <t>715.317</t>
  </si>
  <si>
    <t>3486177.0</t>
  </si>
  <si>
    <t>1852552.0</t>
  </si>
  <si>
    <t>2913176.0</t>
  </si>
  <si>
    <t>8894.0</t>
  </si>
  <si>
    <t>717.507</t>
  </si>
  <si>
    <t>3486793.0</t>
  </si>
  <si>
    <t>1852899.0</t>
  </si>
  <si>
    <t>1633894.0</t>
  </si>
  <si>
    <t>40.54</t>
  </si>
  <si>
    <t>10944.9</t>
  </si>
  <si>
    <t>2715.61281979455</t>
  </si>
  <si>
    <t>2916030.0</t>
  </si>
  <si>
    <t>718.21</t>
  </si>
  <si>
    <t>3491225.0</t>
  </si>
  <si>
    <t>1855439.0</t>
  </si>
  <si>
    <t>1737752.0</t>
  </si>
  <si>
    <t>3496972.0</t>
  </si>
  <si>
    <t>1858610.0</t>
  </si>
  <si>
    <t>1741129.0</t>
  </si>
  <si>
    <t>46.12</t>
  </si>
  <si>
    <t>2935176.0</t>
  </si>
  <si>
    <t>722.926</t>
  </si>
  <si>
    <t>3503116.0</t>
  </si>
  <si>
    <t>1861783.0</t>
  </si>
  <si>
    <t>1744717.0</t>
  </si>
  <si>
    <t>2944660.0</t>
  </si>
  <si>
    <t>725.262</t>
  </si>
  <si>
    <t>3510623.0</t>
  </si>
  <si>
    <t>1865665.0</t>
  </si>
  <si>
    <t>1749058.0</t>
  </si>
  <si>
    <t>2953888.0</t>
  </si>
  <si>
    <t>727.534</t>
  </si>
  <si>
    <t>3516613.0</t>
  </si>
  <si>
    <t>1868374.0</t>
  </si>
  <si>
    <t>1752644.0</t>
  </si>
  <si>
    <t>3520008.0</t>
  </si>
  <si>
    <t>1870176.0</t>
  </si>
  <si>
    <t>1754676.0</t>
  </si>
  <si>
    <t>3520417.0</t>
  </si>
  <si>
    <t>1870455.0</t>
  </si>
  <si>
    <t>1754919.0</t>
  </si>
  <si>
    <t>11129.2</t>
  </si>
  <si>
    <t>2761.34073349757</t>
  </si>
  <si>
    <t>234.47</t>
  </si>
  <si>
    <t>2974167.0</t>
  </si>
  <si>
    <t>732.529</t>
  </si>
  <si>
    <t>3524319.0</t>
  </si>
  <si>
    <t>1872076.0</t>
  </si>
  <si>
    <t>1757089.0</t>
  </si>
  <si>
    <t>2983029.0</t>
  </si>
  <si>
    <t>734.712</t>
  </si>
  <si>
    <t>3530290.0</t>
  </si>
  <si>
    <t>1875073.0</t>
  </si>
  <si>
    <t>1760158.0</t>
  </si>
  <si>
    <t>2993720.0</t>
  </si>
  <si>
    <t>737.345</t>
  </si>
  <si>
    <t>3537299.0</t>
  </si>
  <si>
    <t>1877622.0</t>
  </si>
  <si>
    <t>1763617.0</t>
  </si>
  <si>
    <t>87.77</t>
  </si>
  <si>
    <t>3004531.0</t>
  </si>
  <si>
    <t>740.008</t>
  </si>
  <si>
    <t>0.2218</t>
  </si>
  <si>
    <t>3545766.0</t>
  </si>
  <si>
    <t>1881702.0</t>
  </si>
  <si>
    <t>1767965.0</t>
  </si>
  <si>
    <t>3554203.0</t>
  </si>
  <si>
    <t>1885279.0</t>
  </si>
  <si>
    <t>1772187.0</t>
  </si>
  <si>
    <t>43.97</t>
  </si>
  <si>
    <t>3026033.0</t>
  </si>
  <si>
    <t>745.304</t>
  </si>
  <si>
    <t>3557853.0</t>
  </si>
  <si>
    <t>1886923.0</t>
  </si>
  <si>
    <t>1774037.0</t>
  </si>
  <si>
    <t>5406.0</t>
  </si>
  <si>
    <t>0.2706</t>
  </si>
  <si>
    <t>3558842.0</t>
  </si>
  <si>
    <t>1887251.0</t>
  </si>
  <si>
    <t>1774513.0</t>
  </si>
  <si>
    <t>46.83</t>
  </si>
  <si>
    <t>11429.5</t>
  </si>
  <si>
    <t>2835.8501881097</t>
  </si>
  <si>
    <t>3037474.0</t>
  </si>
  <si>
    <t>748.121</t>
  </si>
  <si>
    <t>3566066.0</t>
  </si>
  <si>
    <t>1889710.0</t>
  </si>
  <si>
    <t>1777373.0</t>
  </si>
  <si>
    <t>3575459.0</t>
  </si>
  <si>
    <t>1894067.0</t>
  </si>
  <si>
    <t>1781470.0</t>
  </si>
  <si>
    <t>6453.0</t>
  </si>
  <si>
    <t>3073618.0</t>
  </si>
  <si>
    <t>757.024</t>
  </si>
  <si>
    <t>3599586.0</t>
  </si>
  <si>
    <t>1903995.0</t>
  </si>
  <si>
    <t>1791056.0</t>
  </si>
  <si>
    <t>3085825.0</t>
  </si>
  <si>
    <t>760.03</t>
  </si>
  <si>
    <t>3610412.0</t>
  </si>
  <si>
    <t>1908486.0</t>
  </si>
  <si>
    <t>1795287.0</t>
  </si>
  <si>
    <t>0.3531</t>
  </si>
  <si>
    <t>351.83</t>
  </si>
  <si>
    <t>0.3554</t>
  </si>
  <si>
    <t>3616491.0</t>
  </si>
  <si>
    <t>1911657.0</t>
  </si>
  <si>
    <t>1798069.0</t>
  </si>
  <si>
    <t>11825.6</t>
  </si>
  <si>
    <t>2934.12922564505</t>
  </si>
  <si>
    <t>3110312.0</t>
  </si>
  <si>
    <t>766.061</t>
  </si>
  <si>
    <t>10405.0</t>
  </si>
  <si>
    <t>0.3497</t>
  </si>
  <si>
    <t>3617177.0</t>
  </si>
  <si>
    <t>1911771.0</t>
  </si>
  <si>
    <t>1798141.0</t>
  </si>
  <si>
    <t>3627387.0</t>
  </si>
  <si>
    <t>1916565.0</t>
  </si>
  <si>
    <t>1802284.0</t>
  </si>
  <si>
    <t>10204.0</t>
  </si>
  <si>
    <t>3641758.0</t>
  </si>
  <si>
    <t>1922763.0</t>
  </si>
  <si>
    <t>1806387.0</t>
  </si>
  <si>
    <t>44.82</t>
  </si>
  <si>
    <t>3658686.0</t>
  </si>
  <si>
    <t>1930471.0</t>
  </si>
  <si>
    <t>1811801.0</t>
  </si>
  <si>
    <t>16928.0</t>
  </si>
  <si>
    <t>8443.0</t>
  </si>
  <si>
    <t>3155683.0</t>
  </si>
  <si>
    <t>777.236</t>
  </si>
  <si>
    <t>9980.0</t>
  </si>
  <si>
    <t>3675807.0</t>
  </si>
  <si>
    <t>1939061.0</t>
  </si>
  <si>
    <t>1816377.0</t>
  </si>
  <si>
    <t>91.2</t>
  </si>
  <si>
    <t>0.4176</t>
  </si>
  <si>
    <t>3690148.0</t>
  </si>
  <si>
    <t>1948738.0</t>
  </si>
  <si>
    <t>1820138.0</t>
  </si>
  <si>
    <t>10957.0</t>
  </si>
  <si>
    <t>45.16</t>
  </si>
  <si>
    <t>10641.0</t>
  </si>
  <si>
    <t>0.4159</t>
  </si>
  <si>
    <t>12294.9</t>
  </si>
  <si>
    <t>3050.57040796097</t>
  </si>
  <si>
    <t>0.4049</t>
  </si>
  <si>
    <t>3197585.0</t>
  </si>
  <si>
    <t>787.556</t>
  </si>
  <si>
    <t>0.4646</t>
  </si>
  <si>
    <t>3732705.0</t>
  </si>
  <si>
    <t>1974397.0</t>
  </si>
  <si>
    <t>1831401.0</t>
  </si>
  <si>
    <t>92.61</t>
  </si>
  <si>
    <t>8262.0</t>
  </si>
  <si>
    <t>0.4708</t>
  </si>
  <si>
    <t>3759981.0</t>
  </si>
  <si>
    <t>1990925.0</t>
  </si>
  <si>
    <t>1837846.0</t>
  </si>
  <si>
    <t>27276.0</t>
  </si>
  <si>
    <t>93.29</t>
  </si>
  <si>
    <t>9737.0</t>
  </si>
  <si>
    <t>12224.0</t>
  </si>
  <si>
    <t>0.4522</t>
  </si>
  <si>
    <t>18571.0</t>
  </si>
  <si>
    <t>3246065.0</t>
  </si>
  <si>
    <t>799.497</t>
  </si>
  <si>
    <t>12912.0</t>
  </si>
  <si>
    <t>0.4228</t>
  </si>
  <si>
    <t>3817390.0</t>
  </si>
  <si>
    <t>2024193.0</t>
  </si>
  <si>
    <t>1851543.0</t>
  </si>
  <si>
    <t>12162.0</t>
  </si>
  <si>
    <t>12918.0</t>
  </si>
  <si>
    <t>3845713.0</t>
  </si>
  <si>
    <t>2043475.0</t>
  </si>
  <si>
    <t>1857649.0</t>
  </si>
  <si>
    <t>28323.0</t>
  </si>
  <si>
    <t>22224.0</t>
  </si>
  <si>
    <t>95.42</t>
  </si>
  <si>
    <t>13534.0</t>
  </si>
  <si>
    <t>0.4137</t>
  </si>
  <si>
    <t>3852323.0</t>
  </si>
  <si>
    <t>2048628.0</t>
  </si>
  <si>
    <t>1859418.0</t>
  </si>
  <si>
    <t>21141.0</t>
  </si>
  <si>
    <t>95.58</t>
  </si>
  <si>
    <t>12882.4</t>
  </si>
  <si>
    <t>3196.33898799636</t>
  </si>
  <si>
    <t>12931.0</t>
  </si>
  <si>
    <t>3.185</t>
  </si>
  <si>
    <t>0.4123</t>
  </si>
  <si>
    <t>22476.0</t>
  </si>
  <si>
    <t>3288144.0</t>
  </si>
  <si>
    <t>809.861</t>
  </si>
  <si>
    <t>0.4063</t>
  </si>
  <si>
    <t>3899376.0</t>
  </si>
  <si>
    <t>2076934.0</t>
  </si>
  <si>
    <t>1873073.0</t>
  </si>
  <si>
    <t>0.4145</t>
  </si>
  <si>
    <t>3931774.0</t>
  </si>
  <si>
    <t>2095085.0</t>
  </si>
  <si>
    <t>1881107.0</t>
  </si>
  <si>
    <t>24542.0</t>
  </si>
  <si>
    <t>97.55</t>
  </si>
  <si>
    <t>623.517</t>
  </si>
  <si>
    <t>0.4343</t>
  </si>
  <si>
    <t>3938422.0</t>
  </si>
  <si>
    <t>2099290.0</t>
  </si>
  <si>
    <t>1883443.0</t>
  </si>
  <si>
    <t>21391.0</t>
  </si>
  <si>
    <t>97.72</t>
  </si>
  <si>
    <t>3326609.0</t>
  </si>
  <si>
    <t>819.335</t>
  </si>
  <si>
    <t>3963116.0</t>
  </si>
  <si>
    <t>2111804.0</t>
  </si>
  <si>
    <t>1889974.0</t>
  </si>
  <si>
    <t>24694.0</t>
  </si>
  <si>
    <t>20818.0</t>
  </si>
  <si>
    <t>630.713</t>
  </si>
  <si>
    <t>0.3837</t>
  </si>
  <si>
    <t>3982079.0</t>
  </si>
  <si>
    <t>2123249.0</t>
  </si>
  <si>
    <t>1895129.0</t>
  </si>
  <si>
    <t>637.164</t>
  </si>
  <si>
    <t>2.946</t>
  </si>
  <si>
    <t>0.3778</t>
  </si>
  <si>
    <t>3985860.0</t>
  </si>
  <si>
    <t>2125514.0</t>
  </si>
  <si>
    <t>1896361.0</t>
  </si>
  <si>
    <t>52.74</t>
  </si>
  <si>
    <t>13492.5</t>
  </si>
  <si>
    <t>3347.71500617438</t>
  </si>
  <si>
    <t>4000957.0</t>
  </si>
  <si>
    <t>2132477.0</t>
  </si>
  <si>
    <t>1900551.0</t>
  </si>
  <si>
    <t>12415.0</t>
  </si>
  <si>
    <t>0.3717</t>
  </si>
  <si>
    <t>4022873.0</t>
  </si>
  <si>
    <t>2141962.0</t>
  </si>
  <si>
    <t>1906220.0</t>
  </si>
  <si>
    <t>21916.0</t>
  </si>
  <si>
    <t>99.81</t>
  </si>
  <si>
    <t>12313.0</t>
  </si>
  <si>
    <t>0.3686</t>
  </si>
  <si>
    <t>4047302.0</t>
  </si>
  <si>
    <t>2151481.0</t>
  </si>
  <si>
    <t>1912240.0</t>
  </si>
  <si>
    <t>24429.0</t>
  </si>
  <si>
    <t>16504.0</t>
  </si>
  <si>
    <t>100.42</t>
  </si>
  <si>
    <t>4073744.0</t>
  </si>
  <si>
    <t>2161370.0</t>
  </si>
  <si>
    <t>1918691.0</t>
  </si>
  <si>
    <t>101.08</t>
  </si>
  <si>
    <t>8869.0</t>
  </si>
  <si>
    <t>3411379.0</t>
  </si>
  <si>
    <t>840.213</t>
  </si>
  <si>
    <t>12110.0</t>
  </si>
  <si>
    <t>0.4007</t>
  </si>
  <si>
    <t>4094675.0</t>
  </si>
  <si>
    <t>2168369.0</t>
  </si>
  <si>
    <t>1924533.0</t>
  </si>
  <si>
    <t>18794.0</t>
  </si>
  <si>
    <t>101.6</t>
  </si>
  <si>
    <t>0.4122</t>
  </si>
  <si>
    <t>4111402.0</t>
  </si>
  <si>
    <t>2174631.0</t>
  </si>
  <si>
    <t>1930331.0</t>
  </si>
  <si>
    <t>16727.0</t>
  </si>
  <si>
    <t>18475.0</t>
  </si>
  <si>
    <t>102.01</t>
  </si>
  <si>
    <t>0.4143</t>
  </si>
  <si>
    <t>4115040.0</t>
  </si>
  <si>
    <t>2176068.0</t>
  </si>
  <si>
    <t>1931878.0</t>
  </si>
  <si>
    <t>14280.4</t>
  </si>
  <si>
    <t>3543.20617929759</t>
  </si>
  <si>
    <t>0.4246</t>
  </si>
  <si>
    <t>4131685.0</t>
  </si>
  <si>
    <t>2180860.0</t>
  </si>
  <si>
    <t>18675.0</t>
  </si>
  <si>
    <t>102.51</t>
  </si>
  <si>
    <t>3449298.0</t>
  </si>
  <si>
    <t>849.553</t>
  </si>
  <si>
    <t>0.4252</t>
  </si>
  <si>
    <t>4154022.0</t>
  </si>
  <si>
    <t>2187524.0</t>
  </si>
  <si>
    <t>18736.0</t>
  </si>
  <si>
    <t>3463550.0</t>
  </si>
  <si>
    <t>853.063</t>
  </si>
  <si>
    <t>0.4077</t>
  </si>
  <si>
    <t>4178836.0</t>
  </si>
  <si>
    <t>2193458.0</t>
  </si>
  <si>
    <t>24814.0</t>
  </si>
  <si>
    <t>18791.0</t>
  </si>
  <si>
    <t>0.3913</t>
  </si>
  <si>
    <t>4201709.0</t>
  </si>
  <si>
    <t>2198680.0</t>
  </si>
  <si>
    <t>22873.0</t>
  </si>
  <si>
    <t>3489551.0</t>
  </si>
  <si>
    <t>859.467</t>
  </si>
  <si>
    <t>0.3748</t>
  </si>
  <si>
    <t>18436.0</t>
  </si>
  <si>
    <t>4574.0</t>
  </si>
  <si>
    <t>0.3706</t>
  </si>
  <si>
    <t>4245741.0</t>
  </si>
  <si>
    <t>2206995.0</t>
  </si>
  <si>
    <t>105.34</t>
  </si>
  <si>
    <t>10623.0</t>
  </si>
  <si>
    <t>0.3728</t>
  </si>
  <si>
    <t>4249704.0</t>
  </si>
  <si>
    <t>2207786.0</t>
  </si>
  <si>
    <t>105.44</t>
  </si>
  <si>
    <t>14969.7</t>
  </si>
  <si>
    <t>3714.23304264804</t>
  </si>
  <si>
    <t>3512277.0</t>
  </si>
  <si>
    <t>865.064</t>
  </si>
  <si>
    <t>0.3784</t>
  </si>
  <si>
    <t>4266743.0</t>
  </si>
  <si>
    <t>2210635.0</t>
  </si>
  <si>
    <t>0.3601</t>
  </si>
  <si>
    <t>4289179.0</t>
  </si>
  <si>
    <t>2214222.0</t>
  </si>
  <si>
    <t>3535311.0</t>
  </si>
  <si>
    <t>870.737</t>
  </si>
  <si>
    <t>0.3604</t>
  </si>
  <si>
    <t>4314136.0</t>
  </si>
  <si>
    <t>2217755.0</t>
  </si>
  <si>
    <t>24957.0</t>
  </si>
  <si>
    <t>19329.0</t>
  </si>
  <si>
    <t>107.04</t>
  </si>
  <si>
    <t>0.3526</t>
  </si>
  <si>
    <t>3559322.0</t>
  </si>
  <si>
    <t>876.651</t>
  </si>
  <si>
    <t>0.3472</t>
  </si>
  <si>
    <t>4361237.0</t>
  </si>
  <si>
    <t>2224323.0</t>
  </si>
  <si>
    <t>19645.0</t>
  </si>
  <si>
    <t>4381704.0</t>
  </si>
  <si>
    <t>2226748.0</t>
  </si>
  <si>
    <t>19423.0</t>
  </si>
  <si>
    <t>9850.0</t>
  </si>
  <si>
    <t>4386603.0</t>
  </si>
  <si>
    <t>2227358.0</t>
  </si>
  <si>
    <t>19557.0</t>
  </si>
  <si>
    <t>108.84</t>
  </si>
  <si>
    <t>15554.2</t>
  </si>
  <si>
    <t>3859.2572724875</t>
  </si>
  <si>
    <t>3580821.0</t>
  </si>
  <si>
    <t>881.946</t>
  </si>
  <si>
    <t>0.3339</t>
  </si>
  <si>
    <t>4406837.0</t>
  </si>
  <si>
    <t>2229626.0</t>
  </si>
  <si>
    <t>20013.0</t>
  </si>
  <si>
    <t>0.3304</t>
  </si>
  <si>
    <t>4431633.0</t>
  </si>
  <si>
    <t>2232429.0</t>
  </si>
  <si>
    <t>24796.0</t>
  </si>
  <si>
    <t>3604162.0</t>
  </si>
  <si>
    <t>887.695</t>
  </si>
  <si>
    <t>9836.0</t>
  </si>
  <si>
    <t>4461386.0</t>
  </si>
  <si>
    <t>2235161.0</t>
  </si>
  <si>
    <t>29753.0</t>
  </si>
  <si>
    <t>21036.0</t>
  </si>
  <si>
    <t>110.69</t>
  </si>
  <si>
    <t>3615875.0</t>
  </si>
  <si>
    <t>11713.0</t>
  </si>
  <si>
    <t>890.58</t>
  </si>
  <si>
    <t>9794.0</t>
  </si>
  <si>
    <t>4490656.0</t>
  </si>
  <si>
    <t>2237974.0</t>
  </si>
  <si>
    <t>29270.0</t>
  </si>
  <si>
    <t>21853.0</t>
  </si>
  <si>
    <t>0.3302</t>
  </si>
  <si>
    <t>4519310.0</t>
  </si>
  <si>
    <t>2240403.0</t>
  </si>
  <si>
    <t>22582.0</t>
  </si>
  <si>
    <t>112.13</t>
  </si>
  <si>
    <t>0.3117</t>
  </si>
  <si>
    <t>4542083.0</t>
  </si>
  <si>
    <t>2242262.0</t>
  </si>
  <si>
    <t>22773.0</t>
  </si>
  <si>
    <t>22911.0</t>
  </si>
  <si>
    <t>3645554.0</t>
  </si>
  <si>
    <t>897.89</t>
  </si>
  <si>
    <t>4548649.0</t>
  </si>
  <si>
    <t>2242791.0</t>
  </si>
  <si>
    <t>23149.0</t>
  </si>
  <si>
    <t>16072.5</t>
  </si>
  <si>
    <t>3987.85617467021</t>
  </si>
  <si>
    <t>0.2896</t>
  </si>
  <si>
    <t>4570488.0</t>
  </si>
  <si>
    <t>2244758.0</t>
  </si>
  <si>
    <t>0.3009</t>
  </si>
  <si>
    <t>4597346.0</t>
  </si>
  <si>
    <t>2246948.0</t>
  </si>
  <si>
    <t>26858.0</t>
  </si>
  <si>
    <t>23673.0</t>
  </si>
  <si>
    <t>114.07</t>
  </si>
  <si>
    <t>3669665.0</t>
  </si>
  <si>
    <t>903.828</t>
  </si>
  <si>
    <t>4623523.0</t>
  </si>
  <si>
    <t>2249190.0</t>
  </si>
  <si>
    <t>26177.0</t>
  </si>
  <si>
    <t>23162.0</t>
  </si>
  <si>
    <t>114.72</t>
  </si>
  <si>
    <t>4641841.0</t>
  </si>
  <si>
    <t>2251008.0</t>
  </si>
  <si>
    <t>21598.0</t>
  </si>
  <si>
    <t>3690329.0</t>
  </si>
  <si>
    <t>908.918</t>
  </si>
  <si>
    <t>4646820.0</t>
  </si>
  <si>
    <t>2251554.0</t>
  </si>
  <si>
    <t>4646841.0</t>
  </si>
  <si>
    <t>2251561.0</t>
  </si>
  <si>
    <t>14965.0</t>
  </si>
  <si>
    <t>452.565</t>
  </si>
  <si>
    <t>0.3323</t>
  </si>
  <si>
    <t>4647360.0</t>
  </si>
  <si>
    <t>2251603.0</t>
  </si>
  <si>
    <t>1932584.0</t>
  </si>
  <si>
    <t>14102.0</t>
  </si>
  <si>
    <t>115.31</t>
  </si>
  <si>
    <t>16540.4</t>
  </si>
  <si>
    <t>4103.94999356137</t>
  </si>
  <si>
    <t>3703921.0</t>
  </si>
  <si>
    <t>912.265</t>
  </si>
  <si>
    <t>0.3593</t>
  </si>
  <si>
    <t>4662872.0</t>
  </si>
  <si>
    <t>2253137.0</t>
  </si>
  <si>
    <t>1936734.0</t>
  </si>
  <si>
    <t>115.69</t>
  </si>
  <si>
    <t>4684781.0</t>
  </si>
  <si>
    <t>2255115.0</t>
  </si>
  <si>
    <t>1942628.0</t>
  </si>
  <si>
    <t>3729325.0</t>
  </si>
  <si>
    <t>918.522</t>
  </si>
  <si>
    <t>4708957.0</t>
  </si>
  <si>
    <t>2257261.0</t>
  </si>
  <si>
    <t>1948654.0</t>
  </si>
  <si>
    <t>4725029.0</t>
  </si>
  <si>
    <t>2258827.0</t>
  </si>
  <si>
    <t>1952486.0</t>
  </si>
  <si>
    <t>16072.0</t>
  </si>
  <si>
    <t>11884.0</t>
  </si>
  <si>
    <t>3757416.0</t>
  </si>
  <si>
    <t>925.441</t>
  </si>
  <si>
    <t>4729751.0</t>
  </si>
  <si>
    <t>2259393.0</t>
  </si>
  <si>
    <t>1953540.0</t>
  </si>
  <si>
    <t>4729813.0</t>
  </si>
  <si>
    <t>2259399.0</t>
  </si>
  <si>
    <t>1953549.0</t>
  </si>
  <si>
    <t>0.3852</t>
  </si>
  <si>
    <t>4731823.0</t>
  </si>
  <si>
    <t>2259559.0</t>
  </si>
  <si>
    <t>2142805.0</t>
  </si>
  <si>
    <t>12066.0</t>
  </si>
  <si>
    <t>16941.1</t>
  </si>
  <si>
    <t>4203.3703680638</t>
  </si>
  <si>
    <t>445.37</t>
  </si>
  <si>
    <t>3778223.0</t>
  </si>
  <si>
    <t>930.566</t>
  </si>
  <si>
    <t>10615.0</t>
  </si>
  <si>
    <t>4745870.0</t>
  </si>
  <si>
    <t>2260882.0</t>
  </si>
  <si>
    <t>2146134.0</t>
  </si>
  <si>
    <t>14047.0</t>
  </si>
  <si>
    <t>4768007.0</t>
  </si>
  <si>
    <t>2263058.0</t>
  </si>
  <si>
    <t>2151091.0</t>
  </si>
  <si>
    <t>22137.0</t>
  </si>
  <si>
    <t>0.3991</t>
  </si>
  <si>
    <t>4791665.0</t>
  </si>
  <si>
    <t>2265393.0</t>
  </si>
  <si>
    <t>2156022.0</t>
  </si>
  <si>
    <t>23658.0</t>
  </si>
  <si>
    <t>118.89</t>
  </si>
  <si>
    <t>0.4237</t>
  </si>
  <si>
    <t>4793621.0</t>
  </si>
  <si>
    <t>2265597.0</t>
  </si>
  <si>
    <t>2156339.0</t>
  </si>
  <si>
    <t>118.94</t>
  </si>
  <si>
    <t>0.3923</t>
  </si>
  <si>
    <t>4814929.0</t>
  </si>
  <si>
    <t>2267384.0</t>
  </si>
  <si>
    <t>2159901.0</t>
  </si>
  <si>
    <t>119.47</t>
  </si>
  <si>
    <t>3861222.0</t>
  </si>
  <si>
    <t>951.008</t>
  </si>
  <si>
    <t>3.409</t>
  </si>
  <si>
    <t>4832185.0</t>
  </si>
  <si>
    <t>2268738.0</t>
  </si>
  <si>
    <t>2163069.0</t>
  </si>
  <si>
    <t>17256.0</t>
  </si>
  <si>
    <t>119.89</t>
  </si>
  <si>
    <t>56.29</t>
  </si>
  <si>
    <t>14344.0</t>
  </si>
  <si>
    <t>3.533</t>
  </si>
  <si>
    <t>0.4447</t>
  </si>
  <si>
    <t>4838012.0</t>
  </si>
  <si>
    <t>594785.0</t>
  </si>
  <si>
    <t>17178.5</t>
  </si>
  <si>
    <t>4262.2732802347</t>
  </si>
  <si>
    <t>3882163.0</t>
  </si>
  <si>
    <t>956.166</t>
  </si>
  <si>
    <t>14849.0</t>
  </si>
  <si>
    <t>0.4342</t>
  </si>
  <si>
    <t>4852642.0</t>
  </si>
  <si>
    <t>2270667.0</t>
  </si>
  <si>
    <t>2167171.0</t>
  </si>
  <si>
    <t>120.4</t>
  </si>
  <si>
    <t>0.4408</t>
  </si>
  <si>
    <t>4875974.0</t>
  </si>
  <si>
    <t>2272722.0</t>
  </si>
  <si>
    <t>2171126.0</t>
  </si>
  <si>
    <t>120.98</t>
  </si>
  <si>
    <t>0.4397</t>
  </si>
  <si>
    <t>4901094.0</t>
  </si>
  <si>
    <t>2275075.0</t>
  </si>
  <si>
    <t>2175425.0</t>
  </si>
  <si>
    <t>25120.0</t>
  </si>
  <si>
    <t>3941654.0</t>
  </si>
  <si>
    <t>970.818</t>
  </si>
  <si>
    <t>16233.0</t>
  </si>
  <si>
    <t>3.998</t>
  </si>
  <si>
    <t>4923403.0</t>
  </si>
  <si>
    <t>2277097.0</t>
  </si>
  <si>
    <t>2178632.0</t>
  </si>
  <si>
    <t>22309.0</t>
  </si>
  <si>
    <t>18540.0</t>
  </si>
  <si>
    <t>0.4838</t>
  </si>
  <si>
    <t>4945094.0</t>
  </si>
  <si>
    <t>2279054.0</t>
  </si>
  <si>
    <t>0.5009</t>
  </si>
  <si>
    <t>4960419.0</t>
  </si>
  <si>
    <t>2280399.0</t>
  </si>
  <si>
    <t>2184016.0</t>
  </si>
  <si>
    <t>123.08</t>
  </si>
  <si>
    <t>3.846</t>
  </si>
  <si>
    <t>4963468.0</t>
  </si>
  <si>
    <t>2280700.0</t>
  </si>
  <si>
    <t>2184484.0</t>
  </si>
  <si>
    <t>123.15</t>
  </si>
  <si>
    <t>17359.3</t>
  </si>
  <si>
    <t>4307.1327853758</t>
  </si>
  <si>
    <t>3994122.0</t>
  </si>
  <si>
    <t>983.741</t>
  </si>
  <si>
    <t>15994.0</t>
  </si>
  <si>
    <t>3.939</t>
  </si>
  <si>
    <t>0.4613</t>
  </si>
  <si>
    <t>4974705.0</t>
  </si>
  <si>
    <t>2281915.0</t>
  </si>
  <si>
    <t>2186570.0</t>
  </si>
  <si>
    <t>11237.0</t>
  </si>
  <si>
    <t>123.43</t>
  </si>
  <si>
    <t>16031.0</t>
  </si>
  <si>
    <t>3.948</t>
  </si>
  <si>
    <t>0.4566</t>
  </si>
  <si>
    <t>4990195.0</t>
  </si>
  <si>
    <t>2283377.0</t>
  </si>
  <si>
    <t>2188899.0</t>
  </si>
  <si>
    <t>0.4603</t>
  </si>
  <si>
    <t>5006483.0</t>
  </si>
  <si>
    <t>2284821.0</t>
  </si>
  <si>
    <t>2191216.0</t>
  </si>
  <si>
    <t>124.22</t>
  </si>
  <si>
    <t>16106.0</t>
  </si>
  <si>
    <t>0.4786</t>
  </si>
  <si>
    <t>5021663.0</t>
  </si>
  <si>
    <t>2286291.0</t>
  </si>
  <si>
    <t>2193513.0</t>
  </si>
  <si>
    <t>15180.0</t>
  </si>
  <si>
    <t>4074484.0</t>
  </si>
  <si>
    <t>1003.534</t>
  </si>
  <si>
    <t>0.4721</t>
  </si>
  <si>
    <t>5033759.0</t>
  </si>
  <si>
    <t>2287471.0</t>
  </si>
  <si>
    <t>4095372.0</t>
  </si>
  <si>
    <t>1008.679</t>
  </si>
  <si>
    <t>5.145</t>
  </si>
  <si>
    <t>4.486</t>
  </si>
  <si>
    <t>5045143.0</t>
  </si>
  <si>
    <t>2288602.0</t>
  </si>
  <si>
    <t>2196691.0</t>
  </si>
  <si>
    <t>125.18</t>
  </si>
  <si>
    <t>4109897.0</t>
  </si>
  <si>
    <t>14525.0</t>
  </si>
  <si>
    <t>1012.256</t>
  </si>
  <si>
    <t>3.577</t>
  </si>
  <si>
    <t>18413.0</t>
  </si>
  <si>
    <t>0.4626</t>
  </si>
  <si>
    <t>5046209.0</t>
  </si>
  <si>
    <t>2288744.0</t>
  </si>
  <si>
    <t>2196911.0</t>
  </si>
  <si>
    <t>17593.3</t>
  </si>
  <si>
    <t>4365.19210065798</t>
  </si>
  <si>
    <t>0.4726</t>
  </si>
  <si>
    <t>5052469.0</t>
  </si>
  <si>
    <t>2289548.0</t>
  </si>
  <si>
    <t>2198127.0</t>
  </si>
  <si>
    <t>11109.0</t>
  </si>
  <si>
    <t>125.36</t>
  </si>
  <si>
    <t>4132532.0</t>
  </si>
  <si>
    <t>1017.831</t>
  </si>
  <si>
    <t>0.5154</t>
  </si>
  <si>
    <t>5061724.0</t>
  </si>
  <si>
    <t>2290566.0</t>
  </si>
  <si>
    <t>2199638.0</t>
  </si>
  <si>
    <t>125.59</t>
  </si>
  <si>
    <t>4155056.0</t>
  </si>
  <si>
    <t>22524.0</t>
  </si>
  <si>
    <t>1023.379</t>
  </si>
  <si>
    <t>0.5165</t>
  </si>
  <si>
    <t>5071377.0</t>
  </si>
  <si>
    <t>2291578.0</t>
  </si>
  <si>
    <t>2201139.0</t>
  </si>
  <si>
    <t>4175854.0</t>
  </si>
  <si>
    <t>20798.0</t>
  </si>
  <si>
    <t>1028.501</t>
  </si>
  <si>
    <t>5.122</t>
  </si>
  <si>
    <t>0.5065</t>
  </si>
  <si>
    <t>5080835.0</t>
  </si>
  <si>
    <t>2292446.0</t>
  </si>
  <si>
    <t>2202555.0</t>
  </si>
  <si>
    <t>9458.0</t>
  </si>
  <si>
    <t>8453.0</t>
  </si>
  <si>
    <t>4195015.0</t>
  </si>
  <si>
    <t>1033.221</t>
  </si>
  <si>
    <t>4.241</t>
  </si>
  <si>
    <t>0.5006</t>
  </si>
  <si>
    <t>5089784.0</t>
  </si>
  <si>
    <t>2293314.0</t>
  </si>
  <si>
    <t>126.29</t>
  </si>
  <si>
    <t>4214500.0</t>
  </si>
  <si>
    <t>19485.0</t>
  </si>
  <si>
    <t>1038.02</t>
  </si>
  <si>
    <t>0.4998</t>
  </si>
  <si>
    <t>5095003.0</t>
  </si>
  <si>
    <t>2293970.0</t>
  </si>
  <si>
    <t>126.42</t>
  </si>
  <si>
    <t>4227562.0</t>
  </si>
  <si>
    <t>1041.237</t>
  </si>
  <si>
    <t>5095795.0</t>
  </si>
  <si>
    <t>2294113.0</t>
  </si>
  <si>
    <t>2205136.0</t>
  </si>
  <si>
    <t>126.44</t>
  </si>
  <si>
    <t>17951.5</t>
  </si>
  <si>
    <t>4454.06751405147</t>
  </si>
  <si>
    <t>4231371.0</t>
  </si>
  <si>
    <t>1042.175</t>
  </si>
  <si>
    <t>5100960.0</t>
  </si>
  <si>
    <t>2294732.0</t>
  </si>
  <si>
    <t>2206142.0</t>
  </si>
  <si>
    <t>6927.0</t>
  </si>
  <si>
    <t>509.136</t>
  </si>
  <si>
    <t>4247960.0</t>
  </si>
  <si>
    <t>1046.261</t>
  </si>
  <si>
    <t>16490.0</t>
  </si>
  <si>
    <t>0.4955</t>
  </si>
  <si>
    <t>5107509.0</t>
  </si>
  <si>
    <t>2295525.0</t>
  </si>
  <si>
    <t>2207391.0</t>
  </si>
  <si>
    <t>126.73</t>
  </si>
  <si>
    <t>4267694.0</t>
  </si>
  <si>
    <t>1051.121</t>
  </si>
  <si>
    <t>16091.0</t>
  </si>
  <si>
    <t>3.963</t>
  </si>
  <si>
    <t>5114729.0</t>
  </si>
  <si>
    <t>2296242.0</t>
  </si>
  <si>
    <t>2208736.0</t>
  </si>
  <si>
    <t>7220.0</t>
  </si>
  <si>
    <t>4285836.0</t>
  </si>
  <si>
    <t>1055.59</t>
  </si>
  <si>
    <t>0.4882</t>
  </si>
  <si>
    <t>5121826.0</t>
  </si>
  <si>
    <t>2297062.0</t>
  </si>
  <si>
    <t>2210090.0</t>
  </si>
  <si>
    <t>127.08</t>
  </si>
  <si>
    <t>4301921.0</t>
  </si>
  <si>
    <t>1059.551</t>
  </si>
  <si>
    <t>0.4852</t>
  </si>
  <si>
    <t>5127829.0</t>
  </si>
  <si>
    <t>2297771.0</t>
  </si>
  <si>
    <t>2211326.0</t>
  </si>
  <si>
    <t>3.421</t>
  </si>
  <si>
    <t>0.5091</t>
  </si>
  <si>
    <t>5132763.0</t>
  </si>
  <si>
    <t>2298364.0</t>
  </si>
  <si>
    <t>2212347.0</t>
  </si>
  <si>
    <t>415.474</t>
  </si>
  <si>
    <t>13424.0</t>
  </si>
  <si>
    <t>0.5114</t>
  </si>
  <si>
    <t>5132861.0</t>
  </si>
  <si>
    <t>2298371.0</t>
  </si>
  <si>
    <t>2212386.0</t>
  </si>
  <si>
    <t>18401.7</t>
  </si>
  <si>
    <t>4565.76966678667</t>
  </si>
  <si>
    <t>4331339.0</t>
  </si>
  <si>
    <t>1066.797</t>
  </si>
  <si>
    <t>5136650.0</t>
  </si>
  <si>
    <t>2298907.0</t>
  </si>
  <si>
    <t>2213321.0</t>
  </si>
  <si>
    <t>0.4724</t>
  </si>
  <si>
    <t>5141577.0</t>
  </si>
  <si>
    <t>2299597.0</t>
  </si>
  <si>
    <t>2214483.0</t>
  </si>
  <si>
    <t>127.57</t>
  </si>
  <si>
    <t>3.231</t>
  </si>
  <si>
    <t>5147524.0</t>
  </si>
  <si>
    <t>2300234.0</t>
  </si>
  <si>
    <t>2215898.0</t>
  </si>
  <si>
    <t>127.72</t>
  </si>
  <si>
    <t>0.4719</t>
  </si>
  <si>
    <t>5152521.0</t>
  </si>
  <si>
    <t>2300927.0</t>
  </si>
  <si>
    <t>2217152.0</t>
  </si>
  <si>
    <t>127.84</t>
  </si>
  <si>
    <t>4387730.0</t>
  </si>
  <si>
    <t>1080.686</t>
  </si>
  <si>
    <t>12258.0</t>
  </si>
  <si>
    <t>0.4488</t>
  </si>
  <si>
    <t>5156556.0</t>
  </si>
  <si>
    <t>2301408.0</t>
  </si>
  <si>
    <t>2218184.0</t>
  </si>
  <si>
    <t>0.4216</t>
  </si>
  <si>
    <t>5159879.0</t>
  </si>
  <si>
    <t>2301794.0</t>
  </si>
  <si>
    <t>2219145.0</t>
  </si>
  <si>
    <t>128.03</t>
  </si>
  <si>
    <t>4407384.0</t>
  </si>
  <si>
    <t>1085.526</t>
  </si>
  <si>
    <t>12264.0</t>
  </si>
  <si>
    <t>0.3976</t>
  </si>
  <si>
    <t>5159918.0</t>
  </si>
  <si>
    <t>2301799.0</t>
  </si>
  <si>
    <t>2219165.0</t>
  </si>
  <si>
    <t>18688.7</t>
  </si>
  <si>
    <t>4636.97916886353</t>
  </si>
  <si>
    <t>520.301</t>
  </si>
  <si>
    <t>4409465.0</t>
  </si>
  <si>
    <t>1086.039</t>
  </si>
  <si>
    <t>0.4264</t>
  </si>
  <si>
    <t>5162553.0</t>
  </si>
  <si>
    <t>2302219.0</t>
  </si>
  <si>
    <t>2219989.0</t>
  </si>
  <si>
    <t>4419159.0</t>
  </si>
  <si>
    <t>1088.427</t>
  </si>
  <si>
    <t>5166325.0</t>
  </si>
  <si>
    <t>2302752.0</t>
  </si>
  <si>
    <t>2221069.0</t>
  </si>
  <si>
    <t>128.19</t>
  </si>
  <si>
    <t>4432211.0</t>
  </si>
  <si>
    <t>1091.641</t>
  </si>
  <si>
    <t>10382.0</t>
  </si>
  <si>
    <t>0.4005</t>
  </si>
  <si>
    <t>5170921.0</t>
  </si>
  <si>
    <t>2303258.0</t>
  </si>
  <si>
    <t>2222321.0</t>
  </si>
  <si>
    <t>128.3</t>
  </si>
  <si>
    <t>0.3964</t>
  </si>
  <si>
    <t>5174701.0</t>
  </si>
  <si>
    <t>2303772.0</t>
  </si>
  <si>
    <t>2223417.0</t>
  </si>
  <si>
    <t>128.39</t>
  </si>
  <si>
    <t>4452415.0</t>
  </si>
  <si>
    <t>1096.617</t>
  </si>
  <si>
    <t>9241.0</t>
  </si>
  <si>
    <t>0.3967</t>
  </si>
  <si>
    <t>5178043.0</t>
  </si>
  <si>
    <t>2304151.0</t>
  </si>
  <si>
    <t>5180782.0</t>
  </si>
  <si>
    <t>2304574.0</t>
  </si>
  <si>
    <t>128.54</t>
  </si>
  <si>
    <t>8189.0</t>
  </si>
  <si>
    <t>0.4064</t>
  </si>
  <si>
    <t>5180800.0</t>
  </si>
  <si>
    <t>2304582.0</t>
  </si>
  <si>
    <t>2225176.0</t>
  </si>
  <si>
    <t>19001.7</t>
  </si>
  <si>
    <t>16.99</t>
  </si>
  <si>
    <t>4714.63970597175</t>
  </si>
  <si>
    <t>4470858.0</t>
  </si>
  <si>
    <t>1101.16</t>
  </si>
  <si>
    <t>0.3772</t>
  </si>
  <si>
    <t>5182858.0</t>
  </si>
  <si>
    <t>2304984.0</t>
  </si>
  <si>
    <t>4478083.0</t>
  </si>
  <si>
    <t>1102.939</t>
  </si>
  <si>
    <t>0.3658</t>
  </si>
  <si>
    <t>5185303.0</t>
  </si>
  <si>
    <t>2305281.0</t>
  </si>
  <si>
    <t>2226540.0</t>
  </si>
  <si>
    <t>128.66</t>
  </si>
  <si>
    <t>4488268.0</t>
  </si>
  <si>
    <t>1105.448</t>
  </si>
  <si>
    <t>0.3485</t>
  </si>
  <si>
    <t>5189032.0</t>
  </si>
  <si>
    <t>2305857.0</t>
  </si>
  <si>
    <t>4496130.0</t>
  </si>
  <si>
    <t>1107.384</t>
  </si>
  <si>
    <t>5190693.0</t>
  </si>
  <si>
    <t>2306049.0</t>
  </si>
  <si>
    <t>2228289.0</t>
  </si>
  <si>
    <t>128.79</t>
  </si>
  <si>
    <t>4502474.0</t>
  </si>
  <si>
    <t>1108.947</t>
  </si>
  <si>
    <t>5193189.0</t>
  </si>
  <si>
    <t>2306475.0</t>
  </si>
  <si>
    <t>2229214.0</t>
  </si>
  <si>
    <t>4508140.0</t>
  </si>
  <si>
    <t>1110.342</t>
  </si>
  <si>
    <t>7082.0</t>
  </si>
  <si>
    <t>5194254.0</t>
  </si>
  <si>
    <t>2306571.0</t>
  </si>
  <si>
    <t>2229536.0</t>
  </si>
  <si>
    <t>128.88</t>
  </si>
  <si>
    <t>4512457.0</t>
  </si>
  <si>
    <t>1111.406</t>
  </si>
  <si>
    <t>5194258.0</t>
  </si>
  <si>
    <t>2306572.0</t>
  </si>
  <si>
    <t>2229537.0</t>
  </si>
  <si>
    <t>19153.9</t>
  </si>
  <si>
    <t>4752.40307257836</t>
  </si>
  <si>
    <t>4513946.0</t>
  </si>
  <si>
    <t>1111.772</t>
  </si>
  <si>
    <t>5195726.0</t>
  </si>
  <si>
    <t>2306861.0</t>
  </si>
  <si>
    <t>2230083.0</t>
  </si>
  <si>
    <t>128.91</t>
  </si>
  <si>
    <t>4519621.0</t>
  </si>
  <si>
    <t>1113.17</t>
  </si>
  <si>
    <t>0.3036</t>
  </si>
  <si>
    <t>5196904.0</t>
  </si>
  <si>
    <t>2307028.0</t>
  </si>
  <si>
    <t>2230485.0</t>
  </si>
  <si>
    <t>4527239.0</t>
  </si>
  <si>
    <t>1115.046</t>
  </si>
  <si>
    <t>5198729.0</t>
  </si>
  <si>
    <t>2307230.0</t>
  </si>
  <si>
    <t>2231068.0</t>
  </si>
  <si>
    <t>128.99</t>
  </si>
  <si>
    <t>0.2836</t>
  </si>
  <si>
    <t>5199981.0</t>
  </si>
  <si>
    <t>2307396.0</t>
  </si>
  <si>
    <t>2231430.0</t>
  </si>
  <si>
    <t>4538432.0</t>
  </si>
  <si>
    <t>1117.803</t>
  </si>
  <si>
    <t>5201481.0</t>
  </si>
  <si>
    <t>2307581.0</t>
  </si>
  <si>
    <t>4543597.0</t>
  </si>
  <si>
    <t>1119.075</t>
  </si>
  <si>
    <t>5202184.0</t>
  </si>
  <si>
    <t>2307637.0</t>
  </si>
  <si>
    <t>4547463.0</t>
  </si>
  <si>
    <t>1120.028</t>
  </si>
  <si>
    <t>5202211.0</t>
  </si>
  <si>
    <t>2307645.0</t>
  </si>
  <si>
    <t>2232194.0</t>
  </si>
  <si>
    <t>129.08</t>
  </si>
  <si>
    <t>19287.9</t>
  </si>
  <si>
    <t>4785.65071466303</t>
  </si>
  <si>
    <t>4548820.0</t>
  </si>
  <si>
    <t>1120.362</t>
  </si>
  <si>
    <t>0.2635</t>
  </si>
  <si>
    <t>5203121.0</t>
  </si>
  <si>
    <t>2307775.0</t>
  </si>
  <si>
    <t>2232474.0</t>
  </si>
  <si>
    <t>230.749</t>
  </si>
  <si>
    <t>4554117.0</t>
  </si>
  <si>
    <t>1121.666</t>
  </si>
  <si>
    <t>5204094.0</t>
  </si>
  <si>
    <t>2307892.0</t>
  </si>
  <si>
    <t>2232741.0</t>
  </si>
  <si>
    <t>129.12</t>
  </si>
  <si>
    <t>5206046.0</t>
  </si>
  <si>
    <t>2308153.0</t>
  </si>
  <si>
    <t>2233395.0</t>
  </si>
  <si>
    <t>5207259.0</t>
  </si>
  <si>
    <t>2308291.0</t>
  </si>
  <si>
    <t>2233767.0</t>
  </si>
  <si>
    <t>4573949.0</t>
  </si>
  <si>
    <t>1126.551</t>
  </si>
  <si>
    <t>5208696.0</t>
  </si>
  <si>
    <t>2308467.0</t>
  </si>
  <si>
    <t>2234233.0</t>
  </si>
  <si>
    <t>4579536.0</t>
  </si>
  <si>
    <t>1127.927</t>
  </si>
  <si>
    <t>5209274.0</t>
  </si>
  <si>
    <t>2308528.0</t>
  </si>
  <si>
    <t>2234390.0</t>
  </si>
  <si>
    <t>0.2737</t>
  </si>
  <si>
    <t>5209291.0</t>
  </si>
  <si>
    <t>2308535.0</t>
  </si>
  <si>
    <t>2234396.0</t>
  </si>
  <si>
    <t>19331.9</t>
  </si>
  <si>
    <t>4796.56785086993</t>
  </si>
  <si>
    <t>4585240.0</t>
  </si>
  <si>
    <t>1129.332</t>
  </si>
  <si>
    <t>5210243.0</t>
  </si>
  <si>
    <t>2308680.0</t>
  </si>
  <si>
    <t>2234662.0</t>
  </si>
  <si>
    <t>5211223.0</t>
  </si>
  <si>
    <t>2308830.0</t>
  </si>
  <si>
    <t>2234923.0</t>
  </si>
  <si>
    <t>5213058.0</t>
  </si>
  <si>
    <t>2309094.0</t>
  </si>
  <si>
    <t>2235368.0</t>
  </si>
  <si>
    <t>129.34</t>
  </si>
  <si>
    <t>5214150.0</t>
  </si>
  <si>
    <t>2309259.0</t>
  </si>
  <si>
    <t>2235641.0</t>
  </si>
  <si>
    <t>129.37</t>
  </si>
  <si>
    <t>5215491.0</t>
  </si>
  <si>
    <t>2309407.0</t>
  </si>
  <si>
    <t>0.3211</t>
  </si>
  <si>
    <t>5216350.0</t>
  </si>
  <si>
    <t>2309477.0</t>
  </si>
  <si>
    <t>0.2958</t>
  </si>
  <si>
    <t>5216368.0</t>
  </si>
  <si>
    <t>2309480.0</t>
  </si>
  <si>
    <t>2236175.0</t>
  </si>
  <si>
    <t>19453.1</t>
  </si>
  <si>
    <t>4826.63959878532</t>
  </si>
  <si>
    <t>4623826.0</t>
  </si>
  <si>
    <t>1138.836</t>
  </si>
  <si>
    <t>0.2793</t>
  </si>
  <si>
    <t>5217248.0</t>
  </si>
  <si>
    <t>2309654.0</t>
  </si>
  <si>
    <t>2236423.0</t>
  </si>
  <si>
    <t>5218366.0</t>
  </si>
  <si>
    <t>2309989.0</t>
  </si>
  <si>
    <t>2236651.0</t>
  </si>
  <si>
    <t>5220005.0</t>
  </si>
  <si>
    <t>2310224.0</t>
  </si>
  <si>
    <t>2236999.0</t>
  </si>
  <si>
    <t>129.52</t>
  </si>
  <si>
    <t>4649565.0</t>
  </si>
  <si>
    <t>1145.175</t>
  </si>
  <si>
    <t>5222208.0</t>
  </si>
  <si>
    <t>2310543.0</t>
  </si>
  <si>
    <t>2237506.0</t>
  </si>
  <si>
    <t>129.57</t>
  </si>
  <si>
    <t>5222623.0</t>
  </si>
  <si>
    <t>2310590.0</t>
  </si>
  <si>
    <t>2237570.0</t>
  </si>
  <si>
    <t>129.58</t>
  </si>
  <si>
    <t>0.2624</t>
  </si>
  <si>
    <t>5222632.0</t>
  </si>
  <si>
    <t>2310591.0</t>
  </si>
  <si>
    <t>2237572.0</t>
  </si>
  <si>
    <t>19512.3</t>
  </si>
  <si>
    <t>4841.32810931825</t>
  </si>
  <si>
    <t>4660113.0</t>
  </si>
  <si>
    <t>1147.773</t>
  </si>
  <si>
    <t>5224151.0</t>
  </si>
  <si>
    <t>2310786.0</t>
  </si>
  <si>
    <t>2237864.0</t>
  </si>
  <si>
    <t>129.62</t>
  </si>
  <si>
    <t>0.2795</t>
  </si>
  <si>
    <t>4683210.0</t>
  </si>
  <si>
    <t>1153.462</t>
  </si>
  <si>
    <t>0.2707</t>
  </si>
  <si>
    <t>0.2646</t>
  </si>
  <si>
    <t>5227996.0</t>
  </si>
  <si>
    <t>2311202.0</t>
  </si>
  <si>
    <t>160.78</t>
  </si>
  <si>
    <t>19605.9</t>
  </si>
  <si>
    <t>16.59</t>
  </si>
  <si>
    <t>4864.55183543112</t>
  </si>
  <si>
    <t>4692868.0</t>
  </si>
  <si>
    <t>1155.84</t>
  </si>
  <si>
    <t>5228840.0</t>
  </si>
  <si>
    <t>2311310.0</t>
  </si>
  <si>
    <t>2238810.0</t>
  </si>
  <si>
    <t>129.74</t>
  </si>
  <si>
    <t>153.584</t>
  </si>
  <si>
    <t>5229837.0</t>
  </si>
  <si>
    <t>2311402.0</t>
  </si>
  <si>
    <t>2238957.0</t>
  </si>
  <si>
    <t>129.76</t>
  </si>
  <si>
    <t>0.2489</t>
  </si>
  <si>
    <t>5231660.0</t>
  </si>
  <si>
    <t>2311593.0</t>
  </si>
  <si>
    <t>2239293.0</t>
  </si>
  <si>
    <t>55.56</t>
  </si>
  <si>
    <t>5232556.0</t>
  </si>
  <si>
    <t>2311704.0</t>
  </si>
  <si>
    <t>2239457.0</t>
  </si>
  <si>
    <t>129.83</t>
  </si>
  <si>
    <t>4713967.0</t>
  </si>
  <si>
    <t>1161.037</t>
  </si>
  <si>
    <t>5233554.0</t>
  </si>
  <si>
    <t>2311840.0</t>
  </si>
  <si>
    <t>2239638.0</t>
  </si>
  <si>
    <t>129.85</t>
  </si>
  <si>
    <t>5233849.0</t>
  </si>
  <si>
    <t>2311871.0</t>
  </si>
  <si>
    <t>2239688.0</t>
  </si>
  <si>
    <t>129.86</t>
  </si>
  <si>
    <t>5233866.0</t>
  </si>
  <si>
    <t>2311880.0</t>
  </si>
  <si>
    <t>2239699.0</t>
  </si>
  <si>
    <t>19672.7</t>
  </si>
  <si>
    <t>4881.12603312706</t>
  </si>
  <si>
    <t>4722099.0</t>
  </si>
  <si>
    <t>1163.04</t>
  </si>
  <si>
    <t>5234412.0</t>
  </si>
  <si>
    <t>2311963.0</t>
  </si>
  <si>
    <t>2239835.0</t>
  </si>
  <si>
    <t>129.87</t>
  </si>
  <si>
    <t>5235007.0</t>
  </si>
  <si>
    <t>2312026.0</t>
  </si>
  <si>
    <t>2239944.0</t>
  </si>
  <si>
    <t>5235970.0</t>
  </si>
  <si>
    <t>2312148.0</t>
  </si>
  <si>
    <t>2240166.0</t>
  </si>
  <si>
    <t>5236555.0</t>
  </si>
  <si>
    <t>2312235.0</t>
  </si>
  <si>
    <t>2240290.0</t>
  </si>
  <si>
    <t>129.93</t>
  </si>
  <si>
    <t>4738252.0</t>
  </si>
  <si>
    <t>1167.018</t>
  </si>
  <si>
    <t>5237082.0</t>
  </si>
  <si>
    <t>2312309.0</t>
  </si>
  <si>
    <t>2240412.0</t>
  </si>
  <si>
    <t>129.94</t>
  </si>
  <si>
    <t>19797.1</t>
  </si>
  <si>
    <t>4911.99175458476</t>
  </si>
  <si>
    <t>4743521.0</t>
  </si>
  <si>
    <t>1168.316</t>
  </si>
  <si>
    <t>5237086.0</t>
  </si>
  <si>
    <t>2240413.0</t>
  </si>
  <si>
    <t>5237615.0</t>
  </si>
  <si>
    <t>2312378.0</t>
  </si>
  <si>
    <t>2240543.0</t>
  </si>
  <si>
    <t>129.95</t>
  </si>
  <si>
    <t>5238727.0</t>
  </si>
  <si>
    <t>2312527.0</t>
  </si>
  <si>
    <t>2240802.0</t>
  </si>
  <si>
    <t>0.1778</t>
  </si>
  <si>
    <t>4758247.0</t>
  </si>
  <si>
    <t>1171.943</t>
  </si>
  <si>
    <t>5240151.0</t>
  </si>
  <si>
    <t>2312689.0</t>
  </si>
  <si>
    <t>5240306.0</t>
  </si>
  <si>
    <t>2312700.0</t>
  </si>
  <si>
    <t>2241130.0</t>
  </si>
  <si>
    <t>5240310.0</t>
  </si>
  <si>
    <t>2312701.0</t>
  </si>
  <si>
    <t>2241131.0</t>
  </si>
  <si>
    <t>19908.5</t>
  </si>
  <si>
    <t>4939.63195852679</t>
  </si>
  <si>
    <t>4766333.0</t>
  </si>
  <si>
    <t>1173.935</t>
  </si>
  <si>
    <t>5240830.0</t>
  </si>
  <si>
    <t>2312814.0</t>
  </si>
  <si>
    <t>2241286.0</t>
  </si>
  <si>
    <t>5241301.0</t>
  </si>
  <si>
    <t>2312896.0</t>
  </si>
  <si>
    <t>2241380.0</t>
  </si>
  <si>
    <t>130.05</t>
  </si>
  <si>
    <t>5242249.0</t>
  </si>
  <si>
    <t>2313013.0</t>
  </si>
  <si>
    <t>2241598.0</t>
  </si>
  <si>
    <t>105.45</t>
  </si>
  <si>
    <t>5242917.0</t>
  </si>
  <si>
    <t>2313107.0</t>
  </si>
  <si>
    <t>2241736.0</t>
  </si>
  <si>
    <t>4783774.0</t>
  </si>
  <si>
    <t>1178.23</t>
  </si>
  <si>
    <t>5243687.0</t>
  </si>
  <si>
    <t>2313245.0</t>
  </si>
  <si>
    <t>130.1</t>
  </si>
  <si>
    <t>0.2099</t>
  </si>
  <si>
    <t>5243825.0</t>
  </si>
  <si>
    <t>2313258.0</t>
  </si>
  <si>
    <t>5243832.0</t>
  </si>
  <si>
    <t>2313259.0</t>
  </si>
  <si>
    <t>2241920.0</t>
  </si>
  <si>
    <t>19927.3</t>
  </si>
  <si>
    <t>4944.29655308792</t>
  </si>
  <si>
    <t>4790822.0</t>
  </si>
  <si>
    <t>1179.966</t>
  </si>
  <si>
    <t>5244344.0</t>
  </si>
  <si>
    <t>2313323.0</t>
  </si>
  <si>
    <t>2241998.0</t>
  </si>
  <si>
    <t>5244810.0</t>
  </si>
  <si>
    <t>2313391.0</t>
  </si>
  <si>
    <t>2242087.0</t>
  </si>
  <si>
    <t>5245556.0</t>
  </si>
  <si>
    <t>2313499.0</t>
  </si>
  <si>
    <t>2242249.0</t>
  </si>
  <si>
    <t>130.15</t>
  </si>
  <si>
    <t>4804096.0</t>
  </si>
  <si>
    <t>1183.236</t>
  </si>
  <si>
    <t>0.2008</t>
  </si>
  <si>
    <t>5246003.0</t>
  </si>
  <si>
    <t>2313555.0</t>
  </si>
  <si>
    <t>2242344.0</t>
  </si>
  <si>
    <t>130.16</t>
  </si>
  <si>
    <t>5246531.0</t>
  </si>
  <si>
    <t>2313633.0</t>
  </si>
  <si>
    <t>2242438.0</t>
  </si>
  <si>
    <t>130.18</t>
  </si>
  <si>
    <t>93.54</t>
  </si>
  <si>
    <t>5246631.0</t>
  </si>
  <si>
    <t>2313643.0</t>
  </si>
  <si>
    <t>2242454.0</t>
  </si>
  <si>
    <t>5246635.0</t>
  </si>
  <si>
    <t>2242457.0</t>
  </si>
  <si>
    <t>20022.9</t>
  </si>
  <si>
    <t>4968.01651266475</t>
  </si>
  <si>
    <t>4815061.0</t>
  </si>
  <si>
    <t>1185.936</t>
  </si>
  <si>
    <t>5246946.0</t>
  </si>
  <si>
    <t>2313691.0</t>
  </si>
  <si>
    <t>2242525.0</t>
  </si>
  <si>
    <t>130.19</t>
  </si>
  <si>
    <t>5247290.0</t>
  </si>
  <si>
    <t>2313731.0</t>
  </si>
  <si>
    <t>2242576.0</t>
  </si>
  <si>
    <t>4824073.0</t>
  </si>
  <si>
    <t>1188.156</t>
  </si>
  <si>
    <t>5248022.0</t>
  </si>
  <si>
    <t>2242752.0</t>
  </si>
  <si>
    <t>130.21</t>
  </si>
  <si>
    <t>5248535.0</t>
  </si>
  <si>
    <t>2313943.0</t>
  </si>
  <si>
    <t>2242833.0</t>
  </si>
  <si>
    <t>130.22</t>
  </si>
  <si>
    <t>5248939.0</t>
  </si>
  <si>
    <t>2313990.0</t>
  </si>
  <si>
    <t>5248997.0</t>
  </si>
  <si>
    <t>2313995.0</t>
  </si>
  <si>
    <t>5249003.0</t>
  </si>
  <si>
    <t>2313998.0</t>
  </si>
  <si>
    <t>2242953.0</t>
  </si>
  <si>
    <t>20124.9</t>
  </si>
  <si>
    <t>4993.32441932621</t>
  </si>
  <si>
    <t>4839184.0</t>
  </si>
  <si>
    <t>1191.878</t>
  </si>
  <si>
    <t>5249261.0</t>
  </si>
  <si>
    <t>2314031.0</t>
  </si>
  <si>
    <t>2243015.0</t>
  </si>
  <si>
    <t>5249573.0</t>
  </si>
  <si>
    <t>2314078.0</t>
  </si>
  <si>
    <t>2243078.0</t>
  </si>
  <si>
    <t>5250173.0</t>
  </si>
  <si>
    <t>2314175.0</t>
  </si>
  <si>
    <t>2243226.0</t>
  </si>
  <si>
    <t>4851253.0</t>
  </si>
  <si>
    <t>1194.85</t>
  </si>
  <si>
    <t>5250537.0</t>
  </si>
  <si>
    <t>2314201.0</t>
  </si>
  <si>
    <t>2243283.0</t>
  </si>
  <si>
    <t>5250900.0</t>
  </si>
  <si>
    <t>2314255.0</t>
  </si>
  <si>
    <t>130.28</t>
  </si>
  <si>
    <t>5250948.0</t>
  </si>
  <si>
    <t>2314257.0</t>
  </si>
  <si>
    <t>2243359.0</t>
  </si>
  <si>
    <t>4859097.0</t>
  </si>
  <si>
    <t>1196.782</t>
  </si>
  <si>
    <t>20087.9</t>
  </si>
  <si>
    <t>4984.14410024313</t>
  </si>
  <si>
    <t>65.255</t>
  </si>
  <si>
    <t>5251291.0</t>
  </si>
  <si>
    <t>2314306.0</t>
  </si>
  <si>
    <t>2243445.0</t>
  </si>
  <si>
    <t>5251618.0</t>
  </si>
  <si>
    <t>2314367.0</t>
  </si>
  <si>
    <t>2243523.0</t>
  </si>
  <si>
    <t>5252069.0</t>
  </si>
  <si>
    <t>2314425.0</t>
  </si>
  <si>
    <t>2243655.0</t>
  </si>
  <si>
    <t>4871108.0</t>
  </si>
  <si>
    <t>1199.74</t>
  </si>
  <si>
    <t>5252439.0</t>
  </si>
  <si>
    <t>2314472.0</t>
  </si>
  <si>
    <t>2243731.0</t>
  </si>
  <si>
    <t>5252796.0</t>
  </si>
  <si>
    <t>2314517.0</t>
  </si>
  <si>
    <t>5252966.0</t>
  </si>
  <si>
    <t>2314558.0</t>
  </si>
  <si>
    <t>20078.9</t>
  </si>
  <si>
    <t>4981.91104965535</t>
  </si>
  <si>
    <t>4878008.0</t>
  </si>
  <si>
    <t>1201.44</t>
  </si>
  <si>
    <t>5252971.0</t>
  </si>
  <si>
    <t>2314559.0</t>
  </si>
  <si>
    <t>2243858.0</t>
  </si>
  <si>
    <t>0.1273</t>
  </si>
  <si>
    <t>5253224.0</t>
  </si>
  <si>
    <t>2314601.0</t>
  </si>
  <si>
    <t>2243917.0</t>
  </si>
  <si>
    <t>5253708.0</t>
  </si>
  <si>
    <t>2314682.0</t>
  </si>
  <si>
    <t>2244062.0</t>
  </si>
  <si>
    <t>130.35</t>
  </si>
  <si>
    <t>4885457.0</t>
  </si>
  <si>
    <t>1203.275</t>
  </si>
  <si>
    <t>5253900.0</t>
  </si>
  <si>
    <t>2314714.0</t>
  </si>
  <si>
    <t>2244121.0</t>
  </si>
  <si>
    <t>130.36</t>
  </si>
  <si>
    <t>5254126.0</t>
  </si>
  <si>
    <t>2314750.0</t>
  </si>
  <si>
    <t>2244176.0</t>
  </si>
  <si>
    <t>5254182.0</t>
  </si>
  <si>
    <t>2314763.0</t>
  </si>
  <si>
    <t>2244187.0</t>
  </si>
  <si>
    <t>4891472.0</t>
  </si>
  <si>
    <t>1204.756</t>
  </si>
  <si>
    <t>5254188.0</t>
  </si>
  <si>
    <t>2314767.0</t>
  </si>
  <si>
    <t>2244191.0</t>
  </si>
  <si>
    <t>20112.1</t>
  </si>
  <si>
    <t>4990.14852515693</t>
  </si>
  <si>
    <t>5254420.0</t>
  </si>
  <si>
    <t>2314815.0</t>
  </si>
  <si>
    <t>2244249.0</t>
  </si>
  <si>
    <t>5254635.0</t>
  </si>
  <si>
    <t>2314864.0</t>
  </si>
  <si>
    <t>2244315.0</t>
  </si>
  <si>
    <t>41.684</t>
  </si>
  <si>
    <t>4897247.0</t>
  </si>
  <si>
    <t>1206.178</t>
  </si>
  <si>
    <t>5255000.0</t>
  </si>
  <si>
    <t>2314922.0</t>
  </si>
  <si>
    <t>2244398.0</t>
  </si>
  <si>
    <t>130.39</t>
  </si>
  <si>
    <t>5255175.0</t>
  </si>
  <si>
    <t>2314948.0</t>
  </si>
  <si>
    <t>2244443.0</t>
  </si>
  <si>
    <t>40.939</t>
  </si>
  <si>
    <t>5255438.0</t>
  </si>
  <si>
    <t>2315011.0</t>
  </si>
  <si>
    <t>2244511.0</t>
  </si>
  <si>
    <t>5255549.0</t>
  </si>
  <si>
    <t>2315013.0</t>
  </si>
  <si>
    <t>2244513.0</t>
  </si>
  <si>
    <t>5255552.0</t>
  </si>
  <si>
    <t>2315014.0</t>
  </si>
  <si>
    <t>2244514.0</t>
  </si>
  <si>
    <t>20149.7</t>
  </si>
  <si>
    <t>4999.47771427919</t>
  </si>
  <si>
    <t>4905321.0</t>
  </si>
  <si>
    <t>1208.167</t>
  </si>
  <si>
    <t>5255757.0</t>
  </si>
  <si>
    <t>2315060.0</t>
  </si>
  <si>
    <t>2244561.0</t>
  </si>
  <si>
    <t>5255937.0</t>
  </si>
  <si>
    <t>2315087.0</t>
  </si>
  <si>
    <t>2244617.0</t>
  </si>
  <si>
    <t>5256249.0</t>
  </si>
  <si>
    <t>2315142.0</t>
  </si>
  <si>
    <t>2244688.0</t>
  </si>
  <si>
    <t>4912067.0</t>
  </si>
  <si>
    <t>1209.828</t>
  </si>
  <si>
    <t>5256273.0</t>
  </si>
  <si>
    <t>2315148.0</t>
  </si>
  <si>
    <t>2244697.0</t>
  </si>
  <si>
    <t>5256551.0</t>
  </si>
  <si>
    <t>2315200.0</t>
  </si>
  <si>
    <t>38.954</t>
  </si>
  <si>
    <t>5256560.0</t>
  </si>
  <si>
    <t>2315202.0</t>
  </si>
  <si>
    <t>5256566.0</t>
  </si>
  <si>
    <t>2315204.0</t>
  </si>
  <si>
    <t>2244762.0</t>
  </si>
  <si>
    <t>20116.1</t>
  </si>
  <si>
    <t>-3.71</t>
  </si>
  <si>
    <t>4991.14099208483</t>
  </si>
  <si>
    <t>4916450.0</t>
  </si>
  <si>
    <t>1210.908</t>
  </si>
  <si>
    <t>5256781.0</t>
  </si>
  <si>
    <t>2315256.0</t>
  </si>
  <si>
    <t>2244803.0</t>
  </si>
  <si>
    <t>5256960.0</t>
  </si>
  <si>
    <t>2315290.0</t>
  </si>
  <si>
    <t>2244850.0</t>
  </si>
  <si>
    <t>4922712.0</t>
  </si>
  <si>
    <t>1212.45</t>
  </si>
  <si>
    <t>5257134.0</t>
  </si>
  <si>
    <t>2315313.0</t>
  </si>
  <si>
    <t>2244893.0</t>
  </si>
  <si>
    <t>5257375.0</t>
  </si>
  <si>
    <t>2315356.0</t>
  </si>
  <si>
    <t>5257376.0</t>
  </si>
  <si>
    <t>5257377.0</t>
  </si>
  <si>
    <t>2315357.0</t>
  </si>
  <si>
    <t>2244949.0</t>
  </si>
  <si>
    <t>20221.7</t>
  </si>
  <si>
    <t>5017.3421189814</t>
  </si>
  <si>
    <t>5257653.0</t>
  </si>
  <si>
    <t>2315402.0</t>
  </si>
  <si>
    <t>2245026.0</t>
  </si>
  <si>
    <t>5257861.0</t>
  </si>
  <si>
    <t>2315438.0</t>
  </si>
  <si>
    <t>2245066.0</t>
  </si>
  <si>
    <t>5258291.0</t>
  </si>
  <si>
    <t>2315490.0</t>
  </si>
  <si>
    <t>2245155.0</t>
  </si>
  <si>
    <t>5258460.0</t>
  </si>
  <si>
    <t>2315512.0</t>
  </si>
  <si>
    <t>2245193.0</t>
  </si>
  <si>
    <t>5258768.0</t>
  </si>
  <si>
    <t>2315571.0</t>
  </si>
  <si>
    <t>2245252.0</t>
  </si>
  <si>
    <t>20360.3</t>
  </si>
  <si>
    <t>5051.73109803315</t>
  </si>
  <si>
    <t>5259062.0</t>
  </si>
  <si>
    <t>2315619.0</t>
  </si>
  <si>
    <t>2245304.0</t>
  </si>
  <si>
    <t>130.49</t>
  </si>
  <si>
    <t>5259270.0</t>
  </si>
  <si>
    <t>2315657.0</t>
  </si>
  <si>
    <t>2245347.0</t>
  </si>
  <si>
    <t>5259705.0</t>
  </si>
  <si>
    <t>2315722.0</t>
  </si>
  <si>
    <t>2245438.0</t>
  </si>
  <si>
    <t>5260110.0</t>
  </si>
  <si>
    <t>2315789.0</t>
  </si>
  <si>
    <t>2245512.0</t>
  </si>
  <si>
    <t>5260126.0</t>
  </si>
  <si>
    <t>2315792.0</t>
  </si>
  <si>
    <t>2245514.0</t>
  </si>
  <si>
    <t>91.555</t>
  </si>
  <si>
    <t>5260127.0</t>
  </si>
  <si>
    <t>2245515.0</t>
  </si>
  <si>
    <t>20490.9</t>
  </si>
  <si>
    <t>5084.1351432291</t>
  </si>
  <si>
    <t>5260393.0</t>
  </si>
  <si>
    <t>2315825.0</t>
  </si>
  <si>
    <t>2245578.0</t>
  </si>
  <si>
    <t>130.52</t>
  </si>
  <si>
    <t>109.668</t>
  </si>
  <si>
    <t>5261137.0</t>
  </si>
  <si>
    <t>2315917.0</t>
  </si>
  <si>
    <t>2245722.0</t>
  </si>
  <si>
    <t>130.54</t>
  </si>
  <si>
    <t>116.863</t>
  </si>
  <si>
    <t>5261502.0</t>
  </si>
  <si>
    <t>2315958.0</t>
  </si>
  <si>
    <t>2245772.0</t>
  </si>
  <si>
    <t>5261871.0</t>
  </si>
  <si>
    <t>2316016.0</t>
  </si>
  <si>
    <t>2245835.0</t>
  </si>
  <si>
    <t>5261879.0</t>
  </si>
  <si>
    <t>2316018.0</t>
  </si>
  <si>
    <t>121.577</t>
  </si>
  <si>
    <t>5261880.0</t>
  </si>
  <si>
    <t>2316019.0</t>
  </si>
  <si>
    <t>2245836.0</t>
  </si>
  <si>
    <t>20525.7</t>
  </si>
  <si>
    <t>5092.76960550184</t>
  </si>
  <si>
    <t>5262127.0</t>
  </si>
  <si>
    <t>2316061.0</t>
  </si>
  <si>
    <t>2245889.0</t>
  </si>
  <si>
    <t>135.72</t>
  </si>
  <si>
    <t>5262335.0</t>
  </si>
  <si>
    <t>2316100.0</t>
  </si>
  <si>
    <t>2245932.0</t>
  </si>
  <si>
    <t>5262555.0</t>
  </si>
  <si>
    <t>2316145.0</t>
  </si>
  <si>
    <t>2245988.0</t>
  </si>
  <si>
    <t>5262887.0</t>
  </si>
  <si>
    <t>2316184.0</t>
  </si>
  <si>
    <t>2246032.0</t>
  </si>
  <si>
    <t>130.58</t>
  </si>
  <si>
    <t>5263264.0</t>
  </si>
  <si>
    <t>2316241.0</t>
  </si>
  <si>
    <t>2246105.0</t>
  </si>
  <si>
    <t>130.59</t>
  </si>
  <si>
    <t>5263278.0</t>
  </si>
  <si>
    <t>2316242.0</t>
  </si>
  <si>
    <t>2246106.0</t>
  </si>
  <si>
    <t>5263284.0</t>
  </si>
  <si>
    <t>2316244.0</t>
  </si>
  <si>
    <t>2246109.0</t>
  </si>
  <si>
    <t>20713.7</t>
  </si>
  <si>
    <t>5139.41555111316</t>
  </si>
  <si>
    <t>5263608.0</t>
  </si>
  <si>
    <t>2316295.0</t>
  </si>
  <si>
    <t>2246177.0</t>
  </si>
  <si>
    <t>130.6</t>
  </si>
  <si>
    <t>5263780.0</t>
  </si>
  <si>
    <t>2316318.0</t>
  </si>
  <si>
    <t>2246209.0</t>
  </si>
  <si>
    <t>5264053.0</t>
  </si>
  <si>
    <t>2316348.0</t>
  </si>
  <si>
    <t>2246264.0</t>
  </si>
  <si>
    <t>5264263.0</t>
  </si>
  <si>
    <t>2316378.0</t>
  </si>
  <si>
    <t>2246308.0</t>
  </si>
  <si>
    <t>130.62</t>
  </si>
  <si>
    <t>5264568.0</t>
  </si>
  <si>
    <t>2316421.0</t>
  </si>
  <si>
    <t>5264593.0</t>
  </si>
  <si>
    <t>2316428.0</t>
  </si>
  <si>
    <t>149.64</t>
  </si>
  <si>
    <t>5264595.0</t>
  </si>
  <si>
    <t>2316430.0</t>
  </si>
  <si>
    <t>20873.7</t>
  </si>
  <si>
    <t>5179.11422822918</t>
  </si>
  <si>
    <t>5264857.0</t>
  </si>
  <si>
    <t>2316486.0</t>
  </si>
  <si>
    <t>130.63</t>
  </si>
  <si>
    <t>5265092.0</t>
  </si>
  <si>
    <t>2316510.0</t>
  </si>
  <si>
    <t>5265340.0</t>
  </si>
  <si>
    <t>2316558.0</t>
  </si>
  <si>
    <t>5265639.0</t>
  </si>
  <si>
    <t>2316607.0</t>
  </si>
  <si>
    <t>2246606.0</t>
  </si>
  <si>
    <t>5265640.0</t>
  </si>
  <si>
    <t>2316608.0</t>
  </si>
  <si>
    <t>2246607.0</t>
  </si>
  <si>
    <t>21044.5</t>
  </si>
  <si>
    <t>5221.49256605053</t>
  </si>
  <si>
    <t>154.08</t>
  </si>
  <si>
    <t>5265898.0</t>
  </si>
  <si>
    <t>2316664.0</t>
  </si>
  <si>
    <t>2246680.0</t>
  </si>
  <si>
    <t>130.66</t>
  </si>
  <si>
    <t>5266068.0</t>
  </si>
  <si>
    <t>2316695.0</t>
  </si>
  <si>
    <t>2246721.0</t>
  </si>
  <si>
    <t>5266261.0</t>
  </si>
  <si>
    <t>2316728.0</t>
  </si>
  <si>
    <t>2246759.0</t>
  </si>
  <si>
    <t>152.84</t>
  </si>
  <si>
    <t>5266467.0</t>
  </si>
  <si>
    <t>2316768.0</t>
  </si>
  <si>
    <t>2246805.0</t>
  </si>
  <si>
    <t>130.67</t>
  </si>
  <si>
    <t>5266783.0</t>
  </si>
  <si>
    <t>2316820.0</t>
  </si>
  <si>
    <t>2246862.0</t>
  </si>
  <si>
    <t>5266808.0</t>
  </si>
  <si>
    <t>2316826.0</t>
  </si>
  <si>
    <t>2246864.0</t>
  </si>
  <si>
    <t>21111.1</t>
  </si>
  <si>
    <t>5238.01714040008</t>
  </si>
  <si>
    <t>5267020.0</t>
  </si>
  <si>
    <t>2316881.0</t>
  </si>
  <si>
    <t>2246928.0</t>
  </si>
  <si>
    <t>5267301.0</t>
  </si>
  <si>
    <t>2316931.0</t>
  </si>
  <si>
    <t>2246976.0</t>
  </si>
  <si>
    <t>130.69</t>
  </si>
  <si>
    <t>5267672.0</t>
  </si>
  <si>
    <t>2317004.0</t>
  </si>
  <si>
    <t>2247058.0</t>
  </si>
  <si>
    <t>151.351</t>
  </si>
  <si>
    <t>5267952.0</t>
  </si>
  <si>
    <t>2317041.0</t>
  </si>
  <si>
    <t>2247112.0</t>
  </si>
  <si>
    <t>130.71</t>
  </si>
  <si>
    <t>5267974.0</t>
  </si>
  <si>
    <t>2317049.0</t>
  </si>
  <si>
    <t>2247120.0</t>
  </si>
  <si>
    <t>127.838</t>
  </si>
  <si>
    <t>5267978.0</t>
  </si>
  <si>
    <t>2247121.0</t>
  </si>
  <si>
    <t>21171.1</t>
  </si>
  <si>
    <t>5252.90414431858</t>
  </si>
  <si>
    <t>5268457.0</t>
  </si>
  <si>
    <t>2317092.0</t>
  </si>
  <si>
    <t>2247185.0</t>
  </si>
  <si>
    <t>130.72</t>
  </si>
  <si>
    <t>5269284.0</t>
  </si>
  <si>
    <t>2317178.0</t>
  </si>
  <si>
    <t>2247290.0</t>
  </si>
  <si>
    <t>130.74</t>
  </si>
  <si>
    <t>5269665.0</t>
  </si>
  <si>
    <t>2317211.0</t>
  </si>
  <si>
    <t>2247326.0</t>
  </si>
  <si>
    <t>130.75</t>
  </si>
  <si>
    <t>5270391.0</t>
  </si>
  <si>
    <t>2317287.0</t>
  </si>
  <si>
    <t>2247384.0</t>
  </si>
  <si>
    <t>5270410.0</t>
  </si>
  <si>
    <t>2317292.0</t>
  </si>
  <si>
    <t>2247385.0</t>
  </si>
  <si>
    <t>5270412.0</t>
  </si>
  <si>
    <t>21333.1</t>
  </si>
  <si>
    <t>5293.09905489855</t>
  </si>
  <si>
    <t>5270977.0</t>
  </si>
  <si>
    <t>2317337.0</t>
  </si>
  <si>
    <t>2247451.0</t>
  </si>
  <si>
    <t>5271348.0</t>
  </si>
  <si>
    <t>2317376.0</t>
  </si>
  <si>
    <t>2247496.0</t>
  </si>
  <si>
    <t>130.79</t>
  </si>
  <si>
    <t>5271913.0</t>
  </si>
  <si>
    <t>2317408.0</t>
  </si>
  <si>
    <t>2247551.0</t>
  </si>
  <si>
    <t>5272219.0</t>
  </si>
  <si>
    <t>2317440.0</t>
  </si>
  <si>
    <t>2247603.0</t>
  </si>
  <si>
    <t>5272728.0</t>
  </si>
  <si>
    <t>2317502.0</t>
  </si>
  <si>
    <t>2247676.0</t>
  </si>
  <si>
    <t>5272749.0</t>
  </si>
  <si>
    <t>2317503.0</t>
  </si>
  <si>
    <t>2247685.0</t>
  </si>
  <si>
    <t>5272754.0</t>
  </si>
  <si>
    <t>2317504.0</t>
  </si>
  <si>
    <t>2247687.0</t>
  </si>
  <si>
    <t>21411.3</t>
  </si>
  <si>
    <t>5312.50178333901</t>
  </si>
  <si>
    <t>5273121.0</t>
  </si>
  <si>
    <t>2317550.0</t>
  </si>
  <si>
    <t>2247737.0</t>
  </si>
  <si>
    <t>5273357.0</t>
  </si>
  <si>
    <t>2317576.0</t>
  </si>
  <si>
    <t>2247769.0</t>
  </si>
  <si>
    <t>5273675.0</t>
  </si>
  <si>
    <t>2317622.0</t>
  </si>
  <si>
    <t>2247819.0</t>
  </si>
  <si>
    <t>5273952.0</t>
  </si>
  <si>
    <t>2317665.0</t>
  </si>
  <si>
    <t>2247859.0</t>
  </si>
  <si>
    <t>5274145.0</t>
  </si>
  <si>
    <t>2317698.0</t>
  </si>
  <si>
    <t>2247899.0</t>
  </si>
  <si>
    <t>5274192.0</t>
  </si>
  <si>
    <t>2317699.0</t>
  </si>
  <si>
    <t>5274196.0</t>
  </si>
  <si>
    <t>2317700.0</t>
  </si>
  <si>
    <t>2247900.0</t>
  </si>
  <si>
    <t>21529.1</t>
  </si>
  <si>
    <t>5341.72993436568</t>
  </si>
  <si>
    <t>5275046.0</t>
  </si>
  <si>
    <t>2317728.0</t>
  </si>
  <si>
    <t>2247945.0</t>
  </si>
  <si>
    <t>130.88</t>
  </si>
  <si>
    <t>5275862.0</t>
  </si>
  <si>
    <t>2317765.0</t>
  </si>
  <si>
    <t>2247981.0</t>
  </si>
  <si>
    <t>5278073.0</t>
  </si>
  <si>
    <t>2317824.0</t>
  </si>
  <si>
    <t>2248027.0</t>
  </si>
  <si>
    <t>130.96</t>
  </si>
  <si>
    <t>5279656.0</t>
  </si>
  <si>
    <t>2317867.0</t>
  </si>
  <si>
    <t>5281691.0</t>
  </si>
  <si>
    <t>2317911.0</t>
  </si>
  <si>
    <t>2248136.0</t>
  </si>
  <si>
    <t>5282087.0</t>
  </si>
  <si>
    <t>2317919.0</t>
  </si>
  <si>
    <t>2248146.0</t>
  </si>
  <si>
    <t>5282099.0</t>
  </si>
  <si>
    <t>21573.1</t>
  </si>
  <si>
    <t>5352.64707057259</t>
  </si>
  <si>
    <t>5283575.0</t>
  </si>
  <si>
    <t>2317953.0</t>
  </si>
  <si>
    <t>2248176.0</t>
  </si>
  <si>
    <t>5285097.0</t>
  </si>
  <si>
    <t>2317996.0</t>
  </si>
  <si>
    <t>2248219.0</t>
  </si>
  <si>
    <t>131.13</t>
  </si>
  <si>
    <t>5287573.0</t>
  </si>
  <si>
    <t>2318052.0</t>
  </si>
  <si>
    <t>2248289.0</t>
  </si>
  <si>
    <t>5289558.0</t>
  </si>
  <si>
    <t>2318137.0</t>
  </si>
  <si>
    <t>2248345.0</t>
  </si>
  <si>
    <t>131.24</t>
  </si>
  <si>
    <t>5291401.0</t>
  </si>
  <si>
    <t>2318168.0</t>
  </si>
  <si>
    <t>2248375.0</t>
  </si>
  <si>
    <t>131.29</t>
  </si>
  <si>
    <t>5291835.0</t>
  </si>
  <si>
    <t>2318181.0</t>
  </si>
  <si>
    <t>2248386.0</t>
  </si>
  <si>
    <t>5291878.0</t>
  </si>
  <si>
    <t>2318186.0</t>
  </si>
  <si>
    <t>2248390.0</t>
  </si>
  <si>
    <t>21592.9</t>
  </si>
  <si>
    <t>5357.55978186569</t>
  </si>
  <si>
    <t>5293210.0</t>
  </si>
  <si>
    <t>2318226.0</t>
  </si>
  <si>
    <t>2248427.0</t>
  </si>
  <si>
    <t>131.33</t>
  </si>
  <si>
    <t>5294761.0</t>
  </si>
  <si>
    <t>2318297.0</t>
  </si>
  <si>
    <t>2248489.0</t>
  </si>
  <si>
    <t>5296719.0</t>
  </si>
  <si>
    <t>2318331.0</t>
  </si>
  <si>
    <t>2248537.0</t>
  </si>
  <si>
    <t>131.42</t>
  </si>
  <si>
    <t>5298518.0</t>
  </si>
  <si>
    <t>2318409.0</t>
  </si>
  <si>
    <t>2248581.0</t>
  </si>
  <si>
    <t>131.47</t>
  </si>
  <si>
    <t>5300573.0</t>
  </si>
  <si>
    <t>2318453.0</t>
  </si>
  <si>
    <t>2248634.0</t>
  </si>
  <si>
    <t>5301100.0</t>
  </si>
  <si>
    <t>2318468.0</t>
  </si>
  <si>
    <t>2248642.0</t>
  </si>
  <si>
    <t>5301123.0</t>
  </si>
  <si>
    <t>21757.1</t>
  </si>
  <si>
    <t>5398.30054925601</t>
  </si>
  <si>
    <t>5302224.0</t>
  </si>
  <si>
    <t>2318503.0</t>
  </si>
  <si>
    <t>2248690.0</t>
  </si>
  <si>
    <t>5303527.0</t>
  </si>
  <si>
    <t>2318549.0</t>
  </si>
  <si>
    <t>2248732.0</t>
  </si>
  <si>
    <t>131.59</t>
  </si>
  <si>
    <t>5305393.0</t>
  </si>
  <si>
    <t>2318611.0</t>
  </si>
  <si>
    <t>2248791.0</t>
  </si>
  <si>
    <t>131.64</t>
  </si>
  <si>
    <t>5306965.0</t>
  </si>
  <si>
    <t>2318628.0</t>
  </si>
  <si>
    <t>2248819.0</t>
  </si>
  <si>
    <t>5308463.0</t>
  </si>
  <si>
    <t>2318680.0</t>
  </si>
  <si>
    <t>2248860.0</t>
  </si>
  <si>
    <t>131.71</t>
  </si>
  <si>
    <t>5309050.0</t>
  </si>
  <si>
    <t>2318692.0</t>
  </si>
  <si>
    <t>2248872.0</t>
  </si>
  <si>
    <t>5309052.0</t>
  </si>
  <si>
    <t>21854.1</t>
  </si>
  <si>
    <t>5422.3678722576</t>
  </si>
  <si>
    <t>5311360.0</t>
  </si>
  <si>
    <t>2318743.0</t>
  </si>
  <si>
    <t>2248929.0</t>
  </si>
  <si>
    <t>5313168.0</t>
  </si>
  <si>
    <t>2318815.0</t>
  </si>
  <si>
    <t>2248987.0</t>
  </si>
  <si>
    <t>5315060.0</t>
  </si>
  <si>
    <t>2318853.0</t>
  </si>
  <si>
    <t>2249019.0</t>
  </si>
  <si>
    <t>131.88</t>
  </si>
  <si>
    <t>5316863.0</t>
  </si>
  <si>
    <t>2318946.0</t>
  </si>
  <si>
    <t>2249095.0</t>
  </si>
  <si>
    <t>131.92</t>
  </si>
  <si>
    <t>5317293.0</t>
  </si>
  <si>
    <t>2318954.0</t>
  </si>
  <si>
    <t>2249105.0</t>
  </si>
  <si>
    <t>131.93</t>
  </si>
  <si>
    <t>5317304.0</t>
  </si>
  <si>
    <t>21906.5</t>
  </si>
  <si>
    <t>5435.36918901309</t>
  </si>
  <si>
    <t>5319280.0</t>
  </si>
  <si>
    <t>2319036.0</t>
  </si>
  <si>
    <t>2249162.0</t>
  </si>
  <si>
    <t>5321050.0</t>
  </si>
  <si>
    <t>2319073.0</t>
  </si>
  <si>
    <t>2249224.0</t>
  </si>
  <si>
    <t>5322158.0</t>
  </si>
  <si>
    <t>2319113.0</t>
  </si>
  <si>
    <t>2249256.0</t>
  </si>
  <si>
    <t>132.05</t>
  </si>
  <si>
    <t>5323857.0</t>
  </si>
  <si>
    <t>2319198.0</t>
  </si>
  <si>
    <t>2249318.0</t>
  </si>
  <si>
    <t>5323858.0</t>
  </si>
  <si>
    <t>21965.9</t>
  </si>
  <si>
    <t>5450.10732289242</t>
  </si>
  <si>
    <t>5324691.0</t>
  </si>
  <si>
    <t>2319233.0</t>
  </si>
  <si>
    <t>2249353.0</t>
  </si>
  <si>
    <t>5325551.0</t>
  </si>
  <si>
    <t>2319260.0</t>
  </si>
  <si>
    <t>2249381.0</t>
  </si>
  <si>
    <t>132.14</t>
  </si>
  <si>
    <t>5326713.0</t>
  </si>
  <si>
    <t>2319302.0</t>
  </si>
  <si>
    <t>2249416.0</t>
  </si>
  <si>
    <t>132.16</t>
  </si>
  <si>
    <t>5327917.0</t>
  </si>
  <si>
    <t>2319370.0</t>
  </si>
  <si>
    <t>2249458.0</t>
  </si>
  <si>
    <t>132.19</t>
  </si>
  <si>
    <t>5328878.0</t>
  </si>
  <si>
    <t>2319397.0</t>
  </si>
  <si>
    <t>2249489.0</t>
  </si>
  <si>
    <t>5329152.0</t>
  </si>
  <si>
    <t>2319433.0</t>
  </si>
  <si>
    <t>2249491.0</t>
  </si>
  <si>
    <t>132.23</t>
  </si>
  <si>
    <t>21995.1</t>
  </si>
  <si>
    <t>5457.35233146609</t>
  </si>
  <si>
    <t>5329455.0</t>
  </si>
  <si>
    <t>2319449.0</t>
  </si>
  <si>
    <t>2249499.0</t>
  </si>
  <si>
    <t>5330395.0</t>
  </si>
  <si>
    <t>2319496.0</t>
  </si>
  <si>
    <t>2249548.0</t>
  </si>
  <si>
    <t>132.26</t>
  </si>
  <si>
    <t>5331464.0</t>
  </si>
  <si>
    <t>2319585.0</t>
  </si>
  <si>
    <t>2249575.0</t>
  </si>
  <si>
    <t>5332263.0</t>
  </si>
  <si>
    <t>2319627.0</t>
  </si>
  <si>
    <t>2249614.0</t>
  </si>
  <si>
    <t>5332587.0</t>
  </si>
  <si>
    <t>2319644.0</t>
  </si>
  <si>
    <t>2249624.0</t>
  </si>
  <si>
    <t>132.31</t>
  </si>
  <si>
    <t>5332590.0</t>
  </si>
  <si>
    <t>2319645.0</t>
  </si>
  <si>
    <t>2249625.0</t>
  </si>
  <si>
    <t>21951.5</t>
  </si>
  <si>
    <t>5446.53444195197</t>
  </si>
  <si>
    <t>5333148.0</t>
  </si>
  <si>
    <t>2319697.0</t>
  </si>
  <si>
    <t>2249644.0</t>
  </si>
  <si>
    <t>5333985.0</t>
  </si>
  <si>
    <t>2319706.0</t>
  </si>
  <si>
    <t>2249657.0</t>
  </si>
  <si>
    <t>5335378.0</t>
  </si>
  <si>
    <t>2249694.0</t>
  </si>
  <si>
    <t>132.38</t>
  </si>
  <si>
    <t>5336376.0</t>
  </si>
  <si>
    <t>2319796.0</t>
  </si>
  <si>
    <t>2249729.0</t>
  </si>
  <si>
    <t>132.4</t>
  </si>
  <si>
    <t>5337252.0</t>
  </si>
  <si>
    <t>2319846.0</t>
  </si>
  <si>
    <t>2249772.0</t>
  </si>
  <si>
    <t>132.43</t>
  </si>
  <si>
    <t>5337473.0</t>
  </si>
  <si>
    <t>2319861.0</t>
  </si>
  <si>
    <t>2249778.0</t>
  </si>
  <si>
    <t>5337474.0</t>
  </si>
  <si>
    <t>5337990.0</t>
  </si>
  <si>
    <t>2319887.0</t>
  </si>
  <si>
    <t>2249805.0</t>
  </si>
  <si>
    <t>5338844.0</t>
  </si>
  <si>
    <t>2319937.0</t>
  </si>
  <si>
    <t>2249852.0</t>
  </si>
  <si>
    <t>5340056.0</t>
  </si>
  <si>
    <t>2319993.0</t>
  </si>
  <si>
    <t>2249901.0</t>
  </si>
  <si>
    <t>5341012.0</t>
  </si>
  <si>
    <t>2320023.0</t>
  </si>
  <si>
    <t>2249934.0</t>
  </si>
  <si>
    <t>5341014.0</t>
  </si>
  <si>
    <t>2249935.0</t>
  </si>
  <si>
    <t>5341097.0</t>
  </si>
  <si>
    <t>2320028.0</t>
  </si>
  <si>
    <t>2249946.0</t>
  </si>
  <si>
    <t>5341855.0</t>
  </si>
  <si>
    <t>2320081.0</t>
  </si>
  <si>
    <t>2249990.0</t>
  </si>
  <si>
    <t>5342638.0</t>
  </si>
  <si>
    <t>2320126.0</t>
  </si>
  <si>
    <t>2250032.0</t>
  </si>
  <si>
    <t>5343590.0</t>
  </si>
  <si>
    <t>2320137.0</t>
  </si>
  <si>
    <t>2250056.0</t>
  </si>
  <si>
    <t>5344331.0</t>
  </si>
  <si>
    <t>2320174.0</t>
  </si>
  <si>
    <t>2250085.0</t>
  </si>
  <si>
    <t>132.6</t>
  </si>
  <si>
    <t>5344595.0</t>
  </si>
  <si>
    <t>2320187.0</t>
  </si>
  <si>
    <t>2250086.0</t>
  </si>
  <si>
    <t>132.61</t>
  </si>
  <si>
    <t>5344872.0</t>
  </si>
  <si>
    <t>2320204.0</t>
  </si>
  <si>
    <t>2250102.0</t>
  </si>
  <si>
    <t>132.62</t>
  </si>
  <si>
    <t>5345377.0</t>
  </si>
  <si>
    <t>2320223.0</t>
  </si>
  <si>
    <t>2250124.0</t>
  </si>
  <si>
    <t>132.63</t>
  </si>
  <si>
    <t>5346265.0</t>
  </si>
  <si>
    <t>2320269.0</t>
  </si>
  <si>
    <t>2250158.0</t>
  </si>
  <si>
    <t>132.65</t>
  </si>
  <si>
    <t>5346805.0</t>
  </si>
  <si>
    <t>2320302.0</t>
  </si>
  <si>
    <t>2250187.0</t>
  </si>
  <si>
    <t>5347342.0</t>
  </si>
  <si>
    <t>2320323.0</t>
  </si>
  <si>
    <t>2250209.0</t>
  </si>
  <si>
    <t>132.68</t>
  </si>
  <si>
    <t>5347466.0</t>
  </si>
  <si>
    <t>2320332.0</t>
  </si>
  <si>
    <t>2250211.0</t>
  </si>
  <si>
    <t>5347721.0</t>
  </si>
  <si>
    <t>2320351.0</t>
  </si>
  <si>
    <t>2250240.0</t>
  </si>
  <si>
    <t>132.69</t>
  </si>
  <si>
    <t>5349204.0</t>
  </si>
  <si>
    <t>2320430.0</t>
  </si>
  <si>
    <t>2250305.0</t>
  </si>
  <si>
    <t>5349798.0</t>
  </si>
  <si>
    <t>2320464.0</t>
  </si>
  <si>
    <t>2250324.0</t>
  </si>
  <si>
    <t>132.74</t>
  </si>
  <si>
    <t>5349969.0</t>
  </si>
  <si>
    <t>2320476.0</t>
  </si>
  <si>
    <t>2250339.0</t>
  </si>
  <si>
    <t>5350265.0</t>
  </si>
  <si>
    <t>2320492.0</t>
  </si>
  <si>
    <t>2250353.0</t>
  </si>
  <si>
    <t>5350663.0</t>
  </si>
  <si>
    <t>2320505.0</t>
  </si>
  <si>
    <t>2250364.0</t>
  </si>
  <si>
    <t>5351054.0</t>
  </si>
  <si>
    <t>2320518.0</t>
  </si>
  <si>
    <t>2250378.0</t>
  </si>
  <si>
    <t>5351399.0</t>
  </si>
  <si>
    <t>2320529.0</t>
  </si>
  <si>
    <t>2250394.0</t>
  </si>
  <si>
    <t>5351454.0</t>
  </si>
  <si>
    <t>2320531.0</t>
  </si>
  <si>
    <t>2250396.0</t>
  </si>
  <si>
    <t>5351648.0</t>
  </si>
  <si>
    <t>2320544.0</t>
  </si>
  <si>
    <t>2250409.0</t>
  </si>
  <si>
    <t>5351982.0</t>
  </si>
  <si>
    <t>2320562.0</t>
  </si>
  <si>
    <t>2250424.0</t>
  </si>
  <si>
    <t>5352490.0</t>
  </si>
  <si>
    <t>2320585.0</t>
  </si>
  <si>
    <t>2250460.0</t>
  </si>
  <si>
    <t>5352765.0</t>
  </si>
  <si>
    <t>2320594.0</t>
  </si>
  <si>
    <t>2250474.0</t>
  </si>
  <si>
    <t>5352966.0</t>
  </si>
  <si>
    <t>2320613.0</t>
  </si>
  <si>
    <t>2250491.0</t>
  </si>
  <si>
    <t>5352973.0</t>
  </si>
  <si>
    <t>5352983.0</t>
  </si>
  <si>
    <t>5353186.0</t>
  </si>
  <si>
    <t>2320622.0</t>
  </si>
  <si>
    <t>2250505.0</t>
  </si>
  <si>
    <t>5353535.0</t>
  </si>
  <si>
    <t>2320640.0</t>
  </si>
  <si>
    <t>2250524.0</t>
  </si>
  <si>
    <t>132.83</t>
  </si>
  <si>
    <t>5353840.0</t>
  </si>
  <si>
    <t>2320661.0</t>
  </si>
  <si>
    <t>2250547.0</t>
  </si>
  <si>
    <t>5354058.0</t>
  </si>
  <si>
    <t>2320672.0</t>
  </si>
  <si>
    <t>2250557.0</t>
  </si>
  <si>
    <t>5354084.0</t>
  </si>
  <si>
    <t>2320673.0</t>
  </si>
  <si>
    <t>2250559.0</t>
  </si>
  <si>
    <t>5354198.0</t>
  </si>
  <si>
    <t>2320679.0</t>
  </si>
  <si>
    <t>2250567.0</t>
  </si>
  <si>
    <t>5354375.0</t>
  </si>
  <si>
    <t>2320685.0</t>
  </si>
  <si>
    <t>2250581.0</t>
  </si>
  <si>
    <t>5354764.0</t>
  </si>
  <si>
    <t>2320700.0</t>
  </si>
  <si>
    <t>2250595.0</t>
  </si>
  <si>
    <t>CUB</t>
  </si>
  <si>
    <t>Cuba</t>
  </si>
  <si>
    <t>739.1</t>
  </si>
  <si>
    <t>65.9192782717537</t>
  </si>
  <si>
    <t>15057.0</t>
  </si>
  <si>
    <t>17133.0</t>
  </si>
  <si>
    <t>20451.0</t>
  </si>
  <si>
    <t>21837.0</t>
  </si>
  <si>
    <t>23317.0</t>
  </si>
  <si>
    <t>25212.0</t>
  </si>
  <si>
    <t>34243.0</t>
  </si>
  <si>
    <t>37991.0</t>
  </si>
  <si>
    <t>43508.0</t>
  </si>
  <si>
    <t>45344.0</t>
  </si>
  <si>
    <t>4.028</t>
  </si>
  <si>
    <t>47347.0</t>
  </si>
  <si>
    <t>4.206</t>
  </si>
  <si>
    <t>49409.0</t>
  </si>
  <si>
    <t>1279.4</t>
  </si>
  <si>
    <t>114.107867163958</t>
  </si>
  <si>
    <t>51506.0</t>
  </si>
  <si>
    <t>53545.0</t>
  </si>
  <si>
    <t>4.757</t>
  </si>
  <si>
    <t>55542.0</t>
  </si>
  <si>
    <t>4.934</t>
  </si>
  <si>
    <t>59648.0</t>
  </si>
  <si>
    <t>5.299</t>
  </si>
  <si>
    <t>61613.0</t>
  </si>
  <si>
    <t>5.474</t>
  </si>
  <si>
    <t>63560.0</t>
  </si>
  <si>
    <t>67335.0</t>
  </si>
  <si>
    <t>5.982</t>
  </si>
  <si>
    <t>69182.0</t>
  </si>
  <si>
    <t>6.146</t>
  </si>
  <si>
    <t>116.9</t>
  </si>
  <si>
    <t>6.497</t>
  </si>
  <si>
    <t>6.676</t>
  </si>
  <si>
    <t>126.5</t>
  </si>
  <si>
    <t>77374.0</t>
  </si>
  <si>
    <t>6.874</t>
  </si>
  <si>
    <t>79834.0</t>
  </si>
  <si>
    <t>7.092</t>
  </si>
  <si>
    <t>81917.0</t>
  </si>
  <si>
    <t>7.277</t>
  </si>
  <si>
    <t>83868.0</t>
  </si>
  <si>
    <t>7.451</t>
  </si>
  <si>
    <t>7.601</t>
  </si>
  <si>
    <t>87288.0</t>
  </si>
  <si>
    <t>89031.0</t>
  </si>
  <si>
    <t>7.909</t>
  </si>
  <si>
    <t>90911.0</t>
  </si>
  <si>
    <t>8.076</t>
  </si>
  <si>
    <t>92629.0</t>
  </si>
  <si>
    <t>8.229</t>
  </si>
  <si>
    <t>94060.0</t>
  </si>
  <si>
    <t>8.356</t>
  </si>
  <si>
    <t>95511.0</t>
  </si>
  <si>
    <t>8.485</t>
  </si>
  <si>
    <t>168.7</t>
  </si>
  <si>
    <t>97003.0</t>
  </si>
  <si>
    <t>8.618</t>
  </si>
  <si>
    <t>98381.0</t>
  </si>
  <si>
    <t>144.8</t>
  </si>
  <si>
    <t>101108.0</t>
  </si>
  <si>
    <t>103123.0</t>
  </si>
  <si>
    <t>9.161</t>
  </si>
  <si>
    <t>105274.0</t>
  </si>
  <si>
    <t>119.3</t>
  </si>
  <si>
    <t>107037.0</t>
  </si>
  <si>
    <t>9.509</t>
  </si>
  <si>
    <t>817.3</t>
  </si>
  <si>
    <t>72.8938251001276</t>
  </si>
  <si>
    <t>108389.0</t>
  </si>
  <si>
    <t>110349.0</t>
  </si>
  <si>
    <t>9.803</t>
  </si>
  <si>
    <t>114464.0</t>
  </si>
  <si>
    <t>116468.0</t>
  </si>
  <si>
    <t>10.347</t>
  </si>
  <si>
    <t>118488.0</t>
  </si>
  <si>
    <t>120536.0</t>
  </si>
  <si>
    <t>122603.0</t>
  </si>
  <si>
    <t>124947.0</t>
  </si>
  <si>
    <t>127042.0</t>
  </si>
  <si>
    <t>129132.0</t>
  </si>
  <si>
    <t>131628.0</t>
  </si>
  <si>
    <t>133763.0</t>
  </si>
  <si>
    <t>11.883</t>
  </si>
  <si>
    <t>136249.0</t>
  </si>
  <si>
    <t>12.104</t>
  </si>
  <si>
    <t>275.7</t>
  </si>
  <si>
    <t>138831.0</t>
  </si>
  <si>
    <t>12.334</t>
  </si>
  <si>
    <t>261.7</t>
  </si>
  <si>
    <t>141151.0</t>
  </si>
  <si>
    <t>143733.0</t>
  </si>
  <si>
    <t>12.769</t>
  </si>
  <si>
    <t>146276.0</t>
  </si>
  <si>
    <t>12.995</t>
  </si>
  <si>
    <t>148812.0</t>
  </si>
  <si>
    <t>151164.0</t>
  </si>
  <si>
    <t>13.429</t>
  </si>
  <si>
    <t>245.1</t>
  </si>
  <si>
    <t>153233.0</t>
  </si>
  <si>
    <t>13.613</t>
  </si>
  <si>
    <t>155381.0</t>
  </si>
  <si>
    <t>13.804</t>
  </si>
  <si>
    <t>312.2</t>
  </si>
  <si>
    <t>360.7</t>
  </si>
  <si>
    <t>14.176</t>
  </si>
  <si>
    <t>406.2</t>
  </si>
  <si>
    <t>161674.0</t>
  </si>
  <si>
    <t>592.4</t>
  </si>
  <si>
    <t>163962.0</t>
  </si>
  <si>
    <t>14.566</t>
  </si>
  <si>
    <t>166335.0</t>
  </si>
  <si>
    <t>168545.0</t>
  </si>
  <si>
    <t>14.973</t>
  </si>
  <si>
    <t>765.5</t>
  </si>
  <si>
    <t>170791.0</t>
  </si>
  <si>
    <t>15.173</t>
  </si>
  <si>
    <t>616.4</t>
  </si>
  <si>
    <t>173063.0</t>
  </si>
  <si>
    <t>15.375</t>
  </si>
  <si>
    <t>681.4</t>
  </si>
  <si>
    <t>356.4</t>
  </si>
  <si>
    <t>-5.02</t>
  </si>
  <si>
    <t>31.7868093303383</t>
  </si>
  <si>
    <t>175372.0</t>
  </si>
  <si>
    <t>544.8</t>
  </si>
  <si>
    <t>178062.0</t>
  </si>
  <si>
    <t>15.819</t>
  </si>
  <si>
    <t>512.1</t>
  </si>
  <si>
    <t>180697.0</t>
  </si>
  <si>
    <t>16.053</t>
  </si>
  <si>
    <t>464.9</t>
  </si>
  <si>
    <t>186518.0</t>
  </si>
  <si>
    <t>449.4</t>
  </si>
  <si>
    <t>189599.0</t>
  </si>
  <si>
    <t>16.844</t>
  </si>
  <si>
    <t>470.2</t>
  </si>
  <si>
    <t>192443.0</t>
  </si>
  <si>
    <t>17.096</t>
  </si>
  <si>
    <t>195534.0</t>
  </si>
  <si>
    <t>395.3</t>
  </si>
  <si>
    <t>198675.0</t>
  </si>
  <si>
    <t>412.3</t>
  </si>
  <si>
    <t>202014.0</t>
  </si>
  <si>
    <t>17.947</t>
  </si>
  <si>
    <t>409.9</t>
  </si>
  <si>
    <t>205120.0</t>
  </si>
  <si>
    <t>18.223</t>
  </si>
  <si>
    <t>208098.0</t>
  </si>
  <si>
    <t>18.487</t>
  </si>
  <si>
    <t>399.7</t>
  </si>
  <si>
    <t>211427.0</t>
  </si>
  <si>
    <t>18.783</t>
  </si>
  <si>
    <t>454.7</t>
  </si>
  <si>
    <t>214799.0</t>
  </si>
  <si>
    <t>19.082</t>
  </si>
  <si>
    <t>604.2</t>
  </si>
  <si>
    <t>217560.0</t>
  </si>
  <si>
    <t>564.9</t>
  </si>
  <si>
    <t>220739.0</t>
  </si>
  <si>
    <t>596.3</t>
  </si>
  <si>
    <t>223698.0</t>
  </si>
  <si>
    <t>19.873</t>
  </si>
  <si>
    <t>699.5</t>
  </si>
  <si>
    <t>226443.0</t>
  </si>
  <si>
    <t>20.117</t>
  </si>
  <si>
    <t>229357.0</t>
  </si>
  <si>
    <t>20.376</t>
  </si>
  <si>
    <t>232103.0</t>
  </si>
  <si>
    <t>234817.0</t>
  </si>
  <si>
    <t>20.861</t>
  </si>
  <si>
    <t>237819.0</t>
  </si>
  <si>
    <t>21.128</t>
  </si>
  <si>
    <t>240894.0</t>
  </si>
  <si>
    <t>21.401</t>
  </si>
  <si>
    <t>775.2</t>
  </si>
  <si>
    <t>244020.0</t>
  </si>
  <si>
    <t>21.678</t>
  </si>
  <si>
    <t>812.9</t>
  </si>
  <si>
    <t>247203.0</t>
  </si>
  <si>
    <t>21.961</t>
  </si>
  <si>
    <t>629.2</t>
  </si>
  <si>
    <t>250415.0</t>
  </si>
  <si>
    <t>22.247</t>
  </si>
  <si>
    <t>429.7</t>
  </si>
  <si>
    <t>253761.0</t>
  </si>
  <si>
    <t>22.544</t>
  </si>
  <si>
    <t>256996.0</t>
  </si>
  <si>
    <t>22.831</t>
  </si>
  <si>
    <t>260451.0</t>
  </si>
  <si>
    <t>23.138</t>
  </si>
  <si>
    <t>264147.0</t>
  </si>
  <si>
    <t>23.466</t>
  </si>
  <si>
    <t>267649.0</t>
  </si>
  <si>
    <t>23.778</t>
  </si>
  <si>
    <t>-231.5</t>
  </si>
  <si>
    <t>-5.95</t>
  </si>
  <si>
    <t>-20.647155892181</t>
  </si>
  <si>
    <t>24.074</t>
  </si>
  <si>
    <t>274474.0</t>
  </si>
  <si>
    <t>24.384</t>
  </si>
  <si>
    <t>277863.0</t>
  </si>
  <si>
    <t>24.685</t>
  </si>
  <si>
    <t>281595.0</t>
  </si>
  <si>
    <t>25.016</t>
  </si>
  <si>
    <t>285471.0</t>
  </si>
  <si>
    <t>25.361</t>
  </si>
  <si>
    <t>289412.0</t>
  </si>
  <si>
    <t>25.711</t>
  </si>
  <si>
    <t>293069.0</t>
  </si>
  <si>
    <t>26.036</t>
  </si>
  <si>
    <t>297331.0</t>
  </si>
  <si>
    <t>26.414</t>
  </si>
  <si>
    <t>301598.0</t>
  </si>
  <si>
    <t>26.794</t>
  </si>
  <si>
    <t>305652.0</t>
  </si>
  <si>
    <t>27.154</t>
  </si>
  <si>
    <t>309908.0</t>
  </si>
  <si>
    <t>27.532</t>
  </si>
  <si>
    <t>314499.0</t>
  </si>
  <si>
    <t>319440.0</t>
  </si>
  <si>
    <t>28.379</t>
  </si>
  <si>
    <t>324043.0</t>
  </si>
  <si>
    <t>327689.0</t>
  </si>
  <si>
    <t>29.111</t>
  </si>
  <si>
    <t>332039.0</t>
  </si>
  <si>
    <t>29.498</t>
  </si>
  <si>
    <t>336333.0</t>
  </si>
  <si>
    <t>29.879</t>
  </si>
  <si>
    <t>341323.0</t>
  </si>
  <si>
    <t>4990.0</t>
  </si>
  <si>
    <t>30.323</t>
  </si>
  <si>
    <t>99.7</t>
  </si>
  <si>
    <t>346439.0</t>
  </si>
  <si>
    <t>30.777</t>
  </si>
  <si>
    <t>4563.0</t>
  </si>
  <si>
    <t>351663.0</t>
  </si>
  <si>
    <t>31.241</t>
  </si>
  <si>
    <t>356225.0</t>
  </si>
  <si>
    <t>31.647</t>
  </si>
  <si>
    <t>361092.0</t>
  </si>
  <si>
    <t>32.079</t>
  </si>
  <si>
    <t>365353.0</t>
  </si>
  <si>
    <t>32.457</t>
  </si>
  <si>
    <t>369889.0</t>
  </si>
  <si>
    <t>372945.0</t>
  </si>
  <si>
    <t>33.132</t>
  </si>
  <si>
    <t>377494.0</t>
  </si>
  <si>
    <t>33.536</t>
  </si>
  <si>
    <t>382496.0</t>
  </si>
  <si>
    <t>127.9</t>
  </si>
  <si>
    <t>388194.0</t>
  </si>
  <si>
    <t>34.487</t>
  </si>
  <si>
    <t>392785.0</t>
  </si>
  <si>
    <t>34.894</t>
  </si>
  <si>
    <t>398223.0</t>
  </si>
  <si>
    <t>35.378</t>
  </si>
  <si>
    <t>403181.0</t>
  </si>
  <si>
    <t>35.818</t>
  </si>
  <si>
    <t>105.7</t>
  </si>
  <si>
    <t>-331.2</t>
  </si>
  <si>
    <t>-1.05</t>
  </si>
  <si>
    <t>-29.5392571554658</t>
  </si>
  <si>
    <t>408727.0</t>
  </si>
  <si>
    <t>36.311</t>
  </si>
  <si>
    <t>414418.0</t>
  </si>
  <si>
    <t>36.816</t>
  </si>
  <si>
    <t>420273.0</t>
  </si>
  <si>
    <t>37.336</t>
  </si>
  <si>
    <t>426280.0</t>
  </si>
  <si>
    <t>37.87</t>
  </si>
  <si>
    <t>432040.0</t>
  </si>
  <si>
    <t>38.382</t>
  </si>
  <si>
    <t>439204.0</t>
  </si>
  <si>
    <t>39.018</t>
  </si>
  <si>
    <t>446776.0</t>
  </si>
  <si>
    <t>39.691</t>
  </si>
  <si>
    <t>454724.0</t>
  </si>
  <si>
    <t>40.397</t>
  </si>
  <si>
    <t>462293.0</t>
  </si>
  <si>
    <t>41.069</t>
  </si>
  <si>
    <t>143.8</t>
  </si>
  <si>
    <t>469431.0</t>
  </si>
  <si>
    <t>41.704</t>
  </si>
  <si>
    <t>477559.0</t>
  </si>
  <si>
    <t>42.426</t>
  </si>
  <si>
    <t>485147.0</t>
  </si>
  <si>
    <t>492527.0</t>
  </si>
  <si>
    <t>500285.0</t>
  </si>
  <si>
    <t>44.445</t>
  </si>
  <si>
    <t>508224.0</t>
  </si>
  <si>
    <t>515969.0</t>
  </si>
  <si>
    <t>45.838</t>
  </si>
  <si>
    <t>128.7</t>
  </si>
  <si>
    <t>524374.0</t>
  </si>
  <si>
    <t>46.585</t>
  </si>
  <si>
    <t>531928.0</t>
  </si>
  <si>
    <t>47.256</t>
  </si>
  <si>
    <t>538652.0</t>
  </si>
  <si>
    <t>47.853</t>
  </si>
  <si>
    <t>546250.0</t>
  </si>
  <si>
    <t>7598.0</t>
  </si>
  <si>
    <t>48.528</t>
  </si>
  <si>
    <t>554425.0</t>
  </si>
  <si>
    <t>49.254</t>
  </si>
  <si>
    <t>561746.0</t>
  </si>
  <si>
    <t>49.905</t>
  </si>
  <si>
    <t>569371.0</t>
  </si>
  <si>
    <t>7625.0</t>
  </si>
  <si>
    <t>50.582</t>
  </si>
  <si>
    <t>577150.0</t>
  </si>
  <si>
    <t>51.273</t>
  </si>
  <si>
    <t>7539.0</t>
  </si>
  <si>
    <t>51.961</t>
  </si>
  <si>
    <t>591921.0</t>
  </si>
  <si>
    <t>52.585</t>
  </si>
  <si>
    <t>149.2</t>
  </si>
  <si>
    <t>599020.0</t>
  </si>
  <si>
    <t>53.216</t>
  </si>
  <si>
    <t>606444.0</t>
  </si>
  <si>
    <t>7424.0</t>
  </si>
  <si>
    <t>53.876</t>
  </si>
  <si>
    <t>613994.0</t>
  </si>
  <si>
    <t>54.546</t>
  </si>
  <si>
    <t>621180.0</t>
  </si>
  <si>
    <t>55.185</t>
  </si>
  <si>
    <t>7401.0</t>
  </si>
  <si>
    <t>158.4</t>
  </si>
  <si>
    <t>-934.3</t>
  </si>
  <si>
    <t>-1.12</t>
  </si>
  <si>
    <t>-6.74</t>
  </si>
  <si>
    <t>-83.328888769178</t>
  </si>
  <si>
    <t>628725.0</t>
  </si>
  <si>
    <t>55.855</t>
  </si>
  <si>
    <t>636163.0</t>
  </si>
  <si>
    <t>56.516</t>
  </si>
  <si>
    <t>7324.0</t>
  </si>
  <si>
    <t>643701.0</t>
  </si>
  <si>
    <t>57.185</t>
  </si>
  <si>
    <t>140.7</t>
  </si>
  <si>
    <t>651035.0</t>
  </si>
  <si>
    <t>57.837</t>
  </si>
  <si>
    <t>656805.0</t>
  </si>
  <si>
    <t>139.1</t>
  </si>
  <si>
    <t>663612.0</t>
  </si>
  <si>
    <t>58.954</t>
  </si>
  <si>
    <t>670744.0</t>
  </si>
  <si>
    <t>59.588</t>
  </si>
  <si>
    <t>7081.0</t>
  </si>
  <si>
    <t>164.7</t>
  </si>
  <si>
    <t>677952.0</t>
  </si>
  <si>
    <t>60.228</t>
  </si>
  <si>
    <t>685018.0</t>
  </si>
  <si>
    <t>691743.0</t>
  </si>
  <si>
    <t>61.453</t>
  </si>
  <si>
    <t>699646.0</t>
  </si>
  <si>
    <t>62.156</t>
  </si>
  <si>
    <t>287.6</t>
  </si>
  <si>
    <t>706301.0</t>
  </si>
  <si>
    <t>62.747</t>
  </si>
  <si>
    <t>7071.0</t>
  </si>
  <si>
    <t>713059.0</t>
  </si>
  <si>
    <t>63.347</t>
  </si>
  <si>
    <t>720834.0</t>
  </si>
  <si>
    <t>64.038</t>
  </si>
  <si>
    <t>365.6</t>
  </si>
  <si>
    <t>728426.0</t>
  </si>
  <si>
    <t>64.712</t>
  </si>
  <si>
    <t>735511.0</t>
  </si>
  <si>
    <t>65.342</t>
  </si>
  <si>
    <t>288.5</t>
  </si>
  <si>
    <t>743416.0</t>
  </si>
  <si>
    <t>66.044</t>
  </si>
  <si>
    <t>232.8</t>
  </si>
  <si>
    <t>749924.0</t>
  </si>
  <si>
    <t>66.622</t>
  </si>
  <si>
    <t>756623.0</t>
  </si>
  <si>
    <t>67.217</t>
  </si>
  <si>
    <t>763342.0</t>
  </si>
  <si>
    <t>67.814</t>
  </si>
  <si>
    <t>770140.0</t>
  </si>
  <si>
    <t>68.418</t>
  </si>
  <si>
    <t>777247.0</t>
  </si>
  <si>
    <t>784346.0</t>
  </si>
  <si>
    <t>135.3</t>
  </si>
  <si>
    <t>792218.0</t>
  </si>
  <si>
    <t>800187.0</t>
  </si>
  <si>
    <t>71.087</t>
  </si>
  <si>
    <t>808077.0</t>
  </si>
  <si>
    <t>71.788</t>
  </si>
  <si>
    <t>816278.0</t>
  </si>
  <si>
    <t>72.517</t>
  </si>
  <si>
    <t>7562.0</t>
  </si>
  <si>
    <t>824042.0</t>
  </si>
  <si>
    <t>73.207</t>
  </si>
  <si>
    <t>150.1</t>
  </si>
  <si>
    <t>832287.0</t>
  </si>
  <si>
    <t>73.939</t>
  </si>
  <si>
    <t>841281.0</t>
  </si>
  <si>
    <t>849939.0</t>
  </si>
  <si>
    <t>75.507</t>
  </si>
  <si>
    <t>-1132.6</t>
  </si>
  <si>
    <t>-101.014983859543</t>
  </si>
  <si>
    <t>858131.0</t>
  </si>
  <si>
    <t>76.235</t>
  </si>
  <si>
    <t>866228.0</t>
  </si>
  <si>
    <t>76.954</t>
  </si>
  <si>
    <t>874702.0</t>
  </si>
  <si>
    <t>163.6</t>
  </si>
  <si>
    <t>883701.0</t>
  </si>
  <si>
    <t>78.507</t>
  </si>
  <si>
    <t>891877.0</t>
  </si>
  <si>
    <t>79.233</t>
  </si>
  <si>
    <t>901541.0</t>
  </si>
  <si>
    <t>80.092</t>
  </si>
  <si>
    <t>909632.0</t>
  </si>
  <si>
    <t>918559.0</t>
  </si>
  <si>
    <t>81.603</t>
  </si>
  <si>
    <t>166.9</t>
  </si>
  <si>
    <t>926778.0</t>
  </si>
  <si>
    <t>82.334</t>
  </si>
  <si>
    <t>8650.0</t>
  </si>
  <si>
    <t>935581.0</t>
  </si>
  <si>
    <t>83.116</t>
  </si>
  <si>
    <t>943784.0</t>
  </si>
  <si>
    <t>83.844</t>
  </si>
  <si>
    <t>952505.0</t>
  </si>
  <si>
    <t>84.619</t>
  </si>
  <si>
    <t>200.1</t>
  </si>
  <si>
    <t>960579.0</t>
  </si>
  <si>
    <t>8074.0</t>
  </si>
  <si>
    <t>85.336</t>
  </si>
  <si>
    <t>8434.0</t>
  </si>
  <si>
    <t>969339.0</t>
  </si>
  <si>
    <t>86.115</t>
  </si>
  <si>
    <t>977916.0</t>
  </si>
  <si>
    <t>86.877</t>
  </si>
  <si>
    <t>8480.0</t>
  </si>
  <si>
    <t>202.6</t>
  </si>
  <si>
    <t>985701.0</t>
  </si>
  <si>
    <t>87.568</t>
  </si>
  <si>
    <t>203.2</t>
  </si>
  <si>
    <t>993686.0</t>
  </si>
  <si>
    <t>88.278</t>
  </si>
  <si>
    <t>1002370.0</t>
  </si>
  <si>
    <t>89.049</t>
  </si>
  <si>
    <t>1012786.0</t>
  </si>
  <si>
    <t>89.974</t>
  </si>
  <si>
    <t>8612.0</t>
  </si>
  <si>
    <t>253.3</t>
  </si>
  <si>
    <t>1022379.0</t>
  </si>
  <si>
    <t>90.827</t>
  </si>
  <si>
    <t>8829.0</t>
  </si>
  <si>
    <t>1032492.0</t>
  </si>
  <si>
    <t>91.725</t>
  </si>
  <si>
    <t>274.6</t>
  </si>
  <si>
    <t>1042469.0</t>
  </si>
  <si>
    <t>1051530.0</t>
  </si>
  <si>
    <t>93.416</t>
  </si>
  <si>
    <t>274.3</t>
  </si>
  <si>
    <t>1061511.0</t>
  </si>
  <si>
    <t>94.303</t>
  </si>
  <si>
    <t>9689.0</t>
  </si>
  <si>
    <t>1072107.0</t>
  </si>
  <si>
    <t>10596.0</t>
  </si>
  <si>
    <t>95.244</t>
  </si>
  <si>
    <t>1083028.0</t>
  </si>
  <si>
    <t>96.215</t>
  </si>
  <si>
    <t>1093175.0</t>
  </si>
  <si>
    <t>10147.0</t>
  </si>
  <si>
    <t>97.116</t>
  </si>
  <si>
    <t>1103641.0</t>
  </si>
  <si>
    <t>10466.0</t>
  </si>
  <si>
    <t>98.046</t>
  </si>
  <si>
    <t>1115144.0</t>
  </si>
  <si>
    <t>99.068</t>
  </si>
  <si>
    <t>1125751.0</t>
  </si>
  <si>
    <t>10603.0</t>
  </si>
  <si>
    <t>183.3</t>
  </si>
  <si>
    <t>-941.7</t>
  </si>
  <si>
    <t>-83.9888842491008</t>
  </si>
  <si>
    <t>1135511.0</t>
  </si>
  <si>
    <t>100.877</t>
  </si>
  <si>
    <t>171.7</t>
  </si>
  <si>
    <t>1146603.0</t>
  </si>
  <si>
    <t>101.863</t>
  </si>
  <si>
    <t>173.2</t>
  </si>
  <si>
    <t>1157127.0</t>
  </si>
  <si>
    <t>102.798</t>
  </si>
  <si>
    <t>10586.0</t>
  </si>
  <si>
    <t>1166513.0</t>
  </si>
  <si>
    <t>103.631</t>
  </si>
  <si>
    <t>1176522.0</t>
  </si>
  <si>
    <t>104.521</t>
  </si>
  <si>
    <t>1186621.0</t>
  </si>
  <si>
    <t>130.2</t>
  </si>
  <si>
    <t>1197963.0</t>
  </si>
  <si>
    <t>106.425</t>
  </si>
  <si>
    <t>1208482.0</t>
  </si>
  <si>
    <t>10519.0</t>
  </si>
  <si>
    <t>107.36</t>
  </si>
  <si>
    <t>1218718.0</t>
  </si>
  <si>
    <t>1229513.0</t>
  </si>
  <si>
    <t>109.228</t>
  </si>
  <si>
    <t>1239997.0</t>
  </si>
  <si>
    <t>10484.0</t>
  </si>
  <si>
    <t>110.16</t>
  </si>
  <si>
    <t>10498.0</t>
  </si>
  <si>
    <t>1251767.0</t>
  </si>
  <si>
    <t>111.205</t>
  </si>
  <si>
    <t>1261754.0</t>
  </si>
  <si>
    <t>112.092</t>
  </si>
  <si>
    <t>10733.0</t>
  </si>
  <si>
    <t>1272319.0</t>
  </si>
  <si>
    <t>10565.0</t>
  </si>
  <si>
    <t>113.031</t>
  </si>
  <si>
    <t>1283188.0</t>
  </si>
  <si>
    <t>113.997</t>
  </si>
  <si>
    <t>1294052.0</t>
  </si>
  <si>
    <t>114.962</t>
  </si>
  <si>
    <t>1304921.0</t>
  </si>
  <si>
    <t>115.927</t>
  </si>
  <si>
    <t>10773.0</t>
  </si>
  <si>
    <t>1316973.0</t>
  </si>
  <si>
    <t>116.998</t>
  </si>
  <si>
    <t>1329615.0</t>
  </si>
  <si>
    <t>12642.0</t>
  </si>
  <si>
    <t>118.121</t>
  </si>
  <si>
    <t>11121.0</t>
  </si>
  <si>
    <t>1343993.0</t>
  </si>
  <si>
    <t>119.398</t>
  </si>
  <si>
    <t>1356561.0</t>
  </si>
  <si>
    <t>120.515</t>
  </si>
  <si>
    <t>12035.0</t>
  </si>
  <si>
    <t>1368768.0</t>
  </si>
  <si>
    <t>121.599</t>
  </si>
  <si>
    <t>12226.0</t>
  </si>
  <si>
    <t>1381876.0</t>
  </si>
  <si>
    <t>122.764</t>
  </si>
  <si>
    <t>12546.0</t>
  </si>
  <si>
    <t>1394347.0</t>
  </si>
  <si>
    <t>12471.0</t>
  </si>
  <si>
    <t>123.872</t>
  </si>
  <si>
    <t>12775.0</t>
  </si>
  <si>
    <t>1406602.0</t>
  </si>
  <si>
    <t>124.961</t>
  </si>
  <si>
    <t>12804.0</t>
  </si>
  <si>
    <t>1420514.0</t>
  </si>
  <si>
    <t>126.196</t>
  </si>
  <si>
    <t>1434139.0</t>
  </si>
  <si>
    <t>127.407</t>
  </si>
  <si>
    <t>1448906.0</t>
  </si>
  <si>
    <t>128.719</t>
  </si>
  <si>
    <t>1462068.0</t>
  </si>
  <si>
    <t>129.888</t>
  </si>
  <si>
    <t>13329.0</t>
  </si>
  <si>
    <t>1476673.0</t>
  </si>
  <si>
    <t>14605.0</t>
  </si>
  <si>
    <t>131.186</t>
  </si>
  <si>
    <t>1490767.0</t>
  </si>
  <si>
    <t>132.438</t>
  </si>
  <si>
    <t>13774.0</t>
  </si>
  <si>
    <t>505.2</t>
  </si>
  <si>
    <t>45.0580697914896</t>
  </si>
  <si>
    <t>1502010.0</t>
  </si>
  <si>
    <t>133.436</t>
  </si>
  <si>
    <t>13630.0</t>
  </si>
  <si>
    <t>1513264.0</t>
  </si>
  <si>
    <t>134.436</t>
  </si>
  <si>
    <t>1523288.0</t>
  </si>
  <si>
    <t>135.327</t>
  </si>
  <si>
    <t>1532042.0</t>
  </si>
  <si>
    <t>11877.0</t>
  </si>
  <si>
    <t>1542178.0</t>
  </si>
  <si>
    <t>10136.0</t>
  </si>
  <si>
    <t>137.005</t>
  </si>
  <si>
    <t>1553574.0</t>
  </si>
  <si>
    <t>138.017</t>
  </si>
  <si>
    <t>1565666.0</t>
  </si>
  <si>
    <t>12092.0</t>
  </si>
  <si>
    <t>139.092</t>
  </si>
  <si>
    <t>1579258.0</t>
  </si>
  <si>
    <t>140.299</t>
  </si>
  <si>
    <t>11035.0</t>
  </si>
  <si>
    <t>1592607.0</t>
  </si>
  <si>
    <t>141.485</t>
  </si>
  <si>
    <t>11335.0</t>
  </si>
  <si>
    <t>1605819.0</t>
  </si>
  <si>
    <t>13212.0</t>
  </si>
  <si>
    <t>142.659</t>
  </si>
  <si>
    <t>1620169.0</t>
  </si>
  <si>
    <t>143.933</t>
  </si>
  <si>
    <t>1634430.0</t>
  </si>
  <si>
    <t>14261.0</t>
  </si>
  <si>
    <t>1649009.0</t>
  </si>
  <si>
    <t>146.496</t>
  </si>
  <si>
    <t>1663559.0</t>
  </si>
  <si>
    <t>147.788</t>
  </si>
  <si>
    <t>1676882.0</t>
  </si>
  <si>
    <t>13323.0</t>
  </si>
  <si>
    <t>148.972</t>
  </si>
  <si>
    <t>1689747.0</t>
  </si>
  <si>
    <t>150.115</t>
  </si>
  <si>
    <t>1701134.0</t>
  </si>
  <si>
    <t>151.126</t>
  </si>
  <si>
    <t>1713810.0</t>
  </si>
  <si>
    <t>12676.0</t>
  </si>
  <si>
    <t>1724741.0</t>
  </si>
  <si>
    <t>153.224</t>
  </si>
  <si>
    <t>1736174.0</t>
  </si>
  <si>
    <t>154.239</t>
  </si>
  <si>
    <t>1749623.0</t>
  </si>
  <si>
    <t>155.434</t>
  </si>
  <si>
    <t>1763994.0</t>
  </si>
  <si>
    <t>156.711</t>
  </si>
  <si>
    <t>1778231.0</t>
  </si>
  <si>
    <t>14237.0</t>
  </si>
  <si>
    <t>157.976</t>
  </si>
  <si>
    <t>1793383.0</t>
  </si>
  <si>
    <t>159.322</t>
  </si>
  <si>
    <t>13178.0</t>
  </si>
  <si>
    <t>1808927.0</t>
  </si>
  <si>
    <t>160.702</t>
  </si>
  <si>
    <t>1823454.0</t>
  </si>
  <si>
    <t>161.993</t>
  </si>
  <si>
    <t>1838047.0</t>
  </si>
  <si>
    <t>163.289</t>
  </si>
  <si>
    <t>14553.0</t>
  </si>
  <si>
    <t>1851950.0</t>
  </si>
  <si>
    <t>13903.0</t>
  </si>
  <si>
    <t>164.525</t>
  </si>
  <si>
    <t>14618.0</t>
  </si>
  <si>
    <t>1868479.0</t>
  </si>
  <si>
    <t>165.993</t>
  </si>
  <si>
    <t>14926.0</t>
  </si>
  <si>
    <t>1886523.0</t>
  </si>
  <si>
    <t>18044.0</t>
  </si>
  <si>
    <t>167.596</t>
  </si>
  <si>
    <t>15470.0</t>
  </si>
  <si>
    <t>1904926.0</t>
  </si>
  <si>
    <t>18403.0</t>
  </si>
  <si>
    <t>169.231</t>
  </si>
  <si>
    <t>2301.5</t>
  </si>
  <si>
    <t>205.267513113843</t>
  </si>
  <si>
    <t>1922930.0</t>
  </si>
  <si>
    <t>170.83</t>
  </si>
  <si>
    <t>1940006.0</t>
  </si>
  <si>
    <t>172.347</t>
  </si>
  <si>
    <t>1958101.0</t>
  </si>
  <si>
    <t>18095.0</t>
  </si>
  <si>
    <t>173.955</t>
  </si>
  <si>
    <t>1976118.0</t>
  </si>
  <si>
    <t>18017.0</t>
  </si>
  <si>
    <t>175.555</t>
  </si>
  <si>
    <t>17738.0</t>
  </si>
  <si>
    <t>1993618.0</t>
  </si>
  <si>
    <t>17500.0</t>
  </si>
  <si>
    <t>17877.0</t>
  </si>
  <si>
    <t>2011405.0</t>
  </si>
  <si>
    <t>17840.0</t>
  </si>
  <si>
    <t>2030386.0</t>
  </si>
  <si>
    <t>180.377</t>
  </si>
  <si>
    <t>17923.0</t>
  </si>
  <si>
    <t>2049708.0</t>
  </si>
  <si>
    <t>182.093</t>
  </si>
  <si>
    <t>18111.0</t>
  </si>
  <si>
    <t>2069418.0</t>
  </si>
  <si>
    <t>183.844</t>
  </si>
  <si>
    <t>18487.0</t>
  </si>
  <si>
    <t>2088032.0</t>
  </si>
  <si>
    <t>185.498</t>
  </si>
  <si>
    <t>2106593.0</t>
  </si>
  <si>
    <t>187.147</t>
  </si>
  <si>
    <t>18639.0</t>
  </si>
  <si>
    <t>2124774.0</t>
  </si>
  <si>
    <t>18181.0</t>
  </si>
  <si>
    <t>188.762</t>
  </si>
  <si>
    <t>18737.0</t>
  </si>
  <si>
    <t>2143136.0</t>
  </si>
  <si>
    <t>190.393</t>
  </si>
  <si>
    <t>18819.0</t>
  </si>
  <si>
    <t>2160943.0</t>
  </si>
  <si>
    <t>191.975</t>
  </si>
  <si>
    <t>2177217.0</t>
  </si>
  <si>
    <t>16274.0</t>
  </si>
  <si>
    <t>193.421</t>
  </si>
  <si>
    <t>2193351.0</t>
  </si>
  <si>
    <t>16134.0</t>
  </si>
  <si>
    <t>194.854</t>
  </si>
  <si>
    <t>17705.0</t>
  </si>
  <si>
    <t>2210402.0</t>
  </si>
  <si>
    <t>196.369</t>
  </si>
  <si>
    <t>2228351.0</t>
  </si>
  <si>
    <t>197.964</t>
  </si>
  <si>
    <t>2245496.0</t>
  </si>
  <si>
    <t>17145.0</t>
  </si>
  <si>
    <t>199.487</t>
  </si>
  <si>
    <t>17246.0</t>
  </si>
  <si>
    <t>2263282.0</t>
  </si>
  <si>
    <t>17786.0</t>
  </si>
  <si>
    <t>201.067</t>
  </si>
  <si>
    <t>2281712.0</t>
  </si>
  <si>
    <t>18430.0</t>
  </si>
  <si>
    <t>202.704</t>
  </si>
  <si>
    <t>2300430.0</t>
  </si>
  <si>
    <t>204.367</t>
  </si>
  <si>
    <t>2319222.0</t>
  </si>
  <si>
    <t>18792.0</t>
  </si>
  <si>
    <t>206.036</t>
  </si>
  <si>
    <t>17982.0</t>
  </si>
  <si>
    <t>2337559.0</t>
  </si>
  <si>
    <t>18337.0</t>
  </si>
  <si>
    <t>207.665</t>
  </si>
  <si>
    <t>18165.0</t>
  </si>
  <si>
    <t>2356127.0</t>
  </si>
  <si>
    <t>209.315</t>
  </si>
  <si>
    <t>2374019.0</t>
  </si>
  <si>
    <t>17892.0</t>
  </si>
  <si>
    <t>210.904</t>
  </si>
  <si>
    <t>18360.0</t>
  </si>
  <si>
    <t>2392132.0</t>
  </si>
  <si>
    <t>212.514</t>
  </si>
  <si>
    <t>2411287.0</t>
  </si>
  <si>
    <t>214.215</t>
  </si>
  <si>
    <t>326.965328296914</t>
  </si>
  <si>
    <t>2428864.0</t>
  </si>
  <si>
    <t>17577.0</t>
  </si>
  <si>
    <t>215.777</t>
  </si>
  <si>
    <t>2446444.0</t>
  </si>
  <si>
    <t>217.339</t>
  </si>
  <si>
    <t>2464521.0</t>
  </si>
  <si>
    <t>218.945</t>
  </si>
  <si>
    <t>2482557.0</t>
  </si>
  <si>
    <t>220.547</t>
  </si>
  <si>
    <t>18061.0</t>
  </si>
  <si>
    <t>2500874.0</t>
  </si>
  <si>
    <t>222.174</t>
  </si>
  <si>
    <t>18122.0</t>
  </si>
  <si>
    <t>2519444.0</t>
  </si>
  <si>
    <t>223.824</t>
  </si>
  <si>
    <t>2540022.0</t>
  </si>
  <si>
    <t>225.652</t>
  </si>
  <si>
    <t>2558296.0</t>
  </si>
  <si>
    <t>18274.0</t>
  </si>
  <si>
    <t>227.275</t>
  </si>
  <si>
    <t>2576974.0</t>
  </si>
  <si>
    <t>228.935</t>
  </si>
  <si>
    <t>18647.0</t>
  </si>
  <si>
    <t>2594515.0</t>
  </si>
  <si>
    <t>17541.0</t>
  </si>
  <si>
    <t>230.493</t>
  </si>
  <si>
    <t>2612274.0</t>
  </si>
  <si>
    <t>17759.0</t>
  </si>
  <si>
    <t>232.071</t>
  </si>
  <si>
    <t>18531.0</t>
  </si>
  <si>
    <t>2630636.0</t>
  </si>
  <si>
    <t>233.702</t>
  </si>
  <si>
    <t>18537.0</t>
  </si>
  <si>
    <t>2649946.0</t>
  </si>
  <si>
    <t>235.417</t>
  </si>
  <si>
    <t>2670824.0</t>
  </si>
  <si>
    <t>20878.0</t>
  </si>
  <si>
    <t>237.272</t>
  </si>
  <si>
    <t>2690636.0</t>
  </si>
  <si>
    <t>19812.0</t>
  </si>
  <si>
    <t>239.032</t>
  </si>
  <si>
    <t>2710768.0</t>
  </si>
  <si>
    <t>240.821</t>
  </si>
  <si>
    <t>2730305.0</t>
  </si>
  <si>
    <t>19537.0</t>
  </si>
  <si>
    <t>242.556</t>
  </si>
  <si>
    <t>19399.0</t>
  </si>
  <si>
    <t>2749686.0</t>
  </si>
  <si>
    <t>244.278</t>
  </si>
  <si>
    <t>2769474.0</t>
  </si>
  <si>
    <t>19788.0</t>
  </si>
  <si>
    <t>246.036</t>
  </si>
  <si>
    <t>2788164.0</t>
  </si>
  <si>
    <t>247.697</t>
  </si>
  <si>
    <t>19745.0</t>
  </si>
  <si>
    <t>2807130.0</t>
  </si>
  <si>
    <t>249.381</t>
  </si>
  <si>
    <t>19472.0</t>
  </si>
  <si>
    <t>2825292.0</t>
  </si>
  <si>
    <t>18162.0</t>
  </si>
  <si>
    <t>250.995</t>
  </si>
  <si>
    <t>2843469.0</t>
  </si>
  <si>
    <t>18177.0</t>
  </si>
  <si>
    <t>2863281.0</t>
  </si>
  <si>
    <t>254.37</t>
  </si>
  <si>
    <t>18997.0</t>
  </si>
  <si>
    <t>2883123.0</t>
  </si>
  <si>
    <t>256.133</t>
  </si>
  <si>
    <t>19062.0</t>
  </si>
  <si>
    <t>2904058.0</t>
  </si>
  <si>
    <t>20935.0</t>
  </si>
  <si>
    <t>257.992</t>
  </si>
  <si>
    <t>2924071.0</t>
  </si>
  <si>
    <t>259.77</t>
  </si>
  <si>
    <t>2943431.0</t>
  </si>
  <si>
    <t>261.49</t>
  </si>
  <si>
    <t>2963852.0</t>
  </si>
  <si>
    <t>263.304</t>
  </si>
  <si>
    <t>2984264.0</t>
  </si>
  <si>
    <t>265.118</t>
  </si>
  <si>
    <t>20114.0</t>
  </si>
  <si>
    <t>3005178.0</t>
  </si>
  <si>
    <t>266.976</t>
  </si>
  <si>
    <t>4795.1</t>
  </si>
  <si>
    <t>427.668152132169</t>
  </si>
  <si>
    <t>3025927.0</t>
  </si>
  <si>
    <t>20749.0</t>
  </si>
  <si>
    <t>268.819</t>
  </si>
  <si>
    <t>20401.0</t>
  </si>
  <si>
    <t>3046901.0</t>
  </si>
  <si>
    <t>20974.0</t>
  </si>
  <si>
    <t>270.682</t>
  </si>
  <si>
    <t>3068389.0</t>
  </si>
  <si>
    <t>272.591</t>
  </si>
  <si>
    <t>20617.0</t>
  </si>
  <si>
    <t>3089589.0</t>
  </si>
  <si>
    <t>21200.0</t>
  </si>
  <si>
    <t>274.475</t>
  </si>
  <si>
    <t>3108917.0</t>
  </si>
  <si>
    <t>19328.0</t>
  </si>
  <si>
    <t>276.192</t>
  </si>
  <si>
    <t>3129044.0</t>
  </si>
  <si>
    <t>277.98</t>
  </si>
  <si>
    <t>20683.0</t>
  </si>
  <si>
    <t>3149346.0</t>
  </si>
  <si>
    <t>20302.0</t>
  </si>
  <si>
    <t>279.783</t>
  </si>
  <si>
    <t>20595.0</t>
  </si>
  <si>
    <t>3170526.0</t>
  </si>
  <si>
    <t>281.665</t>
  </si>
  <si>
    <t>20657.0</t>
  </si>
  <si>
    <t>3191858.0</t>
  </si>
  <si>
    <t>20708.0</t>
  </si>
  <si>
    <t>3213345.0</t>
  </si>
  <si>
    <t>21487.0</t>
  </si>
  <si>
    <t>285.469</t>
  </si>
  <si>
    <t>3235144.0</t>
  </si>
  <si>
    <t>21799.0</t>
  </si>
  <si>
    <t>287.406</t>
  </si>
  <si>
    <t>20794.0</t>
  </si>
  <si>
    <t>3256543.0</t>
  </si>
  <si>
    <t>21399.0</t>
  </si>
  <si>
    <t>289.307</t>
  </si>
  <si>
    <t>3277536.0</t>
  </si>
  <si>
    <t>291.172</t>
  </si>
  <si>
    <t>21213.0</t>
  </si>
  <si>
    <t>3298208.0</t>
  </si>
  <si>
    <t>293.008</t>
  </si>
  <si>
    <t>21266.0</t>
  </si>
  <si>
    <t>3320626.0</t>
  </si>
  <si>
    <t>22418.0</t>
  </si>
  <si>
    <t>21443.0</t>
  </si>
  <si>
    <t>3341813.0</t>
  </si>
  <si>
    <t>21187.0</t>
  </si>
  <si>
    <t>296.882</t>
  </si>
  <si>
    <t>21422.0</t>
  </si>
  <si>
    <t>3363901.0</t>
  </si>
  <si>
    <t>22088.0</t>
  </si>
  <si>
    <t>298.844</t>
  </si>
  <si>
    <t>3385469.0</t>
  </si>
  <si>
    <t>300.76</t>
  </si>
  <si>
    <t>21475.0</t>
  </si>
  <si>
    <t>3407708.0</t>
  </si>
  <si>
    <t>302.736</t>
  </si>
  <si>
    <t>3429088.0</t>
  </si>
  <si>
    <t>21380.0</t>
  </si>
  <si>
    <t>304.635</t>
  </si>
  <si>
    <t>21650.0</t>
  </si>
  <si>
    <t>3450918.0</t>
  </si>
  <si>
    <t>21830.0</t>
  </si>
  <si>
    <t>306.575</t>
  </si>
  <si>
    <t>3473135.0</t>
  </si>
  <si>
    <t>22217.0</t>
  </si>
  <si>
    <t>308.548</t>
  </si>
  <si>
    <t>21787.0</t>
  </si>
  <si>
    <t>3495722.0</t>
  </si>
  <si>
    <t>22587.0</t>
  </si>
  <si>
    <t>310.555</t>
  </si>
  <si>
    <t>21987.0</t>
  </si>
  <si>
    <t>3517959.0</t>
  </si>
  <si>
    <t>22237.0</t>
  </si>
  <si>
    <t>312.53</t>
  </si>
  <si>
    <t>3541978.0</t>
  </si>
  <si>
    <t>24019.0</t>
  </si>
  <si>
    <t>314.664</t>
  </si>
  <si>
    <t>22358.0</t>
  </si>
  <si>
    <t>3564773.0</t>
  </si>
  <si>
    <t>316.689</t>
  </si>
  <si>
    <t>3586214.0</t>
  </si>
  <si>
    <t>21441.0</t>
  </si>
  <si>
    <t>318.594</t>
  </si>
  <si>
    <t>3609019.0</t>
  </si>
  <si>
    <t>22805.0</t>
  </si>
  <si>
    <t>320.62</t>
  </si>
  <si>
    <t>3631470.0</t>
  </si>
  <si>
    <t>22451.0</t>
  </si>
  <si>
    <t>322.615</t>
  </si>
  <si>
    <t>22619.0</t>
  </si>
  <si>
    <t>3654854.0</t>
  </si>
  <si>
    <t>23384.0</t>
  </si>
  <si>
    <t>324.692</t>
  </si>
  <si>
    <t>22733.0</t>
  </si>
  <si>
    <t>6124.0</t>
  </si>
  <si>
    <t>546.190853925341</t>
  </si>
  <si>
    <t>3677091.0</t>
  </si>
  <si>
    <t>326.668</t>
  </si>
  <si>
    <t>3700029.0</t>
  </si>
  <si>
    <t>328.705</t>
  </si>
  <si>
    <t>22579.0</t>
  </si>
  <si>
    <t>3720729.0</t>
  </si>
  <si>
    <t>20700.0</t>
  </si>
  <si>
    <t>330.544</t>
  </si>
  <si>
    <t>22279.0</t>
  </si>
  <si>
    <t>3741796.0</t>
  </si>
  <si>
    <t>21067.0</t>
  </si>
  <si>
    <t>332.416</t>
  </si>
  <si>
    <t>3764614.0</t>
  </si>
  <si>
    <t>334.443</t>
  </si>
  <si>
    <t>22228.0</t>
  </si>
  <si>
    <t>3787896.0</t>
  </si>
  <si>
    <t>336.511</t>
  </si>
  <si>
    <t>3812673.0</t>
  </si>
  <si>
    <t>24777.0</t>
  </si>
  <si>
    <t>338.712</t>
  </si>
  <si>
    <t>3837345.0</t>
  </si>
  <si>
    <t>340.904</t>
  </si>
  <si>
    <t>22893.0</t>
  </si>
  <si>
    <t>3861456.0</t>
  </si>
  <si>
    <t>24111.0</t>
  </si>
  <si>
    <t>343.046</t>
  </si>
  <si>
    <t>23061.0</t>
  </si>
  <si>
    <t>3879873.0</t>
  </si>
  <si>
    <t>344.682</t>
  </si>
  <si>
    <t>3900479.0</t>
  </si>
  <si>
    <t>20606.0</t>
  </si>
  <si>
    <t>346.513</t>
  </si>
  <si>
    <t>22669.0</t>
  </si>
  <si>
    <t>3923413.0</t>
  </si>
  <si>
    <t>22934.0</t>
  </si>
  <si>
    <t>348.55</t>
  </si>
  <si>
    <t>22686.0</t>
  </si>
  <si>
    <t>3946550.0</t>
  </si>
  <si>
    <t>23137.0</t>
  </si>
  <si>
    <t>350.606</t>
  </si>
  <si>
    <t>22665.0</t>
  </si>
  <si>
    <t>96477.0</t>
  </si>
  <si>
    <t>3970083.0</t>
  </si>
  <si>
    <t>23533.0</t>
  </si>
  <si>
    <t>352.696</t>
  </si>
  <si>
    <t>22487.0</t>
  </si>
  <si>
    <t>3993104.0</t>
  </si>
  <si>
    <t>23021.0</t>
  </si>
  <si>
    <t>354.742</t>
  </si>
  <si>
    <t>22251.0</t>
  </si>
  <si>
    <t>4015883.0</t>
  </si>
  <si>
    <t>22779.0</t>
  </si>
  <si>
    <t>356.765</t>
  </si>
  <si>
    <t>455908.0</t>
  </si>
  <si>
    <t>4037878.0</t>
  </si>
  <si>
    <t>358.719</t>
  </si>
  <si>
    <t>540002.0</t>
  </si>
  <si>
    <t>4060526.0</t>
  </si>
  <si>
    <t>22648.0</t>
  </si>
  <si>
    <t>360.731</t>
  </si>
  <si>
    <t>612376.0</t>
  </si>
  <si>
    <t>90396.0</t>
  </si>
  <si>
    <t>4082100.0</t>
  </si>
  <si>
    <t>362.648</t>
  </si>
  <si>
    <t>22670.0</t>
  </si>
  <si>
    <t>85027.0</t>
  </si>
  <si>
    <t>4104996.0</t>
  </si>
  <si>
    <t>364.682</t>
  </si>
  <si>
    <t>22635.0</t>
  </si>
  <si>
    <t>717997.0</t>
  </si>
  <si>
    <t>78789.0</t>
  </si>
  <si>
    <t>4127811.0</t>
  </si>
  <si>
    <t>22815.0</t>
  </si>
  <si>
    <t>366.709</t>
  </si>
  <si>
    <t>69022.0</t>
  </si>
  <si>
    <t>4150241.0</t>
  </si>
  <si>
    <t>368.701</t>
  </si>
  <si>
    <t>22448.0</t>
  </si>
  <si>
    <t>774212.0</t>
  </si>
  <si>
    <t>59254.0</t>
  </si>
  <si>
    <t>4171500.0</t>
  </si>
  <si>
    <t>21259.0</t>
  </si>
  <si>
    <t>370.59</t>
  </si>
  <si>
    <t>782791.0</t>
  </si>
  <si>
    <t>4193872.0</t>
  </si>
  <si>
    <t>22372.0</t>
  </si>
  <si>
    <t>372.578</t>
  </si>
  <si>
    <t>22285.0</t>
  </si>
  <si>
    <t>793009.0</t>
  </si>
  <si>
    <t>4215100.0</t>
  </si>
  <si>
    <t>374.463</t>
  </si>
  <si>
    <t>798655.0</t>
  </si>
  <si>
    <t>4238178.0</t>
  </si>
  <si>
    <t>23078.0</t>
  </si>
  <si>
    <t>376.514</t>
  </si>
  <si>
    <t>803958.0</t>
  </si>
  <si>
    <t>19824.0</t>
  </si>
  <si>
    <t>4260156.0</t>
  </si>
  <si>
    <t>21978.0</t>
  </si>
  <si>
    <t>378.466</t>
  </si>
  <si>
    <t>22166.0</t>
  </si>
  <si>
    <t>809697.0</t>
  </si>
  <si>
    <t>4283455.0</t>
  </si>
  <si>
    <t>23299.0</t>
  </si>
  <si>
    <t>380.536</t>
  </si>
  <si>
    <t>22235.0</t>
  </si>
  <si>
    <t>813867.0</t>
  </si>
  <si>
    <t>9680.0</t>
  </si>
  <si>
    <t>4306457.0</t>
  </si>
  <si>
    <t>23002.0</t>
  </si>
  <si>
    <t>382.579</t>
  </si>
  <si>
    <t>22317.0</t>
  </si>
  <si>
    <t>23348.0</t>
  </si>
  <si>
    <t>4328864.0</t>
  </si>
  <si>
    <t>384.57</t>
  </si>
  <si>
    <t>22481.0</t>
  </si>
  <si>
    <t>4349338.0</t>
  </si>
  <si>
    <t>386.389</t>
  </si>
  <si>
    <t>22209.0</t>
  </si>
  <si>
    <t>2037745.0</t>
  </si>
  <si>
    <t>1185218.0</t>
  </si>
  <si>
    <t>147135.0</t>
  </si>
  <si>
    <t>56030.0</t>
  </si>
  <si>
    <t>7446.5</t>
  </si>
  <si>
    <t>664.142748816958</t>
  </si>
  <si>
    <t>4370750.0</t>
  </si>
  <si>
    <t>21412.0</t>
  </si>
  <si>
    <t>388.291</t>
  </si>
  <si>
    <t>2223826.0</t>
  </si>
  <si>
    <t>1304698.0</t>
  </si>
  <si>
    <t>148738.0</t>
  </si>
  <si>
    <t>16596.0</t>
  </si>
  <si>
    <t>72292.0</t>
  </si>
  <si>
    <t>4393370.0</t>
  </si>
  <si>
    <t>390.301</t>
  </si>
  <si>
    <t>22170.0</t>
  </si>
  <si>
    <t>2408135.0</t>
  </si>
  <si>
    <t>1431827.0</t>
  </si>
  <si>
    <t>150897.0</t>
  </si>
  <si>
    <t>184309.0</t>
  </si>
  <si>
    <t>185195.0</t>
  </si>
  <si>
    <t>89696.0</t>
  </si>
  <si>
    <t>4417769.0</t>
  </si>
  <si>
    <t>24399.0</t>
  </si>
  <si>
    <t>392.468</t>
  </si>
  <si>
    <t>22516.0</t>
  </si>
  <si>
    <t>2592575.0</t>
  </si>
  <si>
    <t>1558013.0</t>
  </si>
  <si>
    <t>154116.0</t>
  </si>
  <si>
    <t>184440.0</t>
  </si>
  <si>
    <t>184943.0</t>
  </si>
  <si>
    <t>16495.0</t>
  </si>
  <si>
    <t>106902.0</t>
  </si>
  <si>
    <t>4441732.0</t>
  </si>
  <si>
    <t>23963.0</t>
  </si>
  <si>
    <t>394.597</t>
  </si>
  <si>
    <t>22611.0</t>
  </si>
  <si>
    <t>2734854.0</t>
  </si>
  <si>
    <t>1668071.0</t>
  </si>
  <si>
    <t>156579.0</t>
  </si>
  <si>
    <t>142279.0</t>
  </si>
  <si>
    <t>174277.0</t>
  </si>
  <si>
    <t>122029.0</t>
  </si>
  <si>
    <t>4463462.0</t>
  </si>
  <si>
    <t>396.528</t>
  </si>
  <si>
    <t>22429.0</t>
  </si>
  <si>
    <t>2844682.0</t>
  </si>
  <si>
    <t>1745588.0</t>
  </si>
  <si>
    <t>157625.0</t>
  </si>
  <si>
    <t>109828.0</t>
  </si>
  <si>
    <t>161387.0</t>
  </si>
  <si>
    <t>115420.0</t>
  </si>
  <si>
    <t>4484454.0</t>
  </si>
  <si>
    <t>398.392</t>
  </si>
  <si>
    <t>2882587.0</t>
  </si>
  <si>
    <t>1772586.0</t>
  </si>
  <si>
    <t>157637.0</t>
  </si>
  <si>
    <t>37905.0</t>
  </si>
  <si>
    <t>140807.0</t>
  </si>
  <si>
    <t>101593.0</t>
  </si>
  <si>
    <t>4506965.0</t>
  </si>
  <si>
    <t>22511.0</t>
  </si>
  <si>
    <t>400.392</t>
  </si>
  <si>
    <t>22518.0</t>
  </si>
  <si>
    <t>2946572.0</t>
  </si>
  <si>
    <t>1810895.0</t>
  </si>
  <si>
    <t>173704.0</t>
  </si>
  <si>
    <t>129832.0</t>
  </si>
  <si>
    <t>11580.0</t>
  </si>
  <si>
    <t>89382.0</t>
  </si>
  <si>
    <t>4529287.0</t>
  </si>
  <si>
    <t>402.375</t>
  </si>
  <si>
    <t>3016266.0</t>
  </si>
  <si>
    <t>1833775.0</t>
  </si>
  <si>
    <t>213372.0</t>
  </si>
  <si>
    <t>69694.0</t>
  </si>
  <si>
    <t>10097.0</t>
  </si>
  <si>
    <t>75582.0</t>
  </si>
  <si>
    <t>4552905.0</t>
  </si>
  <si>
    <t>404.474</t>
  </si>
  <si>
    <t>22791.0</t>
  </si>
  <si>
    <t>3128573.0</t>
  </si>
  <si>
    <t>1845189.0</t>
  </si>
  <si>
    <t>307667.0</t>
  </si>
  <si>
    <t>112307.0</t>
  </si>
  <si>
    <t>102920.0</t>
  </si>
  <si>
    <t>4575595.0</t>
  </si>
  <si>
    <t>406.489</t>
  </si>
  <si>
    <t>22547.0</t>
  </si>
  <si>
    <t>3272579.0</t>
  </si>
  <si>
    <t>1884592.0</t>
  </si>
  <si>
    <t>406973.0</t>
  </si>
  <si>
    <t>144006.0</t>
  </si>
  <si>
    <t>97143.0</t>
  </si>
  <si>
    <t>46654.0</t>
  </si>
  <si>
    <t>4596325.0</t>
  </si>
  <si>
    <t>20730.0</t>
  </si>
  <si>
    <t>408.331</t>
  </si>
  <si>
    <t>3419657.0</t>
  </si>
  <si>
    <t>1930901.0</t>
  </si>
  <si>
    <t>500472.0</t>
  </si>
  <si>
    <t>147078.0</t>
  </si>
  <si>
    <t>97829.0</t>
  </si>
  <si>
    <t>8725.0</t>
  </si>
  <si>
    <t>37547.0</t>
  </si>
  <si>
    <t>4615925.0</t>
  </si>
  <si>
    <t>19600.0</t>
  </si>
  <si>
    <t>410.072</t>
  </si>
  <si>
    <t>3583709.0</t>
  </si>
  <si>
    <t>1970250.0</t>
  </si>
  <si>
    <t>578385.0</t>
  </si>
  <si>
    <t>164052.0</t>
  </si>
  <si>
    <t>105575.0</t>
  </si>
  <si>
    <t>4638018.0</t>
  </si>
  <si>
    <t>22093.0</t>
  </si>
  <si>
    <t>412.035</t>
  </si>
  <si>
    <t>3632080.0</t>
  </si>
  <si>
    <t>2005691.0</t>
  </si>
  <si>
    <t>591072.0</t>
  </si>
  <si>
    <t>48371.0</t>
  </si>
  <si>
    <t>107070.0</t>
  </si>
  <si>
    <t>4657880.0</t>
  </si>
  <si>
    <t>19862.0</t>
  </si>
  <si>
    <t>413.799</t>
  </si>
  <si>
    <t>3848406.0</t>
  </si>
  <si>
    <t>2050296.0</t>
  </si>
  <si>
    <t>666617.0</t>
  </si>
  <si>
    <t>216326.0</t>
  </si>
  <si>
    <t>128833.0</t>
  </si>
  <si>
    <t>11490.0</t>
  </si>
  <si>
    <t>34200.0</t>
  </si>
  <si>
    <t>4677671.0</t>
  </si>
  <si>
    <t>415.558</t>
  </si>
  <si>
    <t>4084278.0</t>
  </si>
  <si>
    <t>2094260.0</t>
  </si>
  <si>
    <t>733460.0</t>
  </si>
  <si>
    <t>152573.0</t>
  </si>
  <si>
    <t>36.43</t>
  </si>
  <si>
    <t>37212.0</t>
  </si>
  <si>
    <t>4697013.0</t>
  </si>
  <si>
    <t>19342.0</t>
  </si>
  <si>
    <t>417.276</t>
  </si>
  <si>
    <t>4328291.0</t>
  </si>
  <si>
    <t>2145685.0</t>
  </si>
  <si>
    <t>793126.0</t>
  </si>
  <si>
    <t>244013.0</t>
  </si>
  <si>
    <t>171388.0</t>
  </si>
  <si>
    <t>4734063.0</t>
  </si>
  <si>
    <t>37050.0</t>
  </si>
  <si>
    <t>420.567</t>
  </si>
  <si>
    <t>4536882.0</t>
  </si>
  <si>
    <t>2187097.0</t>
  </si>
  <si>
    <t>835812.0</t>
  </si>
  <si>
    <t>208591.0</t>
  </si>
  <si>
    <t>180615.0</t>
  </si>
  <si>
    <t>43215.0</t>
  </si>
  <si>
    <t>4764638.0</t>
  </si>
  <si>
    <t>423.284</t>
  </si>
  <si>
    <t>24045.0</t>
  </si>
  <si>
    <t>4721599.0</t>
  </si>
  <si>
    <t>2223404.0</t>
  </si>
  <si>
    <t>873690.0</t>
  </si>
  <si>
    <t>184717.0</t>
  </si>
  <si>
    <t>185992.0</t>
  </si>
  <si>
    <t>16588.0</t>
  </si>
  <si>
    <t>41786.0</t>
  </si>
  <si>
    <t>4795796.0</t>
  </si>
  <si>
    <t>31158.0</t>
  </si>
  <si>
    <t>426.052</t>
  </si>
  <si>
    <t>25696.0</t>
  </si>
  <si>
    <t>4855270.0</t>
  </si>
  <si>
    <t>2244336.0</t>
  </si>
  <si>
    <t>905692.0</t>
  </si>
  <si>
    <t>133671.0</t>
  </si>
  <si>
    <t>181652.0</t>
  </si>
  <si>
    <t>16201.0</t>
  </si>
  <si>
    <t>4825077.0</t>
  </si>
  <si>
    <t>29281.0</t>
  </si>
  <si>
    <t>428.653</t>
  </si>
  <si>
    <t>26723.0</t>
  </si>
  <si>
    <t>4892044.0</t>
  </si>
  <si>
    <t>2244350.0</t>
  </si>
  <si>
    <t>913057.0</t>
  </si>
  <si>
    <t>36774.0</t>
  </si>
  <si>
    <t>179995.0</t>
  </si>
  <si>
    <t>16053.0</t>
  </si>
  <si>
    <t>34094.0</t>
  </si>
  <si>
    <t>4852203.0</t>
  </si>
  <si>
    <t>431.063</t>
  </si>
  <si>
    <t>4979420.0</t>
  </si>
  <si>
    <t>2277657.0</t>
  </si>
  <si>
    <t>924789.0</t>
  </si>
  <si>
    <t>87376.0</t>
  </si>
  <si>
    <t>161573.0</t>
  </si>
  <si>
    <t>32480.0</t>
  </si>
  <si>
    <t>4882665.0</t>
  </si>
  <si>
    <t>433.769</t>
  </si>
  <si>
    <t>29285.0</t>
  </si>
  <si>
    <t>5113926.0</t>
  </si>
  <si>
    <t>2372246.0</t>
  </si>
  <si>
    <t>940185.0</t>
  </si>
  <si>
    <t>134506.0</t>
  </si>
  <si>
    <t>147093.0</t>
  </si>
  <si>
    <t>13119.0</t>
  </si>
  <si>
    <t>39712.0</t>
  </si>
  <si>
    <t>4916136.0</t>
  </si>
  <si>
    <t>33471.0</t>
  </si>
  <si>
    <t>436.742</t>
  </si>
  <si>
    <t>31303.0</t>
  </si>
  <si>
    <t>5229916.0</t>
  </si>
  <si>
    <t>2467275.0</t>
  </si>
  <si>
    <t>947660.0</t>
  </si>
  <si>
    <t>115990.0</t>
  </si>
  <si>
    <t>128804.0</t>
  </si>
  <si>
    <t>45941.0</t>
  </si>
  <si>
    <t>4948516.0</t>
  </si>
  <si>
    <t>32380.0</t>
  </si>
  <si>
    <t>439.619</t>
  </si>
  <si>
    <t>30636.0</t>
  </si>
  <si>
    <t>5328292.0</t>
  </si>
  <si>
    <t>2553263.0</t>
  </si>
  <si>
    <t>953778.0</t>
  </si>
  <si>
    <t>98376.0</t>
  </si>
  <si>
    <t>113059.0</t>
  </si>
  <si>
    <t>4983124.0</t>
  </si>
  <si>
    <t>442.694</t>
  </si>
  <si>
    <t>31212.0</t>
  </si>
  <si>
    <t>5492355.0</t>
  </si>
  <si>
    <t>2634418.0</t>
  </si>
  <si>
    <t>959998.0</t>
  </si>
  <si>
    <t>9820.0</t>
  </si>
  <si>
    <t>5017105.0</t>
  </si>
  <si>
    <t>33981.0</t>
  </si>
  <si>
    <t>445.712</t>
  </si>
  <si>
    <t>31616.0</t>
  </si>
  <si>
    <t>5591222.0</t>
  </si>
  <si>
    <t>2689157.0</t>
  </si>
  <si>
    <t>961917.0</t>
  </si>
  <si>
    <t>98867.0</t>
  </si>
  <si>
    <t>105136.0</t>
  </si>
  <si>
    <t>63546.0</t>
  </si>
  <si>
    <t>5047554.0</t>
  </si>
  <si>
    <t>448.417</t>
  </si>
  <si>
    <t>31782.0</t>
  </si>
  <si>
    <t>5676321.0</t>
  </si>
  <si>
    <t>2696277.0</t>
  </si>
  <si>
    <t>1006300.0</t>
  </si>
  <si>
    <t>85099.0</t>
  </si>
  <si>
    <t>112040.0</t>
  </si>
  <si>
    <t>50.63</t>
  </si>
  <si>
    <t>9993.0</t>
  </si>
  <si>
    <t>64561.0</t>
  </si>
  <si>
    <t>5078499.0</t>
  </si>
  <si>
    <t>451.167</t>
  </si>
  <si>
    <t>5848491.0</t>
  </si>
  <si>
    <t>2742615.0</t>
  </si>
  <si>
    <t>1088898.0</t>
  </si>
  <si>
    <t>172170.0</t>
  </si>
  <si>
    <t>124153.0</t>
  </si>
  <si>
    <t>5113084.0</t>
  </si>
  <si>
    <t>34585.0</t>
  </si>
  <si>
    <t>454.239</t>
  </si>
  <si>
    <t>5988743.0</t>
  </si>
  <si>
    <t>2758893.0</t>
  </si>
  <si>
    <t>1169638.0</t>
  </si>
  <si>
    <t>140252.0</t>
  </si>
  <si>
    <t>124974.0</t>
  </si>
  <si>
    <t>55235.0</t>
  </si>
  <si>
    <t>5149286.0</t>
  </si>
  <si>
    <t>457.455</t>
  </si>
  <si>
    <t>3.216</t>
  </si>
  <si>
    <t>33307.0</t>
  </si>
  <si>
    <t>6132569.0</t>
  </si>
  <si>
    <t>2774473.0</t>
  </si>
  <si>
    <t>1252751.0</t>
  </si>
  <si>
    <t>143826.0</t>
  </si>
  <si>
    <t>128950.0</t>
  </si>
  <si>
    <t>43885.0</t>
  </si>
  <si>
    <t>8691.2</t>
  </si>
  <si>
    <t>775.155772311549</t>
  </si>
  <si>
    <t>5185286.0</t>
  </si>
  <si>
    <t>460.653</t>
  </si>
  <si>
    <t>6394334.0</t>
  </si>
  <si>
    <t>2797599.0</t>
  </si>
  <si>
    <t>1450900.0</t>
  </si>
  <si>
    <t>261765.0</t>
  </si>
  <si>
    <t>152292.0</t>
  </si>
  <si>
    <t>34905.0</t>
  </si>
  <si>
    <t>5220135.0</t>
  </si>
  <si>
    <t>34849.0</t>
  </si>
  <si>
    <t>463.749</t>
  </si>
  <si>
    <t>3.096</t>
  </si>
  <si>
    <t>6572661.0</t>
  </si>
  <si>
    <t>2832316.0</t>
  </si>
  <si>
    <t>1559993.0</t>
  </si>
  <si>
    <t>178327.0</t>
  </si>
  <si>
    <t>154329.0</t>
  </si>
  <si>
    <t>28271.0</t>
  </si>
  <si>
    <t>5257936.0</t>
  </si>
  <si>
    <t>37801.0</t>
  </si>
  <si>
    <t>467.108</t>
  </si>
  <si>
    <t>34404.0</t>
  </si>
  <si>
    <t>6675818.0</t>
  </si>
  <si>
    <t>2869501.0</t>
  </si>
  <si>
    <t>1609454.0</t>
  </si>
  <si>
    <t>103157.0</t>
  </si>
  <si>
    <t>154942.0</t>
  </si>
  <si>
    <t>5296762.0</t>
  </si>
  <si>
    <t>38826.0</t>
  </si>
  <si>
    <t>470.557</t>
  </si>
  <si>
    <t>6718887.0</t>
  </si>
  <si>
    <t>2897404.0</t>
  </si>
  <si>
    <t>1624481.0</t>
  </si>
  <si>
    <t>43069.0</t>
  </si>
  <si>
    <t>148938.0</t>
  </si>
  <si>
    <t>28732.0</t>
  </si>
  <si>
    <t>6759085.0</t>
  </si>
  <si>
    <t>2926788.0</t>
  </si>
  <si>
    <t>1634995.0</t>
  </si>
  <si>
    <t>130085.0</t>
  </si>
  <si>
    <t>11602.0</t>
  </si>
  <si>
    <t>26310.0</t>
  </si>
  <si>
    <t>6833720.0</t>
  </si>
  <si>
    <t>2966587.0</t>
  </si>
  <si>
    <t>1664980.0</t>
  </si>
  <si>
    <t>74635.0</t>
  </si>
  <si>
    <t>120711.0</t>
  </si>
  <si>
    <t>60.95</t>
  </si>
  <si>
    <t>10766.0</t>
  </si>
  <si>
    <t>29671.0</t>
  </si>
  <si>
    <t>7005786.0</t>
  </si>
  <si>
    <t>3002424.0</t>
  </si>
  <si>
    <t>1700787.0</t>
  </si>
  <si>
    <t>172066.0</t>
  </si>
  <si>
    <t>11126.0</t>
  </si>
  <si>
    <t>32564.0</t>
  </si>
  <si>
    <t>7160316.0</t>
  </si>
  <si>
    <t>3024565.0</t>
  </si>
  <si>
    <t>1739327.0</t>
  </si>
  <si>
    <t>154530.0</t>
  </si>
  <si>
    <t>109426.0</t>
  </si>
  <si>
    <t>32424.0</t>
  </si>
  <si>
    <t>7275137.0</t>
  </si>
  <si>
    <t>3039304.0</t>
  </si>
  <si>
    <t>1752137.0</t>
  </si>
  <si>
    <t>114821.0</t>
  </si>
  <si>
    <t>100354.0</t>
  </si>
  <si>
    <t>29570.0</t>
  </si>
  <si>
    <t>7469503.0</t>
  </si>
  <si>
    <t>3045823.0</t>
  </si>
  <si>
    <t>1862930.0</t>
  </si>
  <si>
    <t>194366.0</t>
  </si>
  <si>
    <t>113384.0</t>
  </si>
  <si>
    <t>25189.0</t>
  </si>
  <si>
    <t>7507406.0</t>
  </si>
  <si>
    <t>3047144.0</t>
  </si>
  <si>
    <t>1894508.0</t>
  </si>
  <si>
    <t>112646.0</t>
  </si>
  <si>
    <t>10047.0</t>
  </si>
  <si>
    <t>7618028.0</t>
  </si>
  <si>
    <t>3073310.0</t>
  </si>
  <si>
    <t>1926776.0</t>
  </si>
  <si>
    <t>110622.0</t>
  </si>
  <si>
    <t>122706.0</t>
  </si>
  <si>
    <t>10944.0</t>
  </si>
  <si>
    <t>20932.0</t>
  </si>
  <si>
    <t>7767601.0</t>
  </si>
  <si>
    <t>3152911.0</t>
  </si>
  <si>
    <t>1968715.0</t>
  </si>
  <si>
    <t>149573.0</t>
  </si>
  <si>
    <t>133412.0</t>
  </si>
  <si>
    <t>17.56</t>
  </si>
  <si>
    <t>26618.0</t>
  </si>
  <si>
    <t>7900105.0</t>
  </si>
  <si>
    <t>3220481.0</t>
  </si>
  <si>
    <t>2014001.0</t>
  </si>
  <si>
    <t>132504.0</t>
  </si>
  <si>
    <t>127760.0</t>
  </si>
  <si>
    <t>11395.0</t>
  </si>
  <si>
    <t>31151.0</t>
  </si>
  <si>
    <t>8029388.0</t>
  </si>
  <si>
    <t>3282912.0</t>
  </si>
  <si>
    <t>2055163.0</t>
  </si>
  <si>
    <t>129283.0</t>
  </si>
  <si>
    <t>36907.0</t>
  </si>
  <si>
    <t>8146748.0</t>
  </si>
  <si>
    <t>3331526.0</t>
  </si>
  <si>
    <t>2091439.0</t>
  </si>
  <si>
    <t>117360.0</t>
  </si>
  <si>
    <t>124516.0</t>
  </si>
  <si>
    <t>72.66</t>
  </si>
  <si>
    <t>41746.0</t>
  </si>
  <si>
    <t>8225205.0</t>
  </si>
  <si>
    <t>3358752.0</t>
  </si>
  <si>
    <t>2108739.0</t>
  </si>
  <si>
    <t>78457.0</t>
  </si>
  <si>
    <t>107957.0</t>
  </si>
  <si>
    <t>44704.0</t>
  </si>
  <si>
    <t>8260167.0</t>
  </si>
  <si>
    <t>3367337.0</t>
  </si>
  <si>
    <t>2109050.0</t>
  </si>
  <si>
    <t>34962.0</t>
  </si>
  <si>
    <t>107537.0</t>
  </si>
  <si>
    <t>9591.0</t>
  </si>
  <si>
    <t>45742.0</t>
  </si>
  <si>
    <t>8316836.0</t>
  </si>
  <si>
    <t>3386699.0</t>
  </si>
  <si>
    <t>2113381.0</t>
  </si>
  <si>
    <t>56669.0</t>
  </si>
  <si>
    <t>99830.0</t>
  </si>
  <si>
    <t>8904.0</t>
  </si>
  <si>
    <t>44770.0</t>
  </si>
  <si>
    <t>8388988.0</t>
  </si>
  <si>
    <t>3409164.0</t>
  </si>
  <si>
    <t>2119974.0</t>
  </si>
  <si>
    <t>72152.0</t>
  </si>
  <si>
    <t>88770.0</t>
  </si>
  <si>
    <t>36608.0</t>
  </si>
  <si>
    <t>8546995.0</t>
  </si>
  <si>
    <t>3433164.0</t>
  </si>
  <si>
    <t>2214648.0</t>
  </si>
  <si>
    <t>158007.0</t>
  </si>
  <si>
    <t>92413.0</t>
  </si>
  <si>
    <t>8242.0</t>
  </si>
  <si>
    <t>30383.0</t>
  </si>
  <si>
    <t>8681522.0</t>
  </si>
  <si>
    <t>3452771.0</t>
  </si>
  <si>
    <t>2303507.0</t>
  </si>
  <si>
    <t>134527.0</t>
  </si>
  <si>
    <t>93162.0</t>
  </si>
  <si>
    <t>8309.0</t>
  </si>
  <si>
    <t>24266.0</t>
  </si>
  <si>
    <t>8804553.0</t>
  </si>
  <si>
    <t>3473316.0</t>
  </si>
  <si>
    <t>2390225.0</t>
  </si>
  <si>
    <t>123031.0</t>
  </si>
  <si>
    <t>93972.0</t>
  </si>
  <si>
    <t>20256.0</t>
  </si>
  <si>
    <t>8900350.0</t>
  </si>
  <si>
    <t>3484672.0</t>
  </si>
  <si>
    <t>2460919.0</t>
  </si>
  <si>
    <t>95797.0</t>
  </si>
  <si>
    <t>96449.0</t>
  </si>
  <si>
    <t>17989.0</t>
  </si>
  <si>
    <t>8913141.0</t>
  </si>
  <si>
    <t>3491529.0</t>
  </si>
  <si>
    <t>2464430.0</t>
  </si>
  <si>
    <t>12791.0</t>
  </si>
  <si>
    <t>93282.0</t>
  </si>
  <si>
    <t>21.98</t>
  </si>
  <si>
    <t>8945084.0</t>
  </si>
  <si>
    <t>3496617.0</t>
  </si>
  <si>
    <t>2469344.0</t>
  </si>
  <si>
    <t>31943.0</t>
  </si>
  <si>
    <t>89750.0</t>
  </si>
  <si>
    <t>8005.0</t>
  </si>
  <si>
    <t>15703.0</t>
  </si>
  <si>
    <t>9085122.0</t>
  </si>
  <si>
    <t>3500505.0</t>
  </si>
  <si>
    <t>2536149.0</t>
  </si>
  <si>
    <t>140038.0</t>
  </si>
  <si>
    <t>99448.0</t>
  </si>
  <si>
    <t>31.22</t>
  </si>
  <si>
    <t>9169319.0</t>
  </si>
  <si>
    <t>3504781.0</t>
  </si>
  <si>
    <t>2560173.0</t>
  </si>
  <si>
    <t>84197.0</t>
  </si>
  <si>
    <t>88903.0</t>
  </si>
  <si>
    <t>10231.0</t>
  </si>
  <si>
    <t>104036.0</t>
  </si>
  <si>
    <t>30906.0</t>
  </si>
  <si>
    <t>9650235.0</t>
  </si>
  <si>
    <t>3833448.0</t>
  </si>
  <si>
    <t>2620050.0</t>
  </si>
  <si>
    <t>120812.0</t>
  </si>
  <si>
    <t>9894050.0</t>
  </si>
  <si>
    <t>4020594.0</t>
  </si>
  <si>
    <t>2655387.0</t>
  </si>
  <si>
    <t>243815.0</t>
  </si>
  <si>
    <t>141957.0</t>
  </si>
  <si>
    <t>23.68</t>
  </si>
  <si>
    <t>76560.0</t>
  </si>
  <si>
    <t>17049.9</t>
  </si>
  <si>
    <t>1520.65634231575</t>
  </si>
  <si>
    <t>10061236.0</t>
  </si>
  <si>
    <t>4155261.0</t>
  </si>
  <si>
    <t>2680468.0</t>
  </si>
  <si>
    <t>167186.0</t>
  </si>
  <si>
    <t>164014.0</t>
  </si>
  <si>
    <t>14628.0</t>
  </si>
  <si>
    <t>94819.0</t>
  </si>
  <si>
    <t>10267358.0</t>
  </si>
  <si>
    <t>4329598.0</t>
  </si>
  <si>
    <t>2682722.0</t>
  </si>
  <si>
    <t>206122.0</t>
  </si>
  <si>
    <t>188896.0</t>
  </si>
  <si>
    <t>38.62</t>
  </si>
  <si>
    <t>118997.0</t>
  </si>
  <si>
    <t>10477630.0</t>
  </si>
  <si>
    <t>4456437.0</t>
  </si>
  <si>
    <t>2745421.0</t>
  </si>
  <si>
    <t>210272.0</t>
  </si>
  <si>
    <t>198930.0</t>
  </si>
  <si>
    <t>136562.0</t>
  </si>
  <si>
    <t>10616592.0</t>
  </si>
  <si>
    <t>4539788.0</t>
  </si>
  <si>
    <t>2777719.0</t>
  </si>
  <si>
    <t>138962.0</t>
  </si>
  <si>
    <t>206753.0</t>
  </si>
  <si>
    <t>18440.0</t>
  </si>
  <si>
    <t>147858.0</t>
  </si>
  <si>
    <t>10713247.0</t>
  </si>
  <si>
    <t>4597637.0</t>
  </si>
  <si>
    <t>2798129.0</t>
  </si>
  <si>
    <t>186210.0</t>
  </si>
  <si>
    <t>95.55</t>
  </si>
  <si>
    <t>10786407.0</t>
  </si>
  <si>
    <t>4641222.0</t>
  </si>
  <si>
    <t>2813690.0</t>
  </si>
  <si>
    <t>73160.0</t>
  </si>
  <si>
    <t>162310.0</t>
  </si>
  <si>
    <t>96.2</t>
  </si>
  <si>
    <t>41.39</t>
  </si>
  <si>
    <t>14476.0</t>
  </si>
  <si>
    <t>115396.0</t>
  </si>
  <si>
    <t>10828013.0</t>
  </si>
  <si>
    <t>2820354.0</t>
  </si>
  <si>
    <t>96.57</t>
  </si>
  <si>
    <t>11900.0</t>
  </si>
  <si>
    <t>92224.0</t>
  </si>
  <si>
    <t>10848920.0</t>
  </si>
  <si>
    <t>4675034.0</t>
  </si>
  <si>
    <t>2821478.0</t>
  </si>
  <si>
    <t>112526.0</t>
  </si>
  <si>
    <t>74253.0</t>
  </si>
  <si>
    <t>10919750.0</t>
  </si>
  <si>
    <t>4692604.0</t>
  </si>
  <si>
    <t>2847661.0</t>
  </si>
  <si>
    <t>70830.0</t>
  </si>
  <si>
    <t>93199.0</t>
  </si>
  <si>
    <t>11001829.0</t>
  </si>
  <si>
    <t>4714451.0</t>
  </si>
  <si>
    <t>2898039.0</t>
  </si>
  <si>
    <t>82079.0</t>
  </si>
  <si>
    <t>36859.0</t>
  </si>
  <si>
    <t>11059697.0</t>
  </si>
  <si>
    <t>4726170.0</t>
  </si>
  <si>
    <t>2944163.0</t>
  </si>
  <si>
    <t>57868.0</t>
  </si>
  <si>
    <t>63301.0</t>
  </si>
  <si>
    <t>26626.0</t>
  </si>
  <si>
    <t>11233885.0</t>
  </si>
  <si>
    <t>4752082.0</t>
  </si>
  <si>
    <t>2990494.0</t>
  </si>
  <si>
    <t>174188.0</t>
  </si>
  <si>
    <t>74377.0</t>
  </si>
  <si>
    <t>11409451.0</t>
  </si>
  <si>
    <t>4788750.0</t>
  </si>
  <si>
    <t>3015945.0</t>
  </si>
  <si>
    <t>175566.0</t>
  </si>
  <si>
    <t>89006.0</t>
  </si>
  <si>
    <t>101.76</t>
  </si>
  <si>
    <t>21075.0</t>
  </si>
  <si>
    <t>11632638.0</t>
  </si>
  <si>
    <t>4819327.0</t>
  </si>
  <si>
    <t>3037064.0</t>
  </si>
  <si>
    <t>114946.0</t>
  </si>
  <si>
    <t>103.75</t>
  </si>
  <si>
    <t>12070621.0</t>
  </si>
  <si>
    <t>4835460.0</t>
  </si>
  <si>
    <t>3037069.0</t>
  </si>
  <si>
    <t>437983.0</t>
  </si>
  <si>
    <t>107.66</t>
  </si>
  <si>
    <t>12225378.0</t>
  </si>
  <si>
    <t>4854330.0</t>
  </si>
  <si>
    <t>3047933.0</t>
  </si>
  <si>
    <t>154757.0</t>
  </si>
  <si>
    <t>109.04</t>
  </si>
  <si>
    <t>23104.0</t>
  </si>
  <si>
    <t>12287005.0</t>
  </si>
  <si>
    <t>4874336.0</t>
  </si>
  <si>
    <t>3066844.0</t>
  </si>
  <si>
    <t>61627.0</t>
  </si>
  <si>
    <t>183597.0</t>
  </si>
  <si>
    <t>109.59</t>
  </si>
  <si>
    <t>27.35</t>
  </si>
  <si>
    <t>12320691.0</t>
  </si>
  <si>
    <t>4889081.0</t>
  </si>
  <si>
    <t>3085785.0</t>
  </si>
  <si>
    <t>33686.0</t>
  </si>
  <si>
    <t>180142.0</t>
  </si>
  <si>
    <t>23273.0</t>
  </si>
  <si>
    <t>12350386.0</t>
  </si>
  <si>
    <t>4900864.0</t>
  </si>
  <si>
    <t>3093593.0</t>
  </si>
  <si>
    <t>159500.0</t>
  </si>
  <si>
    <t>110.15</t>
  </si>
  <si>
    <t>21255.0</t>
  </si>
  <si>
    <t>12429970.0</t>
  </si>
  <si>
    <t>4911004.0</t>
  </si>
  <si>
    <t>3118412.0</t>
  </si>
  <si>
    <t>79584.0</t>
  </si>
  <si>
    <t>145788.0</t>
  </si>
  <si>
    <t>110.86</t>
  </si>
  <si>
    <t>17465.0</t>
  </si>
  <si>
    <t>12506728.0</t>
  </si>
  <si>
    <t>4951522.0</t>
  </si>
  <si>
    <t>3127996.0</t>
  </si>
  <si>
    <t>76758.0</t>
  </si>
  <si>
    <t>12587550.0</t>
  </si>
  <si>
    <t>5014831.0</t>
  </si>
  <si>
    <t>3132266.0</t>
  </si>
  <si>
    <t>80822.0</t>
  </si>
  <si>
    <t>73847.0</t>
  </si>
  <si>
    <t>25624.0</t>
  </si>
  <si>
    <t>12699522.0</t>
  </si>
  <si>
    <t>5098998.0</t>
  </si>
  <si>
    <t>3138256.0</t>
  </si>
  <si>
    <t>111972.0</t>
  </si>
  <si>
    <t>67735.0</t>
  </si>
  <si>
    <t>113.27</t>
  </si>
  <si>
    <t>34953.0</t>
  </si>
  <si>
    <t>12852801.0</t>
  </si>
  <si>
    <t>5206008.0</t>
  </si>
  <si>
    <t>3165387.0</t>
  </si>
  <si>
    <t>153279.0</t>
  </si>
  <si>
    <t>114.63</t>
  </si>
  <si>
    <t>12958755.0</t>
  </si>
  <si>
    <t>5288125.0</t>
  </si>
  <si>
    <t>3171886.0</t>
  </si>
  <si>
    <t>105954.0</t>
  </si>
  <si>
    <t>91152.0</t>
  </si>
  <si>
    <t>115.58</t>
  </si>
  <si>
    <t>57006.0</t>
  </si>
  <si>
    <t>13180770.0</t>
  </si>
  <si>
    <t>5363604.0</t>
  </si>
  <si>
    <t>3288559.0</t>
  </si>
  <si>
    <t>222015.0</t>
  </si>
  <si>
    <t>118626.0</t>
  </si>
  <si>
    <t>66106.0</t>
  </si>
  <si>
    <t>13379503.0</t>
  </si>
  <si>
    <t>5416339.0</t>
  </si>
  <si>
    <t>3402549.0</t>
  </si>
  <si>
    <t>198733.0</t>
  </si>
  <si>
    <t>135648.0</t>
  </si>
  <si>
    <t>12098.0</t>
  </si>
  <si>
    <t>72191.0</t>
  </si>
  <si>
    <t>13593168.0</t>
  </si>
  <si>
    <t>5449480.0</t>
  </si>
  <si>
    <t>3553363.0</t>
  </si>
  <si>
    <t>213665.0</t>
  </si>
  <si>
    <t>155206.0</t>
  </si>
  <si>
    <t>71137.0</t>
  </si>
  <si>
    <t>13739821.0</t>
  </si>
  <si>
    <t>5469367.0</t>
  </si>
  <si>
    <t>3663808.0</t>
  </si>
  <si>
    <t>146653.0</t>
  </si>
  <si>
    <t>164610.0</t>
  </si>
  <si>
    <t>122.54</t>
  </si>
  <si>
    <t>64934.0</t>
  </si>
  <si>
    <t>13922868.0</t>
  </si>
  <si>
    <t>5503206.0</t>
  </si>
  <si>
    <t>3792398.0</t>
  </si>
  <si>
    <t>174764.0</t>
  </si>
  <si>
    <t>124.18</t>
  </si>
  <si>
    <t>14115595.0</t>
  </si>
  <si>
    <t>5552931.0</t>
  </si>
  <si>
    <t>3916641.0</t>
  </si>
  <si>
    <t>192727.0</t>
  </si>
  <si>
    <t>180399.0</t>
  </si>
  <si>
    <t>35986.8</t>
  </si>
  <si>
    <t>194.86</t>
  </si>
  <si>
    <t>3209.61153201183</t>
  </si>
  <si>
    <t>14328571.0</t>
  </si>
  <si>
    <t>5672635.0</t>
  </si>
  <si>
    <t>3995569.0</t>
  </si>
  <si>
    <t>212976.0</t>
  </si>
  <si>
    <t>195688.0</t>
  </si>
  <si>
    <t>54930.0</t>
  </si>
  <si>
    <t>181399.0</t>
  </si>
  <si>
    <t>16179.0</t>
  </si>
  <si>
    <t>53048.0</t>
  </si>
  <si>
    <t>14572560.0</t>
  </si>
  <si>
    <t>5797251.0</t>
  </si>
  <si>
    <t>4091506.0</t>
  </si>
  <si>
    <t>170437.0</t>
  </si>
  <si>
    <t>129.97</t>
  </si>
  <si>
    <t>54416.0</t>
  </si>
  <si>
    <t>14672062.0</t>
  </si>
  <si>
    <t>5837080.0</t>
  </si>
  <si>
    <t>4114722.0</t>
  </si>
  <si>
    <t>99502.0</t>
  </si>
  <si>
    <t>154128.0</t>
  </si>
  <si>
    <t>160318.0</t>
  </si>
  <si>
    <t>65265.0</t>
  </si>
  <si>
    <t>161309.0</t>
  </si>
  <si>
    <t>73166.0</t>
  </si>
  <si>
    <t>15242020.0</t>
  </si>
  <si>
    <t>6104513.0</t>
  </si>
  <si>
    <t>4171907.0</t>
  </si>
  <si>
    <t>160918.0</t>
  </si>
  <si>
    <t>135.94</t>
  </si>
  <si>
    <t>78797.0</t>
  </si>
  <si>
    <t>15526511.0</t>
  </si>
  <si>
    <t>6297598.0</t>
  </si>
  <si>
    <t>284491.0</t>
  </si>
  <si>
    <t>171134.0</t>
  </si>
  <si>
    <t>138.48</t>
  </si>
  <si>
    <t>89280.0</t>
  </si>
  <si>
    <t>15824696.0</t>
  </si>
  <si>
    <t>6499906.0</t>
  </si>
  <si>
    <t>4222992.0</t>
  </si>
  <si>
    <t>298185.0</t>
  </si>
  <si>
    <t>196304.0</t>
  </si>
  <si>
    <t>17508.0</t>
  </si>
  <si>
    <t>109280.0</t>
  </si>
  <si>
    <t>16195960.0</t>
  </si>
  <si>
    <t>6784652.0</t>
  </si>
  <si>
    <t>4258396.0</t>
  </si>
  <si>
    <t>371264.0</t>
  </si>
  <si>
    <t>231914.0</t>
  </si>
  <si>
    <t>144.45</t>
  </si>
  <si>
    <t>20684.0</t>
  </si>
  <si>
    <t>141057.0</t>
  </si>
  <si>
    <t>16438294.0</t>
  </si>
  <si>
    <t>6966314.0</t>
  </si>
  <si>
    <t>4286629.0</t>
  </si>
  <si>
    <t>242334.0</t>
  </si>
  <si>
    <t>252319.0</t>
  </si>
  <si>
    <t>146.61</t>
  </si>
  <si>
    <t>22504.0</t>
  </si>
  <si>
    <t>161319.0</t>
  </si>
  <si>
    <t>16529370.0</t>
  </si>
  <si>
    <t>7031689.0</t>
  </si>
  <si>
    <t>4304691.0</t>
  </si>
  <si>
    <t>91076.0</t>
  </si>
  <si>
    <t>238189.0</t>
  </si>
  <si>
    <t>157924.0</t>
  </si>
  <si>
    <t>16696685.0</t>
  </si>
  <si>
    <t>7141985.0</t>
  </si>
  <si>
    <t>4325605.0</t>
  </si>
  <si>
    <t>234950.0</t>
  </si>
  <si>
    <t>148.92</t>
  </si>
  <si>
    <t>16943296.0</t>
  </si>
  <si>
    <t>7283961.0</t>
  </si>
  <si>
    <t>4386783.0</t>
  </si>
  <si>
    <t>246611.0</t>
  </si>
  <si>
    <t>243039.0</t>
  </si>
  <si>
    <t>21676.0</t>
  </si>
  <si>
    <t>168493.0</t>
  </si>
  <si>
    <t>17220087.0</t>
  </si>
  <si>
    <t>7461666.0</t>
  </si>
  <si>
    <t>4444521.0</t>
  </si>
  <si>
    <t>276791.0</t>
  </si>
  <si>
    <t>241939.0</t>
  </si>
  <si>
    <t>153.58</t>
  </si>
  <si>
    <t>39.64</t>
  </si>
  <si>
    <t>166295.0</t>
  </si>
  <si>
    <t>17498490.0</t>
  </si>
  <si>
    <t>7708885.0</t>
  </si>
  <si>
    <t>4457783.0</t>
  </si>
  <si>
    <t>278403.0</t>
  </si>
  <si>
    <t>239113.0</t>
  </si>
  <si>
    <t>156.07</t>
  </si>
  <si>
    <t>21326.0</t>
  </si>
  <si>
    <t>172711.0</t>
  </si>
  <si>
    <t>17766271.0</t>
  </si>
  <si>
    <t>7904075.0</t>
  </si>
  <si>
    <t>4472022.0</t>
  </si>
  <si>
    <t>267781.0</t>
  </si>
  <si>
    <t>224330.0</t>
  </si>
  <si>
    <t>158.45</t>
  </si>
  <si>
    <t>20008.0</t>
  </si>
  <si>
    <t>159918.0</t>
  </si>
  <si>
    <t>18126208.0</t>
  </si>
  <si>
    <t>8200250.0</t>
  </si>
  <si>
    <t>4507757.0</t>
  </si>
  <si>
    <t>359937.0</t>
  </si>
  <si>
    <t>241131.0</t>
  </si>
  <si>
    <t>161.67</t>
  </si>
  <si>
    <t>18402491.0</t>
  </si>
  <si>
    <t>8377546.0</t>
  </si>
  <si>
    <t>4568048.0</t>
  </si>
  <si>
    <t>276283.0</t>
  </si>
  <si>
    <t>267589.0</t>
  </si>
  <si>
    <t>164.13</t>
  </si>
  <si>
    <t>40.74</t>
  </si>
  <si>
    <t>23866.0</t>
  </si>
  <si>
    <t>192265.0</t>
  </si>
  <si>
    <t>18752564.0</t>
  </si>
  <si>
    <t>8537572.0</t>
  </si>
  <si>
    <t>4655726.0</t>
  </si>
  <si>
    <t>350073.0</t>
  </si>
  <si>
    <t>293697.0</t>
  </si>
  <si>
    <t>167.25</t>
  </si>
  <si>
    <t>41.52</t>
  </si>
  <si>
    <t>199370.0</t>
  </si>
  <si>
    <t>19073986.0</t>
  </si>
  <si>
    <t>8635392.0</t>
  </si>
  <si>
    <t>4729445.0</t>
  </si>
  <si>
    <t>321422.0</t>
  </si>
  <si>
    <t>304384.0</t>
  </si>
  <si>
    <t>170.12</t>
  </si>
  <si>
    <t>193062.0</t>
  </si>
  <si>
    <t>19418317.0</t>
  </si>
  <si>
    <t>8737060.0</t>
  </si>
  <si>
    <t>4793101.0</t>
  </si>
  <si>
    <t>344331.0</t>
  </si>
  <si>
    <t>314033.0</t>
  </si>
  <si>
    <t>173.19</t>
  </si>
  <si>
    <t>28008.0</t>
  </si>
  <si>
    <t>182199.0</t>
  </si>
  <si>
    <t>19751634.0</t>
  </si>
  <si>
    <t>8815520.0</t>
  </si>
  <si>
    <t>4862226.0</t>
  </si>
  <si>
    <t>333317.0</t>
  </si>
  <si>
    <t>321878.0</t>
  </si>
  <si>
    <t>28708.0</t>
  </si>
  <si>
    <t>158091.0</t>
  </si>
  <si>
    <t>19991460.0</t>
  </si>
  <si>
    <t>8879811.0</t>
  </si>
  <si>
    <t>4913404.0</t>
  </si>
  <si>
    <t>317884.0</t>
  </si>
  <si>
    <t>178.3</t>
  </si>
  <si>
    <t>28352.0</t>
  </si>
  <si>
    <t>139391.0</t>
  </si>
  <si>
    <t>20168798.0</t>
  </si>
  <si>
    <t>8973362.0</t>
  </si>
  <si>
    <t>4942869.0</t>
  </si>
  <si>
    <t>177338.0</t>
  </si>
  <si>
    <t>291799.0</t>
  </si>
  <si>
    <t>179.88</t>
  </si>
  <si>
    <t>26025.0</t>
  </si>
  <si>
    <t>110445.0</t>
  </si>
  <si>
    <t>20298170.0</t>
  </si>
  <si>
    <t>9048689.0</t>
  </si>
  <si>
    <t>4955621.0</t>
  </si>
  <si>
    <t>129372.0</t>
  </si>
  <si>
    <t>270811.0</t>
  </si>
  <si>
    <t>181.04</t>
  </si>
  <si>
    <t>95878.0</t>
  </si>
  <si>
    <t>20535957.0</t>
  </si>
  <si>
    <t>9153935.0</t>
  </si>
  <si>
    <t>4990546.0</t>
  </si>
  <si>
    <t>237787.0</t>
  </si>
  <si>
    <t>254770.0</t>
  </si>
  <si>
    <t>22723.0</t>
  </si>
  <si>
    <t>88052.0</t>
  </si>
  <si>
    <t>20788249.0</t>
  </si>
  <si>
    <t>9263108.0</t>
  </si>
  <si>
    <t>5033023.0</t>
  </si>
  <si>
    <t>252292.0</t>
  </si>
  <si>
    <t>244895.0</t>
  </si>
  <si>
    <t>21842.0</t>
  </si>
  <si>
    <t>89674.0</t>
  </si>
  <si>
    <t>21004660.0</t>
  </si>
  <si>
    <t>9331789.0</t>
  </si>
  <si>
    <t>5073888.0</t>
  </si>
  <si>
    <t>216411.0</t>
  </si>
  <si>
    <t>226620.0</t>
  </si>
  <si>
    <t>187.34</t>
  </si>
  <si>
    <t>20212.0</t>
  </si>
  <si>
    <t>84961.0</t>
  </si>
  <si>
    <t>21292523.0</t>
  </si>
  <si>
    <t>9434924.0</t>
  </si>
  <si>
    <t>5146950.0</t>
  </si>
  <si>
    <t>287863.0</t>
  </si>
  <si>
    <t>220127.0</t>
  </si>
  <si>
    <t>19633.0</t>
  </si>
  <si>
    <t>88486.0</t>
  </si>
  <si>
    <t>49742.3</t>
  </si>
  <si>
    <t>4436.4450217522</t>
  </si>
  <si>
    <t>21444151.0</t>
  </si>
  <si>
    <t>9477620.0</t>
  </si>
  <si>
    <t>5207046.0</t>
  </si>
  <si>
    <t>151628.0</t>
  </si>
  <si>
    <t>191.26</t>
  </si>
  <si>
    <t>18509.0</t>
  </si>
  <si>
    <t>85401.0</t>
  </si>
  <si>
    <t>21516690.0</t>
  </si>
  <si>
    <t>9494757.0</t>
  </si>
  <si>
    <t>5234380.0</t>
  </si>
  <si>
    <t>72539.0</t>
  </si>
  <si>
    <t>21549854.0</t>
  </si>
  <si>
    <t>9500116.0</t>
  </si>
  <si>
    <t>5245735.0</t>
  </si>
  <si>
    <t>33164.0</t>
  </si>
  <si>
    <t>178812.0</t>
  </si>
  <si>
    <t>192.2</t>
  </si>
  <si>
    <t>15948.0</t>
  </si>
  <si>
    <t>21681271.0</t>
  </si>
  <si>
    <t>9524916.0</t>
  </si>
  <si>
    <t>5318954.0</t>
  </si>
  <si>
    <t>131417.0</t>
  </si>
  <si>
    <t>163616.0</t>
  </si>
  <si>
    <t>52997.0</t>
  </si>
  <si>
    <t>21876763.0</t>
  </si>
  <si>
    <t>9550053.0</t>
  </si>
  <si>
    <t>195492.0</t>
  </si>
  <si>
    <t>155502.0</t>
  </si>
  <si>
    <t>195.12</t>
  </si>
  <si>
    <t>13869.0</t>
  </si>
  <si>
    <t>22116160.0</t>
  </si>
  <si>
    <t>9571923.0</t>
  </si>
  <si>
    <t>5606045.0</t>
  </si>
  <si>
    <t>239397.0</t>
  </si>
  <si>
    <t>158786.0</t>
  </si>
  <si>
    <t>197.25</t>
  </si>
  <si>
    <t>22352125.0</t>
  </si>
  <si>
    <t>9593695.0</t>
  </si>
  <si>
    <t>5769198.0</t>
  </si>
  <si>
    <t>235965.0</t>
  </si>
  <si>
    <t>151372.0</t>
  </si>
  <si>
    <t>199.36</t>
  </si>
  <si>
    <t>22682.0</t>
  </si>
  <si>
    <t>22667026.0</t>
  </si>
  <si>
    <t>9613466.0</t>
  </si>
  <si>
    <t>6117779.0</t>
  </si>
  <si>
    <t>314901.0</t>
  </si>
  <si>
    <t>174696.0</t>
  </si>
  <si>
    <t>202.16</t>
  </si>
  <si>
    <t>22875849.0</t>
  </si>
  <si>
    <t>9623676.0</t>
  </si>
  <si>
    <t>6184534.0</t>
  </si>
  <si>
    <t>208823.0</t>
  </si>
  <si>
    <t>194166.0</t>
  </si>
  <si>
    <t>204.03</t>
  </si>
  <si>
    <t>22982472.0</t>
  </si>
  <si>
    <t>9628835.0</t>
  </si>
  <si>
    <t>6238972.0</t>
  </si>
  <si>
    <t>106623.0</t>
  </si>
  <si>
    <t>204660.0</t>
  </si>
  <si>
    <t>18253.0</t>
  </si>
  <si>
    <t>18388.0</t>
  </si>
  <si>
    <t>23149042.0</t>
  </si>
  <si>
    <t>9636551.0</t>
  </si>
  <si>
    <t>6355943.0</t>
  </si>
  <si>
    <t>166570.0</t>
  </si>
  <si>
    <t>209682.0</t>
  </si>
  <si>
    <t>18701.0</t>
  </si>
  <si>
    <t>23397552.0</t>
  </si>
  <si>
    <t>9654453.0</t>
  </si>
  <si>
    <t>6500743.0</t>
  </si>
  <si>
    <t>248510.0</t>
  </si>
  <si>
    <t>217256.0</t>
  </si>
  <si>
    <t>208.68</t>
  </si>
  <si>
    <t>23628367.0</t>
  </si>
  <si>
    <t>9671500.0</t>
  </si>
  <si>
    <t>6611807.0</t>
  </si>
  <si>
    <t>230815.0</t>
  </si>
  <si>
    <t>216030.0</t>
  </si>
  <si>
    <t>210.74</t>
  </si>
  <si>
    <t>19267.0</t>
  </si>
  <si>
    <t>23920914.0</t>
  </si>
  <si>
    <t>9688764.0</t>
  </si>
  <si>
    <t>6689090.0</t>
  </si>
  <si>
    <t>292547.0</t>
  </si>
  <si>
    <t>224113.0</t>
  </si>
  <si>
    <t>19988.0</t>
  </si>
  <si>
    <t>24162094.0</t>
  </si>
  <si>
    <t>9704167.0</t>
  </si>
  <si>
    <t>6748348.0</t>
  </si>
  <si>
    <t>241180.0</t>
  </si>
  <si>
    <t>213581.0</t>
  </si>
  <si>
    <t>19049.0</t>
  </si>
  <si>
    <t>24464590.0</t>
  </si>
  <si>
    <t>9713978.0</t>
  </si>
  <si>
    <t>6777771.0</t>
  </si>
  <si>
    <t>302496.0</t>
  </si>
  <si>
    <t>226963.0</t>
  </si>
  <si>
    <t>20243.0</t>
  </si>
  <si>
    <t>24647897.0</t>
  </si>
  <si>
    <t>9719850.0</t>
  </si>
  <si>
    <t>6790452.0</t>
  </si>
  <si>
    <t>183307.0</t>
  </si>
  <si>
    <t>237918.0</t>
  </si>
  <si>
    <t>219.83</t>
  </si>
  <si>
    <t>21220.0</t>
  </si>
  <si>
    <t>13002.0</t>
  </si>
  <si>
    <t>24839602.0</t>
  </si>
  <si>
    <t>9734489.0</t>
  </si>
  <si>
    <t>6820549.0</t>
  </si>
  <si>
    <t>191705.0</t>
  </si>
  <si>
    <t>241509.0</t>
  </si>
  <si>
    <t>24972060.0</t>
  </si>
  <si>
    <t>9750407.0</t>
  </si>
  <si>
    <t>6857060.0</t>
  </si>
  <si>
    <t>132458.0</t>
  </si>
  <si>
    <t>224930.0</t>
  </si>
  <si>
    <t>13708.0</t>
  </si>
  <si>
    <t>25081025.0</t>
  </si>
  <si>
    <t>9764590.0</t>
  </si>
  <si>
    <t>6895689.0</t>
  </si>
  <si>
    <t>207523.0</t>
  </si>
  <si>
    <t>223.69</t>
  </si>
  <si>
    <t>87.09</t>
  </si>
  <si>
    <t>25182537.0</t>
  </si>
  <si>
    <t>9780864.0</t>
  </si>
  <si>
    <t>6939289.0</t>
  </si>
  <si>
    <t>101512.0</t>
  </si>
  <si>
    <t>180232.0</t>
  </si>
  <si>
    <t>16075.0</t>
  </si>
  <si>
    <t>13157.0</t>
  </si>
  <si>
    <t>25275700.0</t>
  </si>
  <si>
    <t>9795606.0</t>
  </si>
  <si>
    <t>6983098.0</t>
  </si>
  <si>
    <t>93163.0</t>
  </si>
  <si>
    <t>159087.0</t>
  </si>
  <si>
    <t>25330666.0</t>
  </si>
  <si>
    <t>9802963.0</t>
  </si>
  <si>
    <t>7013247.0</t>
  </si>
  <si>
    <t>54966.0</t>
  </si>
  <si>
    <t>123725.0</t>
  </si>
  <si>
    <t>225.92</t>
  </si>
  <si>
    <t>12712.0</t>
  </si>
  <si>
    <t>25357844.0</t>
  </si>
  <si>
    <t>9805148.0</t>
  </si>
  <si>
    <t>7030356.0</t>
  </si>
  <si>
    <t>27178.0</t>
  </si>
  <si>
    <t>101421.0</t>
  </si>
  <si>
    <t>25436117.0</t>
  </si>
  <si>
    <t>9820338.0</t>
  </si>
  <si>
    <t>7070412.0</t>
  </si>
  <si>
    <t>78273.0</t>
  </si>
  <si>
    <t>85216.0</t>
  </si>
  <si>
    <t>25510679.0</t>
  </si>
  <si>
    <t>9832329.0</t>
  </si>
  <si>
    <t>7110019.0</t>
  </si>
  <si>
    <t>74562.0</t>
  </si>
  <si>
    <t>76946.0</t>
  </si>
  <si>
    <t>227.53</t>
  </si>
  <si>
    <t>25569841.0</t>
  </si>
  <si>
    <t>9842563.0</t>
  </si>
  <si>
    <t>7140556.0</t>
  </si>
  <si>
    <t>59162.0</t>
  </si>
  <si>
    <t>69831.0</t>
  </si>
  <si>
    <t>25633094.0</t>
  </si>
  <si>
    <t>9854289.0</t>
  </si>
  <si>
    <t>7171456.0</t>
  </si>
  <si>
    <t>63253.0</t>
  </si>
  <si>
    <t>64365.0</t>
  </si>
  <si>
    <t>25717783.0</t>
  </si>
  <si>
    <t>9888050.0</t>
  </si>
  <si>
    <t>7218258.0</t>
  </si>
  <si>
    <t>84689.0</t>
  </si>
  <si>
    <t>63155.0</t>
  </si>
  <si>
    <t>25772255.0</t>
  </si>
  <si>
    <t>9922533.0</t>
  </si>
  <si>
    <t>7258251.0</t>
  </si>
  <si>
    <t>54472.0</t>
  </si>
  <si>
    <t>63084.0</t>
  </si>
  <si>
    <t>229.86</t>
  </si>
  <si>
    <t>17081.0</t>
  </si>
  <si>
    <t>25800950.0</t>
  </si>
  <si>
    <t>9939797.0</t>
  </si>
  <si>
    <t>7282929.0</t>
  </si>
  <si>
    <t>28695.0</t>
  </si>
  <si>
    <t>52832.6</t>
  </si>
  <si>
    <t>4712.06448548269</t>
  </si>
  <si>
    <t>25869765.0</t>
  </si>
  <si>
    <t>9963447.0</t>
  </si>
  <si>
    <t>7326707.0</t>
  </si>
  <si>
    <t>68815.0</t>
  </si>
  <si>
    <t>61950.0</t>
  </si>
  <si>
    <t>230.73</t>
  </si>
  <si>
    <t>88.86</t>
  </si>
  <si>
    <t>20444.0</t>
  </si>
  <si>
    <t>25938815.0</t>
  </si>
  <si>
    <t>9984120.0</t>
  </si>
  <si>
    <t>7372161.0</t>
  </si>
  <si>
    <t>69050.0</t>
  </si>
  <si>
    <t>61162.0</t>
  </si>
  <si>
    <t>21684.0</t>
  </si>
  <si>
    <t>26007239.0</t>
  </si>
  <si>
    <t>10002014.0</t>
  </si>
  <si>
    <t>7419135.0</t>
  </si>
  <si>
    <t>68424.0</t>
  </si>
  <si>
    <t>62485.0</t>
  </si>
  <si>
    <t>231.95</t>
  </si>
  <si>
    <t>26066217.0</t>
  </si>
  <si>
    <t>10017665.0</t>
  </si>
  <si>
    <t>7458669.0</t>
  </si>
  <si>
    <t>58978.0</t>
  </si>
  <si>
    <t>61875.0</t>
  </si>
  <si>
    <t>23339.0</t>
  </si>
  <si>
    <t>26262308.0</t>
  </si>
  <si>
    <t>10033315.0</t>
  </si>
  <si>
    <t>7631937.0</t>
  </si>
  <si>
    <t>196091.0</t>
  </si>
  <si>
    <t>77789.0</t>
  </si>
  <si>
    <t>20752.0</t>
  </si>
  <si>
    <t>26389209.0</t>
  </si>
  <si>
    <t>7747505.0</t>
  </si>
  <si>
    <t>126901.0</t>
  </si>
  <si>
    <t>15954.0</t>
  </si>
  <si>
    <t>26423596.0</t>
  </si>
  <si>
    <t>7779265.0</t>
  </si>
  <si>
    <t>88949.0</t>
  </si>
  <si>
    <t>26453315.0</t>
  </si>
  <si>
    <t>10036001.0</t>
  </si>
  <si>
    <t>7810402.0</t>
  </si>
  <si>
    <t>83364.0</t>
  </si>
  <si>
    <t>26564347.0</t>
  </si>
  <si>
    <t>10048518.0</t>
  </si>
  <si>
    <t>7883145.0</t>
  </si>
  <si>
    <t>111032.0</t>
  </si>
  <si>
    <t>89362.0</t>
  </si>
  <si>
    <t>26664153.0</t>
  </si>
  <si>
    <t>10059462.0</t>
  </si>
  <si>
    <t>7967430.0</t>
  </si>
  <si>
    <t>99806.0</t>
  </si>
  <si>
    <t>26852506.0</t>
  </si>
  <si>
    <t>10070476.0</t>
  </si>
  <si>
    <t>8138612.0</t>
  </si>
  <si>
    <t>188353.0</t>
  </si>
  <si>
    <t>112327.0</t>
  </si>
  <si>
    <t>239.49</t>
  </si>
  <si>
    <t>27039584.0</t>
  </si>
  <si>
    <t>10080202.0</t>
  </si>
  <si>
    <t>8307956.0</t>
  </si>
  <si>
    <t>111039.0</t>
  </si>
  <si>
    <t>9903.0</t>
  </si>
  <si>
    <t>27284188.0</t>
  </si>
  <si>
    <t>10084965.0</t>
  </si>
  <si>
    <t>8543079.0</t>
  </si>
  <si>
    <t>244604.0</t>
  </si>
  <si>
    <t>127854.0</t>
  </si>
  <si>
    <t>243.34</t>
  </si>
  <si>
    <t>27424183.0</t>
  </si>
  <si>
    <t>10086396.0</t>
  </si>
  <si>
    <t>8679636.0</t>
  </si>
  <si>
    <t>139995.0</t>
  </si>
  <si>
    <t>142941.0</t>
  </si>
  <si>
    <t>244.59</t>
  </si>
  <si>
    <t>7327.0</t>
  </si>
  <si>
    <t>27568581.0</t>
  </si>
  <si>
    <t>10094401.0</t>
  </si>
  <si>
    <t>8807998.0</t>
  </si>
  <si>
    <t>144398.0</t>
  </si>
  <si>
    <t>159324.0</t>
  </si>
  <si>
    <t>245.88</t>
  </si>
  <si>
    <t>27670213.0</t>
  </si>
  <si>
    <t>10102486.0</t>
  </si>
  <si>
    <t>8893920.0</t>
  </si>
  <si>
    <t>101632.0</t>
  </si>
  <si>
    <t>157981.0</t>
  </si>
  <si>
    <t>246.79</t>
  </si>
  <si>
    <t>14090.0</t>
  </si>
  <si>
    <t>27741924.0</t>
  </si>
  <si>
    <t>10110794.0</t>
  </si>
  <si>
    <t>8951589.0</t>
  </si>
  <si>
    <t>153967.0</t>
  </si>
  <si>
    <t>247.43</t>
  </si>
  <si>
    <t>13732.0</t>
  </si>
  <si>
    <t>27794032.0</t>
  </si>
  <si>
    <t>10118526.0</t>
  </si>
  <si>
    <t>8991195.0</t>
  </si>
  <si>
    <t>52108.0</t>
  </si>
  <si>
    <t>134504.0</t>
  </si>
  <si>
    <t>11996.0</t>
  </si>
  <si>
    <t>27850290.0</t>
  </si>
  <si>
    <t>10126186.0</t>
  </si>
  <si>
    <t>9033415.0</t>
  </si>
  <si>
    <t>56258.0</t>
  </si>
  <si>
    <t>115815.0</t>
  </si>
  <si>
    <t>248.39</t>
  </si>
  <si>
    <t>27872484.0</t>
  </si>
  <si>
    <t>10129065.0</t>
  </si>
  <si>
    <t>9050528.0</t>
  </si>
  <si>
    <t>22194.0</t>
  </si>
  <si>
    <t>84042.0</t>
  </si>
  <si>
    <t>248.59</t>
  </si>
  <si>
    <t>7496.0</t>
  </si>
  <si>
    <t>27878409.0</t>
  </si>
  <si>
    <t>10129320.0</t>
  </si>
  <si>
    <t>9054649.0</t>
  </si>
  <si>
    <t>64889.0</t>
  </si>
  <si>
    <t>248.64</t>
  </si>
  <si>
    <t>27923083.0</t>
  </si>
  <si>
    <t>10136225.0</t>
  </si>
  <si>
    <t>9086703.0</t>
  </si>
  <si>
    <t>50643.0</t>
  </si>
  <si>
    <t>249.04</t>
  </si>
  <si>
    <t>27961410.0</t>
  </si>
  <si>
    <t>10142765.0</t>
  </si>
  <si>
    <t>9114147.0</t>
  </si>
  <si>
    <t>41600.0</t>
  </si>
  <si>
    <t>249.38</t>
  </si>
  <si>
    <t>3710.0</t>
  </si>
  <si>
    <t>50966.0</t>
  </si>
  <si>
    <t>63133.0</t>
  </si>
  <si>
    <t>28373238.0</t>
  </si>
  <si>
    <t>10161233.0</t>
  </si>
  <si>
    <t>9186075.0</t>
  </si>
  <si>
    <t>74707.0</t>
  </si>
  <si>
    <t>253.06</t>
  </si>
  <si>
    <t>28396291.0</t>
  </si>
  <si>
    <t>10163235.0</t>
  </si>
  <si>
    <t>9194017.0</t>
  </si>
  <si>
    <t>74830.0</t>
  </si>
  <si>
    <t>253.26</t>
  </si>
  <si>
    <t>28402651.0</t>
  </si>
  <si>
    <t>10163695.0</t>
  </si>
  <si>
    <t>9195366.0</t>
  </si>
  <si>
    <t>6360.0</t>
  </si>
  <si>
    <t>253.32</t>
  </si>
  <si>
    <t>28434067.0</t>
  </si>
  <si>
    <t>10169492.0</t>
  </si>
  <si>
    <t>9217347.0</t>
  </si>
  <si>
    <t>72998.0</t>
  </si>
  <si>
    <t>28485574.0</t>
  </si>
  <si>
    <t>10175287.0</t>
  </si>
  <si>
    <t>9237847.0</t>
  </si>
  <si>
    <t>74881.0</t>
  </si>
  <si>
    <t>254.06</t>
  </si>
  <si>
    <t>53358.1</t>
  </si>
  <si>
    <t>4758.93308341505</t>
  </si>
  <si>
    <t>28541948.0</t>
  </si>
  <si>
    <t>10181265.0</t>
  </si>
  <si>
    <t>9255012.0</t>
  </si>
  <si>
    <t>56374.0</t>
  </si>
  <si>
    <t>63323.0</t>
  </si>
  <si>
    <t>254.56</t>
  </si>
  <si>
    <t>5648.0</t>
  </si>
  <si>
    <t>28592611.0</t>
  </si>
  <si>
    <t>10188084.0</t>
  </si>
  <si>
    <t>9270769.0</t>
  </si>
  <si>
    <t>50663.0</t>
  </si>
  <si>
    <t>50950.0</t>
  </si>
  <si>
    <t>255.01</t>
  </si>
  <si>
    <t>28623729.0</t>
  </si>
  <si>
    <t>10190888.0</t>
  </si>
  <si>
    <t>9280509.0</t>
  </si>
  <si>
    <t>35784.0</t>
  </si>
  <si>
    <t>255.29</t>
  </si>
  <si>
    <t>28644008.0</t>
  </si>
  <si>
    <t>10192588.0</t>
  </si>
  <si>
    <t>9286956.0</t>
  </si>
  <si>
    <t>20279.0</t>
  </si>
  <si>
    <t>35388.0</t>
  </si>
  <si>
    <t>255.47</t>
  </si>
  <si>
    <t>28651157.0</t>
  </si>
  <si>
    <t>10192861.0</t>
  </si>
  <si>
    <t>9287955.0</t>
  </si>
  <si>
    <t>35501.0</t>
  </si>
  <si>
    <t>255.54</t>
  </si>
  <si>
    <t>28677318.0</t>
  </si>
  <si>
    <t>10198006.0</t>
  </si>
  <si>
    <t>9305674.0</t>
  </si>
  <si>
    <t>26161.0</t>
  </si>
  <si>
    <t>255.77</t>
  </si>
  <si>
    <t>28741454.0</t>
  </si>
  <si>
    <t>10202801.0</t>
  </si>
  <si>
    <t>9318613.0</t>
  </si>
  <si>
    <t>64136.0</t>
  </si>
  <si>
    <t>256.34</t>
  </si>
  <si>
    <t>28822131.0</t>
  </si>
  <si>
    <t>10207648.0</t>
  </si>
  <si>
    <t>9331520.0</t>
  </si>
  <si>
    <t>80677.0</t>
  </si>
  <si>
    <t>40026.0</t>
  </si>
  <si>
    <t>257.06</t>
  </si>
  <si>
    <t>28892653.0</t>
  </si>
  <si>
    <t>10212248.0</t>
  </si>
  <si>
    <t>9343711.0</t>
  </si>
  <si>
    <t>70522.0</t>
  </si>
  <si>
    <t>42863.0</t>
  </si>
  <si>
    <t>257.69</t>
  </si>
  <si>
    <t>83.34</t>
  </si>
  <si>
    <t>28960590.0</t>
  </si>
  <si>
    <t>10217205.0</t>
  </si>
  <si>
    <t>9357454.0</t>
  </si>
  <si>
    <t>67937.0</t>
  </si>
  <si>
    <t>48123.0</t>
  </si>
  <si>
    <t>258.3</t>
  </si>
  <si>
    <t>29006443.0</t>
  </si>
  <si>
    <t>10218705.0</t>
  </si>
  <si>
    <t>9361872.0</t>
  </si>
  <si>
    <t>45853.0</t>
  </si>
  <si>
    <t>51776.0</t>
  </si>
  <si>
    <t>258.7</t>
  </si>
  <si>
    <t>29032134.0</t>
  </si>
  <si>
    <t>10218940.0</t>
  </si>
  <si>
    <t>9362628.0</t>
  </si>
  <si>
    <t>25691.0</t>
  </si>
  <si>
    <t>258.93</t>
  </si>
  <si>
    <t>29055632.0</t>
  </si>
  <si>
    <t>10223122.0</t>
  </si>
  <si>
    <t>9376207.0</t>
  </si>
  <si>
    <t>54045.0</t>
  </si>
  <si>
    <t>259.14</t>
  </si>
  <si>
    <t>29090880.0</t>
  </si>
  <si>
    <t>10227387.0</t>
  </si>
  <si>
    <t>9388653.0</t>
  </si>
  <si>
    <t>49918.0</t>
  </si>
  <si>
    <t>259.46</t>
  </si>
  <si>
    <t>29126523.0</t>
  </si>
  <si>
    <t>10235340.0</t>
  </si>
  <si>
    <t>9402992.0</t>
  </si>
  <si>
    <t>35643.0</t>
  </si>
  <si>
    <t>43485.0</t>
  </si>
  <si>
    <t>259.78</t>
  </si>
  <si>
    <t>29224482.0</t>
  </si>
  <si>
    <t>10266992.0</t>
  </si>
  <si>
    <t>9440384.0</t>
  </si>
  <si>
    <t>97959.0</t>
  </si>
  <si>
    <t>47404.0</t>
  </si>
  <si>
    <t>260.65</t>
  </si>
  <si>
    <t>29292150.0</t>
  </si>
  <si>
    <t>10299822.0</t>
  </si>
  <si>
    <t>9478586.0</t>
  </si>
  <si>
    <t>261.25</t>
  </si>
  <si>
    <t>11802.0</t>
  </si>
  <si>
    <t>29330035.0</t>
  </si>
  <si>
    <t>10313482.0</t>
  </si>
  <si>
    <t>9494597.0</t>
  </si>
  <si>
    <t>46227.0</t>
  </si>
  <si>
    <t>261.59</t>
  </si>
  <si>
    <t>29370584.0</t>
  </si>
  <si>
    <t>10316552.0</t>
  </si>
  <si>
    <t>9498051.0</t>
  </si>
  <si>
    <t>40549.0</t>
  </si>
  <si>
    <t>48350.0</t>
  </si>
  <si>
    <t>261.95</t>
  </si>
  <si>
    <t>29404770.0</t>
  </si>
  <si>
    <t>10332705.0</t>
  </si>
  <si>
    <t>9519495.0</t>
  </si>
  <si>
    <t>891494.0</t>
  </si>
  <si>
    <t>49877.0</t>
  </si>
  <si>
    <t>262.26</t>
  </si>
  <si>
    <t>15655.0</t>
  </si>
  <si>
    <t>29462299.0</t>
  </si>
  <si>
    <t>10346041.0</t>
  </si>
  <si>
    <t>9537322.0</t>
  </si>
  <si>
    <t>927302.0</t>
  </si>
  <si>
    <t>57529.0</t>
  </si>
  <si>
    <t>53060.0</t>
  </si>
  <si>
    <t>262.77</t>
  </si>
  <si>
    <t>92.27</t>
  </si>
  <si>
    <t>29536349.0</t>
  </si>
  <si>
    <t>10361109.0</t>
  </si>
  <si>
    <t>9556317.0</t>
  </si>
  <si>
    <t>978864.0</t>
  </si>
  <si>
    <t>74050.0</t>
  </si>
  <si>
    <t>263.43</t>
  </si>
  <si>
    <t>92.41</t>
  </si>
  <si>
    <t>17967.0</t>
  </si>
  <si>
    <t>29636947.0</t>
  </si>
  <si>
    <t>10377251.0</t>
  </si>
  <si>
    <t>9576627.0</t>
  </si>
  <si>
    <t>1055390.0</t>
  </si>
  <si>
    <t>264.33</t>
  </si>
  <si>
    <t>29769267.0</t>
  </si>
  <si>
    <t>10393893.0</t>
  </si>
  <si>
    <t>9597707.0</t>
  </si>
  <si>
    <t>1163358.0</t>
  </si>
  <si>
    <t>132320.0</t>
  </si>
  <si>
    <t>265.51</t>
  </si>
  <si>
    <t>92.7</t>
  </si>
  <si>
    <t>29936632.0</t>
  </si>
  <si>
    <t>10396920.0</t>
  </si>
  <si>
    <t>9601548.0</t>
  </si>
  <si>
    <t>1325796.0</t>
  </si>
  <si>
    <t>167365.0</t>
  </si>
  <si>
    <t>86657.0</t>
  </si>
  <si>
    <t>92.73</t>
  </si>
  <si>
    <t>7729.0</t>
  </si>
  <si>
    <t>30023092.0</t>
  </si>
  <si>
    <t>10397970.0</t>
  </si>
  <si>
    <t>9604132.0</t>
  </si>
  <si>
    <t>1409376.0</t>
  </si>
  <si>
    <t>86460.0</t>
  </si>
  <si>
    <t>93215.0</t>
  </si>
  <si>
    <t>267.77</t>
  </si>
  <si>
    <t>92.74</t>
  </si>
  <si>
    <t>30090996.0</t>
  </si>
  <si>
    <t>10416579.0</t>
  </si>
  <si>
    <t>9626071.0</t>
  </si>
  <si>
    <t>1449108.0</t>
  </si>
  <si>
    <t>268.38</t>
  </si>
  <si>
    <t>30274009.0</t>
  </si>
  <si>
    <t>10429625.0</t>
  </si>
  <si>
    <t>9643835.0</t>
  </si>
  <si>
    <t>1610388.0</t>
  </si>
  <si>
    <t>183013.0</t>
  </si>
  <si>
    <t>115959.0</t>
  </si>
  <si>
    <t>270.01</t>
  </si>
  <si>
    <t>93.02</t>
  </si>
  <si>
    <t>11941.0</t>
  </si>
  <si>
    <t>30719737.0</t>
  </si>
  <si>
    <t>10448202.0</t>
  </si>
  <si>
    <t>9670974.0</t>
  </si>
  <si>
    <t>2021600.0</t>
  </si>
  <si>
    <t>154684.0</t>
  </si>
  <si>
    <t>273.98</t>
  </si>
  <si>
    <t>93.19</t>
  </si>
  <si>
    <t>13796.0</t>
  </si>
  <si>
    <t>30874045.0</t>
  </si>
  <si>
    <t>10448955.0</t>
  </si>
  <si>
    <t>9672464.0</t>
  </si>
  <si>
    <t>2174094.0</t>
  </si>
  <si>
    <t>154308.0</t>
  </si>
  <si>
    <t>157825.0</t>
  </si>
  <si>
    <t>275.36</t>
  </si>
  <si>
    <t>14076.0</t>
  </si>
  <si>
    <t>7866.0</t>
  </si>
  <si>
    <t>53645.6</t>
  </si>
  <si>
    <t>4784.57479969583</t>
  </si>
  <si>
    <t>30888612.0</t>
  </si>
  <si>
    <t>10449231.0</t>
  </si>
  <si>
    <t>9672873.0</t>
  </si>
  <si>
    <t>2188181.0</t>
  </si>
  <si>
    <t>14567.0</t>
  </si>
  <si>
    <t>135997.0</t>
  </si>
  <si>
    <t>30891212.0</t>
  </si>
  <si>
    <t>10449308.0</t>
  </si>
  <si>
    <t>9673087.0</t>
  </si>
  <si>
    <t>2190530.0</t>
  </si>
  <si>
    <t>124017.0</t>
  </si>
  <si>
    <t>275.51</t>
  </si>
  <si>
    <t>11061.0</t>
  </si>
  <si>
    <t>30895670.0</t>
  </si>
  <si>
    <t>10449544.0</t>
  </si>
  <si>
    <t>9673452.0</t>
  </si>
  <si>
    <t>2194437.0</t>
  </si>
  <si>
    <t>114953.0</t>
  </si>
  <si>
    <t>275.55</t>
  </si>
  <si>
    <t>30925470.0</t>
  </si>
  <si>
    <t>10455713.0</t>
  </si>
  <si>
    <t>9683780.0</t>
  </si>
  <si>
    <t>2209586.0</t>
  </si>
  <si>
    <t>93066.0</t>
  </si>
  <si>
    <t>275.82</t>
  </si>
  <si>
    <t>93.25</t>
  </si>
  <si>
    <t>8300.0</t>
  </si>
  <si>
    <t>31020410.0</t>
  </si>
  <si>
    <t>10464507.0</t>
  </si>
  <si>
    <t>9696217.0</t>
  </si>
  <si>
    <t>2287344.0</t>
  </si>
  <si>
    <t>94940.0</t>
  </si>
  <si>
    <t>74791.0</t>
  </si>
  <si>
    <t>276.67</t>
  </si>
  <si>
    <t>31165635.0</t>
  </si>
  <si>
    <t>10473519.0</t>
  </si>
  <si>
    <t>9707836.0</t>
  </si>
  <si>
    <t>2415187.0</t>
  </si>
  <si>
    <t>145225.0</t>
  </si>
  <si>
    <t>63700.0</t>
  </si>
  <si>
    <t>277.96</t>
  </si>
  <si>
    <t>31344582.0</t>
  </si>
  <si>
    <t>10482819.0</t>
  </si>
  <si>
    <t>9719547.0</t>
  </si>
  <si>
    <t>2577892.0</t>
  </si>
  <si>
    <t>178947.0</t>
  </si>
  <si>
    <t>67220.0</t>
  </si>
  <si>
    <t>279.56</t>
  </si>
  <si>
    <t>31527306.0</t>
  </si>
  <si>
    <t>10487125.0</t>
  </si>
  <si>
    <t>9724444.0</t>
  </si>
  <si>
    <t>2753858.0</t>
  </si>
  <si>
    <t>182724.0</t>
  </si>
  <si>
    <t>91242.0</t>
  </si>
  <si>
    <t>281.19</t>
  </si>
  <si>
    <t>93.53</t>
  </si>
  <si>
    <t>31689588.0</t>
  </si>
  <si>
    <t>10488128.0</t>
  </si>
  <si>
    <t>9725935.0</t>
  </si>
  <si>
    <t>2914069.0</t>
  </si>
  <si>
    <t>162282.0</t>
  </si>
  <si>
    <t>114054.0</t>
  </si>
  <si>
    <t>282.63</t>
  </si>
  <si>
    <t>10172.0</t>
  </si>
  <si>
    <t>31803702.0</t>
  </si>
  <si>
    <t>10495703.0</t>
  </si>
  <si>
    <t>9735086.0</t>
  </si>
  <si>
    <t>3014980.0</t>
  </si>
  <si>
    <t>114114.0</t>
  </si>
  <si>
    <t>129719.0</t>
  </si>
  <si>
    <t>283.65</t>
  </si>
  <si>
    <t>31975625.0</t>
  </si>
  <si>
    <t>10504040.0</t>
  </si>
  <si>
    <t>9745230.0</t>
  </si>
  <si>
    <t>3172790.0</t>
  </si>
  <si>
    <t>171923.0</t>
  </si>
  <si>
    <t>150022.0</t>
  </si>
  <si>
    <t>285.19</t>
  </si>
  <si>
    <t>93.68</t>
  </si>
  <si>
    <t>32161357.0</t>
  </si>
  <si>
    <t>10511082.0</t>
  </si>
  <si>
    <t>9754368.0</t>
  </si>
  <si>
    <t>3345351.0</t>
  </si>
  <si>
    <t>185732.0</t>
  </si>
  <si>
    <t>162992.0</t>
  </si>
  <si>
    <t>286.84</t>
  </si>
  <si>
    <t>32375745.0</t>
  </si>
  <si>
    <t>10517029.0</t>
  </si>
  <si>
    <t>9761822.0</t>
  </si>
  <si>
    <t>3548598.0</t>
  </si>
  <si>
    <t>214388.0</t>
  </si>
  <si>
    <t>172873.0</t>
  </si>
  <si>
    <t>288.75</t>
  </si>
  <si>
    <t>93.8</t>
  </si>
  <si>
    <t>87.06</t>
  </si>
  <si>
    <t>15418.0</t>
  </si>
  <si>
    <t>32600145.0</t>
  </si>
  <si>
    <t>10523876.0</t>
  </si>
  <si>
    <t>9769548.0</t>
  </si>
  <si>
    <t>3761636.0</t>
  </si>
  <si>
    <t>224400.0</t>
  </si>
  <si>
    <t>179366.0</t>
  </si>
  <si>
    <t>290.76</t>
  </si>
  <si>
    <t>93.86</t>
  </si>
  <si>
    <t>87.13</t>
  </si>
  <si>
    <t>15997.0</t>
  </si>
  <si>
    <t>32808451.0</t>
  </si>
  <si>
    <t>10526250.0</t>
  </si>
  <si>
    <t>9771819.0</t>
  </si>
  <si>
    <t>3966156.0</t>
  </si>
  <si>
    <t>208306.0</t>
  </si>
  <si>
    <t>183021.0</t>
  </si>
  <si>
    <t>292.61</t>
  </si>
  <si>
    <t>87.15</t>
  </si>
  <si>
    <t>32942089.0</t>
  </si>
  <si>
    <t>10526575.0</t>
  </si>
  <si>
    <t>9772152.0</t>
  </si>
  <si>
    <t>4098924.0</t>
  </si>
  <si>
    <t>133638.0</t>
  </si>
  <si>
    <t>178929.0</t>
  </si>
  <si>
    <t>293.81</t>
  </si>
  <si>
    <t>93.89</t>
  </si>
  <si>
    <t>15958.0</t>
  </si>
  <si>
    <t>33013350.0</t>
  </si>
  <si>
    <t>10531221.0</t>
  </si>
  <si>
    <t>9777326.0</t>
  </si>
  <si>
    <t>4162531.0</t>
  </si>
  <si>
    <t>71261.0</t>
  </si>
  <si>
    <t>172807.0</t>
  </si>
  <si>
    <t>294.44</t>
  </si>
  <si>
    <t>33145786.0</t>
  </si>
  <si>
    <t>10535327.0</t>
  </si>
  <si>
    <t>9782850.0</t>
  </si>
  <si>
    <t>4286445.0</t>
  </si>
  <si>
    <t>132436.0</t>
  </si>
  <si>
    <t>167166.0</t>
  </si>
  <si>
    <t>295.62</t>
  </si>
  <si>
    <t>93.96</t>
  </si>
  <si>
    <t>14909.0</t>
  </si>
  <si>
    <t>33275888.0</t>
  </si>
  <si>
    <t>10539704.0</t>
  </si>
  <si>
    <t>9788341.0</t>
  </si>
  <si>
    <t>4407695.0</t>
  </si>
  <si>
    <t>130102.0</t>
  </si>
  <si>
    <t>296.78</t>
  </si>
  <si>
    <t>14201.0</t>
  </si>
  <si>
    <t>33422531.0</t>
  </si>
  <si>
    <t>10544254.0</t>
  </si>
  <si>
    <t>9793740.0</t>
  </si>
  <si>
    <t>4545231.0</t>
  </si>
  <si>
    <t>146643.0</t>
  </si>
  <si>
    <t>149541.0</t>
  </si>
  <si>
    <t>298.09</t>
  </si>
  <si>
    <t>33549486.0</t>
  </si>
  <si>
    <t>10548924.0</t>
  </si>
  <si>
    <t>9799932.0</t>
  </si>
  <si>
    <t>4662287.0</t>
  </si>
  <si>
    <t>135620.0</t>
  </si>
  <si>
    <t>299.22</t>
  </si>
  <si>
    <t>33659972.0</t>
  </si>
  <si>
    <t>10549889.0</t>
  </si>
  <si>
    <t>9801110.0</t>
  </si>
  <si>
    <t>4770523.0</t>
  </si>
  <si>
    <t>110486.0</t>
  </si>
  <si>
    <t>121646.0</t>
  </si>
  <si>
    <t>300.21</t>
  </si>
  <si>
    <t>94.09</t>
  </si>
  <si>
    <t>33727420.0</t>
  </si>
  <si>
    <t>10550176.0</t>
  </si>
  <si>
    <t>9801366.0</t>
  </si>
  <si>
    <t>4837518.0</t>
  </si>
  <si>
    <t>67448.0</t>
  </si>
  <si>
    <t>87.42</t>
  </si>
  <si>
    <t>33775628.0</t>
  </si>
  <si>
    <t>10554915.0</t>
  </si>
  <si>
    <t>9807436.0</t>
  </si>
  <si>
    <t>4876009.0</t>
  </si>
  <si>
    <t>108897.0</t>
  </si>
  <si>
    <t>301.24</t>
  </si>
  <si>
    <t>87.47</t>
  </si>
  <si>
    <t>9712.0</t>
  </si>
  <si>
    <t>33866971.0</t>
  </si>
  <si>
    <t>10558532.0</t>
  </si>
  <si>
    <t>9811501.0</t>
  </si>
  <si>
    <t>91343.0</t>
  </si>
  <si>
    <t>103026.0</t>
  </si>
  <si>
    <t>302.05</t>
  </si>
  <si>
    <t>94.17</t>
  </si>
  <si>
    <t>33968091.0</t>
  </si>
  <si>
    <t>10561720.0</t>
  </si>
  <si>
    <t>9815389.0</t>
  </si>
  <si>
    <t>5054186.0</t>
  </si>
  <si>
    <t>101120.0</t>
  </si>
  <si>
    <t>98886.0</t>
  </si>
  <si>
    <t>302.96</t>
  </si>
  <si>
    <t>34067429.0</t>
  </si>
  <si>
    <t>10564918.0</t>
  </si>
  <si>
    <t>9819198.0</t>
  </si>
  <si>
    <t>5145349.0</t>
  </si>
  <si>
    <t>92128.0</t>
  </si>
  <si>
    <t>303.84</t>
  </si>
  <si>
    <t>94.23</t>
  </si>
  <si>
    <t>45.89</t>
  </si>
  <si>
    <t>34148586.0</t>
  </si>
  <si>
    <t>10568180.0</t>
  </si>
  <si>
    <t>9822769.0</t>
  </si>
  <si>
    <t>5220110.0</t>
  </si>
  <si>
    <t>81157.0</t>
  </si>
  <si>
    <t>304.57</t>
  </si>
  <si>
    <t>94.26</t>
  </si>
  <si>
    <t>7633.0</t>
  </si>
  <si>
    <t>34236418.0</t>
  </si>
  <si>
    <t>10569179.0</t>
  </si>
  <si>
    <t>9823714.0</t>
  </si>
  <si>
    <t>5306237.0</t>
  </si>
  <si>
    <t>87832.0</t>
  </si>
  <si>
    <t>305.35</t>
  </si>
  <si>
    <t>94.27</t>
  </si>
  <si>
    <t>34278865.0</t>
  </si>
  <si>
    <t>10569265.0</t>
  </si>
  <si>
    <t>9823862.0</t>
  </si>
  <si>
    <t>5348499.0</t>
  </si>
  <si>
    <t>78778.0</t>
  </si>
  <si>
    <t>305.73</t>
  </si>
  <si>
    <t>34298831.0</t>
  </si>
  <si>
    <t>10571945.0</t>
  </si>
  <si>
    <t>9831581.0</t>
  </si>
  <si>
    <t>5358553.0</t>
  </si>
  <si>
    <t>19966.0</t>
  </si>
  <si>
    <t>74743.0</t>
  </si>
  <si>
    <t>305.91</t>
  </si>
  <si>
    <t>34345875.0</t>
  </si>
  <si>
    <t>10574142.0</t>
  </si>
  <si>
    <t>9834152.0</t>
  </si>
  <si>
    <t>5400947.0</t>
  </si>
  <si>
    <t>68415.0</t>
  </si>
  <si>
    <t>306.33</t>
  </si>
  <si>
    <t>94.31</t>
  </si>
  <si>
    <t>54927.0</t>
  </si>
  <si>
    <t>34504944.0</t>
  </si>
  <si>
    <t>10580423.0</t>
  </si>
  <si>
    <t>9842728.0</t>
  </si>
  <si>
    <t>5542906.0</t>
  </si>
  <si>
    <t>50908.0</t>
  </si>
  <si>
    <t>307.74</t>
  </si>
  <si>
    <t>94.37</t>
  </si>
  <si>
    <t>34551520.0</t>
  </si>
  <si>
    <t>10581126.0</t>
  </si>
  <si>
    <t>9843502.0</t>
  </si>
  <si>
    <t>5587846.0</t>
  </si>
  <si>
    <t>46576.0</t>
  </si>
  <si>
    <t>308.16</t>
  </si>
  <si>
    <t>34577234.0</t>
  </si>
  <si>
    <t>10581273.0</t>
  </si>
  <si>
    <t>9843728.0</t>
  </si>
  <si>
    <t>5613068.0</t>
  </si>
  <si>
    <t>25714.0</t>
  </si>
  <si>
    <t>308.39</t>
  </si>
  <si>
    <t>34588070.0</t>
  </si>
  <si>
    <t>10583276.0</t>
  </si>
  <si>
    <t>9846370.0</t>
  </si>
  <si>
    <t>5618814.0</t>
  </si>
  <si>
    <t>41320.0</t>
  </si>
  <si>
    <t>308.49</t>
  </si>
  <si>
    <t>94.39</t>
  </si>
  <si>
    <t>87.82</t>
  </si>
  <si>
    <t>34623506.0</t>
  </si>
  <si>
    <t>10585309.0</t>
  </si>
  <si>
    <t>9849252.0</t>
  </si>
  <si>
    <t>5648870.0</t>
  </si>
  <si>
    <t>39662.0</t>
  </si>
  <si>
    <t>308.8</t>
  </si>
  <si>
    <t>34653847.0</t>
  </si>
  <si>
    <t>10587170.0</t>
  </si>
  <si>
    <t>9851616.0</t>
  </si>
  <si>
    <t>5674624.0</t>
  </si>
  <si>
    <t>30341.0</t>
  </si>
  <si>
    <t>309.07</t>
  </si>
  <si>
    <t>94.43</t>
  </si>
  <si>
    <t>34684400.0</t>
  </si>
  <si>
    <t>10589033.0</t>
  </si>
  <si>
    <t>9854381.0</t>
  </si>
  <si>
    <t>5700280.0</t>
  </si>
  <si>
    <t>30553.0</t>
  </si>
  <si>
    <t>33211.0</t>
  </si>
  <si>
    <t>309.35</t>
  </si>
  <si>
    <t>94.44</t>
  </si>
  <si>
    <t>34712606.0</t>
  </si>
  <si>
    <t>10591122.0</t>
  </si>
  <si>
    <t>9857305.0</t>
  </si>
  <si>
    <t>5722905.0</t>
  </si>
  <si>
    <t>309.6</t>
  </si>
  <si>
    <t>51.04</t>
  </si>
  <si>
    <t>34735729.0</t>
  </si>
  <si>
    <t>10591632.0</t>
  </si>
  <si>
    <t>9858081.0</t>
  </si>
  <si>
    <t>5744577.0</t>
  </si>
  <si>
    <t>23123.0</t>
  </si>
  <si>
    <t>309.8</t>
  </si>
  <si>
    <t>94.47</t>
  </si>
  <si>
    <t>34748037.0</t>
  </si>
  <si>
    <t>10591716.0</t>
  </si>
  <si>
    <t>9858220.0</t>
  </si>
  <si>
    <t>5756692.0</t>
  </si>
  <si>
    <t>309.91</t>
  </si>
  <si>
    <t>34754239.0</t>
  </si>
  <si>
    <t>10592857.0</t>
  </si>
  <si>
    <t>9860083.0</t>
  </si>
  <si>
    <t>5759487.0</t>
  </si>
  <si>
    <t>23738.0</t>
  </si>
  <si>
    <t>309.97</t>
  </si>
  <si>
    <t>94.48</t>
  </si>
  <si>
    <t>34775103.0</t>
  </si>
  <si>
    <t>10594300.0</t>
  </si>
  <si>
    <t>9862067.0</t>
  </si>
  <si>
    <t>5776600.0</t>
  </si>
  <si>
    <t>310.15</t>
  </si>
  <si>
    <t>94.49</t>
  </si>
  <si>
    <t>87.96</t>
  </si>
  <si>
    <t>34797939.0</t>
  </si>
  <si>
    <t>10595818.0</t>
  </si>
  <si>
    <t>9864341.0</t>
  </si>
  <si>
    <t>5795263.0</t>
  </si>
  <si>
    <t>22836.0</t>
  </si>
  <si>
    <t>20585.0</t>
  </si>
  <si>
    <t>310.36</t>
  </si>
  <si>
    <t>51.69</t>
  </si>
  <si>
    <t>34823700.0</t>
  </si>
  <si>
    <t>10597367.0</t>
  </si>
  <si>
    <t>9866414.0</t>
  </si>
  <si>
    <t>5816975.0</t>
  </si>
  <si>
    <t>310.59</t>
  </si>
  <si>
    <t>34849139.0</t>
  </si>
  <si>
    <t>10599029.0</t>
  </si>
  <si>
    <t>9868835.0</t>
  </si>
  <si>
    <t>5835924.0</t>
  </si>
  <si>
    <t>25439.0</t>
  </si>
  <si>
    <t>19505.0</t>
  </si>
  <si>
    <t>310.81</t>
  </si>
  <si>
    <t>34870616.0</t>
  </si>
  <si>
    <t>10599501.0</t>
  </si>
  <si>
    <t>9869609.0</t>
  </si>
  <si>
    <t>5857903.0</t>
  </si>
  <si>
    <t>21477.0</t>
  </si>
  <si>
    <t>19270.0</t>
  </si>
  <si>
    <t>311.01</t>
  </si>
  <si>
    <t>34878966.0</t>
  </si>
  <si>
    <t>10599670.0</t>
  </si>
  <si>
    <t>9869824.0</t>
  </si>
  <si>
    <t>5865836.0</t>
  </si>
  <si>
    <t>311.08</t>
  </si>
  <si>
    <t>34884614.0</t>
  </si>
  <si>
    <t>10601059.0</t>
  </si>
  <si>
    <t>9871746.0</t>
  </si>
  <si>
    <t>5867673.0</t>
  </si>
  <si>
    <t>18625.0</t>
  </si>
  <si>
    <t>311.13</t>
  </si>
  <si>
    <t>34907460.0</t>
  </si>
  <si>
    <t>10602860.0</t>
  </si>
  <si>
    <t>9873957.0</t>
  </si>
  <si>
    <t>5886414.0</t>
  </si>
  <si>
    <t>18908.0</t>
  </si>
  <si>
    <t>311.33</t>
  </si>
  <si>
    <t>34926914.0</t>
  </si>
  <si>
    <t>10604386.0</t>
  </si>
  <si>
    <t>9875909.0</t>
  </si>
  <si>
    <t>5902129.0</t>
  </si>
  <si>
    <t>311.51</t>
  </si>
  <si>
    <t>34947655.0</t>
  </si>
  <si>
    <t>10605876.0</t>
  </si>
  <si>
    <t>9877890.0</t>
  </si>
  <si>
    <t>5919155.0</t>
  </si>
  <si>
    <t>20741.0</t>
  </si>
  <si>
    <t>17708.0</t>
  </si>
  <si>
    <t>311.69</t>
  </si>
  <si>
    <t>94.59</t>
  </si>
  <si>
    <t>34971046.0</t>
  </si>
  <si>
    <t>10607418.0</t>
  </si>
  <si>
    <t>9879995.0</t>
  </si>
  <si>
    <t>5938099.0</t>
  </si>
  <si>
    <t>23391.0</t>
  </si>
  <si>
    <t>17415.0</t>
  </si>
  <si>
    <t>311.9</t>
  </si>
  <si>
    <t>94.61</t>
  </si>
  <si>
    <t>34988004.0</t>
  </si>
  <si>
    <t>10608045.0</t>
  </si>
  <si>
    <t>9880844.0</t>
  </si>
  <si>
    <t>5953475.0</t>
  </si>
  <si>
    <t>16770.0</t>
  </si>
  <si>
    <t>312.05</t>
  </si>
  <si>
    <t>34996575.0</t>
  </si>
  <si>
    <t>10608113.0</t>
  </si>
  <si>
    <t>9880948.0</t>
  </si>
  <si>
    <t>5961832.0</t>
  </si>
  <si>
    <t>16801.0</t>
  </si>
  <si>
    <t>312.13</t>
  </si>
  <si>
    <t>35001661.0</t>
  </si>
  <si>
    <t>10609335.0</t>
  </si>
  <si>
    <t>9882394.0</t>
  </si>
  <si>
    <t>5963173.0</t>
  </si>
  <si>
    <t>16721.0</t>
  </si>
  <si>
    <t>312.17</t>
  </si>
  <si>
    <t>94.62</t>
  </si>
  <si>
    <t>35016078.0</t>
  </si>
  <si>
    <t>10610252.0</t>
  </si>
  <si>
    <t>9883693.0</t>
  </si>
  <si>
    <t>5974852.0</t>
  </si>
  <si>
    <t>312.3</t>
  </si>
  <si>
    <t>35031576.0</t>
  </si>
  <si>
    <t>10611211.0</t>
  </si>
  <si>
    <t>9884967.0</t>
  </si>
  <si>
    <t>5988011.0</t>
  </si>
  <si>
    <t>94.64</t>
  </si>
  <si>
    <t>35063358.0</t>
  </si>
  <si>
    <t>10613581.0</t>
  </si>
  <si>
    <t>9888135.0</t>
  </si>
  <si>
    <t>6013335.0</t>
  </si>
  <si>
    <t>13187.0</t>
  </si>
  <si>
    <t>312.73</t>
  </si>
  <si>
    <t>94.66</t>
  </si>
  <si>
    <t>35077956.0</t>
  </si>
  <si>
    <t>10613819.0</t>
  </si>
  <si>
    <t>9888591.0</t>
  </si>
  <si>
    <t>6027115.0</t>
  </si>
  <si>
    <t>312.86</t>
  </si>
  <si>
    <t>53.75</t>
  </si>
  <si>
    <t>35083131.0</t>
  </si>
  <si>
    <t>10613843.0</t>
  </si>
  <si>
    <t>9888617.0</t>
  </si>
  <si>
    <t>6032236.0</t>
  </si>
  <si>
    <t>12365.0</t>
  </si>
  <si>
    <t>312.9</t>
  </si>
  <si>
    <t>88.2</t>
  </si>
  <si>
    <t>35086108.0</t>
  </si>
  <si>
    <t>10614788.0</t>
  </si>
  <si>
    <t>9889981.0</t>
  </si>
  <si>
    <t>6032529.0</t>
  </si>
  <si>
    <t>12064.0</t>
  </si>
  <si>
    <t>312.93</t>
  </si>
  <si>
    <t>35100904.0</t>
  </si>
  <si>
    <t>10615457.0</t>
  </si>
  <si>
    <t>9890964.0</t>
  </si>
  <si>
    <t>6045257.0</t>
  </si>
  <si>
    <t>14796.0</t>
  </si>
  <si>
    <t>94.68</t>
  </si>
  <si>
    <t>35113686.0</t>
  </si>
  <si>
    <t>10616551.0</t>
  </si>
  <si>
    <t>9892314.0</t>
  </si>
  <si>
    <t>6055380.0</t>
  </si>
  <si>
    <t>313.17</t>
  </si>
  <si>
    <t>35131556.0</t>
  </si>
  <si>
    <t>10618156.0</t>
  </si>
  <si>
    <t>9893721.0</t>
  </si>
  <si>
    <t>6069793.0</t>
  </si>
  <si>
    <t>17870.0</t>
  </si>
  <si>
    <t>313.33</t>
  </si>
  <si>
    <t>35152122.0</t>
  </si>
  <si>
    <t>10619533.0</t>
  </si>
  <si>
    <t>9895550.0</t>
  </si>
  <si>
    <t>6087182.0</t>
  </si>
  <si>
    <t>313.52</t>
  </si>
  <si>
    <t>94.71</t>
  </si>
  <si>
    <t>35167920.0</t>
  </si>
  <si>
    <t>10619886.0</t>
  </si>
  <si>
    <t>9896151.0</t>
  </si>
  <si>
    <t>6101803.0</t>
  </si>
  <si>
    <t>15798.0</t>
  </si>
  <si>
    <t>313.66</t>
  </si>
  <si>
    <t>35174727.0</t>
  </si>
  <si>
    <t>10619934.0</t>
  </si>
  <si>
    <t>9896199.0</t>
  </si>
  <si>
    <t>6108504.0</t>
  </si>
  <si>
    <t>313.72</t>
  </si>
  <si>
    <t>35178483.0</t>
  </si>
  <si>
    <t>10620793.0</t>
  </si>
  <si>
    <t>9897547.0</t>
  </si>
  <si>
    <t>6109562.0</t>
  </si>
  <si>
    <t>13196.0</t>
  </si>
  <si>
    <t>313.75</t>
  </si>
  <si>
    <t>94.73</t>
  </si>
  <si>
    <t>35190391.0</t>
  </si>
  <si>
    <t>10621473.0</t>
  </si>
  <si>
    <t>9898572.0</t>
  </si>
  <si>
    <t>6119646.0</t>
  </si>
  <si>
    <t>313.86</t>
  </si>
  <si>
    <t>35203502.0</t>
  </si>
  <si>
    <t>10622077.0</t>
  </si>
  <si>
    <t>9899478.0</t>
  </si>
  <si>
    <t>6131075.0</t>
  </si>
  <si>
    <t>313.98</t>
  </si>
  <si>
    <t>94.74</t>
  </si>
  <si>
    <t>35218760.0</t>
  </si>
  <si>
    <t>10623250.0</t>
  </si>
  <si>
    <t>9900934.0</t>
  </si>
  <si>
    <t>6143537.0</t>
  </si>
  <si>
    <t>314.11</t>
  </si>
  <si>
    <t>35233331.0</t>
  </si>
  <si>
    <t>10624368.0</t>
  </si>
  <si>
    <t>9902342.0</t>
  </si>
  <si>
    <t>6155479.0</t>
  </si>
  <si>
    <t>314.24</t>
  </si>
  <si>
    <t>35248586.0</t>
  </si>
  <si>
    <t>10624686.0</t>
  </si>
  <si>
    <t>9902757.0</t>
  </si>
  <si>
    <t>6169912.0</t>
  </si>
  <si>
    <t>15255.0</t>
  </si>
  <si>
    <t>314.38</t>
  </si>
  <si>
    <t>35253792.0</t>
  </si>
  <si>
    <t>10624731.0</t>
  </si>
  <si>
    <t>9902802.0</t>
  </si>
  <si>
    <t>6175040.0</t>
  </si>
  <si>
    <t>314.42</t>
  </si>
  <si>
    <t>11898.0</t>
  </si>
  <si>
    <t>35269751.0</t>
  </si>
  <si>
    <t>9905429.0</t>
  </si>
  <si>
    <t>6185586.0</t>
  </si>
  <si>
    <t>35286060.0</t>
  </si>
  <si>
    <t>10627958.0</t>
  </si>
  <si>
    <t>9906796.0</t>
  </si>
  <si>
    <t>6199139.0</t>
  </si>
  <si>
    <t>11794.0</t>
  </si>
  <si>
    <t>314.71</t>
  </si>
  <si>
    <t>35300895.0</t>
  </si>
  <si>
    <t>10628904.0</t>
  </si>
  <si>
    <t>9908033.0</t>
  </si>
  <si>
    <t>6211623.0</t>
  </si>
  <si>
    <t>314.84</t>
  </si>
  <si>
    <t>35319640.0</t>
  </si>
  <si>
    <t>10630068.0</t>
  </si>
  <si>
    <t>9909691.0</t>
  </si>
  <si>
    <t>6227284.0</t>
  </si>
  <si>
    <t>18745.0</t>
  </si>
  <si>
    <t>12330.0</t>
  </si>
  <si>
    <t>315.01</t>
  </si>
  <si>
    <t>35335766.0</t>
  </si>
  <si>
    <t>10630542.0</t>
  </si>
  <si>
    <t>9910122.0</t>
  </si>
  <si>
    <t>6242511.0</t>
  </si>
  <si>
    <t>16126.0</t>
  </si>
  <si>
    <t>315.15</t>
  </si>
  <si>
    <t>35342367.0</t>
  </si>
  <si>
    <t>10630665.0</t>
  </si>
  <si>
    <t>9910237.0</t>
  </si>
  <si>
    <t>6248886.0</t>
  </si>
  <si>
    <t>315.21</t>
  </si>
  <si>
    <t>35347014.0</t>
  </si>
  <si>
    <t>10631617.0</t>
  </si>
  <si>
    <t>9911421.0</t>
  </si>
  <si>
    <t>6251030.0</t>
  </si>
  <si>
    <t>12178.0</t>
  </si>
  <si>
    <t>315.25</t>
  </si>
  <si>
    <t>35363914.0</t>
  </si>
  <si>
    <t>10632733.0</t>
  </si>
  <si>
    <t>9912714.0</t>
  </si>
  <si>
    <t>6265554.0</t>
  </si>
  <si>
    <t>16900.0</t>
  </si>
  <si>
    <t>315.41</t>
  </si>
  <si>
    <t>14941.0</t>
  </si>
  <si>
    <t>35426263.0</t>
  </si>
  <si>
    <t>10637020.0</t>
  </si>
  <si>
    <t>9916877.0</t>
  </si>
  <si>
    <t>6319075.0</t>
  </si>
  <si>
    <t>315.96</t>
  </si>
  <si>
    <t>94.87</t>
  </si>
  <si>
    <t>35457646.0</t>
  </si>
  <si>
    <t>10638191.0</t>
  </si>
  <si>
    <t>9918063.0</t>
  </si>
  <si>
    <t>6348041.0</t>
  </si>
  <si>
    <t>15805.0</t>
  </si>
  <si>
    <t>316.24</t>
  </si>
  <si>
    <t>35471647.0</t>
  </si>
  <si>
    <t>10638969.0</t>
  </si>
  <si>
    <t>9918832.0</t>
  </si>
  <si>
    <t>6360449.0</t>
  </si>
  <si>
    <t>15390.0</t>
  </si>
  <si>
    <t>94.89</t>
  </si>
  <si>
    <t>35485645.0</t>
  </si>
  <si>
    <t>10639960.0</t>
  </si>
  <si>
    <t>9919922.0</t>
  </si>
  <si>
    <t>6372247.0</t>
  </si>
  <si>
    <t>13998.0</t>
  </si>
  <si>
    <t>14421.0</t>
  </si>
  <si>
    <t>316.49</t>
  </si>
  <si>
    <t>35501233.0</t>
  </si>
  <si>
    <t>10640835.0</t>
  </si>
  <si>
    <t>9921038.0</t>
  </si>
  <si>
    <t>6386037.0</t>
  </si>
  <si>
    <t>316.63</t>
  </si>
  <si>
    <t>35519808.0</t>
  </si>
  <si>
    <t>10642040.0</t>
  </si>
  <si>
    <t>9922576.0</t>
  </si>
  <si>
    <t>6402082.0</t>
  </si>
  <si>
    <t>13364.0</t>
  </si>
  <si>
    <t>316.8</t>
  </si>
  <si>
    <t>94.91</t>
  </si>
  <si>
    <t>35535359.0</t>
  </si>
  <si>
    <t>10642392.0</t>
  </si>
  <si>
    <t>9922976.0</t>
  </si>
  <si>
    <t>6416998.0</t>
  </si>
  <si>
    <t>15551.0</t>
  </si>
  <si>
    <t>316.93</t>
  </si>
  <si>
    <t>94.92</t>
  </si>
  <si>
    <t>35540537.0</t>
  </si>
  <si>
    <t>10642449.0</t>
  </si>
  <si>
    <t>9923039.0</t>
  </si>
  <si>
    <t>6422038.0</t>
  </si>
  <si>
    <t>13336.0</t>
  </si>
  <si>
    <t>316.98</t>
  </si>
  <si>
    <t>35544100.0</t>
  </si>
  <si>
    <t>10643343.0</t>
  </si>
  <si>
    <t>9925102.0</t>
  </si>
  <si>
    <t>6422700.0</t>
  </si>
  <si>
    <t>12351.0</t>
  </si>
  <si>
    <t>317.01</t>
  </si>
  <si>
    <t>35556960.0</t>
  </si>
  <si>
    <t>10644231.0</t>
  </si>
  <si>
    <t>9927073.0</t>
  </si>
  <si>
    <t>6432858.0</t>
  </si>
  <si>
    <t>317.13</t>
  </si>
  <si>
    <t>12389.0</t>
  </si>
  <si>
    <t>35603457.0</t>
  </si>
  <si>
    <t>10646976.0</t>
  </si>
  <si>
    <t>9932203.0</t>
  </si>
  <si>
    <t>6471741.0</t>
  </si>
  <si>
    <t>11950.0</t>
  </si>
  <si>
    <t>317.54</t>
  </si>
  <si>
    <t>94.96</t>
  </si>
  <si>
    <t>35605654.0</t>
  </si>
  <si>
    <t>10647205.0</t>
  </si>
  <si>
    <t>9932738.0</t>
  </si>
  <si>
    <t>6473264.0</t>
  </si>
  <si>
    <t>35607968.0</t>
  </si>
  <si>
    <t>10647312.0</t>
  </si>
  <si>
    <t>9932971.0</t>
  </si>
  <si>
    <t>6475330.0</t>
  </si>
  <si>
    <t>35611351.0</t>
  </si>
  <si>
    <t>10647965.0</t>
  </si>
  <si>
    <t>9935084.0</t>
  </si>
  <si>
    <t>6475880.0</t>
  </si>
  <si>
    <t>9607.0</t>
  </si>
  <si>
    <t>317.61</t>
  </si>
  <si>
    <t>35622723.0</t>
  </si>
  <si>
    <t>10649132.0</t>
  </si>
  <si>
    <t>9936495.0</t>
  </si>
  <si>
    <t>6484501.0</t>
  </si>
  <si>
    <t>317.71</t>
  </si>
  <si>
    <t>94.98</t>
  </si>
  <si>
    <t>35649128.0</t>
  </si>
  <si>
    <t>10651028.0</t>
  </si>
  <si>
    <t>9939645.0</t>
  </si>
  <si>
    <t>6505387.0</t>
  </si>
  <si>
    <t>317.95</t>
  </si>
  <si>
    <t>58.02</t>
  </si>
  <si>
    <t>35661393.0</t>
  </si>
  <si>
    <t>10652211.0</t>
  </si>
  <si>
    <t>9940910.0</t>
  </si>
  <si>
    <t>6515046.0</t>
  </si>
  <si>
    <t>12265.0</t>
  </si>
  <si>
    <t>95.01</t>
  </si>
  <si>
    <t>35672949.0</t>
  </si>
  <si>
    <t>10652698.0</t>
  </si>
  <si>
    <t>9941313.0</t>
  </si>
  <si>
    <t>6525751.0</t>
  </si>
  <si>
    <t>11556.0</t>
  </si>
  <si>
    <t>35677096.0</t>
  </si>
  <si>
    <t>10652739.0</t>
  </si>
  <si>
    <t>9941380.0</t>
  </si>
  <si>
    <t>6529822.0</t>
  </si>
  <si>
    <t>35680096.0</t>
  </si>
  <si>
    <t>10653708.0</t>
  </si>
  <si>
    <t>9942437.0</t>
  </si>
  <si>
    <t>6530789.0</t>
  </si>
  <si>
    <t>318.23</t>
  </si>
  <si>
    <t>95.02</t>
  </si>
  <si>
    <t>35691738.0</t>
  </si>
  <si>
    <t>10655067.0</t>
  </si>
  <si>
    <t>9944292.0</t>
  </si>
  <si>
    <t>6538916.0</t>
  </si>
  <si>
    <t>318.33</t>
  </si>
  <si>
    <t>95.03</t>
  </si>
  <si>
    <t>35703841.0</t>
  </si>
  <si>
    <t>10655836.0</t>
  </si>
  <si>
    <t>9945315.0</t>
  </si>
  <si>
    <t>6549035.0</t>
  </si>
  <si>
    <t>95.04</t>
  </si>
  <si>
    <t>58.41</t>
  </si>
  <si>
    <t>35715468.0</t>
  </si>
  <si>
    <t>10656797.0</t>
  </si>
  <si>
    <t>9946616.0</t>
  </si>
  <si>
    <t>6558056.0</t>
  </si>
  <si>
    <t>318.54</t>
  </si>
  <si>
    <t>35726905.0</t>
  </si>
  <si>
    <t>10657393.0</t>
  </si>
  <si>
    <t>9947498.0</t>
  </si>
  <si>
    <t>6567781.0</t>
  </si>
  <si>
    <t>35739717.0</t>
  </si>
  <si>
    <t>10657809.0</t>
  </si>
  <si>
    <t>9948052.0</t>
  </si>
  <si>
    <t>6579543.0</t>
  </si>
  <si>
    <t>318.76</t>
  </si>
  <si>
    <t>95.06</t>
  </si>
  <si>
    <t>35864298.0</t>
  </si>
  <si>
    <t>10658408.0</t>
  </si>
  <si>
    <t>9949030.0</t>
  </si>
  <si>
    <t>6702426.0</t>
  </si>
  <si>
    <t>124581.0</t>
  </si>
  <si>
    <t>24651.0</t>
  </si>
  <si>
    <t>319.87</t>
  </si>
  <si>
    <t>36031677.0</t>
  </si>
  <si>
    <t>10659099.0</t>
  </si>
  <si>
    <t>9950189.0</t>
  </si>
  <si>
    <t>6868019.0</t>
  </si>
  <si>
    <t>167379.0</t>
  </si>
  <si>
    <t>46834.0</t>
  </si>
  <si>
    <t>321.36</t>
  </si>
  <si>
    <t>95.07</t>
  </si>
  <si>
    <t>61.25</t>
  </si>
  <si>
    <t>36129382.0</t>
  </si>
  <si>
    <t>10659825.0</t>
  </si>
  <si>
    <t>9951408.0</t>
  </si>
  <si>
    <t>6963676.0</t>
  </si>
  <si>
    <t>97705.0</t>
  </si>
  <si>
    <t>59131.0</t>
  </si>
  <si>
    <t>322.23</t>
  </si>
  <si>
    <t>36194098.0</t>
  </si>
  <si>
    <t>10660494.0</t>
  </si>
  <si>
    <t>9952463.0</t>
  </si>
  <si>
    <t>7019557.0</t>
  </si>
  <si>
    <t>66742.0</t>
  </si>
  <si>
    <t>322.81</t>
  </si>
  <si>
    <t>95.08</t>
  </si>
  <si>
    <t>68143.0</t>
  </si>
  <si>
    <t>36222262.0</t>
  </si>
  <si>
    <t>10660696.0</t>
  </si>
  <si>
    <t>9952716.0</t>
  </si>
  <si>
    <t>7041170.0</t>
  </si>
  <si>
    <t>323.06</t>
  </si>
  <si>
    <t>36241075.0</t>
  </si>
  <si>
    <t>10661252.0</t>
  </si>
  <si>
    <t>9953529.0</t>
  </si>
  <si>
    <t>7058516.0</t>
  </si>
  <si>
    <t>18813.0</t>
  </si>
  <si>
    <t>71623.0</t>
  </si>
  <si>
    <t>323.23</t>
  </si>
  <si>
    <t>36269980.0</t>
  </si>
  <si>
    <t>10661749.0</t>
  </si>
  <si>
    <t>9954132.0</t>
  </si>
  <si>
    <t>7084113.0</t>
  </si>
  <si>
    <t>28905.0</t>
  </si>
  <si>
    <t>57955.0</t>
  </si>
  <si>
    <t>323.49</t>
  </si>
  <si>
    <t>36301628.0</t>
  </si>
  <si>
    <t>10662503.0</t>
  </si>
  <si>
    <t>9955184.0</t>
  </si>
  <si>
    <t>7110818.0</t>
  </si>
  <si>
    <t>31648.0</t>
  </si>
  <si>
    <t>38564.0</t>
  </si>
  <si>
    <t>323.77</t>
  </si>
  <si>
    <t>36331002.0</t>
  </si>
  <si>
    <t>10663297.0</t>
  </si>
  <si>
    <t>9956248.0</t>
  </si>
  <si>
    <t>7136111.0</t>
  </si>
  <si>
    <t>29374.0</t>
  </si>
  <si>
    <t>28803.0</t>
  </si>
  <si>
    <t>324.03</t>
  </si>
  <si>
    <t>36352557.0</t>
  </si>
  <si>
    <t>10664038.0</t>
  </si>
  <si>
    <t>9957074.0</t>
  </si>
  <si>
    <t>7154721.0</t>
  </si>
  <si>
    <t>21555.0</t>
  </si>
  <si>
    <t>324.22</t>
  </si>
  <si>
    <t>95.11</t>
  </si>
  <si>
    <t>36365272.0</t>
  </si>
  <si>
    <t>10664295.0</t>
  </si>
  <si>
    <t>9957294.0</t>
  </si>
  <si>
    <t>7165844.0</t>
  </si>
  <si>
    <t>12715.0</t>
  </si>
  <si>
    <t>324.34</t>
  </si>
  <si>
    <t>36369267.0</t>
  </si>
  <si>
    <t>10664346.0</t>
  </si>
  <si>
    <t>9957347.0</t>
  </si>
  <si>
    <t>7169063.0</t>
  </si>
  <si>
    <t>21001.0</t>
  </si>
  <si>
    <t>324.37</t>
  </si>
  <si>
    <t>36375877.0</t>
  </si>
  <si>
    <t>10664792.0</t>
  </si>
  <si>
    <t>9957890.0</t>
  </si>
  <si>
    <t>7174701.0</t>
  </si>
  <si>
    <t>19257.0</t>
  </si>
  <si>
    <t>324.43</t>
  </si>
  <si>
    <t>36387444.0</t>
  </si>
  <si>
    <t>10665173.0</t>
  </si>
  <si>
    <t>9958340.0</t>
  </si>
  <si>
    <t>7185065.0</t>
  </si>
  <si>
    <t>11567.0</t>
  </si>
  <si>
    <t>16781.0</t>
  </si>
  <si>
    <t>324.53</t>
  </si>
  <si>
    <t>36398181.0</t>
  </si>
  <si>
    <t>10665643.0</t>
  </si>
  <si>
    <t>9959119.0</t>
  </si>
  <si>
    <t>7193870.0</t>
  </si>
  <si>
    <t>13793.0</t>
  </si>
  <si>
    <t>324.63</t>
  </si>
  <si>
    <t>95.13</t>
  </si>
  <si>
    <t>36409815.0</t>
  </si>
  <si>
    <t>10666075.0</t>
  </si>
  <si>
    <t>9959689.0</t>
  </si>
  <si>
    <t>7203518.0</t>
  </si>
  <si>
    <t>324.73</t>
  </si>
  <si>
    <t>36498822.0</t>
  </si>
  <si>
    <t>10666814.0</t>
  </si>
  <si>
    <t>9960448.0</t>
  </si>
  <si>
    <t>7211425.0</t>
  </si>
  <si>
    <t>89007.0</t>
  </si>
  <si>
    <t>325.53</t>
  </si>
  <si>
    <t>95.14</t>
  </si>
  <si>
    <t>36524808.0</t>
  </si>
  <si>
    <t>10666902.0</t>
  </si>
  <si>
    <t>9960569.0</t>
  </si>
  <si>
    <t>7218117.0</t>
  </si>
  <si>
    <t>25986.0</t>
  </si>
  <si>
    <t>325.76</t>
  </si>
  <si>
    <t>36557786.0</t>
  </si>
  <si>
    <t>10666910.0</t>
  </si>
  <si>
    <t>9960604.0</t>
  </si>
  <si>
    <t>7219558.0</t>
  </si>
  <si>
    <t>32978.0</t>
  </si>
  <si>
    <t>326.05</t>
  </si>
  <si>
    <t>36569672.0</t>
  </si>
  <si>
    <t>10667400.0</t>
  </si>
  <si>
    <t>9961188.0</t>
  </si>
  <si>
    <t>7221317.0</t>
  </si>
  <si>
    <t>11886.0</t>
  </si>
  <si>
    <t>27685.0</t>
  </si>
  <si>
    <t>326.16</t>
  </si>
  <si>
    <t>36627949.0</t>
  </si>
  <si>
    <t>10667894.0</t>
  </si>
  <si>
    <t>9961670.0</t>
  </si>
  <si>
    <t>7227679.0</t>
  </si>
  <si>
    <t>58277.0</t>
  </si>
  <si>
    <t>34358.0</t>
  </si>
  <si>
    <t>326.68</t>
  </si>
  <si>
    <t>95.15</t>
  </si>
  <si>
    <t>64.46</t>
  </si>
  <si>
    <t>36724691.0</t>
  </si>
  <si>
    <t>10668396.0</t>
  </si>
  <si>
    <t>9962411.0</t>
  </si>
  <si>
    <t>7235190.0</t>
  </si>
  <si>
    <t>96742.0</t>
  </si>
  <si>
    <t>46644.0</t>
  </si>
  <si>
    <t>327.54</t>
  </si>
  <si>
    <t>36815236.0</t>
  </si>
  <si>
    <t>10668997.0</t>
  </si>
  <si>
    <t>9963107.0</t>
  </si>
  <si>
    <t>7243143.0</t>
  </si>
  <si>
    <t>90545.0</t>
  </si>
  <si>
    <t>57917.0</t>
  </si>
  <si>
    <t>328.35</t>
  </si>
  <si>
    <t>58525.0</t>
  </si>
  <si>
    <t>37001757.0</t>
  </si>
  <si>
    <t>10669727.0</t>
  </si>
  <si>
    <t>9964032.0</t>
  </si>
  <si>
    <t>7258323.0</t>
  </si>
  <si>
    <t>68136.0</t>
  </si>
  <si>
    <t>330.01</t>
  </si>
  <si>
    <t>37038176.0</t>
  </si>
  <si>
    <t>10669739.0</t>
  </si>
  <si>
    <t>9964059.0</t>
  </si>
  <si>
    <t>7260317.0</t>
  </si>
  <si>
    <t>36419.0</t>
  </si>
  <si>
    <t>68627.0</t>
  </si>
  <si>
    <t>330.34</t>
  </si>
  <si>
    <t>37053855.0</t>
  </si>
  <si>
    <t>10670068.0</t>
  </si>
  <si>
    <t>9964356.0</t>
  </si>
  <si>
    <t>7261356.0</t>
  </si>
  <si>
    <t>15679.0</t>
  </si>
  <si>
    <t>69169.0</t>
  </si>
  <si>
    <t>330.48</t>
  </si>
  <si>
    <t>37154750.0</t>
  </si>
  <si>
    <t>10670978.0</t>
  </si>
  <si>
    <t>9965164.0</t>
  </si>
  <si>
    <t>7267798.0</t>
  </si>
  <si>
    <t>100895.0</t>
  </si>
  <si>
    <t>75257.0</t>
  </si>
  <si>
    <t>331.38</t>
  </si>
  <si>
    <t>95.17</t>
  </si>
  <si>
    <t>37245851.0</t>
  </si>
  <si>
    <t>10671419.0</t>
  </si>
  <si>
    <t>9965643.0</t>
  </si>
  <si>
    <t>7275031.0</t>
  </si>
  <si>
    <t>91101.0</t>
  </si>
  <si>
    <t>74451.0</t>
  </si>
  <si>
    <t>332.19</t>
  </si>
  <si>
    <t>37343424.0</t>
  </si>
  <si>
    <t>10671858.0</t>
  </si>
  <si>
    <t>9966084.0</t>
  </si>
  <si>
    <t>7282777.0</t>
  </si>
  <si>
    <t>97573.0</t>
  </si>
  <si>
    <t>75455.0</t>
  </si>
  <si>
    <t>333.06</t>
  </si>
  <si>
    <t>37394674.0</t>
  </si>
  <si>
    <t>10672104.0</t>
  </si>
  <si>
    <t>9966280.0</t>
  </si>
  <si>
    <t>7287773.0</t>
  </si>
  <si>
    <t>51250.0</t>
  </si>
  <si>
    <t>69454.0</t>
  </si>
  <si>
    <t>333.52</t>
  </si>
  <si>
    <t>37430947.0</t>
  </si>
  <si>
    <t>10672157.0</t>
  </si>
  <si>
    <t>9966330.0</t>
  </si>
  <si>
    <t>7291625.0</t>
  </si>
  <si>
    <t>36273.0</t>
  </si>
  <si>
    <t>61313.0</t>
  </si>
  <si>
    <t>333.84</t>
  </si>
  <si>
    <t>37434927.0</t>
  </si>
  <si>
    <t>10672163.0</t>
  </si>
  <si>
    <t>9966356.0</t>
  </si>
  <si>
    <t>7292367.0</t>
  </si>
  <si>
    <t>333.88</t>
  </si>
  <si>
    <t>37441151.0</t>
  </si>
  <si>
    <t>10672541.0</t>
  </si>
  <si>
    <t>9966814.0</t>
  </si>
  <si>
    <t>7293420.0</t>
  </si>
  <si>
    <t>55328.0</t>
  </si>
  <si>
    <t>333.93</t>
  </si>
  <si>
    <t>95.19</t>
  </si>
  <si>
    <t>37488838.0</t>
  </si>
  <si>
    <t>10673138.0</t>
  </si>
  <si>
    <t>9967125.0</t>
  </si>
  <si>
    <t>7298196.0</t>
  </si>
  <si>
    <t>47687.0</t>
  </si>
  <si>
    <t>47727.0</t>
  </si>
  <si>
    <t>334.36</t>
  </si>
  <si>
    <t>37547074.0</t>
  </si>
  <si>
    <t>10673426.0</t>
  </si>
  <si>
    <t>9967399.0</t>
  </si>
  <si>
    <t>7302545.0</t>
  </si>
  <si>
    <t>58236.0</t>
  </si>
  <si>
    <t>43032.0</t>
  </si>
  <si>
    <t>334.88</t>
  </si>
  <si>
    <t>39347.0</t>
  </si>
  <si>
    <t>37690627.0</t>
  </si>
  <si>
    <t>10674498.0</t>
  </si>
  <si>
    <t>9968481.0</t>
  </si>
  <si>
    <t>7314648.0</t>
  </si>
  <si>
    <t>42279.0</t>
  </si>
  <si>
    <t>336.16</t>
  </si>
  <si>
    <t>37774774.0</t>
  </si>
  <si>
    <t>10674577.0</t>
  </si>
  <si>
    <t>9968557.0</t>
  </si>
  <si>
    <t>7323019.0</t>
  </si>
  <si>
    <t>84147.0</t>
  </si>
  <si>
    <t>49118.0</t>
  </si>
  <si>
    <t>336.91</t>
  </si>
  <si>
    <t>95.21</t>
  </si>
  <si>
    <t>37817486.0</t>
  </si>
  <si>
    <t>10674640.0</t>
  </si>
  <si>
    <t>9968623.0</t>
  </si>
  <si>
    <t>7326321.0</t>
  </si>
  <si>
    <t>54651.0</t>
  </si>
  <si>
    <t>337.29</t>
  </si>
  <si>
    <t>37823143.0</t>
  </si>
  <si>
    <t>10674891.0</t>
  </si>
  <si>
    <t>9968878.0</t>
  </si>
  <si>
    <t>7329613.0</t>
  </si>
  <si>
    <t>54570.0</t>
  </si>
  <si>
    <t>337.34</t>
  </si>
  <si>
    <t>37896406.0</t>
  </si>
  <si>
    <t>10675478.0</t>
  </si>
  <si>
    <t>9969231.0</t>
  </si>
  <si>
    <t>7345149.0</t>
  </si>
  <si>
    <t>73263.0</t>
  </si>
  <si>
    <t>337.99</t>
  </si>
  <si>
    <t>37974521.0</t>
  </si>
  <si>
    <t>10675880.0</t>
  </si>
  <si>
    <t>9969774.0</t>
  </si>
  <si>
    <t>7349568.0</t>
  </si>
  <si>
    <t>78115.0</t>
  </si>
  <si>
    <t>61064.0</t>
  </si>
  <si>
    <t>338.69</t>
  </si>
  <si>
    <t>38059922.0</t>
  </si>
  <si>
    <t>10676122.0</t>
  </si>
  <si>
    <t>9970047.0</t>
  </si>
  <si>
    <t>7354263.0</t>
  </si>
  <si>
    <t>63010.0</t>
  </si>
  <si>
    <t>339.45</t>
  </si>
  <si>
    <t>65.59</t>
  </si>
  <si>
    <t>38227251.0</t>
  </si>
  <si>
    <t>10676760.0</t>
  </si>
  <si>
    <t>9970664.0</t>
  </si>
  <si>
    <t>7363660.0</t>
  </si>
  <si>
    <t>167329.0</t>
  </si>
  <si>
    <t>76661.0</t>
  </si>
  <si>
    <t>340.94</t>
  </si>
  <si>
    <t>38253410.0</t>
  </si>
  <si>
    <t>10676820.0</t>
  </si>
  <si>
    <t>9970734.0</t>
  </si>
  <si>
    <t>7366924.0</t>
  </si>
  <si>
    <t>26159.0</t>
  </si>
  <si>
    <t>68377.0</t>
  </si>
  <si>
    <t>341.18</t>
  </si>
  <si>
    <t>38255344.0</t>
  </si>
  <si>
    <t>10676839.0</t>
  </si>
  <si>
    <t>9970752.0</t>
  </si>
  <si>
    <t>7367161.0</t>
  </si>
  <si>
    <t>341.19</t>
  </si>
  <si>
    <t>38312198.0</t>
  </si>
  <si>
    <t>10677066.0</t>
  </si>
  <si>
    <t>9970913.0</t>
  </si>
  <si>
    <t>7370310.0</t>
  </si>
  <si>
    <t>56854.0</t>
  </si>
  <si>
    <t>69865.0</t>
  </si>
  <si>
    <t>341.7</t>
  </si>
  <si>
    <t>38378974.0</t>
  </si>
  <si>
    <t>10677579.0</t>
  </si>
  <si>
    <t>9971815.0</t>
  </si>
  <si>
    <t>7374948.0</t>
  </si>
  <si>
    <t>342.3</t>
  </si>
  <si>
    <t>38425051.0</t>
  </si>
  <si>
    <t>10677896.0</t>
  </si>
  <si>
    <t>9972106.0</t>
  </si>
  <si>
    <t>7379262.0</t>
  </si>
  <si>
    <t>46077.0</t>
  </si>
  <si>
    <t>64361.0</t>
  </si>
  <si>
    <t>342.71</t>
  </si>
  <si>
    <t>38465336.0</t>
  </si>
  <si>
    <t>10678100.0</t>
  </si>
  <si>
    <t>9972528.0</t>
  </si>
  <si>
    <t>7383293.0</t>
  </si>
  <si>
    <t>57916.0</t>
  </si>
  <si>
    <t>343.07</t>
  </si>
  <si>
    <t>95.24</t>
  </si>
  <si>
    <t>38505896.0</t>
  </si>
  <si>
    <t>10678434.0</t>
  </si>
  <si>
    <t>9972937.0</t>
  </si>
  <si>
    <t>7388540.0</t>
  </si>
  <si>
    <t>40560.0</t>
  </si>
  <si>
    <t>343.43</t>
  </si>
  <si>
    <t>38525098.0</t>
  </si>
  <si>
    <t>10678558.0</t>
  </si>
  <si>
    <t>9973095.0</t>
  </si>
  <si>
    <t>7390239.0</t>
  </si>
  <si>
    <t>19202.0</t>
  </si>
  <si>
    <t>38813.0</t>
  </si>
  <si>
    <t>343.6</t>
  </si>
  <si>
    <t>38529298.0</t>
  </si>
  <si>
    <t>10678561.0</t>
  </si>
  <si>
    <t>7390407.0</t>
  </si>
  <si>
    <t>343.64</t>
  </si>
  <si>
    <t>38558344.0</t>
  </si>
  <si>
    <t>10678990.0</t>
  </si>
  <si>
    <t>9973519.0</t>
  </si>
  <si>
    <t>7392481.0</t>
  </si>
  <si>
    <t>35164.0</t>
  </si>
  <si>
    <t>343.9</t>
  </si>
  <si>
    <t>38593193.0</t>
  </si>
  <si>
    <t>10679168.0</t>
  </si>
  <si>
    <t>9973753.0</t>
  </si>
  <si>
    <t>7395330.0</t>
  </si>
  <si>
    <t>30603.0</t>
  </si>
  <si>
    <t>344.21</t>
  </si>
  <si>
    <t>95.25</t>
  </si>
  <si>
    <t>38629851.0</t>
  </si>
  <si>
    <t>10679352.0</t>
  </si>
  <si>
    <t>9973955.0</t>
  </si>
  <si>
    <t>7398882.0</t>
  </si>
  <si>
    <t>36658.0</t>
  </si>
  <si>
    <t>344.53</t>
  </si>
  <si>
    <t>38670436.0</t>
  </si>
  <si>
    <t>10680013.0</t>
  </si>
  <si>
    <t>9974692.0</t>
  </si>
  <si>
    <t>7402393.0</t>
  </si>
  <si>
    <t>29300.0</t>
  </si>
  <si>
    <t>344.9</t>
  </si>
  <si>
    <t>38713307.0</t>
  </si>
  <si>
    <t>10680187.0</t>
  </si>
  <si>
    <t>9974854.0</t>
  </si>
  <si>
    <t>7405890.0</t>
  </si>
  <si>
    <t>42871.0</t>
  </si>
  <si>
    <t>345.28</t>
  </si>
  <si>
    <t>95.26</t>
  </si>
  <si>
    <t>38725766.0</t>
  </si>
  <si>
    <t>10680232.0</t>
  </si>
  <si>
    <t>9974882.0</t>
  </si>
  <si>
    <t>7406592.0</t>
  </si>
  <si>
    <t>12459.0</t>
  </si>
  <si>
    <t>28667.0</t>
  </si>
  <si>
    <t>345.39</t>
  </si>
  <si>
    <t>38729037.0</t>
  </si>
  <si>
    <t>10680238.0</t>
  </si>
  <si>
    <t>9974887.0</t>
  </si>
  <si>
    <t>7406849.0</t>
  </si>
  <si>
    <t>28534.0</t>
  </si>
  <si>
    <t>345.42</t>
  </si>
  <si>
    <t>38753309.0</t>
  </si>
  <si>
    <t>10680395.0</t>
  </si>
  <si>
    <t>9975036.0</t>
  </si>
  <si>
    <t>7409411.0</t>
  </si>
  <si>
    <t>24272.0</t>
  </si>
  <si>
    <t>27852.0</t>
  </si>
  <si>
    <t>345.64</t>
  </si>
  <si>
    <t>38780942.0</t>
  </si>
  <si>
    <t>10680547.0</t>
  </si>
  <si>
    <t>9975103.0</t>
  </si>
  <si>
    <t>7411311.0</t>
  </si>
  <si>
    <t>26821.0</t>
  </si>
  <si>
    <t>345.88</t>
  </si>
  <si>
    <t>25785.0</t>
  </si>
  <si>
    <t>38839747.0</t>
  </si>
  <si>
    <t>10680909.0</t>
  </si>
  <si>
    <t>9975488.0</t>
  </si>
  <si>
    <t>7414811.0</t>
  </si>
  <si>
    <t>24187.0</t>
  </si>
  <si>
    <t>346.41</t>
  </si>
  <si>
    <t>38870961.0</t>
  </si>
  <si>
    <t>10681161.0</t>
  </si>
  <si>
    <t>9975598.0</t>
  </si>
  <si>
    <t>7418098.0</t>
  </si>
  <si>
    <t>31214.0</t>
  </si>
  <si>
    <t>346.68</t>
  </si>
  <si>
    <t>38883892.0</t>
  </si>
  <si>
    <t>10681216.0</t>
  </si>
  <si>
    <t>9975611.0</t>
  </si>
  <si>
    <t>7420202.0</t>
  </si>
  <si>
    <t>346.8</t>
  </si>
  <si>
    <t>38886373.0</t>
  </si>
  <si>
    <t>10681243.0</t>
  </si>
  <si>
    <t>9975628.0</t>
  </si>
  <si>
    <t>7420450.0</t>
  </si>
  <si>
    <t>22477.0</t>
  </si>
  <si>
    <t>346.82</t>
  </si>
  <si>
    <t>38912837.0</t>
  </si>
  <si>
    <t>10681479.0</t>
  </si>
  <si>
    <t>9975833.0</t>
  </si>
  <si>
    <t>7422624.0</t>
  </si>
  <si>
    <t>26464.0</t>
  </si>
  <si>
    <t>22790.0</t>
  </si>
  <si>
    <t>347.06</t>
  </si>
  <si>
    <t>95.27</t>
  </si>
  <si>
    <t>38932352.0</t>
  </si>
  <si>
    <t>10681700.0</t>
  </si>
  <si>
    <t>9975994.0</t>
  </si>
  <si>
    <t>7424845.0</t>
  </si>
  <si>
    <t>19515.0</t>
  </si>
  <si>
    <t>21630.0</t>
  </si>
  <si>
    <t>347.23</t>
  </si>
  <si>
    <t>38953180.0</t>
  </si>
  <si>
    <t>10681804.0</t>
  </si>
  <si>
    <t>9976089.0</t>
  </si>
  <si>
    <t>7427059.0</t>
  </si>
  <si>
    <t>20828.0</t>
  </si>
  <si>
    <t>20405.0</t>
  </si>
  <si>
    <t>347.42</t>
  </si>
  <si>
    <t>39003094.0</t>
  </si>
  <si>
    <t>10682338.0</t>
  </si>
  <si>
    <t>9976342.0</t>
  </si>
  <si>
    <t>7430035.0</t>
  </si>
  <si>
    <t>347.86</t>
  </si>
  <si>
    <t>39009178.0</t>
  </si>
  <si>
    <t>10682402.0</t>
  </si>
  <si>
    <t>9976420.0</t>
  </si>
  <si>
    <t>7430709.0</t>
  </si>
  <si>
    <t>347.92</t>
  </si>
  <si>
    <t>39011691.0</t>
  </si>
  <si>
    <t>10682404.0</t>
  </si>
  <si>
    <t>9976437.0</t>
  </si>
  <si>
    <t>7430950.0</t>
  </si>
  <si>
    <t>347.94</t>
  </si>
  <si>
    <t>39031848.0</t>
  </si>
  <si>
    <t>10682621.0</t>
  </si>
  <si>
    <t>9976644.0</t>
  </si>
  <si>
    <t>7432216.0</t>
  </si>
  <si>
    <t>17002.0</t>
  </si>
  <si>
    <t>348.12</t>
  </si>
  <si>
    <t>95.28</t>
  </si>
  <si>
    <t>39059403.0</t>
  </si>
  <si>
    <t>10682802.0</t>
  </si>
  <si>
    <t>9976734.0</t>
  </si>
  <si>
    <t>7433513.0</t>
  </si>
  <si>
    <t>27555.0</t>
  </si>
  <si>
    <t>348.37</t>
  </si>
  <si>
    <t>39094782.0</t>
  </si>
  <si>
    <t>10682958.0</t>
  </si>
  <si>
    <t>9976896.0</t>
  </si>
  <si>
    <t>7435111.0</t>
  </si>
  <si>
    <t>35379.0</t>
  </si>
  <si>
    <t>20229.0</t>
  </si>
  <si>
    <t>348.68</t>
  </si>
  <si>
    <t>39136788.0</t>
  </si>
  <si>
    <t>10683206.0</t>
  </si>
  <si>
    <t>9977086.0</t>
  </si>
  <si>
    <t>7436920.0</t>
  </si>
  <si>
    <t>42006.0</t>
  </si>
  <si>
    <t>22664.0</t>
  </si>
  <si>
    <t>349.06</t>
  </si>
  <si>
    <t>39196826.0</t>
  </si>
  <si>
    <t>10683501.0</t>
  </si>
  <si>
    <t>9977449.0</t>
  </si>
  <si>
    <t>7439647.0</t>
  </si>
  <si>
    <t>60038.0</t>
  </si>
  <si>
    <t>27676.0</t>
  </si>
  <si>
    <t>349.59</t>
  </si>
  <si>
    <t>39215838.0</t>
  </si>
  <si>
    <t>10683664.0</t>
  </si>
  <si>
    <t>9977503.0</t>
  </si>
  <si>
    <t>7440614.0</t>
  </si>
  <si>
    <t>19012.0</t>
  </si>
  <si>
    <t>29523.0</t>
  </si>
  <si>
    <t>349.76</t>
  </si>
  <si>
    <t>39240498.0</t>
  </si>
  <si>
    <t>10683825.0</t>
  </si>
  <si>
    <t>9977647.0</t>
  </si>
  <si>
    <t>7441323.0</t>
  </si>
  <si>
    <t>29807.0</t>
  </si>
  <si>
    <t>349.98</t>
  </si>
  <si>
    <t>39244221.0</t>
  </si>
  <si>
    <t>10683836.0</t>
  </si>
  <si>
    <t>9977655.0</t>
  </si>
  <si>
    <t>7441424.0</t>
  </si>
  <si>
    <t>350.01</t>
  </si>
  <si>
    <t>39251817.0</t>
  </si>
  <si>
    <t>10683850.0</t>
  </si>
  <si>
    <t>9977667.0</t>
  </si>
  <si>
    <t>7441604.0</t>
  </si>
  <si>
    <t>22434.0</t>
  </si>
  <si>
    <t>350.08</t>
  </si>
  <si>
    <t>39276842.0</t>
  </si>
  <si>
    <t>10683948.0</t>
  </si>
  <si>
    <t>9977812.0</t>
  </si>
  <si>
    <t>7443429.0</t>
  </si>
  <si>
    <t>25025.0</t>
  </si>
  <si>
    <t>350.3</t>
  </si>
  <si>
    <t>39310991.0</t>
  </si>
  <si>
    <t>10684167.0</t>
  </si>
  <si>
    <t>9977995.0</t>
  </si>
  <si>
    <t>7445054.0</t>
  </si>
  <si>
    <t>34149.0</t>
  </si>
  <si>
    <t>350.61</t>
  </si>
  <si>
    <t>39331483.0</t>
  </si>
  <si>
    <t>10684398.0</t>
  </si>
  <si>
    <t>9978328.0</t>
  </si>
  <si>
    <t>7446254.0</t>
  </si>
  <si>
    <t>20492.0</t>
  </si>
  <si>
    <t>16521.0</t>
  </si>
  <si>
    <t>350.79</t>
  </si>
  <si>
    <t>39339120.0</t>
  </si>
  <si>
    <t>10685032.0</t>
  </si>
  <si>
    <t>9978994.0</t>
  </si>
  <si>
    <t>7446572.0</t>
  </si>
  <si>
    <t>15850.0</t>
  </si>
  <si>
    <t>350.86</t>
  </si>
  <si>
    <t>39377029.0</t>
  </si>
  <si>
    <t>10685168.0</t>
  </si>
  <si>
    <t>9979150.0</t>
  </si>
  <si>
    <t>7448163.0</t>
  </si>
  <si>
    <t>37909.0</t>
  </si>
  <si>
    <t>351.2</t>
  </si>
  <si>
    <t>39426014.0</t>
  </si>
  <si>
    <t>10685546.0</t>
  </si>
  <si>
    <t>9979390.0</t>
  </si>
  <si>
    <t>7449945.0</t>
  </si>
  <si>
    <t>48985.0</t>
  </si>
  <si>
    <t>25970.0</t>
  </si>
  <si>
    <t>351.64</t>
  </si>
  <si>
    <t>66.45</t>
  </si>
  <si>
    <t>39483430.0</t>
  </si>
  <si>
    <t>10685755.0</t>
  </si>
  <si>
    <t>9979568.0</t>
  </si>
  <si>
    <t>7460836.0</t>
  </si>
  <si>
    <t>57416.0</t>
  </si>
  <si>
    <t>352.15</t>
  </si>
  <si>
    <t>39579269.0</t>
  </si>
  <si>
    <t>10686054.0</t>
  </si>
  <si>
    <t>9979799.0</t>
  </si>
  <si>
    <t>7483743.0</t>
  </si>
  <si>
    <t>95839.0</t>
  </si>
  <si>
    <t>95.31</t>
  </si>
  <si>
    <t>39659151.0</t>
  </si>
  <si>
    <t>10686373.0</t>
  </si>
  <si>
    <t>9979991.0</t>
  </si>
  <si>
    <t>7498406.0</t>
  </si>
  <si>
    <t>79882.0</t>
  </si>
  <si>
    <t>49737.0</t>
  </si>
  <si>
    <t>353.71</t>
  </si>
  <si>
    <t>39689134.0</t>
  </si>
  <si>
    <t>10686653.0</t>
  </si>
  <si>
    <t>9980247.0</t>
  </si>
  <si>
    <t>7503653.0</t>
  </si>
  <si>
    <t>29983.0</t>
  </si>
  <si>
    <t>51093.0</t>
  </si>
  <si>
    <t>353.98</t>
  </si>
  <si>
    <t>39696748.0</t>
  </si>
  <si>
    <t>10686661.0</t>
  </si>
  <si>
    <t>9980251.0</t>
  </si>
  <si>
    <t>7504335.0</t>
  </si>
  <si>
    <t>51090.0</t>
  </si>
  <si>
    <t>354.05</t>
  </si>
  <si>
    <t>39785371.0</t>
  </si>
  <si>
    <t>10686904.0</t>
  </si>
  <si>
    <t>9980556.0</t>
  </si>
  <si>
    <t>7542780.0</t>
  </si>
  <si>
    <t>88623.0</t>
  </si>
  <si>
    <t>58335.0</t>
  </si>
  <si>
    <t>354.84</t>
  </si>
  <si>
    <t>39913663.0</t>
  </si>
  <si>
    <t>10687490.0</t>
  </si>
  <si>
    <t>9980967.0</t>
  </si>
  <si>
    <t>7628312.0</t>
  </si>
  <si>
    <t>69664.0</t>
  </si>
  <si>
    <t>355.98</t>
  </si>
  <si>
    <t>95.32</t>
  </si>
  <si>
    <t>77558.0</t>
  </si>
  <si>
    <t>40139011.0</t>
  </si>
  <si>
    <t>10688837.0</t>
  </si>
  <si>
    <t>9981667.0</t>
  </si>
  <si>
    <t>7773836.0</t>
  </si>
  <si>
    <t>79963.0</t>
  </si>
  <si>
    <t>357.99</t>
  </si>
  <si>
    <t>95.33</t>
  </si>
  <si>
    <t>40249365.0</t>
  </si>
  <si>
    <t>10689780.0</t>
  </si>
  <si>
    <t>9982084.0</t>
  </si>
  <si>
    <t>7835278.0</t>
  </si>
  <si>
    <t>110354.0</t>
  </si>
  <si>
    <t>84316.0</t>
  </si>
  <si>
    <t>358.98</t>
  </si>
  <si>
    <t>95.34</t>
  </si>
  <si>
    <t>40300268.0</t>
  </si>
  <si>
    <t>10689996.0</t>
  </si>
  <si>
    <t>9982204.0</t>
  </si>
  <si>
    <t>7868627.0</t>
  </si>
  <si>
    <t>87305.0</t>
  </si>
  <si>
    <t>359.43</t>
  </si>
  <si>
    <t>40304608.0</t>
  </si>
  <si>
    <t>10690027.0</t>
  </si>
  <si>
    <t>9982211.0</t>
  </si>
  <si>
    <t>7870522.0</t>
  </si>
  <si>
    <t>86837.0</t>
  </si>
  <si>
    <t>359.47</t>
  </si>
  <si>
    <t>40381235.0</t>
  </si>
  <si>
    <t>10690595.0</t>
  </si>
  <si>
    <t>9982680.0</t>
  </si>
  <si>
    <t>7911754.0</t>
  </si>
  <si>
    <t>76627.0</t>
  </si>
  <si>
    <t>85123.0</t>
  </si>
  <si>
    <t>360.15</t>
  </si>
  <si>
    <t>40464430.0</t>
  </si>
  <si>
    <t>10691036.0</t>
  </si>
  <si>
    <t>9983010.0</t>
  </si>
  <si>
    <t>7964366.0</t>
  </si>
  <si>
    <t>78681.0</t>
  </si>
  <si>
    <t>360.9</t>
  </si>
  <si>
    <t>73785.0</t>
  </si>
  <si>
    <t>40621236.0</t>
  </si>
  <si>
    <t>10692103.0</t>
  </si>
  <si>
    <t>9983478.0</t>
  </si>
  <si>
    <t>8049905.0</t>
  </si>
  <si>
    <t>68889.0</t>
  </si>
  <si>
    <t>362.3</t>
  </si>
  <si>
    <t>95.36</t>
  </si>
  <si>
    <t>40684737.0</t>
  </si>
  <si>
    <t>10692764.0</t>
  </si>
  <si>
    <t>9983947.0</t>
  </si>
  <si>
    <t>8080720.0</t>
  </si>
  <si>
    <t>63501.0</t>
  </si>
  <si>
    <t>362.86</t>
  </si>
  <si>
    <t>40715629.0</t>
  </si>
  <si>
    <t>10692917.0</t>
  </si>
  <si>
    <t>9984034.0</t>
  </si>
  <si>
    <t>8091354.0</t>
  </si>
  <si>
    <t>30892.0</t>
  </si>
  <si>
    <t>59337.0</t>
  </si>
  <si>
    <t>363.14</t>
  </si>
  <si>
    <t>40722697.0</t>
  </si>
  <si>
    <t>10692924.0</t>
  </si>
  <si>
    <t>9984042.0</t>
  </si>
  <si>
    <t>8094950.0</t>
  </si>
  <si>
    <t>59727.0</t>
  </si>
  <si>
    <t>363.2</t>
  </si>
  <si>
    <t>40779079.0</t>
  </si>
  <si>
    <t>10693622.0</t>
  </si>
  <si>
    <t>9984663.0</t>
  </si>
  <si>
    <t>8119110.0</t>
  </si>
  <si>
    <t>56835.0</t>
  </si>
  <si>
    <t>363.7</t>
  </si>
  <si>
    <t>40832650.0</t>
  </si>
  <si>
    <t>10694137.0</t>
  </si>
  <si>
    <t>9985049.0</t>
  </si>
  <si>
    <t>8138821.0</t>
  </si>
  <si>
    <t>53571.0</t>
  </si>
  <si>
    <t>364.18</t>
  </si>
  <si>
    <t>40908750.0</t>
  </si>
  <si>
    <t>10694563.0</t>
  </si>
  <si>
    <t>9985421.0</t>
  </si>
  <si>
    <t>8162795.0</t>
  </si>
  <si>
    <t>76100.0</t>
  </si>
  <si>
    <t>52274.0</t>
  </si>
  <si>
    <t>364.86</t>
  </si>
  <si>
    <t>49015.0</t>
  </si>
  <si>
    <t>41019937.0</t>
  </si>
  <si>
    <t>10695798.0</t>
  </si>
  <si>
    <t>9986353.0</t>
  </si>
  <si>
    <t>8196441.0</t>
  </si>
  <si>
    <t>47886.0</t>
  </si>
  <si>
    <t>365.85</t>
  </si>
  <si>
    <t>45073.0</t>
  </si>
  <si>
    <t>41042343.0</t>
  </si>
  <si>
    <t>10696181.0</t>
  </si>
  <si>
    <t>9986500.0</t>
  </si>
  <si>
    <t>8203345.0</t>
  </si>
  <si>
    <t>45664.0</t>
  </si>
  <si>
    <t>366.05</t>
  </si>
  <si>
    <t>41109375.0</t>
  </si>
  <si>
    <t>10696474.0</t>
  </si>
  <si>
    <t>9986689.0</t>
  </si>
  <si>
    <t>8226592.0</t>
  </si>
  <si>
    <t>47185.0</t>
  </si>
  <si>
    <t>366.65</t>
  </si>
  <si>
    <t>41161283.0</t>
  </si>
  <si>
    <t>10696699.0</t>
  </si>
  <si>
    <t>9986886.0</t>
  </si>
  <si>
    <t>8240653.0</t>
  </si>
  <si>
    <t>367.11</t>
  </si>
  <si>
    <t>41215831.0</t>
  </si>
  <si>
    <t>10697601.0</t>
  </si>
  <si>
    <t>9987269.0</t>
  </si>
  <si>
    <t>8254912.0</t>
  </si>
  <si>
    <t>43869.0</t>
  </si>
  <si>
    <t>367.6</t>
  </si>
  <si>
    <t>95.41</t>
  </si>
  <si>
    <t>41391490.0</t>
  </si>
  <si>
    <t>10698448.0</t>
  </si>
  <si>
    <t>9987701.0</t>
  </si>
  <si>
    <t>8324190.0</t>
  </si>
  <si>
    <t>51479.0</t>
  </si>
  <si>
    <t>369.16</t>
  </si>
  <si>
    <t>41408168.0</t>
  </si>
  <si>
    <t>10698618.0</t>
  </si>
  <si>
    <t>9987796.0</t>
  </si>
  <si>
    <t>8330448.0</t>
  </si>
  <si>
    <t>369.31</t>
  </si>
  <si>
    <t>41442611.0</t>
  </si>
  <si>
    <t>10698929.0</t>
  </si>
  <si>
    <t>9987969.0</t>
  </si>
  <si>
    <t>8342999.0</t>
  </si>
  <si>
    <t>34443.0</t>
  </si>
  <si>
    <t>369.62</t>
  </si>
  <si>
    <t>41479436.0</t>
  </si>
  <si>
    <t>10699465.0</t>
  </si>
  <si>
    <t>9988322.0</t>
  </si>
  <si>
    <t>8355756.0</t>
  </si>
  <si>
    <t>45450.0</t>
  </si>
  <si>
    <t>369.95</t>
  </si>
  <si>
    <t>95.43</t>
  </si>
  <si>
    <t>41523882.0</t>
  </si>
  <si>
    <t>10699710.0</t>
  </si>
  <si>
    <t>9988537.0</t>
  </si>
  <si>
    <t>8374508.0</t>
  </si>
  <si>
    <t>44446.0</t>
  </si>
  <si>
    <t>370.35</t>
  </si>
  <si>
    <t>41563734.0</t>
  </si>
  <si>
    <t>10700075.0</t>
  </si>
  <si>
    <t>9988865.0</t>
  </si>
  <si>
    <t>8390890.0</t>
  </si>
  <si>
    <t>39852.0</t>
  </si>
  <si>
    <t>370.7</t>
  </si>
  <si>
    <t>41595448.0</t>
  </si>
  <si>
    <t>10700546.0</t>
  </si>
  <si>
    <t>9989193.0</t>
  </si>
  <si>
    <t>8402918.0</t>
  </si>
  <si>
    <t>37502.0</t>
  </si>
  <si>
    <t>370.98</t>
  </si>
  <si>
    <t>95.44</t>
  </si>
  <si>
    <t>41606657.0</t>
  </si>
  <si>
    <t>10700679.0</t>
  </si>
  <si>
    <t>9989320.0</t>
  </si>
  <si>
    <t>8408801.0</t>
  </si>
  <si>
    <t>30738.0</t>
  </si>
  <si>
    <t>371.08</t>
  </si>
  <si>
    <t>41614931.0</t>
  </si>
  <si>
    <t>10700697.0</t>
  </si>
  <si>
    <t>9989349.0</t>
  </si>
  <si>
    <t>8411424.0</t>
  </si>
  <si>
    <t>8274.0</t>
  </si>
  <si>
    <t>371.16</t>
  </si>
  <si>
    <t>41633709.0</t>
  </si>
  <si>
    <t>10701102.0</t>
  </si>
  <si>
    <t>9989669.0</t>
  </si>
  <si>
    <t>8416406.0</t>
  </si>
  <si>
    <t>371.33</t>
  </si>
  <si>
    <t>41654431.0</t>
  </si>
  <si>
    <t>10701274.0</t>
  </si>
  <si>
    <t>9989895.0</t>
  </si>
  <si>
    <t>8422958.0</t>
  </si>
  <si>
    <t>20722.0</t>
  </si>
  <si>
    <t>24999.0</t>
  </si>
  <si>
    <t>371.51</t>
  </si>
  <si>
    <t>41677178.0</t>
  </si>
  <si>
    <t>10701830.0</t>
  </si>
  <si>
    <t>9990274.0</t>
  </si>
  <si>
    <t>8429760.0</t>
  </si>
  <si>
    <t>21899.0</t>
  </si>
  <si>
    <t>371.71</t>
  </si>
  <si>
    <t>95.45</t>
  </si>
  <si>
    <t>41707762.0</t>
  </si>
  <si>
    <t>10702072.0</t>
  </si>
  <si>
    <t>9990477.0</t>
  </si>
  <si>
    <t>8439913.0</t>
  </si>
  <si>
    <t>30584.0</t>
  </si>
  <si>
    <t>20575.0</t>
  </si>
  <si>
    <t>371.99</t>
  </si>
  <si>
    <t>41733288.0</t>
  </si>
  <si>
    <t>10702241.0</t>
  </si>
  <si>
    <t>9990674.0</t>
  </si>
  <si>
    <t>8446300.0</t>
  </si>
  <si>
    <t>19691.0</t>
  </si>
  <si>
    <t>372.21</t>
  </si>
  <si>
    <t>41772075.0</t>
  </si>
  <si>
    <t>10702274.0</t>
  </si>
  <si>
    <t>9990765.0</t>
  </si>
  <si>
    <t>8476582.0</t>
  </si>
  <si>
    <t>38787.0</t>
  </si>
  <si>
    <t>372.56</t>
  </si>
  <si>
    <t>41786582.0</t>
  </si>
  <si>
    <t>10702301.0</t>
  </si>
  <si>
    <t>9990809.0</t>
  </si>
  <si>
    <t>8478603.0</t>
  </si>
  <si>
    <t>372.69</t>
  </si>
  <si>
    <t>41804123.0</t>
  </si>
  <si>
    <t>10702598.0</t>
  </si>
  <si>
    <t>9991096.0</t>
  </si>
  <si>
    <t>8483178.0</t>
  </si>
  <si>
    <t>24345.0</t>
  </si>
  <si>
    <t>372.85</t>
  </si>
  <si>
    <t>41827415.0</t>
  </si>
  <si>
    <t>10702810.0</t>
  </si>
  <si>
    <t>9991302.0</t>
  </si>
  <si>
    <t>8488370.0</t>
  </si>
  <si>
    <t>23292.0</t>
  </si>
  <si>
    <t>24712.0</t>
  </si>
  <si>
    <t>373.05</t>
  </si>
  <si>
    <t>95.46</t>
  </si>
  <si>
    <t>41851642.0</t>
  </si>
  <si>
    <t>10703051.0</t>
  </si>
  <si>
    <t>9991536.0</t>
  </si>
  <si>
    <t>8494680.0</t>
  </si>
  <si>
    <t>24227.0</t>
  </si>
  <si>
    <t>24923.0</t>
  </si>
  <si>
    <t>373.27</t>
  </si>
  <si>
    <t>24078.0</t>
  </si>
  <si>
    <t>41900978.0</t>
  </si>
  <si>
    <t>10703784.0</t>
  </si>
  <si>
    <t>9992279.0</t>
  </si>
  <si>
    <t>8504975.0</t>
  </si>
  <si>
    <t>373.71</t>
  </si>
  <si>
    <t>95.47</t>
  </si>
  <si>
    <t>25796.0</t>
  </si>
  <si>
    <t>42004315.0</t>
  </si>
  <si>
    <t>10703896.0</t>
  </si>
  <si>
    <t>9992362.0</t>
  </si>
  <si>
    <t>8572625.0</t>
  </si>
  <si>
    <t>31105.0</t>
  </si>
  <si>
    <t>374.63</t>
  </si>
  <si>
    <t>42017497.0</t>
  </si>
  <si>
    <t>10704172.0</t>
  </si>
  <si>
    <t>9992622.0</t>
  </si>
  <si>
    <t>8574946.0</t>
  </si>
  <si>
    <t>374.75</t>
  </si>
  <si>
    <t>42023401.0</t>
  </si>
  <si>
    <t>10704272.0</t>
  </si>
  <si>
    <t>9992781.0</t>
  </si>
  <si>
    <t>8576182.0</t>
  </si>
  <si>
    <t>27998.0</t>
  </si>
  <si>
    <t>374.8</t>
  </si>
  <si>
    <t>42052954.0</t>
  </si>
  <si>
    <t>10704505.0</t>
  </si>
  <si>
    <t>9993111.0</t>
  </si>
  <si>
    <t>8579628.0</t>
  </si>
  <si>
    <t>25235.0</t>
  </si>
  <si>
    <t>375.06</t>
  </si>
  <si>
    <t>42063368.0</t>
  </si>
  <si>
    <t>10704693.0</t>
  </si>
  <si>
    <t>9993273.0</t>
  </si>
  <si>
    <t>8581565.0</t>
  </si>
  <si>
    <t>375.16</t>
  </si>
  <si>
    <t>42068691.0</t>
  </si>
  <si>
    <t>10704767.0</t>
  </si>
  <si>
    <t>9993339.0</t>
  </si>
  <si>
    <t>8582188.0</t>
  </si>
  <si>
    <t>375.2</t>
  </si>
  <si>
    <t>42071723.0</t>
  </si>
  <si>
    <t>10704768.0</t>
  </si>
  <si>
    <t>8582662.0</t>
  </si>
  <si>
    <t>375.23</t>
  </si>
  <si>
    <t>42084094.0</t>
  </si>
  <si>
    <t>10705121.0</t>
  </si>
  <si>
    <t>9993747.0</t>
  </si>
  <si>
    <t>8584842.0</t>
  </si>
  <si>
    <t>375.34</t>
  </si>
  <si>
    <t>95.48</t>
  </si>
  <si>
    <t>42095722.0</t>
  </si>
  <si>
    <t>10705331.0</t>
  </si>
  <si>
    <t>9994159.0</t>
  </si>
  <si>
    <t>8587288.0</t>
  </si>
  <si>
    <t>11628.0</t>
  </si>
  <si>
    <t>375.45</t>
  </si>
  <si>
    <t>42110520.0</t>
  </si>
  <si>
    <t>10705472.0</t>
  </si>
  <si>
    <t>9994292.0</t>
  </si>
  <si>
    <t>8589949.0</t>
  </si>
  <si>
    <t>375.58</t>
  </si>
  <si>
    <t>42125773.0</t>
  </si>
  <si>
    <t>10705742.0</t>
  </si>
  <si>
    <t>9994518.0</t>
  </si>
  <si>
    <t>8592594.0</t>
  </si>
  <si>
    <t>375.71</t>
  </si>
  <si>
    <t>42138171.0</t>
  </si>
  <si>
    <t>10705910.0</t>
  </si>
  <si>
    <t>9994675.0</t>
  </si>
  <si>
    <t>8595191.0</t>
  </si>
  <si>
    <t>375.82</t>
  </si>
  <si>
    <t>42142075.0</t>
  </si>
  <si>
    <t>10706053.0</t>
  </si>
  <si>
    <t>9994759.0</t>
  </si>
  <si>
    <t>8596434.0</t>
  </si>
  <si>
    <t>10483.0</t>
  </si>
  <si>
    <t>375.86</t>
  </si>
  <si>
    <t>42142270.0</t>
  </si>
  <si>
    <t>10706061.0</t>
  </si>
  <si>
    <t>9994771.0</t>
  </si>
  <si>
    <t>8596502.0</t>
  </si>
  <si>
    <t>42158933.0</t>
  </si>
  <si>
    <t>10706313.0</t>
  </si>
  <si>
    <t>9994988.0</t>
  </si>
  <si>
    <t>8599206.0</t>
  </si>
  <si>
    <t>376.01</t>
  </si>
  <si>
    <t>42172341.0</t>
  </si>
  <si>
    <t>10706428.0</t>
  </si>
  <si>
    <t>9995074.0</t>
  </si>
  <si>
    <t>8601680.0</t>
  </si>
  <si>
    <t>376.13</t>
  </si>
  <si>
    <t>42193708.0</t>
  </si>
  <si>
    <t>10706856.0</t>
  </si>
  <si>
    <t>9995399.0</t>
  </si>
  <si>
    <t>8606696.0</t>
  </si>
  <si>
    <t>21367.0</t>
  </si>
  <si>
    <t>376.32</t>
  </si>
  <si>
    <t>42204599.0</t>
  </si>
  <si>
    <t>10707094.0</t>
  </si>
  <si>
    <t>9995601.0</t>
  </si>
  <si>
    <t>8608650.0</t>
  </si>
  <si>
    <t>9490.0</t>
  </si>
  <si>
    <t>376.42</t>
  </si>
  <si>
    <t>42211132.0</t>
  </si>
  <si>
    <t>10707155.0</t>
  </si>
  <si>
    <t>9995650.0</t>
  </si>
  <si>
    <t>8609770.0</t>
  </si>
  <si>
    <t>6533.0</t>
  </si>
  <si>
    <t>376.48</t>
  </si>
  <si>
    <t>42212832.0</t>
  </si>
  <si>
    <t>10707161.0</t>
  </si>
  <si>
    <t>9995656.0</t>
  </si>
  <si>
    <t>8609902.0</t>
  </si>
  <si>
    <t>10080.0</t>
  </si>
  <si>
    <t>376.49</t>
  </si>
  <si>
    <t>42221794.0</t>
  </si>
  <si>
    <t>10707398.0</t>
  </si>
  <si>
    <t>9995815.0</t>
  </si>
  <si>
    <t>8611893.0</t>
  </si>
  <si>
    <t>376.57</t>
  </si>
  <si>
    <t>42232674.0</t>
  </si>
  <si>
    <t>10707644.0</t>
  </si>
  <si>
    <t>9996067.0</t>
  </si>
  <si>
    <t>8613584.0</t>
  </si>
  <si>
    <t>10534.0</t>
  </si>
  <si>
    <t>376.67</t>
  </si>
  <si>
    <t>42246483.0</t>
  </si>
  <si>
    <t>10707828.0</t>
  </si>
  <si>
    <t>9996185.0</t>
  </si>
  <si>
    <t>8615250.0</t>
  </si>
  <si>
    <t>13809.0</t>
  </si>
  <si>
    <t>376.79</t>
  </si>
  <si>
    <t>42269794.0</t>
  </si>
  <si>
    <t>10708529.0</t>
  </si>
  <si>
    <t>9996713.0</t>
  </si>
  <si>
    <t>8618985.0</t>
  </si>
  <si>
    <t>95.51</t>
  </si>
  <si>
    <t>42274548.0</t>
  </si>
  <si>
    <t>10708842.0</t>
  </si>
  <si>
    <t>9996978.0</t>
  </si>
  <si>
    <t>8619483.0</t>
  </si>
  <si>
    <t>377.04</t>
  </si>
  <si>
    <t>42276214.0</t>
  </si>
  <si>
    <t>10708879.0</t>
  </si>
  <si>
    <t>9997013.0</t>
  </si>
  <si>
    <t>8619603.0</t>
  </si>
  <si>
    <t>377.06</t>
  </si>
  <si>
    <t>42284136.0</t>
  </si>
  <si>
    <t>10709105.0</t>
  </si>
  <si>
    <t>9997200.0</t>
  </si>
  <si>
    <t>8620781.0</t>
  </si>
  <si>
    <t>7922.0</t>
  </si>
  <si>
    <t>377.13</t>
  </si>
  <si>
    <t>42292797.0</t>
  </si>
  <si>
    <t>10709268.0</t>
  </si>
  <si>
    <t>9997315.0</t>
  </si>
  <si>
    <t>8621669.0</t>
  </si>
  <si>
    <t>377.2</t>
  </si>
  <si>
    <t>8544.0</t>
  </si>
  <si>
    <t>42319785.0</t>
  </si>
  <si>
    <t>10709657.0</t>
  </si>
  <si>
    <t>9997566.0</t>
  </si>
  <si>
    <t>8626829.0</t>
  </si>
  <si>
    <t>377.44</t>
  </si>
  <si>
    <t>95.52</t>
  </si>
  <si>
    <t>9253.0</t>
  </si>
  <si>
    <t>42349342.0</t>
  </si>
  <si>
    <t>10710505.0</t>
  </si>
  <si>
    <t>9998015.0</t>
  </si>
  <si>
    <t>8632831.0</t>
  </si>
  <si>
    <t>377.71</t>
  </si>
  <si>
    <t>42351544.0</t>
  </si>
  <si>
    <t>10710538.0</t>
  </si>
  <si>
    <t>9998047.0</t>
  </si>
  <si>
    <t>8632908.0</t>
  </si>
  <si>
    <t>377.73</t>
  </si>
  <si>
    <t>42362502.0</t>
  </si>
  <si>
    <t>10711016.0</t>
  </si>
  <si>
    <t>9998400.0</t>
  </si>
  <si>
    <t>8633949.0</t>
  </si>
  <si>
    <t>377.83</t>
  </si>
  <si>
    <t>42372894.0</t>
  </si>
  <si>
    <t>10711178.0</t>
  </si>
  <si>
    <t>9998618.0</t>
  </si>
  <si>
    <t>8635191.0</t>
  </si>
  <si>
    <t>377.92</t>
  </si>
  <si>
    <t>42396652.0</t>
  </si>
  <si>
    <t>10711472.0</t>
  </si>
  <si>
    <t>9998878.0</t>
  </si>
  <si>
    <t>8637568.0</t>
  </si>
  <si>
    <t>378.13</t>
  </si>
  <si>
    <t>42405222.0</t>
  </si>
  <si>
    <t>10711595.0</t>
  </si>
  <si>
    <t>9998962.0</t>
  </si>
  <si>
    <t>8638343.0</t>
  </si>
  <si>
    <t>378.21</t>
  </si>
  <si>
    <t>95.54</t>
  </si>
  <si>
    <t>42410035.0</t>
  </si>
  <si>
    <t>10711659.0</t>
  </si>
  <si>
    <t>9998992.0</t>
  </si>
  <si>
    <t>8638731.0</t>
  </si>
  <si>
    <t>378.25</t>
  </si>
  <si>
    <t>42410778.0</t>
  </si>
  <si>
    <t>10711675.0</t>
  </si>
  <si>
    <t>9999013.0</t>
  </si>
  <si>
    <t>8638922.0</t>
  </si>
  <si>
    <t>378.26</t>
  </si>
  <si>
    <t>42418410.0</t>
  </si>
  <si>
    <t>10711929.0</t>
  </si>
  <si>
    <t>9999095.0</t>
  </si>
  <si>
    <t>8639643.0</t>
  </si>
  <si>
    <t>378.32</t>
  </si>
  <si>
    <t>42424681.0</t>
  </si>
  <si>
    <t>10712068.0</t>
  </si>
  <si>
    <t>9999184.0</t>
  </si>
  <si>
    <t>8640333.0</t>
  </si>
  <si>
    <t>378.38</t>
  </si>
  <si>
    <t>42430090.0</t>
  </si>
  <si>
    <t>10712149.0</t>
  </si>
  <si>
    <t>9999224.0</t>
  </si>
  <si>
    <t>8640924.0</t>
  </si>
  <si>
    <t>378.43</t>
  </si>
  <si>
    <t>42436440.0</t>
  </si>
  <si>
    <t>10712299.0</t>
  </si>
  <si>
    <t>9999345.0</t>
  </si>
  <si>
    <t>8641570.0</t>
  </si>
  <si>
    <t>378.48</t>
  </si>
  <si>
    <t>42441476.0</t>
  </si>
  <si>
    <t>10712522.0</t>
  </si>
  <si>
    <t>9999557.0</t>
  </si>
  <si>
    <t>8642188.0</t>
  </si>
  <si>
    <t>378.53</t>
  </si>
  <si>
    <t>42444663.0</t>
  </si>
  <si>
    <t>10712572.0</t>
  </si>
  <si>
    <t>9999591.0</t>
  </si>
  <si>
    <t>8642509.0</t>
  </si>
  <si>
    <t>378.56</t>
  </si>
  <si>
    <t>42445431.0</t>
  </si>
  <si>
    <t>10712573.0</t>
  </si>
  <si>
    <t>8642707.0</t>
  </si>
  <si>
    <t>42453139.0</t>
  </si>
  <si>
    <t>9999726.0</t>
  </si>
  <si>
    <t>8643796.0</t>
  </si>
  <si>
    <t>378.63</t>
  </si>
  <si>
    <t>42458145.0</t>
  </si>
  <si>
    <t>10712926.0</t>
  </si>
  <si>
    <t>9999828.0</t>
  </si>
  <si>
    <t>8644330.0</t>
  </si>
  <si>
    <t>378.68</t>
  </si>
  <si>
    <t>42466706.0</t>
  </si>
  <si>
    <t>10713073.0</t>
  </si>
  <si>
    <t>9999902.0</t>
  </si>
  <si>
    <t>8645453.0</t>
  </si>
  <si>
    <t>378.75</t>
  </si>
  <si>
    <t>42479425.0</t>
  </si>
  <si>
    <t>10713403.0</t>
  </si>
  <si>
    <t>10000120.0</t>
  </si>
  <si>
    <t>8646726.0</t>
  </si>
  <si>
    <t>378.87</t>
  </si>
  <si>
    <t>42481954.0</t>
  </si>
  <si>
    <t>10713427.0</t>
  </si>
  <si>
    <t>10000142.0</t>
  </si>
  <si>
    <t>8646968.0</t>
  </si>
  <si>
    <t>378.89</t>
  </si>
  <si>
    <t>42482443.0</t>
  </si>
  <si>
    <t>10713445.0</t>
  </si>
  <si>
    <t>10000158.0</t>
  </si>
  <si>
    <t>8647034.0</t>
  </si>
  <si>
    <t>5287.0</t>
  </si>
  <si>
    <t>42492378.0</t>
  </si>
  <si>
    <t>10713578.0</t>
  </si>
  <si>
    <t>10000217.0</t>
  </si>
  <si>
    <t>8648797.0</t>
  </si>
  <si>
    <t>378.98</t>
  </si>
  <si>
    <t>42499758.0</t>
  </si>
  <si>
    <t>10714059.0</t>
  </si>
  <si>
    <t>10000591.0</t>
  </si>
  <si>
    <t>8649325.0</t>
  </si>
  <si>
    <t>379.05</t>
  </si>
  <si>
    <t>95.56</t>
  </si>
  <si>
    <t>42507637.0</t>
  </si>
  <si>
    <t>10714173.0</t>
  </si>
  <si>
    <t>10000670.0</t>
  </si>
  <si>
    <t>8650257.0</t>
  </si>
  <si>
    <t>379.12</t>
  </si>
  <si>
    <t>42516395.0</t>
  </si>
  <si>
    <t>10714436.0</t>
  </si>
  <si>
    <t>10000888.0</t>
  </si>
  <si>
    <t>8651450.0</t>
  </si>
  <si>
    <t>8758.0</t>
  </si>
  <si>
    <t>379.2</t>
  </si>
  <si>
    <t>42521906.0</t>
  </si>
  <si>
    <t>10714549.0</t>
  </si>
  <si>
    <t>10000951.0</t>
  </si>
  <si>
    <t>8652247.0</t>
  </si>
  <si>
    <t>379.25</t>
  </si>
  <si>
    <t>42524151.0</t>
  </si>
  <si>
    <t>10714610.0</t>
  </si>
  <si>
    <t>10001006.0</t>
  </si>
  <si>
    <t>8652631.0</t>
  </si>
  <si>
    <t>379.27</t>
  </si>
  <si>
    <t>42524733.0</t>
  </si>
  <si>
    <t>10714617.0</t>
  </si>
  <si>
    <t>10001009.0</t>
  </si>
  <si>
    <t>8652687.0</t>
  </si>
  <si>
    <t>42536821.0</t>
  </si>
  <si>
    <t>10714892.0</t>
  </si>
  <si>
    <t>10001265.0</t>
  </si>
  <si>
    <t>8654299.0</t>
  </si>
  <si>
    <t>379.38</t>
  </si>
  <si>
    <t>42554119.0</t>
  </si>
  <si>
    <t>10715520.0</t>
  </si>
  <si>
    <t>10001771.0</t>
  </si>
  <si>
    <t>8655589.0</t>
  </si>
  <si>
    <t>379.53</t>
  </si>
  <si>
    <t>95.57</t>
  </si>
  <si>
    <t>42564097.0</t>
  </si>
  <si>
    <t>10715609.0</t>
  </si>
  <si>
    <t>10001828.0</t>
  </si>
  <si>
    <t>8658928.0</t>
  </si>
  <si>
    <t>379.62</t>
  </si>
  <si>
    <t>42565079.0</t>
  </si>
  <si>
    <t>10715665.0</t>
  </si>
  <si>
    <t>10001870.0</t>
  </si>
  <si>
    <t>8659008.0</t>
  </si>
  <si>
    <t>379.63</t>
  </si>
  <si>
    <t>42568608.0</t>
  </si>
  <si>
    <t>10715675.0</t>
  </si>
  <si>
    <t>10001877.0</t>
  </si>
  <si>
    <t>8660196.0</t>
  </si>
  <si>
    <t>379.66</t>
  </si>
  <si>
    <t>42575028.0</t>
  </si>
  <si>
    <t>10716095.0</t>
  </si>
  <si>
    <t>10002060.0</t>
  </si>
  <si>
    <t>8661216.0</t>
  </si>
  <si>
    <t>379.72</t>
  </si>
  <si>
    <t>42579029.0</t>
  </si>
  <si>
    <t>10716205.0</t>
  </si>
  <si>
    <t>10002111.0</t>
  </si>
  <si>
    <t>8661692.0</t>
  </si>
  <si>
    <t>379.76</t>
  </si>
  <si>
    <t>42583737.0</t>
  </si>
  <si>
    <t>10716285.0</t>
  </si>
  <si>
    <t>10002178.0</t>
  </si>
  <si>
    <t>8662284.0</t>
  </si>
  <si>
    <t>379.8</t>
  </si>
  <si>
    <t>42595812.0</t>
  </si>
  <si>
    <t>10716701.0</t>
  </si>
  <si>
    <t>10002393.0</t>
  </si>
  <si>
    <t>8664079.0</t>
  </si>
  <si>
    <t>379.91</t>
  </si>
  <si>
    <t>42600667.0</t>
  </si>
  <si>
    <t>10716796.0</t>
  </si>
  <si>
    <t>10002440.0</t>
  </si>
  <si>
    <t>8664502.0</t>
  </si>
  <si>
    <t>379.95</t>
  </si>
  <si>
    <t>42606154.0</t>
  </si>
  <si>
    <t>10716984.0</t>
  </si>
  <si>
    <t>10002559.0</t>
  </si>
  <si>
    <t>8665166.0</t>
  </si>
  <si>
    <t>42611832.0</t>
  </si>
  <si>
    <t>10717152.0</t>
  </si>
  <si>
    <t>10002610.0</t>
  </si>
  <si>
    <t>8665565.0</t>
  </si>
  <si>
    <t>380.05</t>
  </si>
  <si>
    <t>42620631.0</t>
  </si>
  <si>
    <t>10717344.0</t>
  </si>
  <si>
    <t>10002712.0</t>
  </si>
  <si>
    <t>8666322.0</t>
  </si>
  <si>
    <t>380.13</t>
  </si>
  <si>
    <t>42636823.0</t>
  </si>
  <si>
    <t>10717764.0</t>
  </si>
  <si>
    <t>10002943.0</t>
  </si>
  <si>
    <t>8668245.0</t>
  </si>
  <si>
    <t>380.27</t>
  </si>
  <si>
    <t>42639680.0</t>
  </si>
  <si>
    <t>10717817.0</t>
  </si>
  <si>
    <t>10002973.0</t>
  </si>
  <si>
    <t>8668427.0</t>
  </si>
  <si>
    <t>380.3</t>
  </si>
  <si>
    <t>42641172.0</t>
  </si>
  <si>
    <t>10717825.0</t>
  </si>
  <si>
    <t>10002979.0</t>
  </si>
  <si>
    <t>8668633.0</t>
  </si>
  <si>
    <t>380.31</t>
  </si>
  <si>
    <t>42646902.0</t>
  </si>
  <si>
    <t>10717999.0</t>
  </si>
  <si>
    <t>10003095.0</t>
  </si>
  <si>
    <t>8669291.0</t>
  </si>
  <si>
    <t>380.36</t>
  </si>
  <si>
    <t>42653183.0</t>
  </si>
  <si>
    <t>10718095.0</t>
  </si>
  <si>
    <t>10003169.0</t>
  </si>
  <si>
    <t>8669790.0</t>
  </si>
  <si>
    <t>380.42</t>
  </si>
  <si>
    <t>42660703.0</t>
  </si>
  <si>
    <t>10718221.0</t>
  </si>
  <si>
    <t>10003242.0</t>
  </si>
  <si>
    <t>8670493.0</t>
  </si>
  <si>
    <t>380.48</t>
  </si>
  <si>
    <t>42665484.0</t>
  </si>
  <si>
    <t>10718496.0</t>
  </si>
  <si>
    <t>10003386.0</t>
  </si>
  <si>
    <t>8671036.0</t>
  </si>
  <si>
    <t>380.53</t>
  </si>
  <si>
    <t>42672459.0</t>
  </si>
  <si>
    <t>10718627.0</t>
  </si>
  <si>
    <t>10003464.0</t>
  </si>
  <si>
    <t>8671866.0</t>
  </si>
  <si>
    <t>380.59</t>
  </si>
  <si>
    <t>42673358.0</t>
  </si>
  <si>
    <t>10718674.0</t>
  </si>
  <si>
    <t>10003526.0</t>
  </si>
  <si>
    <t>8672033.0</t>
  </si>
  <si>
    <t>380.6</t>
  </si>
  <si>
    <t>42678834.0</t>
  </si>
  <si>
    <t>10718815.0</t>
  </si>
  <si>
    <t>10003592.0</t>
  </si>
  <si>
    <t>8672700.0</t>
  </si>
  <si>
    <t>5476.0</t>
  </si>
  <si>
    <t>380.65</t>
  </si>
  <si>
    <t>42684967.0</t>
  </si>
  <si>
    <t>10718957.0</t>
  </si>
  <si>
    <t>10003726.0</t>
  </si>
  <si>
    <t>8673703.0</t>
  </si>
  <si>
    <t>380.7</t>
  </si>
  <si>
    <t>42712334.0</t>
  </si>
  <si>
    <t>10719312.0</t>
  </si>
  <si>
    <t>10003939.0</t>
  </si>
  <si>
    <t>8675091.0</t>
  </si>
  <si>
    <t>380.95</t>
  </si>
  <si>
    <t>8784.0</t>
  </si>
  <si>
    <t>42747321.0</t>
  </si>
  <si>
    <t>10719490.0</t>
  </si>
  <si>
    <t>10004080.0</t>
  </si>
  <si>
    <t>8675858.0</t>
  </si>
  <si>
    <t>381.26</t>
  </si>
  <si>
    <t>95.61</t>
  </si>
  <si>
    <t>CUW</t>
  </si>
  <si>
    <t>Curacao</t>
  </si>
  <si>
    <t>20485.0</t>
  </si>
  <si>
    <t>15755.0</t>
  </si>
  <si>
    <t>22339.0</t>
  </si>
  <si>
    <t>16498.0</t>
  </si>
  <si>
    <t>32330.0</t>
  </si>
  <si>
    <t>23497.0</t>
  </si>
  <si>
    <t>24613.0</t>
  </si>
  <si>
    <t>26645.0</t>
  </si>
  <si>
    <t>9771.0</t>
  </si>
  <si>
    <t>40648.0</t>
  </si>
  <si>
    <t>11513.0</t>
  </si>
  <si>
    <t>12742.0</t>
  </si>
  <si>
    <t>49926.0</t>
  </si>
  <si>
    <t>37940.0</t>
  </si>
  <si>
    <t>11986.0</t>
  </si>
  <si>
    <t>14735.0</t>
  </si>
  <si>
    <t>53519.0</t>
  </si>
  <si>
    <t>41117.0</t>
  </si>
  <si>
    <t>58175.0</t>
  </si>
  <si>
    <t>45386.0</t>
  </si>
  <si>
    <t>17968.0</t>
  </si>
  <si>
    <t>61031.0</t>
  </si>
  <si>
    <t>47915.0</t>
  </si>
  <si>
    <t>13116.0</t>
  </si>
  <si>
    <t>64447.0</t>
  </si>
  <si>
    <t>50876.0</t>
  </si>
  <si>
    <t>26.61</t>
  </si>
  <si>
    <t>68760.0</t>
  </si>
  <si>
    <t>55151.0</t>
  </si>
  <si>
    <t>16383.0</t>
  </si>
  <si>
    <t>71973.0</t>
  </si>
  <si>
    <t>16477.0</t>
  </si>
  <si>
    <t>74839.0</t>
  </si>
  <si>
    <t>59842.0</t>
  </si>
  <si>
    <t>77687.0</t>
  </si>
  <si>
    <t>62322.0</t>
  </si>
  <si>
    <t>80356.0</t>
  </si>
  <si>
    <t>64686.0</t>
  </si>
  <si>
    <t>14442.0</t>
  </si>
  <si>
    <t>84016.0</t>
  </si>
  <si>
    <t>67614.0</t>
  </si>
  <si>
    <t>43.95</t>
  </si>
  <si>
    <t>86781.0</t>
  </si>
  <si>
    <t>68723.0</t>
  </si>
  <si>
    <t>89193.0</t>
  </si>
  <si>
    <t>69788.0</t>
  </si>
  <si>
    <t>19405.0</t>
  </si>
  <si>
    <t>89746.0</t>
  </si>
  <si>
    <t>69977.0</t>
  </si>
  <si>
    <t>19769.0</t>
  </si>
  <si>
    <t>93919.0</t>
  </si>
  <si>
    <t>71645.0</t>
  </si>
  <si>
    <t>37.48</t>
  </si>
  <si>
    <t>12130.0</t>
  </si>
  <si>
    <t>95693.0</t>
  </si>
  <si>
    <t>72248.0</t>
  </si>
  <si>
    <t>97496.0</t>
  </si>
  <si>
    <t>72855.0</t>
  </si>
  <si>
    <t>24641.0</t>
  </si>
  <si>
    <t>38.11</t>
  </si>
  <si>
    <t>97504.0</t>
  </si>
  <si>
    <t>72861.0</t>
  </si>
  <si>
    <t>24643.0</t>
  </si>
  <si>
    <t>100527.0</t>
  </si>
  <si>
    <t>73347.0</t>
  </si>
  <si>
    <t>27180.0</t>
  </si>
  <si>
    <t>52.58</t>
  </si>
  <si>
    <t>102803.0</t>
  </si>
  <si>
    <t>75555.0</t>
  </si>
  <si>
    <t>30165.0</t>
  </si>
  <si>
    <t>106971.0</t>
  </si>
  <si>
    <t>76031.0</t>
  </si>
  <si>
    <t>30940.0</t>
  </si>
  <si>
    <t>108202.0</t>
  </si>
  <si>
    <t>76490.0</t>
  </si>
  <si>
    <t>31712.0</t>
  </si>
  <si>
    <t>109444.0</t>
  </si>
  <si>
    <t>77141.0</t>
  </si>
  <si>
    <t>32303.0</t>
  </si>
  <si>
    <t>110103.0</t>
  </si>
  <si>
    <t>77334.0</t>
  </si>
  <si>
    <t>111446.0</t>
  </si>
  <si>
    <t>33597.0</t>
  </si>
  <si>
    <t>112966.0</t>
  </si>
  <si>
    <t>78279.0</t>
  </si>
  <si>
    <t>34687.0</t>
  </si>
  <si>
    <t>115561.0</t>
  </si>
  <si>
    <t>38669.0</t>
  </si>
  <si>
    <t>120109.0</t>
  </si>
  <si>
    <t>79333.0</t>
  </si>
  <si>
    <t>40776.0</t>
  </si>
  <si>
    <t>123637.0</t>
  </si>
  <si>
    <t>79747.0</t>
  </si>
  <si>
    <t>125633.0</t>
  </si>
  <si>
    <t>79954.0</t>
  </si>
  <si>
    <t>45679.0</t>
  </si>
  <si>
    <t>129059.0</t>
  </si>
  <si>
    <t>80391.0</t>
  </si>
  <si>
    <t>48668.0</t>
  </si>
  <si>
    <t>13161.0</t>
  </si>
  <si>
    <t>132406.0</t>
  </si>
  <si>
    <t>80771.0</t>
  </si>
  <si>
    <t>135302.0</t>
  </si>
  <si>
    <t>81097.0</t>
  </si>
  <si>
    <t>54205.0</t>
  </si>
  <si>
    <t>42.42</t>
  </si>
  <si>
    <t>81895.0</t>
  </si>
  <si>
    <t>58100.0</t>
  </si>
  <si>
    <t>16723.0</t>
  </si>
  <si>
    <t>142102.0</t>
  </si>
  <si>
    <t>82230.0</t>
  </si>
  <si>
    <t>59872.0</t>
  </si>
  <si>
    <t>16435.0</t>
  </si>
  <si>
    <t>143089.0</t>
  </si>
  <si>
    <t>82494.0</t>
  </si>
  <si>
    <t>60595.0</t>
  </si>
  <si>
    <t>144571.0</t>
  </si>
  <si>
    <t>82814.0</t>
  </si>
  <si>
    <t>61757.0</t>
  </si>
  <si>
    <t>43.32</t>
  </si>
  <si>
    <t>14149.0</t>
  </si>
  <si>
    <t>147005.0</t>
  </si>
  <si>
    <t>83290.0</t>
  </si>
  <si>
    <t>147350.0</t>
  </si>
  <si>
    <t>83341.0</t>
  </si>
  <si>
    <t>64009.0</t>
  </si>
  <si>
    <t>148687.0</t>
  </si>
  <si>
    <t>83676.0</t>
  </si>
  <si>
    <t>65011.0</t>
  </si>
  <si>
    <t>10001.0</t>
  </si>
  <si>
    <t>150319.0</t>
  </si>
  <si>
    <t>84009.0</t>
  </si>
  <si>
    <t>66310.0</t>
  </si>
  <si>
    <t>151302.0</t>
  </si>
  <si>
    <t>84267.0</t>
  </si>
  <si>
    <t>152260.0</t>
  </si>
  <si>
    <t>67755.0</t>
  </si>
  <si>
    <t>153779.0</t>
  </si>
  <si>
    <t>84974.0</t>
  </si>
  <si>
    <t>68805.0</t>
  </si>
  <si>
    <t>154426.0</t>
  </si>
  <si>
    <t>69251.0</t>
  </si>
  <si>
    <t>155208.0</t>
  </si>
  <si>
    <t>85314.0</t>
  </si>
  <si>
    <t>69894.0</t>
  </si>
  <si>
    <t>156188.0</t>
  </si>
  <si>
    <t>85568.0</t>
  </si>
  <si>
    <t>70620.0</t>
  </si>
  <si>
    <t>156456.0</t>
  </si>
  <si>
    <t>85649.0</t>
  </si>
  <si>
    <t>70807.0</t>
  </si>
  <si>
    <t>157135.0</t>
  </si>
  <si>
    <t>71317.0</t>
  </si>
  <si>
    <t>157556.0</t>
  </si>
  <si>
    <t>85921.0</t>
  </si>
  <si>
    <t>71635.0</t>
  </si>
  <si>
    <t>44.94</t>
  </si>
  <si>
    <t>86160.0</t>
  </si>
  <si>
    <t>72114.0</t>
  </si>
  <si>
    <t>158977.0</t>
  </si>
  <si>
    <t>86398.0</t>
  </si>
  <si>
    <t>72579.0</t>
  </si>
  <si>
    <t>159552.0</t>
  </si>
  <si>
    <t>86576.0</t>
  </si>
  <si>
    <t>72976.0</t>
  </si>
  <si>
    <t>160026.0</t>
  </si>
  <si>
    <t>86786.0</t>
  </si>
  <si>
    <t>73240.0</t>
  </si>
  <si>
    <t>38.31</t>
  </si>
  <si>
    <t>160585.0</t>
  </si>
  <si>
    <t>73597.0</t>
  </si>
  <si>
    <t>87142.0</t>
  </si>
  <si>
    <t>74001.0</t>
  </si>
  <si>
    <t>161498.0</t>
  </si>
  <si>
    <t>87255.0</t>
  </si>
  <si>
    <t>74243.0</t>
  </si>
  <si>
    <t>87402.0</t>
  </si>
  <si>
    <t>74622.0</t>
  </si>
  <si>
    <t>162453.0</t>
  </si>
  <si>
    <t>87525.0</t>
  </si>
  <si>
    <t>74928.0</t>
  </si>
  <si>
    <t>87672.0</t>
  </si>
  <si>
    <t>75161.0</t>
  </si>
  <si>
    <t>39.32</t>
  </si>
  <si>
    <t>163189.0</t>
  </si>
  <si>
    <t>75400.0</t>
  </si>
  <si>
    <t>163693.0</t>
  </si>
  <si>
    <t>87910.0</t>
  </si>
  <si>
    <t>75783.0</t>
  </si>
  <si>
    <t>164039.0</t>
  </si>
  <si>
    <t>87994.0</t>
  </si>
  <si>
    <t>39.78</t>
  </si>
  <si>
    <t>164397.0</t>
  </si>
  <si>
    <t>88065.0</t>
  </si>
  <si>
    <t>76332.0</t>
  </si>
  <si>
    <t>39.93</t>
  </si>
  <si>
    <t>164581.0</t>
  </si>
  <si>
    <t>76466.0</t>
  </si>
  <si>
    <t>76707.0</t>
  </si>
  <si>
    <t>165266.0</t>
  </si>
  <si>
    <t>88277.0</t>
  </si>
  <si>
    <t>76989.0</t>
  </si>
  <si>
    <t>165545.0</t>
  </si>
  <si>
    <t>88355.0</t>
  </si>
  <si>
    <t>77190.0</t>
  </si>
  <si>
    <t>40.38</t>
  </si>
  <si>
    <t>165936.0</t>
  </si>
  <si>
    <t>88439.0</t>
  </si>
  <si>
    <t>77497.0</t>
  </si>
  <si>
    <t>166168.0</t>
  </si>
  <si>
    <t>77682.0</t>
  </si>
  <si>
    <t>166466.0</t>
  </si>
  <si>
    <t>88553.0</t>
  </si>
  <si>
    <t>77913.0</t>
  </si>
  <si>
    <t>166942.0</t>
  </si>
  <si>
    <t>88632.0</t>
  </si>
  <si>
    <t>78310.0</t>
  </si>
  <si>
    <t>167151.0</t>
  </si>
  <si>
    <t>88696.0</t>
  </si>
  <si>
    <t>78455.0</t>
  </si>
  <si>
    <t>167493.0</t>
  </si>
  <si>
    <t>167589.0</t>
  </si>
  <si>
    <t>78754.0</t>
  </si>
  <si>
    <t>167673.0</t>
  </si>
  <si>
    <t>88840.0</t>
  </si>
  <si>
    <t>78833.0</t>
  </si>
  <si>
    <t>167952.0</t>
  </si>
  <si>
    <t>89019.0</t>
  </si>
  <si>
    <t>78933.0</t>
  </si>
  <si>
    <t>168003.0</t>
  </si>
  <si>
    <t>89025.0</t>
  </si>
  <si>
    <t>78978.0</t>
  </si>
  <si>
    <t>46.57</t>
  </si>
  <si>
    <t>41.31</t>
  </si>
  <si>
    <t>89102.0</t>
  </si>
  <si>
    <t>41.53</t>
  </si>
  <si>
    <t>168879.0</t>
  </si>
  <si>
    <t>89474.0</t>
  </si>
  <si>
    <t>79405.0</t>
  </si>
  <si>
    <t>88.34</t>
  </si>
  <si>
    <t>89550.0</t>
  </si>
  <si>
    <t>88.63</t>
  </si>
  <si>
    <t>41.78</t>
  </si>
  <si>
    <t>169974.0</t>
  </si>
  <si>
    <t>90085.0</t>
  </si>
  <si>
    <t>79889.0</t>
  </si>
  <si>
    <t>170473.0</t>
  </si>
  <si>
    <t>90157.0</t>
  </si>
  <si>
    <t>80316.0</t>
  </si>
  <si>
    <t>170857.0</t>
  </si>
  <si>
    <t>90525.0</t>
  </si>
  <si>
    <t>80332.0</t>
  </si>
  <si>
    <t>171241.0</t>
  </si>
  <si>
    <t>90604.0</t>
  </si>
  <si>
    <t>171286.0</t>
  </si>
  <si>
    <t>90607.0</t>
  </si>
  <si>
    <t>80679.0</t>
  </si>
  <si>
    <t>171810.0</t>
  </si>
  <si>
    <t>91122.0</t>
  </si>
  <si>
    <t>80688.0</t>
  </si>
  <si>
    <t>171832.0</t>
  </si>
  <si>
    <t>91132.0</t>
  </si>
  <si>
    <t>80700.0</t>
  </si>
  <si>
    <t>172239.0</t>
  </si>
  <si>
    <t>91223.0</t>
  </si>
  <si>
    <t>81016.0</t>
  </si>
  <si>
    <t>172271.0</t>
  </si>
  <si>
    <t>91230.0</t>
  </si>
  <si>
    <t>81041.0</t>
  </si>
  <si>
    <t>172696.0</t>
  </si>
  <si>
    <t>91640.0</t>
  </si>
  <si>
    <t>172926.0</t>
  </si>
  <si>
    <t>91701.0</t>
  </si>
  <si>
    <t>81225.0</t>
  </si>
  <si>
    <t>91718.0</t>
  </si>
  <si>
    <t>81292.0</t>
  </si>
  <si>
    <t>173470.0</t>
  </si>
  <si>
    <t>92072.0</t>
  </si>
  <si>
    <t>81398.0</t>
  </si>
  <si>
    <t>42.58</t>
  </si>
  <si>
    <t>173812.0</t>
  </si>
  <si>
    <t>92141.0</t>
  </si>
  <si>
    <t>81671.0</t>
  </si>
  <si>
    <t>174286.0</t>
  </si>
  <si>
    <t>92386.0</t>
  </si>
  <si>
    <t>81900.0</t>
  </si>
  <si>
    <t>174524.0</t>
  </si>
  <si>
    <t>92447.0</t>
  </si>
  <si>
    <t>175129.0</t>
  </si>
  <si>
    <t>92683.0</t>
  </si>
  <si>
    <t>82446.0</t>
  </si>
  <si>
    <t>91.61</t>
  </si>
  <si>
    <t>175562.0</t>
  </si>
  <si>
    <t>92805.0</t>
  </si>
  <si>
    <t>82757.0</t>
  </si>
  <si>
    <t>175813.0</t>
  </si>
  <si>
    <t>92896.0</t>
  </si>
  <si>
    <t>82917.0</t>
  </si>
  <si>
    <t>175931.0</t>
  </si>
  <si>
    <t>92902.0</t>
  </si>
  <si>
    <t>83029.0</t>
  </si>
  <si>
    <t>176768.0</t>
  </si>
  <si>
    <t>93312.0</t>
  </si>
  <si>
    <t>177123.0</t>
  </si>
  <si>
    <t>93603.0</t>
  </si>
  <si>
    <t>83520.0</t>
  </si>
  <si>
    <t>177321.0</t>
  </si>
  <si>
    <t>93604.0</t>
  </si>
  <si>
    <t>83717.0</t>
  </si>
  <si>
    <t>92.75</t>
  </si>
  <si>
    <t>178110.0</t>
  </si>
  <si>
    <t>94027.0</t>
  </si>
  <si>
    <t>84083.0</t>
  </si>
  <si>
    <t>94028.0</t>
  </si>
  <si>
    <t>84290.0</t>
  </si>
  <si>
    <t>93.28</t>
  </si>
  <si>
    <t>179137.0</t>
  </si>
  <si>
    <t>94439.0</t>
  </si>
  <si>
    <t>84698.0</t>
  </si>
  <si>
    <t>179277.0</t>
  </si>
  <si>
    <t>94444.0</t>
  </si>
  <si>
    <t>84833.0</t>
  </si>
  <si>
    <t>93.78</t>
  </si>
  <si>
    <t>94829.0</t>
  </si>
  <si>
    <t>85047.0</t>
  </si>
  <si>
    <t>44.49</t>
  </si>
  <si>
    <t>179997.0</t>
  </si>
  <si>
    <t>94.15</t>
  </si>
  <si>
    <t>180643.0</t>
  </si>
  <si>
    <t>95205.0</t>
  </si>
  <si>
    <t>85438.0</t>
  </si>
  <si>
    <t>180730.0</t>
  </si>
  <si>
    <t>85525.0</t>
  </si>
  <si>
    <t>181226.0</t>
  </si>
  <si>
    <t>95525.0</t>
  </si>
  <si>
    <t>85701.0</t>
  </si>
  <si>
    <t>85800.0</t>
  </si>
  <si>
    <t>94.85</t>
  </si>
  <si>
    <t>181967.0</t>
  </si>
  <si>
    <t>95893.0</t>
  </si>
  <si>
    <t>182119.0</t>
  </si>
  <si>
    <t>86197.0</t>
  </si>
  <si>
    <t>182257.0</t>
  </si>
  <si>
    <t>95944.0</t>
  </si>
  <si>
    <t>86313.0</t>
  </si>
  <si>
    <t>182637.0</t>
  </si>
  <si>
    <t>182930.0</t>
  </si>
  <si>
    <t>96253.0</t>
  </si>
  <si>
    <t>95.69</t>
  </si>
  <si>
    <t>96254.0</t>
  </si>
  <si>
    <t>86695.0</t>
  </si>
  <si>
    <t>45.35</t>
  </si>
  <si>
    <t>182980.0</t>
  </si>
  <si>
    <t>96255.0</t>
  </si>
  <si>
    <t>95.71</t>
  </si>
  <si>
    <t>183570.0</t>
  </si>
  <si>
    <t>87041.0</t>
  </si>
  <si>
    <t>96.02</t>
  </si>
  <si>
    <t>50.49</t>
  </si>
  <si>
    <t>183592.0</t>
  </si>
  <si>
    <t>87063.0</t>
  </si>
  <si>
    <t>96.03</t>
  </si>
  <si>
    <t>183595.0</t>
  </si>
  <si>
    <t>87066.0</t>
  </si>
  <si>
    <t>96.04</t>
  </si>
  <si>
    <t>184056.0</t>
  </si>
  <si>
    <t>96737.0</t>
  </si>
  <si>
    <t>87319.0</t>
  </si>
  <si>
    <t>96.28</t>
  </si>
  <si>
    <t>184087.0</t>
  </si>
  <si>
    <t>184617.0</t>
  </si>
  <si>
    <t>96932.0</t>
  </si>
  <si>
    <t>184659.0</t>
  </si>
  <si>
    <t>96934.0</t>
  </si>
  <si>
    <t>96.59</t>
  </si>
  <si>
    <t>185129.0</t>
  </si>
  <si>
    <t>97148.0</t>
  </si>
  <si>
    <t>87981.0</t>
  </si>
  <si>
    <t>96.84</t>
  </si>
  <si>
    <t>185169.0</t>
  </si>
  <si>
    <t>97150.0</t>
  </si>
  <si>
    <t>88019.0</t>
  </si>
  <si>
    <t>96.86</t>
  </si>
  <si>
    <t>185694.0</t>
  </si>
  <si>
    <t>97343.0</t>
  </si>
  <si>
    <t>88351.0</t>
  </si>
  <si>
    <t>97.13</t>
  </si>
  <si>
    <t>185713.0</t>
  </si>
  <si>
    <t>97358.0</t>
  </si>
  <si>
    <t>186146.0</t>
  </si>
  <si>
    <t>97503.0</t>
  </si>
  <si>
    <t>88643.0</t>
  </si>
  <si>
    <t>97.37</t>
  </si>
  <si>
    <t>186219.0</t>
  </si>
  <si>
    <t>97531.0</t>
  </si>
  <si>
    <t>88688.0</t>
  </si>
  <si>
    <t>97.41</t>
  </si>
  <si>
    <t>51.02</t>
  </si>
  <si>
    <t>186226.0</t>
  </si>
  <si>
    <t>88695.0</t>
  </si>
  <si>
    <t>88723.0</t>
  </si>
  <si>
    <t>186793.0</t>
  </si>
  <si>
    <t>89069.0</t>
  </si>
  <si>
    <t>97.71</t>
  </si>
  <si>
    <t>186826.0</t>
  </si>
  <si>
    <t>97725.0</t>
  </si>
  <si>
    <t>89101.0</t>
  </si>
  <si>
    <t>97.73</t>
  </si>
  <si>
    <t>187252.0</t>
  </si>
  <si>
    <t>97897.0</t>
  </si>
  <si>
    <t>89355.0</t>
  </si>
  <si>
    <t>97.95</t>
  </si>
  <si>
    <t>187283.0</t>
  </si>
  <si>
    <t>89386.0</t>
  </si>
  <si>
    <t>187772.0</t>
  </si>
  <si>
    <t>98134.0</t>
  </si>
  <si>
    <t>89638.0</t>
  </si>
  <si>
    <t>98.22</t>
  </si>
  <si>
    <t>187794.0</t>
  </si>
  <si>
    <t>89660.0</t>
  </si>
  <si>
    <t>188248.0</t>
  </si>
  <si>
    <t>98374.0</t>
  </si>
  <si>
    <t>98.47</t>
  </si>
  <si>
    <t>47.01</t>
  </si>
  <si>
    <t>188290.0</t>
  </si>
  <si>
    <t>188818.0</t>
  </si>
  <si>
    <t>98611.0</t>
  </si>
  <si>
    <t>90207.0</t>
  </si>
  <si>
    <t>98.77</t>
  </si>
  <si>
    <t>188871.0</t>
  </si>
  <si>
    <t>189304.0</t>
  </si>
  <si>
    <t>98872.0</t>
  </si>
  <si>
    <t>90432.0</t>
  </si>
  <si>
    <t>189909.0</t>
  </si>
  <si>
    <t>99245.0</t>
  </si>
  <si>
    <t>90664.0</t>
  </si>
  <si>
    <t>190496.0</t>
  </si>
  <si>
    <t>99253.0</t>
  </si>
  <si>
    <t>91243.0</t>
  </si>
  <si>
    <t>190506.0</t>
  </si>
  <si>
    <t>99260.0</t>
  </si>
  <si>
    <t>190849.0</t>
  </si>
  <si>
    <t>99472.0</t>
  </si>
  <si>
    <t>91377.0</t>
  </si>
  <si>
    <t>99.83</t>
  </si>
  <si>
    <t>191125.0</t>
  </si>
  <si>
    <t>99628.0</t>
  </si>
  <si>
    <t>91497.0</t>
  </si>
  <si>
    <t>191130.0</t>
  </si>
  <si>
    <t>91502.0</t>
  </si>
  <si>
    <t>99.98</t>
  </si>
  <si>
    <t>191325.0</t>
  </si>
  <si>
    <t>99629.0</t>
  </si>
  <si>
    <t>100.08</t>
  </si>
  <si>
    <t>0.8901</t>
  </si>
  <si>
    <t>192022.0</t>
  </si>
  <si>
    <t>100129.0</t>
  </si>
  <si>
    <t>91893.0</t>
  </si>
  <si>
    <t>100.44</t>
  </si>
  <si>
    <t>0.8462</t>
  </si>
  <si>
    <t>0.8352</t>
  </si>
  <si>
    <t>91894.0</t>
  </si>
  <si>
    <t>0.7912</t>
  </si>
  <si>
    <t>192026.0</t>
  </si>
  <si>
    <t>91897.0</t>
  </si>
  <si>
    <t>0.8242</t>
  </si>
  <si>
    <t>192596.0</t>
  </si>
  <si>
    <t>92081.0</t>
  </si>
  <si>
    <t>100.74</t>
  </si>
  <si>
    <t>0.7582</t>
  </si>
  <si>
    <t>192605.0</t>
  </si>
  <si>
    <t>100516.0</t>
  </si>
  <si>
    <t>92089.0</t>
  </si>
  <si>
    <t>100.75</t>
  </si>
  <si>
    <t>0.7033</t>
  </si>
  <si>
    <t>192606.0</t>
  </si>
  <si>
    <t>92090.0</t>
  </si>
  <si>
    <t>0.7692</t>
  </si>
  <si>
    <t>193184.0</t>
  </si>
  <si>
    <t>100835.0</t>
  </si>
  <si>
    <t>92349.0</t>
  </si>
  <si>
    <t>101.05</t>
  </si>
  <si>
    <t>0.8022</t>
  </si>
  <si>
    <t>0.8682</t>
  </si>
  <si>
    <t>193784.0</t>
  </si>
  <si>
    <t>101167.0</t>
  </si>
  <si>
    <t>92617.0</t>
  </si>
  <si>
    <t>101.37</t>
  </si>
  <si>
    <t>0.8132</t>
  </si>
  <si>
    <t>194444.0</t>
  </si>
  <si>
    <t>101451.0</t>
  </si>
  <si>
    <t>92993.0</t>
  </si>
  <si>
    <t>101.71</t>
  </si>
  <si>
    <t>0.7802</t>
  </si>
  <si>
    <t>0.6813</t>
  </si>
  <si>
    <t>0.7143</t>
  </si>
  <si>
    <t>195012.0</t>
  </si>
  <si>
    <t>101679.0</t>
  </si>
  <si>
    <t>93333.0</t>
  </si>
  <si>
    <t>195044.0</t>
  </si>
  <si>
    <t>101710.0</t>
  </si>
  <si>
    <t>93334.0</t>
  </si>
  <si>
    <t>102.02</t>
  </si>
  <si>
    <t>0.6923</t>
  </si>
  <si>
    <t>195709.0</t>
  </si>
  <si>
    <t>101959.0</t>
  </si>
  <si>
    <t>93750.0</t>
  </si>
  <si>
    <t>102.37</t>
  </si>
  <si>
    <t>0.9451</t>
  </si>
  <si>
    <t>0.9121</t>
  </si>
  <si>
    <t>102165.0</t>
  </si>
  <si>
    <t>94120.0</t>
  </si>
  <si>
    <t>0.9341</t>
  </si>
  <si>
    <t>0.9561</t>
  </si>
  <si>
    <t>196835.0</t>
  </si>
  <si>
    <t>102378.0</t>
  </si>
  <si>
    <t>94457.0</t>
  </si>
  <si>
    <t>196985.0</t>
  </si>
  <si>
    <t>102421.0</t>
  </si>
  <si>
    <t>94564.0</t>
  </si>
  <si>
    <t>103.04</t>
  </si>
  <si>
    <t>197359.0</t>
  </si>
  <si>
    <t>102588.0</t>
  </si>
  <si>
    <t>94771.0</t>
  </si>
  <si>
    <t>103.24</t>
  </si>
  <si>
    <t>197366.0</t>
  </si>
  <si>
    <t>102590.0</t>
  </si>
  <si>
    <t>94776.0</t>
  </si>
  <si>
    <t>197381.0</t>
  </si>
  <si>
    <t>102591.0</t>
  </si>
  <si>
    <t>94790.0</t>
  </si>
  <si>
    <t>103.25</t>
  </si>
  <si>
    <t>197869.0</t>
  </si>
  <si>
    <t>102802.0</t>
  </si>
  <si>
    <t>95067.0</t>
  </si>
  <si>
    <t>0.7253</t>
  </si>
  <si>
    <t>0.5824</t>
  </si>
  <si>
    <t>197871.0</t>
  </si>
  <si>
    <t>95069.0</t>
  </si>
  <si>
    <t>198191.0</t>
  </si>
  <si>
    <t>102957.0</t>
  </si>
  <si>
    <t>95234.0</t>
  </si>
  <si>
    <t>198229.0</t>
  </si>
  <si>
    <t>102964.0</t>
  </si>
  <si>
    <t>95265.0</t>
  </si>
  <si>
    <t>0.8792</t>
  </si>
  <si>
    <t>198653.0</t>
  </si>
  <si>
    <t>103136.0</t>
  </si>
  <si>
    <t>95517.0</t>
  </si>
  <si>
    <t>198655.0</t>
  </si>
  <si>
    <t>95519.0</t>
  </si>
  <si>
    <t>199028.0</t>
  </si>
  <si>
    <t>103299.0</t>
  </si>
  <si>
    <t>95729.0</t>
  </si>
  <si>
    <t>104.11</t>
  </si>
  <si>
    <t>199029.0</t>
  </si>
  <si>
    <t>95730.0</t>
  </si>
  <si>
    <t>199030.0</t>
  </si>
  <si>
    <t>95731.0</t>
  </si>
  <si>
    <t>199382.0</t>
  </si>
  <si>
    <t>103448.0</t>
  </si>
  <si>
    <t>95934.0</t>
  </si>
  <si>
    <t>104.29</t>
  </si>
  <si>
    <t>199681.0</t>
  </si>
  <si>
    <t>103450.0</t>
  </si>
  <si>
    <t>200144.0</t>
  </si>
  <si>
    <t>103472.0</t>
  </si>
  <si>
    <t>104.69</t>
  </si>
  <si>
    <t>200988.0</t>
  </si>
  <si>
    <t>103588.0</t>
  </si>
  <si>
    <t>96157.0</t>
  </si>
  <si>
    <t>105.13</t>
  </si>
  <si>
    <t>201750.0</t>
  </si>
  <si>
    <t>103597.0</t>
  </si>
  <si>
    <t>96165.0</t>
  </si>
  <si>
    <t>105.53</t>
  </si>
  <si>
    <t>202551.0</t>
  </si>
  <si>
    <t>103613.0</t>
  </si>
  <si>
    <t>96171.0</t>
  </si>
  <si>
    <t>203111.0</t>
  </si>
  <si>
    <t>103752.0</t>
  </si>
  <si>
    <t>96373.0</t>
  </si>
  <si>
    <t>204086.0</t>
  </si>
  <si>
    <t>103763.0</t>
  </si>
  <si>
    <t>96382.0</t>
  </si>
  <si>
    <t>106.75</t>
  </si>
  <si>
    <t>204208.0</t>
  </si>
  <si>
    <t>103765.0</t>
  </si>
  <si>
    <t>106.82</t>
  </si>
  <si>
    <t>204815.0</t>
  </si>
  <si>
    <t>103908.0</t>
  </si>
  <si>
    <t>205416.0</t>
  </si>
  <si>
    <t>103957.0</t>
  </si>
  <si>
    <t>206160.0</t>
  </si>
  <si>
    <t>103987.0</t>
  </si>
  <si>
    <t>96493.0</t>
  </si>
  <si>
    <t>208659.0</t>
  </si>
  <si>
    <t>104030.0</t>
  </si>
  <si>
    <t>96528.0</t>
  </si>
  <si>
    <t>210920.0</t>
  </si>
  <si>
    <t>104086.0</t>
  </si>
  <si>
    <t>215366.0</t>
  </si>
  <si>
    <t>104296.0</t>
  </si>
  <si>
    <t>96584.0</t>
  </si>
  <si>
    <t>216571.0</t>
  </si>
  <si>
    <t>104365.0</t>
  </si>
  <si>
    <t>96605.0</t>
  </si>
  <si>
    <t>113.29</t>
  </si>
  <si>
    <t>217092.0</t>
  </si>
  <si>
    <t>104386.0</t>
  </si>
  <si>
    <t>96611.0</t>
  </si>
  <si>
    <t>8171.0</t>
  </si>
  <si>
    <t>218718.0</t>
  </si>
  <si>
    <t>104438.0</t>
  </si>
  <si>
    <t>96622.0</t>
  </si>
  <si>
    <t>220126.0</t>
  </si>
  <si>
    <t>104513.0</t>
  </si>
  <si>
    <t>96638.0</t>
  </si>
  <si>
    <t>18975.0</t>
  </si>
  <si>
    <t>115.14</t>
  </si>
  <si>
    <t>221819.0</t>
  </si>
  <si>
    <t>104599.0</t>
  </si>
  <si>
    <t>96656.0</t>
  </si>
  <si>
    <t>20564.0</t>
  </si>
  <si>
    <t>116.03</t>
  </si>
  <si>
    <t>223448.0</t>
  </si>
  <si>
    <t>104691.0</t>
  </si>
  <si>
    <t>96761.0</t>
  </si>
  <si>
    <t>21996.0</t>
  </si>
  <si>
    <t>225331.0</t>
  </si>
  <si>
    <t>104795.0</t>
  </si>
  <si>
    <t>96785.0</t>
  </si>
  <si>
    <t>23751.0</t>
  </si>
  <si>
    <t>117.87</t>
  </si>
  <si>
    <t>227037.0</t>
  </si>
  <si>
    <t>104881.0</t>
  </si>
  <si>
    <t>96819.0</t>
  </si>
  <si>
    <t>25337.0</t>
  </si>
  <si>
    <t>230092.0</t>
  </si>
  <si>
    <t>105172.0</t>
  </si>
  <si>
    <t>96922.0</t>
  </si>
  <si>
    <t>120.36</t>
  </si>
  <si>
    <t>230114.0</t>
  </si>
  <si>
    <t>105173.0</t>
  </si>
  <si>
    <t>96923.0</t>
  </si>
  <si>
    <t>28018.0</t>
  </si>
  <si>
    <t>231743.0</t>
  </si>
  <si>
    <t>105297.0</t>
  </si>
  <si>
    <t>29498.0</t>
  </si>
  <si>
    <t>121.22</t>
  </si>
  <si>
    <t>8683.0</t>
  </si>
  <si>
    <t>232197.0</t>
  </si>
  <si>
    <t>105331.0</t>
  </si>
  <si>
    <t>96957.0</t>
  </si>
  <si>
    <t>29909.0</t>
  </si>
  <si>
    <t>121.46</t>
  </si>
  <si>
    <t>233444.0</t>
  </si>
  <si>
    <t>105421.0</t>
  </si>
  <si>
    <t>97119.0</t>
  </si>
  <si>
    <t>30904.0</t>
  </si>
  <si>
    <t>122.11</t>
  </si>
  <si>
    <t>7470.0</t>
  </si>
  <si>
    <t>233803.0</t>
  </si>
  <si>
    <t>105447.0</t>
  </si>
  <si>
    <t>97136.0</t>
  </si>
  <si>
    <t>31220.0</t>
  </si>
  <si>
    <t>122.3</t>
  </si>
  <si>
    <t>234484.0</t>
  </si>
  <si>
    <t>105492.0</t>
  </si>
  <si>
    <t>97160.0</t>
  </si>
  <si>
    <t>31832.0</t>
  </si>
  <si>
    <t>5566.0</t>
  </si>
  <si>
    <t>235230.0</t>
  </si>
  <si>
    <t>105544.0</t>
  </si>
  <si>
    <t>97203.0</t>
  </si>
  <si>
    <t>32483.0</t>
  </si>
  <si>
    <t>235587.0</t>
  </si>
  <si>
    <t>105555.0</t>
  </si>
  <si>
    <t>97240.0</t>
  </si>
  <si>
    <t>32792.0</t>
  </si>
  <si>
    <t>123.23</t>
  </si>
  <si>
    <t>236032.0</t>
  </si>
  <si>
    <t>105585.0</t>
  </si>
  <si>
    <t>97275.0</t>
  </si>
  <si>
    <t>236610.0</t>
  </si>
  <si>
    <t>105617.0</t>
  </si>
  <si>
    <t>97301.0</t>
  </si>
  <si>
    <t>123.77</t>
  </si>
  <si>
    <t>237000.0</t>
  </si>
  <si>
    <t>105665.0</t>
  </si>
  <si>
    <t>97344.0</t>
  </si>
  <si>
    <t>33991.0</t>
  </si>
  <si>
    <t>123.97</t>
  </si>
  <si>
    <t>237403.0</t>
  </si>
  <si>
    <t>105703.0</t>
  </si>
  <si>
    <t>97364.0</t>
  </si>
  <si>
    <t>34336.0</t>
  </si>
  <si>
    <t>238049.0</t>
  </si>
  <si>
    <t>105758.0</t>
  </si>
  <si>
    <t>97398.0</t>
  </si>
  <si>
    <t>34893.0</t>
  </si>
  <si>
    <t>238176.0</t>
  </si>
  <si>
    <t>105763.0</t>
  </si>
  <si>
    <t>97406.0</t>
  </si>
  <si>
    <t>124.59</t>
  </si>
  <si>
    <t>238561.0</t>
  </si>
  <si>
    <t>105821.0</t>
  </si>
  <si>
    <t>124.79</t>
  </si>
  <si>
    <t>239019.0</t>
  </si>
  <si>
    <t>105888.0</t>
  </si>
  <si>
    <t>97494.0</t>
  </si>
  <si>
    <t>35637.0</t>
  </si>
  <si>
    <t>239270.0</t>
  </si>
  <si>
    <t>105925.0</t>
  </si>
  <si>
    <t>97507.0</t>
  </si>
  <si>
    <t>125.16</t>
  </si>
  <si>
    <t>239609.0</t>
  </si>
  <si>
    <t>105958.0</t>
  </si>
  <si>
    <t>97529.0</t>
  </si>
  <si>
    <t>36122.0</t>
  </si>
  <si>
    <t>125.34</t>
  </si>
  <si>
    <t>239962.0</t>
  </si>
  <si>
    <t>105993.0</t>
  </si>
  <si>
    <t>97575.0</t>
  </si>
  <si>
    <t>36394.0</t>
  </si>
  <si>
    <t>125.52</t>
  </si>
  <si>
    <t>240111.0</t>
  </si>
  <si>
    <t>105999.0</t>
  </si>
  <si>
    <t>97591.0</t>
  </si>
  <si>
    <t>36521.0</t>
  </si>
  <si>
    <t>240373.0</t>
  </si>
  <si>
    <t>97614.0</t>
  </si>
  <si>
    <t>36730.0</t>
  </si>
  <si>
    <t>125.74</t>
  </si>
  <si>
    <t>240608.0</t>
  </si>
  <si>
    <t>106053.0</t>
  </si>
  <si>
    <t>97626.0</t>
  </si>
  <si>
    <t>125.86</t>
  </si>
  <si>
    <t>240867.0</t>
  </si>
  <si>
    <t>106070.0</t>
  </si>
  <si>
    <t>97668.0</t>
  </si>
  <si>
    <t>37129.0</t>
  </si>
  <si>
    <t>125.99</t>
  </si>
  <si>
    <t>241070.0</t>
  </si>
  <si>
    <t>106090.0</t>
  </si>
  <si>
    <t>97684.0</t>
  </si>
  <si>
    <t>126.1</t>
  </si>
  <si>
    <t>241311.0</t>
  </si>
  <si>
    <t>106126.0</t>
  </si>
  <si>
    <t>37480.0</t>
  </si>
  <si>
    <t>126.23</t>
  </si>
  <si>
    <t>241648.0</t>
  </si>
  <si>
    <t>106160.0</t>
  </si>
  <si>
    <t>97762.0</t>
  </si>
  <si>
    <t>241686.0</t>
  </si>
  <si>
    <t>106163.0</t>
  </si>
  <si>
    <t>97771.0</t>
  </si>
  <si>
    <t>37752.0</t>
  </si>
  <si>
    <t>241874.0</t>
  </si>
  <si>
    <t>126.52</t>
  </si>
  <si>
    <t>51.15</t>
  </si>
  <si>
    <t>242051.0</t>
  </si>
  <si>
    <t>97798.0</t>
  </si>
  <si>
    <t>126.61</t>
  </si>
  <si>
    <t>242208.0</t>
  </si>
  <si>
    <t>106239.0</t>
  </si>
  <si>
    <t>97826.0</t>
  </si>
  <si>
    <t>38143.0</t>
  </si>
  <si>
    <t>126.7</t>
  </si>
  <si>
    <t>242309.0</t>
  </si>
  <si>
    <t>106256.0</t>
  </si>
  <si>
    <t>97834.0</t>
  </si>
  <si>
    <t>38219.0</t>
  </si>
  <si>
    <t>126.75</t>
  </si>
  <si>
    <t>242514.0</t>
  </si>
  <si>
    <t>106277.0</t>
  </si>
  <si>
    <t>97867.0</t>
  </si>
  <si>
    <t>38370.0</t>
  </si>
  <si>
    <t>126.86</t>
  </si>
  <si>
    <t>242714.0</t>
  </si>
  <si>
    <t>106324.0</t>
  </si>
  <si>
    <t>97903.0</t>
  </si>
  <si>
    <t>38487.0</t>
  </si>
  <si>
    <t>126.96</t>
  </si>
  <si>
    <t>242801.0</t>
  </si>
  <si>
    <t>106342.0</t>
  </si>
  <si>
    <t>97912.0</t>
  </si>
  <si>
    <t>38547.0</t>
  </si>
  <si>
    <t>242899.0</t>
  </si>
  <si>
    <t>106351.0</t>
  </si>
  <si>
    <t>97927.0</t>
  </si>
  <si>
    <t>38621.0</t>
  </si>
  <si>
    <t>243025.0</t>
  </si>
  <si>
    <t>106362.0</t>
  </si>
  <si>
    <t>97945.0</t>
  </si>
  <si>
    <t>38718.0</t>
  </si>
  <si>
    <t>127.12</t>
  </si>
  <si>
    <t>243124.0</t>
  </si>
  <si>
    <t>106379.0</t>
  </si>
  <si>
    <t>97976.0</t>
  </si>
  <si>
    <t>127.17</t>
  </si>
  <si>
    <t>20.28</t>
  </si>
  <si>
    <t>243246.0</t>
  </si>
  <si>
    <t>106394.0</t>
  </si>
  <si>
    <t>38858.0</t>
  </si>
  <si>
    <t>243367.0</t>
  </si>
  <si>
    <t>106409.0</t>
  </si>
  <si>
    <t>98030.0</t>
  </si>
  <si>
    <t>38928.0</t>
  </si>
  <si>
    <t>127.3</t>
  </si>
  <si>
    <t>243700.0</t>
  </si>
  <si>
    <t>98063.0</t>
  </si>
  <si>
    <t>39014.0</t>
  </si>
  <si>
    <t>127.48</t>
  </si>
  <si>
    <t>243777.0</t>
  </si>
  <si>
    <t>106633.0</t>
  </si>
  <si>
    <t>98075.0</t>
  </si>
  <si>
    <t>39069.0</t>
  </si>
  <si>
    <t>127.52</t>
  </si>
  <si>
    <t>243861.0</t>
  </si>
  <si>
    <t>106647.0</t>
  </si>
  <si>
    <t>98085.0</t>
  </si>
  <si>
    <t>39129.0</t>
  </si>
  <si>
    <t>127.56</t>
  </si>
  <si>
    <t>243931.0</t>
  </si>
  <si>
    <t>106654.0</t>
  </si>
  <si>
    <t>98094.0</t>
  </si>
  <si>
    <t>39183.0</t>
  </si>
  <si>
    <t>243995.0</t>
  </si>
  <si>
    <t>106663.0</t>
  </si>
  <si>
    <t>98106.0</t>
  </si>
  <si>
    <t>244085.0</t>
  </si>
  <si>
    <t>106676.0</t>
  </si>
  <si>
    <t>98124.0</t>
  </si>
  <si>
    <t>39285.0</t>
  </si>
  <si>
    <t>244150.0</t>
  </si>
  <si>
    <t>106687.0</t>
  </si>
  <si>
    <t>98141.0</t>
  </si>
  <si>
    <t>39322.0</t>
  </si>
  <si>
    <t>127.71</t>
  </si>
  <si>
    <t>244507.0</t>
  </si>
  <si>
    <t>106967.0</t>
  </si>
  <si>
    <t>39376.0</t>
  </si>
  <si>
    <t>244542.0</t>
  </si>
  <si>
    <t>106970.0</t>
  </si>
  <si>
    <t>98172.0</t>
  </si>
  <si>
    <t>39400.0</t>
  </si>
  <si>
    <t>244748.0</t>
  </si>
  <si>
    <t>107016.0</t>
  </si>
  <si>
    <t>98219.0</t>
  </si>
  <si>
    <t>39513.0</t>
  </si>
  <si>
    <t>128.02</t>
  </si>
  <si>
    <t>244862.0</t>
  </si>
  <si>
    <t>107045.0</t>
  </si>
  <si>
    <t>39585.0</t>
  </si>
  <si>
    <t>244951.0</t>
  </si>
  <si>
    <t>107054.0</t>
  </si>
  <si>
    <t>98254.0</t>
  </si>
  <si>
    <t>39643.0</t>
  </si>
  <si>
    <t>245039.0</t>
  </si>
  <si>
    <t>107061.0</t>
  </si>
  <si>
    <t>98268.0</t>
  </si>
  <si>
    <t>39710.0</t>
  </si>
  <si>
    <t>128.18</t>
  </si>
  <si>
    <t>245135.0</t>
  </si>
  <si>
    <t>107079.0</t>
  </si>
  <si>
    <t>98278.0</t>
  </si>
  <si>
    <t>39778.0</t>
  </si>
  <si>
    <t>128.23</t>
  </si>
  <si>
    <t>245220.0</t>
  </si>
  <si>
    <t>107096.0</t>
  </si>
  <si>
    <t>98287.0</t>
  </si>
  <si>
    <t>39837.0</t>
  </si>
  <si>
    <t>56.02</t>
  </si>
  <si>
    <t>245348.0</t>
  </si>
  <si>
    <t>107129.0</t>
  </si>
  <si>
    <t>98304.0</t>
  </si>
  <si>
    <t>39915.0</t>
  </si>
  <si>
    <t>128.34</t>
  </si>
  <si>
    <t>56.04</t>
  </si>
  <si>
    <t>51.42</t>
  </si>
  <si>
    <t>245632.0</t>
  </si>
  <si>
    <t>107280.0</t>
  </si>
  <si>
    <t>98328.0</t>
  </si>
  <si>
    <t>40024.0</t>
  </si>
  <si>
    <t>245745.0</t>
  </si>
  <si>
    <t>107304.0</t>
  </si>
  <si>
    <t>98341.0</t>
  </si>
  <si>
    <t>40100.0</t>
  </si>
  <si>
    <t>56.13</t>
  </si>
  <si>
    <t>245810.0</t>
  </si>
  <si>
    <t>98353.0</t>
  </si>
  <si>
    <t>128.58</t>
  </si>
  <si>
    <t>245903.0</t>
  </si>
  <si>
    <t>98367.0</t>
  </si>
  <si>
    <t>128.63</t>
  </si>
  <si>
    <t>245969.0</t>
  </si>
  <si>
    <t>107346.0</t>
  </si>
  <si>
    <t>40247.0</t>
  </si>
  <si>
    <t>246064.0</t>
  </si>
  <si>
    <t>107366.0</t>
  </si>
  <si>
    <t>98407.0</t>
  </si>
  <si>
    <t>40291.0</t>
  </si>
  <si>
    <t>128.71</t>
  </si>
  <si>
    <t>246089.0</t>
  </si>
  <si>
    <t>107371.0</t>
  </si>
  <si>
    <t>98413.0</t>
  </si>
  <si>
    <t>128.73</t>
  </si>
  <si>
    <t>246153.0</t>
  </si>
  <si>
    <t>107381.0</t>
  </si>
  <si>
    <t>98427.0</t>
  </si>
  <si>
    <t>40345.0</t>
  </si>
  <si>
    <t>246232.0</t>
  </si>
  <si>
    <t>107400.0</t>
  </si>
  <si>
    <t>98441.0</t>
  </si>
  <si>
    <t>40391.0</t>
  </si>
  <si>
    <t>246290.0</t>
  </si>
  <si>
    <t>107413.0</t>
  </si>
  <si>
    <t>98448.0</t>
  </si>
  <si>
    <t>40429.0</t>
  </si>
  <si>
    <t>246328.0</t>
  </si>
  <si>
    <t>107420.0</t>
  </si>
  <si>
    <t>98459.0</t>
  </si>
  <si>
    <t>40449.0</t>
  </si>
  <si>
    <t>246473.0</t>
  </si>
  <si>
    <t>107512.0</t>
  </si>
  <si>
    <t>98479.0</t>
  </si>
  <si>
    <t>40482.0</t>
  </si>
  <si>
    <t>128.93</t>
  </si>
  <si>
    <t>246490.0</t>
  </si>
  <si>
    <t>107526.0</t>
  </si>
  <si>
    <t>98480.0</t>
  </si>
  <si>
    <t>40484.0</t>
  </si>
  <si>
    <t>246508.0</t>
  </si>
  <si>
    <t>107529.0</t>
  </si>
  <si>
    <t>98482.0</t>
  </si>
  <si>
    <t>40497.0</t>
  </si>
  <si>
    <t>246566.0</t>
  </si>
  <si>
    <t>107539.0</t>
  </si>
  <si>
    <t>98489.0</t>
  </si>
  <si>
    <t>40538.0</t>
  </si>
  <si>
    <t>246624.0</t>
  </si>
  <si>
    <t>98500.0</t>
  </si>
  <si>
    <t>40575.0</t>
  </si>
  <si>
    <t>246688.0</t>
  </si>
  <si>
    <t>107563.0</t>
  </si>
  <si>
    <t>98506.0</t>
  </si>
  <si>
    <t>40619.0</t>
  </si>
  <si>
    <t>246867.0</t>
  </si>
  <si>
    <t>107596.0</t>
  </si>
  <si>
    <t>98534.0</t>
  </si>
  <si>
    <t>40737.0</t>
  </si>
  <si>
    <t>107606.0</t>
  </si>
  <si>
    <t>98544.0</t>
  </si>
  <si>
    <t>129.18</t>
  </si>
  <si>
    <t>246998.0</t>
  </si>
  <si>
    <t>107610.0</t>
  </si>
  <si>
    <t>98549.0</t>
  </si>
  <si>
    <t>247059.0</t>
  </si>
  <si>
    <t>98556.0</t>
  </si>
  <si>
    <t>40882.0</t>
  </si>
  <si>
    <t>17.338</t>
  </si>
  <si>
    <t>107633.0</t>
  </si>
  <si>
    <t>40939.0</t>
  </si>
  <si>
    <t>0.7915</t>
  </si>
  <si>
    <t>247247.0</t>
  </si>
  <si>
    <t>107645.0</t>
  </si>
  <si>
    <t>98590.0</t>
  </si>
  <si>
    <t>0.4304</t>
  </si>
  <si>
    <t>247329.0</t>
  </si>
  <si>
    <t>107690.0</t>
  </si>
  <si>
    <t>41039.0</t>
  </si>
  <si>
    <t>0.2243</t>
  </si>
  <si>
    <t>247697.0</t>
  </si>
  <si>
    <t>107705.0</t>
  </si>
  <si>
    <t>98617.0</t>
  </si>
  <si>
    <t>41375.0</t>
  </si>
  <si>
    <t>248214.0</t>
  </si>
  <si>
    <t>107723.0</t>
  </si>
  <si>
    <t>98639.0</t>
  </si>
  <si>
    <t>41852.0</t>
  </si>
  <si>
    <t>129.84</t>
  </si>
  <si>
    <t>248376.0</t>
  </si>
  <si>
    <t>107735.0</t>
  </si>
  <si>
    <t>98647.0</t>
  </si>
  <si>
    <t>41994.0</t>
  </si>
  <si>
    <t>129.92</t>
  </si>
  <si>
    <t>43.796</t>
  </si>
  <si>
    <t>19.408</t>
  </si>
  <si>
    <t>248666.0</t>
  </si>
  <si>
    <t>107751.0</t>
  </si>
  <si>
    <t>98666.0</t>
  </si>
  <si>
    <t>42249.0</t>
  </si>
  <si>
    <t>248991.0</t>
  </si>
  <si>
    <t>107764.0</t>
  </si>
  <si>
    <t>98676.0</t>
  </si>
  <si>
    <t>42551.0</t>
  </si>
  <si>
    <t>249238.0</t>
  </si>
  <si>
    <t>107772.0</t>
  </si>
  <si>
    <t>98691.0</t>
  </si>
  <si>
    <t>249437.0</t>
  </si>
  <si>
    <t>98704.0</t>
  </si>
  <si>
    <t>42953.0</t>
  </si>
  <si>
    <t>249753.0</t>
  </si>
  <si>
    <t>107809.0</t>
  </si>
  <si>
    <t>98722.0</t>
  </si>
  <si>
    <t>13.649</t>
  </si>
  <si>
    <t>250062.0</t>
  </si>
  <si>
    <t>107852.0</t>
  </si>
  <si>
    <t>98957.0</t>
  </si>
  <si>
    <t>250269.0</t>
  </si>
  <si>
    <t>107864.0</t>
  </si>
  <si>
    <t>98965.0</t>
  </si>
  <si>
    <t>22.72</t>
  </si>
  <si>
    <t>250461.0</t>
  </si>
  <si>
    <t>107867.0</t>
  </si>
  <si>
    <t>43618.0</t>
  </si>
  <si>
    <t>70.123</t>
  </si>
  <si>
    <t>12.677</t>
  </si>
  <si>
    <t>250608.0</t>
  </si>
  <si>
    <t>107882.0</t>
  </si>
  <si>
    <t>98985.0</t>
  </si>
  <si>
    <t>43741.0</t>
  </si>
  <si>
    <t>22.88</t>
  </si>
  <si>
    <t>250781.0</t>
  </si>
  <si>
    <t>107902.0</t>
  </si>
  <si>
    <t>99004.0</t>
  </si>
  <si>
    <t>43875.0</t>
  </si>
  <si>
    <t>82.222</t>
  </si>
  <si>
    <t>3.016</t>
  </si>
  <si>
    <t>250973.0</t>
  </si>
  <si>
    <t>107920.0</t>
  </si>
  <si>
    <t>99021.0</t>
  </si>
  <si>
    <t>44032.0</t>
  </si>
  <si>
    <t>251065.0</t>
  </si>
  <si>
    <t>107929.0</t>
  </si>
  <si>
    <t>99032.0</t>
  </si>
  <si>
    <t>44104.0</t>
  </si>
  <si>
    <t>251186.0</t>
  </si>
  <si>
    <t>107943.0</t>
  </si>
  <si>
    <t>99037.0</t>
  </si>
  <si>
    <t>44206.0</t>
  </si>
  <si>
    <t>92.877</t>
  </si>
  <si>
    <t>251263.0</t>
  </si>
  <si>
    <t>107950.0</t>
  </si>
  <si>
    <t>99043.0</t>
  </si>
  <si>
    <t>44270.0</t>
  </si>
  <si>
    <t>251356.0</t>
  </si>
  <si>
    <t>107959.0</t>
  </si>
  <si>
    <t>99060.0</t>
  </si>
  <si>
    <t>44337.0</t>
  </si>
  <si>
    <t>131.48</t>
  </si>
  <si>
    <t>251635.0</t>
  </si>
  <si>
    <t>107969.0</t>
  </si>
  <si>
    <t>44596.0</t>
  </si>
  <si>
    <t>251730.0</t>
  </si>
  <si>
    <t>107976.0</t>
  </si>
  <si>
    <t>99076.0</t>
  </si>
  <si>
    <t>44678.0</t>
  </si>
  <si>
    <t>251800.0</t>
  </si>
  <si>
    <t>107982.0</t>
  </si>
  <si>
    <t>99085.0</t>
  </si>
  <si>
    <t>11.133</t>
  </si>
  <si>
    <t>251867.0</t>
  </si>
  <si>
    <t>107989.0</t>
  </si>
  <si>
    <t>99092.0</t>
  </si>
  <si>
    <t>131.75</t>
  </si>
  <si>
    <t>251934.0</t>
  </si>
  <si>
    <t>107997.0</t>
  </si>
  <si>
    <t>99104.0</t>
  </si>
  <si>
    <t>44833.0</t>
  </si>
  <si>
    <t>252103.0</t>
  </si>
  <si>
    <t>108038.0</t>
  </si>
  <si>
    <t>99211.0</t>
  </si>
  <si>
    <t>44854.0</t>
  </si>
  <si>
    <t>252104.0</t>
  </si>
  <si>
    <t>44855.0</t>
  </si>
  <si>
    <t>0.2022</t>
  </si>
  <si>
    <t>252245.0</t>
  </si>
  <si>
    <t>108049.0</t>
  </si>
  <si>
    <t>99220.0</t>
  </si>
  <si>
    <t>44976.0</t>
  </si>
  <si>
    <t>0.2114</t>
  </si>
  <si>
    <t>252326.0</t>
  </si>
  <si>
    <t>108052.0</t>
  </si>
  <si>
    <t>99229.0</t>
  </si>
  <si>
    <t>45045.0</t>
  </si>
  <si>
    <t>252440.0</t>
  </si>
  <si>
    <t>108068.0</t>
  </si>
  <si>
    <t>99232.0</t>
  </si>
  <si>
    <t>45140.0</t>
  </si>
  <si>
    <t>22100.0</t>
  </si>
  <si>
    <t>116.109</t>
  </si>
  <si>
    <t>252518.0</t>
  </si>
  <si>
    <t>108074.0</t>
  </si>
  <si>
    <t>99238.0</t>
  </si>
  <si>
    <t>252604.0</t>
  </si>
  <si>
    <t>108084.0</t>
  </si>
  <si>
    <t>45276.0</t>
  </si>
  <si>
    <t>108096.0</t>
  </si>
  <si>
    <t>99251.0</t>
  </si>
  <si>
    <t>45356.0</t>
  </si>
  <si>
    <t>252793.0</t>
  </si>
  <si>
    <t>99258.0</t>
  </si>
  <si>
    <t>45428.0</t>
  </si>
  <si>
    <t>252892.0</t>
  </si>
  <si>
    <t>108116.0</t>
  </si>
  <si>
    <t>99268.0</t>
  </si>
  <si>
    <t>45508.0</t>
  </si>
  <si>
    <t>252957.0</t>
  </si>
  <si>
    <t>108128.0</t>
  </si>
  <si>
    <t>45556.0</t>
  </si>
  <si>
    <t>253075.0</t>
  </si>
  <si>
    <t>108139.0</t>
  </si>
  <si>
    <t>253080.0</t>
  </si>
  <si>
    <t>108140.0</t>
  </si>
  <si>
    <t>99384.0</t>
  </si>
  <si>
    <t>253138.0</t>
  </si>
  <si>
    <t>108153.0</t>
  </si>
  <si>
    <t>45594.0</t>
  </si>
  <si>
    <t>132.41</t>
  </si>
  <si>
    <t>253142.0</t>
  </si>
  <si>
    <t>45598.0</t>
  </si>
  <si>
    <t>132.42</t>
  </si>
  <si>
    <t>253238.0</t>
  </si>
  <si>
    <t>108161.0</t>
  </si>
  <si>
    <t>99401.0</t>
  </si>
  <si>
    <t>253304.0</t>
  </si>
  <si>
    <t>108170.0</t>
  </si>
  <si>
    <t>99410.0</t>
  </si>
  <si>
    <t>45724.0</t>
  </si>
  <si>
    <t>253308.0</t>
  </si>
  <si>
    <t>108172.0</t>
  </si>
  <si>
    <t>45726.0</t>
  </si>
  <si>
    <t>253350.0</t>
  </si>
  <si>
    <t>108176.0</t>
  </si>
  <si>
    <t>99418.0</t>
  </si>
  <si>
    <t>45756.0</t>
  </si>
  <si>
    <t>253428.0</t>
  </si>
  <si>
    <t>99425.0</t>
  </si>
  <si>
    <t>253459.0</t>
  </si>
  <si>
    <t>108185.0</t>
  </si>
  <si>
    <t>99426.0</t>
  </si>
  <si>
    <t>108196.0</t>
  </si>
  <si>
    <t>99435.0</t>
  </si>
  <si>
    <t>45892.0</t>
  </si>
  <si>
    <t>253564.0</t>
  </si>
  <si>
    <t>108200.0</t>
  </si>
  <si>
    <t>99442.0</t>
  </si>
  <si>
    <t>132.64</t>
  </si>
  <si>
    <t>253621.0</t>
  </si>
  <si>
    <t>99456.0</t>
  </si>
  <si>
    <t>45957.0</t>
  </si>
  <si>
    <t>253666.0</t>
  </si>
  <si>
    <t>108214.0</t>
  </si>
  <si>
    <t>99463.0</t>
  </si>
  <si>
    <t>45989.0</t>
  </si>
  <si>
    <t>253698.0</t>
  </si>
  <si>
    <t>108223.0</t>
  </si>
  <si>
    <t>99485.0</t>
  </si>
  <si>
    <t>45990.0</t>
  </si>
  <si>
    <t>132.71</t>
  </si>
  <si>
    <t>253757.0</t>
  </si>
  <si>
    <t>108227.0</t>
  </si>
  <si>
    <t>99490.0</t>
  </si>
  <si>
    <t>46040.0</t>
  </si>
  <si>
    <t>253800.0</t>
  </si>
  <si>
    <t>108232.0</t>
  </si>
  <si>
    <t>99495.0</t>
  </si>
  <si>
    <t>253828.0</t>
  </si>
  <si>
    <t>108236.0</t>
  </si>
  <si>
    <t>46095.0</t>
  </si>
  <si>
    <t>253877.0</t>
  </si>
  <si>
    <t>108241.0</t>
  </si>
  <si>
    <t>99510.0</t>
  </si>
  <si>
    <t>46126.0</t>
  </si>
  <si>
    <t>253948.0</t>
  </si>
  <si>
    <t>108248.0</t>
  </si>
  <si>
    <t>99537.0</t>
  </si>
  <si>
    <t>46163.0</t>
  </si>
  <si>
    <t>254003.0</t>
  </si>
  <si>
    <t>108256.0</t>
  </si>
  <si>
    <t>99546.0</t>
  </si>
  <si>
    <t>46201.0</t>
  </si>
  <si>
    <t>132.87</t>
  </si>
  <si>
    <t>254048.0</t>
  </si>
  <si>
    <t>108261.0</t>
  </si>
  <si>
    <t>99553.0</t>
  </si>
  <si>
    <t>46234.0</t>
  </si>
  <si>
    <t>132.89</t>
  </si>
  <si>
    <t>254096.0</t>
  </si>
  <si>
    <t>108270.0</t>
  </si>
  <si>
    <t>99564.0</t>
  </si>
  <si>
    <t>46262.0</t>
  </si>
  <si>
    <t>132.91</t>
  </si>
  <si>
    <t>52.08</t>
  </si>
  <si>
    <t>254139.0</t>
  </si>
  <si>
    <t>108278.0</t>
  </si>
  <si>
    <t>99573.0</t>
  </si>
  <si>
    <t>46288.0</t>
  </si>
  <si>
    <t>132.94</t>
  </si>
  <si>
    <t>56.64</t>
  </si>
  <si>
    <t>254158.0</t>
  </si>
  <si>
    <t>99577.0</t>
  </si>
  <si>
    <t>46303.0</t>
  </si>
  <si>
    <t>254188.0</t>
  </si>
  <si>
    <t>108280.0</t>
  </si>
  <si>
    <t>99589.0</t>
  </si>
  <si>
    <t>46319.0</t>
  </si>
  <si>
    <t>254202.0</t>
  </si>
  <si>
    <t>99593.0</t>
  </si>
  <si>
    <t>46329.0</t>
  </si>
  <si>
    <t>132.97</t>
  </si>
  <si>
    <t>254225.0</t>
  </si>
  <si>
    <t>108283.0</t>
  </si>
  <si>
    <t>99594.0</t>
  </si>
  <si>
    <t>254258.0</t>
  </si>
  <si>
    <t>108284.0</t>
  </si>
  <si>
    <t>99603.0</t>
  </si>
  <si>
    <t>254289.0</t>
  </si>
  <si>
    <t>108294.0</t>
  </si>
  <si>
    <t>99624.0</t>
  </si>
  <si>
    <t>254334.0</t>
  </si>
  <si>
    <t>108296.0</t>
  </si>
  <si>
    <t>99633.0</t>
  </si>
  <si>
    <t>46405.0</t>
  </si>
  <si>
    <t>133.04</t>
  </si>
  <si>
    <t>254367.0</t>
  </si>
  <si>
    <t>99636.0</t>
  </si>
  <si>
    <t>46432.0</t>
  </si>
  <si>
    <t>133.06</t>
  </si>
  <si>
    <t>254403.0</t>
  </si>
  <si>
    <t>99645.0</t>
  </si>
  <si>
    <t>46456.0</t>
  </si>
  <si>
    <t>133.07</t>
  </si>
  <si>
    <t>254436.0</t>
  </si>
  <si>
    <t>108305.0</t>
  </si>
  <si>
    <t>133.09</t>
  </si>
  <si>
    <t>254437.0</t>
  </si>
  <si>
    <t>46482.0</t>
  </si>
  <si>
    <t>254484.0</t>
  </si>
  <si>
    <t>108310.0</t>
  </si>
  <si>
    <t>99655.0</t>
  </si>
  <si>
    <t>133.12</t>
  </si>
  <si>
    <t>254522.0</t>
  </si>
  <si>
    <t>108315.0</t>
  </si>
  <si>
    <t>99664.0</t>
  </si>
  <si>
    <t>133.14</t>
  </si>
  <si>
    <t>254556.0</t>
  </si>
  <si>
    <t>108319.0</t>
  </si>
  <si>
    <t>99672.0</t>
  </si>
  <si>
    <t>46565.0</t>
  </si>
  <si>
    <t>254603.0</t>
  </si>
  <si>
    <t>108324.0</t>
  </si>
  <si>
    <t>99680.0</t>
  </si>
  <si>
    <t>46599.0</t>
  </si>
  <si>
    <t>133.18</t>
  </si>
  <si>
    <t>254614.0</t>
  </si>
  <si>
    <t>99690.0</t>
  </si>
  <si>
    <t>254648.0</t>
  </si>
  <si>
    <t>108331.0</t>
  </si>
  <si>
    <t>99694.0</t>
  </si>
  <si>
    <t>254687.0</t>
  </si>
  <si>
    <t>108334.0</t>
  </si>
  <si>
    <t>99696.0</t>
  </si>
  <si>
    <t>46657.0</t>
  </si>
  <si>
    <t>254720.0</t>
  </si>
  <si>
    <t>99698.0</t>
  </si>
  <si>
    <t>254753.0</t>
  </si>
  <si>
    <t>99706.0</t>
  </si>
  <si>
    <t>46701.0</t>
  </si>
  <si>
    <t>254765.0</t>
  </si>
  <si>
    <t>108350.0</t>
  </si>
  <si>
    <t>99714.0</t>
  </si>
  <si>
    <t>254813.0</t>
  </si>
  <si>
    <t>99715.0</t>
  </si>
  <si>
    <t>46742.0</t>
  </si>
  <si>
    <t>254848.0</t>
  </si>
  <si>
    <t>108358.0</t>
  </si>
  <si>
    <t>99716.0</t>
  </si>
  <si>
    <t>46774.0</t>
  </si>
  <si>
    <t>254880.0</t>
  </si>
  <si>
    <t>108362.0</t>
  </si>
  <si>
    <t>99719.0</t>
  </si>
  <si>
    <t>46799.0</t>
  </si>
  <si>
    <t>133.32</t>
  </si>
  <si>
    <t>254903.0</t>
  </si>
  <si>
    <t>108364.0</t>
  </si>
  <si>
    <t>99723.0</t>
  </si>
  <si>
    <t>46816.0</t>
  </si>
  <si>
    <t>254926.0</t>
  </si>
  <si>
    <t>254963.0</t>
  </si>
  <si>
    <t>108373.0</t>
  </si>
  <si>
    <t>99724.0</t>
  </si>
  <si>
    <t>46866.0</t>
  </si>
  <si>
    <t>255000.0</t>
  </si>
  <si>
    <t>108375.0</t>
  </si>
  <si>
    <t>99727.0</t>
  </si>
  <si>
    <t>255021.0</t>
  </si>
  <si>
    <t>46911.0</t>
  </si>
  <si>
    <t>255056.0</t>
  </si>
  <si>
    <t>108380.0</t>
  </si>
  <si>
    <t>99740.0</t>
  </si>
  <si>
    <t>46936.0</t>
  </si>
  <si>
    <t>255068.0</t>
  </si>
  <si>
    <t>108386.0</t>
  </si>
  <si>
    <t>99746.0</t>
  </si>
  <si>
    <t>255105.0</t>
  </si>
  <si>
    <t>108394.0</t>
  </si>
  <si>
    <t>99751.0</t>
  </si>
  <si>
    <t>46960.0</t>
  </si>
  <si>
    <t>255122.0</t>
  </si>
  <si>
    <t>108398.0</t>
  </si>
  <si>
    <t>99752.0</t>
  </si>
  <si>
    <t>46972.0</t>
  </si>
  <si>
    <t>133.45</t>
  </si>
  <si>
    <t>255144.0</t>
  </si>
  <si>
    <t>108404.0</t>
  </si>
  <si>
    <t>99759.0</t>
  </si>
  <si>
    <t>46981.0</t>
  </si>
  <si>
    <t>255166.0</t>
  </si>
  <si>
    <t>108407.0</t>
  </si>
  <si>
    <t>99762.0</t>
  </si>
  <si>
    <t>46997.0</t>
  </si>
  <si>
    <t>255192.0</t>
  </si>
  <si>
    <t>108412.0</t>
  </si>
  <si>
    <t>99766.0</t>
  </si>
  <si>
    <t>47014.0</t>
  </si>
  <si>
    <t>255208.0</t>
  </si>
  <si>
    <t>47022.0</t>
  </si>
  <si>
    <t>255224.0</t>
  </si>
  <si>
    <t>108425.0</t>
  </si>
  <si>
    <t>99770.0</t>
  </si>
  <si>
    <t>255236.0</t>
  </si>
  <si>
    <t>108428.0</t>
  </si>
  <si>
    <t>99771.0</t>
  </si>
  <si>
    <t>47037.0</t>
  </si>
  <si>
    <t>255244.0</t>
  </si>
  <si>
    <t>108430.0</t>
  </si>
  <si>
    <t>99777.0</t>
  </si>
  <si>
    <t>255272.0</t>
  </si>
  <si>
    <t>108435.0</t>
  </si>
  <si>
    <t>99781.0</t>
  </si>
  <si>
    <t>47056.0</t>
  </si>
  <si>
    <t>133.53</t>
  </si>
  <si>
    <t>255284.0</t>
  </si>
  <si>
    <t>108437.0</t>
  </si>
  <si>
    <t>99783.0</t>
  </si>
  <si>
    <t>24.62</t>
  </si>
  <si>
    <t>255297.0</t>
  </si>
  <si>
    <t>108441.0</t>
  </si>
  <si>
    <t>99785.0</t>
  </si>
  <si>
    <t>47071.0</t>
  </si>
  <si>
    <t>255314.0</t>
  </si>
  <si>
    <t>108446.0</t>
  </si>
  <si>
    <t>99789.0</t>
  </si>
  <si>
    <t>47079.0</t>
  </si>
  <si>
    <t>133.55</t>
  </si>
  <si>
    <t>255480.0</t>
  </si>
  <si>
    <t>108447.0</t>
  </si>
  <si>
    <t>99792.0</t>
  </si>
  <si>
    <t>47241.0</t>
  </si>
  <si>
    <t>24.71</t>
  </si>
  <si>
    <t>255501.0</t>
  </si>
  <si>
    <t>108453.0</t>
  </si>
  <si>
    <t>99797.0</t>
  </si>
  <si>
    <t>47251.0</t>
  </si>
  <si>
    <t>133.65</t>
  </si>
  <si>
    <t>255514.0</t>
  </si>
  <si>
    <t>108455.0</t>
  </si>
  <si>
    <t>99799.0</t>
  </si>
  <si>
    <t>47260.0</t>
  </si>
  <si>
    <t>255530.0</t>
  </si>
  <si>
    <t>108459.0</t>
  </si>
  <si>
    <t>99800.0</t>
  </si>
  <si>
    <t>255535.0</t>
  </si>
  <si>
    <t>108460.0</t>
  </si>
  <si>
    <t>99802.0</t>
  </si>
  <si>
    <t>47273.0</t>
  </si>
  <si>
    <t>255553.0</t>
  </si>
  <si>
    <t>108461.0</t>
  </si>
  <si>
    <t>133.68</t>
  </si>
  <si>
    <t>255575.0</t>
  </si>
  <si>
    <t>99812.0</t>
  </si>
  <si>
    <t>255596.0</t>
  </si>
  <si>
    <t>108470.0</t>
  </si>
  <si>
    <t>99818.0</t>
  </si>
  <si>
    <t>47308.0</t>
  </si>
  <si>
    <t>255613.0</t>
  </si>
  <si>
    <t>108473.0</t>
  </si>
  <si>
    <t>99827.0</t>
  </si>
  <si>
    <t>47313.0</t>
  </si>
  <si>
    <t>255637.0</t>
  </si>
  <si>
    <t>108478.0</t>
  </si>
  <si>
    <t>99831.0</t>
  </si>
  <si>
    <t>47328.0</t>
  </si>
  <si>
    <t>133.72</t>
  </si>
  <si>
    <t>255654.0</t>
  </si>
  <si>
    <t>108479.0</t>
  </si>
  <si>
    <t>99834.0</t>
  </si>
  <si>
    <t>133.73</t>
  </si>
  <si>
    <t>255666.0</t>
  </si>
  <si>
    <t>108483.0</t>
  </si>
  <si>
    <t>99838.0</t>
  </si>
  <si>
    <t>47345.0</t>
  </si>
  <si>
    <t>255681.0</t>
  </si>
  <si>
    <t>108488.0</t>
  </si>
  <si>
    <t>99842.0</t>
  </si>
  <si>
    <t>255691.0</t>
  </si>
  <si>
    <t>108491.0</t>
  </si>
  <si>
    <t>99849.0</t>
  </si>
  <si>
    <t>133.75</t>
  </si>
  <si>
    <t>255704.0</t>
  </si>
  <si>
    <t>108492.0</t>
  </si>
  <si>
    <t>99852.0</t>
  </si>
  <si>
    <t>47360.0</t>
  </si>
  <si>
    <t>133.76</t>
  </si>
  <si>
    <t>255716.0</t>
  </si>
  <si>
    <t>108495.0</t>
  </si>
  <si>
    <t>99856.0</t>
  </si>
  <si>
    <t>47365.0</t>
  </si>
  <si>
    <t>255725.0</t>
  </si>
  <si>
    <t>99858.0</t>
  </si>
  <si>
    <t>47371.0</t>
  </si>
  <si>
    <t>133.77</t>
  </si>
  <si>
    <t>255739.0</t>
  </si>
  <si>
    <t>108497.0</t>
  </si>
  <si>
    <t>99862.0</t>
  </si>
  <si>
    <t>47380.0</t>
  </si>
  <si>
    <t>255751.0</t>
  </si>
  <si>
    <t>99865.0</t>
  </si>
  <si>
    <t>47387.0</t>
  </si>
  <si>
    <t>255764.0</t>
  </si>
  <si>
    <t>99869.0</t>
  </si>
  <si>
    <t>47395.0</t>
  </si>
  <si>
    <t>133.79</t>
  </si>
  <si>
    <t>255773.0</t>
  </si>
  <si>
    <t>108501.0</t>
  </si>
  <si>
    <t>99871.0</t>
  </si>
  <si>
    <t>47401.0</t>
  </si>
  <si>
    <t>255788.0</t>
  </si>
  <si>
    <t>108505.0</t>
  </si>
  <si>
    <t>99875.0</t>
  </si>
  <si>
    <t>47408.0</t>
  </si>
  <si>
    <t>255794.0</t>
  </si>
  <si>
    <t>108508.0</t>
  </si>
  <si>
    <t>255810.0</t>
  </si>
  <si>
    <t>108513.0</t>
  </si>
  <si>
    <t>99877.0</t>
  </si>
  <si>
    <t>255827.0</t>
  </si>
  <si>
    <t>108514.0</t>
  </si>
  <si>
    <t>47429.0</t>
  </si>
  <si>
    <t>133.82</t>
  </si>
  <si>
    <t>255830.0</t>
  </si>
  <si>
    <t>108515.0</t>
  </si>
  <si>
    <t>99885.0</t>
  </si>
  <si>
    <t>47430.0</t>
  </si>
  <si>
    <t>255836.0</t>
  </si>
  <si>
    <t>108519.0</t>
  </si>
  <si>
    <t>99886.0</t>
  </si>
  <si>
    <t>47431.0</t>
  </si>
  <si>
    <t>255837.0</t>
  </si>
  <si>
    <t>99887.0</t>
  </si>
  <si>
    <t>255849.0</t>
  </si>
  <si>
    <t>99891.0</t>
  </si>
  <si>
    <t>133.83</t>
  </si>
  <si>
    <t>255858.0</t>
  </si>
  <si>
    <t>99894.0</t>
  </si>
  <si>
    <t>47435.0</t>
  </si>
  <si>
    <t>133.84</t>
  </si>
  <si>
    <t>255874.0</t>
  </si>
  <si>
    <t>108534.0</t>
  </si>
  <si>
    <t>255882.0</t>
  </si>
  <si>
    <t>108539.0</t>
  </si>
  <si>
    <t>99906.0</t>
  </si>
  <si>
    <t>133.85</t>
  </si>
  <si>
    <t>255891.0</t>
  </si>
  <si>
    <t>108544.0</t>
  </si>
  <si>
    <t>99907.0</t>
  </si>
  <si>
    <t>47440.0</t>
  </si>
  <si>
    <t>255903.0</t>
  </si>
  <si>
    <t>108549.0</t>
  </si>
  <si>
    <t>99911.0</t>
  </si>
  <si>
    <t>47443.0</t>
  </si>
  <si>
    <t>255919.0</t>
  </si>
  <si>
    <t>108557.0</t>
  </si>
  <si>
    <t>99917.0</t>
  </si>
  <si>
    <t>47445.0</t>
  </si>
  <si>
    <t>133.87</t>
  </si>
  <si>
    <t>255933.0</t>
  </si>
  <si>
    <t>108562.0</t>
  </si>
  <si>
    <t>99924.0</t>
  </si>
  <si>
    <t>47447.0</t>
  </si>
  <si>
    <t>255936.0</t>
  </si>
  <si>
    <t>108563.0</t>
  </si>
  <si>
    <t>47448.0</t>
  </si>
  <si>
    <t>255942.0</t>
  </si>
  <si>
    <t>108567.0</t>
  </si>
  <si>
    <t>99927.0</t>
  </si>
  <si>
    <t>255945.0</t>
  </si>
  <si>
    <t>47451.0</t>
  </si>
  <si>
    <t>255950.0</t>
  </si>
  <si>
    <t>108568.0</t>
  </si>
  <si>
    <t>99930.0</t>
  </si>
  <si>
    <t>47452.0</t>
  </si>
  <si>
    <t>255956.0</t>
  </si>
  <si>
    <t>108570.0</t>
  </si>
  <si>
    <t>47453.0</t>
  </si>
  <si>
    <t>133.89</t>
  </si>
  <si>
    <t>255971.0</t>
  </si>
  <si>
    <t>108575.0</t>
  </si>
  <si>
    <t>99937.0</t>
  </si>
  <si>
    <t>47459.0</t>
  </si>
  <si>
    <t>255993.0</t>
  </si>
  <si>
    <t>108586.0</t>
  </si>
  <si>
    <t>99943.0</t>
  </si>
  <si>
    <t>133.91</t>
  </si>
  <si>
    <t>256003.0</t>
  </si>
  <si>
    <t>108591.0</t>
  </si>
  <si>
    <t>99947.0</t>
  </si>
  <si>
    <t>47465.0</t>
  </si>
  <si>
    <t>256010.0</t>
  </si>
  <si>
    <t>108593.0</t>
  </si>
  <si>
    <t>99950.0</t>
  </si>
  <si>
    <t>47467.0</t>
  </si>
  <si>
    <t>133.92</t>
  </si>
  <si>
    <t>256017.0</t>
  </si>
  <si>
    <t>99954.0</t>
  </si>
  <si>
    <t>256028.0</t>
  </si>
  <si>
    <t>99955.0</t>
  </si>
  <si>
    <t>47473.0</t>
  </si>
  <si>
    <t>256029.0</t>
  </si>
  <si>
    <t>108601.0</t>
  </si>
  <si>
    <t>CYP</t>
  </si>
  <si>
    <t>Cyprus</t>
  </si>
  <si>
    <t>-9.23</t>
  </si>
  <si>
    <t>12.0534772607803</t>
  </si>
  <si>
    <t>8.929</t>
  </si>
  <si>
    <t>12.6115086154461</t>
  </si>
  <si>
    <t>25.669</t>
  </si>
  <si>
    <t>23.8837419796944</t>
  </si>
  <si>
    <t>4.464</t>
  </si>
  <si>
    <t>12.277</t>
  </si>
  <si>
    <t>10.045</t>
  </si>
  <si>
    <t>46.0933898953914</t>
  </si>
  <si>
    <t>11.161</t>
  </si>
  <si>
    <t>7.642</t>
  </si>
  <si>
    <t>8.256</t>
  </si>
  <si>
    <t>9.798</t>
  </si>
  <si>
    <t>10145.0</t>
  </si>
  <si>
    <t>11.322</t>
  </si>
  <si>
    <t>41.294</t>
  </si>
  <si>
    <t>10937.0</t>
  </si>
  <si>
    <t>12.206</t>
  </si>
  <si>
    <t>52.9013724223137</t>
  </si>
  <si>
    <t>50.223</t>
  </si>
  <si>
    <t>14264.0</t>
  </si>
  <si>
    <t>15480.0</t>
  </si>
  <si>
    <t>17.277</t>
  </si>
  <si>
    <t>55.803</t>
  </si>
  <si>
    <t>18.191</t>
  </si>
  <si>
    <t>17110.0</t>
  </si>
  <si>
    <t>19.096</t>
  </si>
  <si>
    <t>17914.0</t>
  </si>
  <si>
    <t>19.993</t>
  </si>
  <si>
    <t>-6.49</t>
  </si>
  <si>
    <t>44.307689560461</t>
  </si>
  <si>
    <t>20.988</t>
  </si>
  <si>
    <t>20508.0</t>
  </si>
  <si>
    <t>22.888</t>
  </si>
  <si>
    <t>22820.0</t>
  </si>
  <si>
    <t>25.469</t>
  </si>
  <si>
    <t>28.711</t>
  </si>
  <si>
    <t>3.617</t>
  </si>
  <si>
    <t>32175.0</t>
  </si>
  <si>
    <t>35.909</t>
  </si>
  <si>
    <t>37.922</t>
  </si>
  <si>
    <t>46.2049961663246</t>
  </si>
  <si>
    <t>35647.0</t>
  </si>
  <si>
    <t>39.784</t>
  </si>
  <si>
    <t>125.7</t>
  </si>
  <si>
    <t>36972.0</t>
  </si>
  <si>
    <t>41.263</t>
  </si>
  <si>
    <t>38413.0</t>
  </si>
  <si>
    <t>175.2</t>
  </si>
  <si>
    <t>45.463</t>
  </si>
  <si>
    <t>35.714</t>
  </si>
  <si>
    <t>43433.0</t>
  </si>
  <si>
    <t>48.474</t>
  </si>
  <si>
    <t>45900.0</t>
  </si>
  <si>
    <t>51.227</t>
  </si>
  <si>
    <t>48315.0</t>
  </si>
  <si>
    <t>53.923</t>
  </si>
  <si>
    <t>292.6</t>
  </si>
  <si>
    <t>38.5041634719372</t>
  </si>
  <si>
    <t>50111.0</t>
  </si>
  <si>
    <t>55.927</t>
  </si>
  <si>
    <t>53110.0</t>
  </si>
  <si>
    <t>322.7</t>
  </si>
  <si>
    <t>55546.0</t>
  </si>
  <si>
    <t>61.993</t>
  </si>
  <si>
    <t>323.3</t>
  </si>
  <si>
    <t>58000.0</t>
  </si>
  <si>
    <t>64.732</t>
  </si>
  <si>
    <t>2.739</t>
  </si>
  <si>
    <t>62158.0</t>
  </si>
  <si>
    <t>69.372</t>
  </si>
  <si>
    <t>306.8</t>
  </si>
  <si>
    <t>64126.0</t>
  </si>
  <si>
    <t>71.569</t>
  </si>
  <si>
    <t>292.8</t>
  </si>
  <si>
    <t>38.1693446591377</t>
  </si>
  <si>
    <t>24.553</t>
  </si>
  <si>
    <t>65616.0</t>
  </si>
  <si>
    <t>73.232</t>
  </si>
  <si>
    <t>281.9</t>
  </si>
  <si>
    <t>66866.0</t>
  </si>
  <si>
    <t>74.627</t>
  </si>
  <si>
    <t>264.5</t>
  </si>
  <si>
    <t>68928.0</t>
  </si>
  <si>
    <t>76.928</t>
  </si>
  <si>
    <t>326.4</t>
  </si>
  <si>
    <t>70702.0</t>
  </si>
  <si>
    <t>78.908</t>
  </si>
  <si>
    <t>317.6</t>
  </si>
  <si>
    <t>72659.0</t>
  </si>
  <si>
    <t>81.092</t>
  </si>
  <si>
    <t>313.6</t>
  </si>
  <si>
    <t>76030.0</t>
  </si>
  <si>
    <t>84.854</t>
  </si>
  <si>
    <t>425.2</t>
  </si>
  <si>
    <t>40.2898638068676</t>
  </si>
  <si>
    <t>77076.0</t>
  </si>
  <si>
    <t>86.022</t>
  </si>
  <si>
    <t>16.741</t>
  </si>
  <si>
    <t>78229.0</t>
  </si>
  <si>
    <t>87.308</t>
  </si>
  <si>
    <t>420.8</t>
  </si>
  <si>
    <t>81834.0</t>
  </si>
  <si>
    <t>91.332</t>
  </si>
  <si>
    <t>505.9</t>
  </si>
  <si>
    <t>83628.0</t>
  </si>
  <si>
    <t>93.334</t>
  </si>
  <si>
    <t>609.5</t>
  </si>
  <si>
    <t>85192.0</t>
  </si>
  <si>
    <t>555.6</t>
  </si>
  <si>
    <t>87440.0</t>
  </si>
  <si>
    <t>97.589</t>
  </si>
  <si>
    <t>518.6</t>
  </si>
  <si>
    <t>80.5797276137352</t>
  </si>
  <si>
    <t>99.025</t>
  </si>
  <si>
    <t>647.2</t>
  </si>
  <si>
    <t>101.125</t>
  </si>
  <si>
    <t>773.8</t>
  </si>
  <si>
    <t>92593.0</t>
  </si>
  <si>
    <t>827.8</t>
  </si>
  <si>
    <t>95240.0</t>
  </si>
  <si>
    <t>106.294</t>
  </si>
  <si>
    <t>788.4</t>
  </si>
  <si>
    <t>97210.0</t>
  </si>
  <si>
    <t>108.492</t>
  </si>
  <si>
    <t>848.6</t>
  </si>
  <si>
    <t>111.187</t>
  </si>
  <si>
    <t>848.9</t>
  </si>
  <si>
    <t>101577.0</t>
  </si>
  <si>
    <t>113.366</t>
  </si>
  <si>
    <t>1087.8</t>
  </si>
  <si>
    <t>143.7</t>
  </si>
  <si>
    <t>160.378211330938</t>
  </si>
  <si>
    <t>103705.0</t>
  </si>
  <si>
    <t>115.741</t>
  </si>
  <si>
    <t>105919.0</t>
  </si>
  <si>
    <t>118.212</t>
  </si>
  <si>
    <t>108559.0</t>
  </si>
  <si>
    <t>121.159</t>
  </si>
  <si>
    <t>760.3</t>
  </si>
  <si>
    <t>111161.0</t>
  </si>
  <si>
    <t>124.063</t>
  </si>
  <si>
    <t>936.2</t>
  </si>
  <si>
    <t>113524.0</t>
  </si>
  <si>
    <t>906.7</t>
  </si>
  <si>
    <t>115585.0</t>
  </si>
  <si>
    <t>117302.0</t>
  </si>
  <si>
    <t>130.916</t>
  </si>
  <si>
    <t>982.5</t>
  </si>
  <si>
    <t>160.713030143738</t>
  </si>
  <si>
    <t>118806.0</t>
  </si>
  <si>
    <t>132.595</t>
  </si>
  <si>
    <t>1677.3</t>
  </si>
  <si>
    <t>120279.0</t>
  </si>
  <si>
    <t>134.239</t>
  </si>
  <si>
    <t>1196.6</t>
  </si>
  <si>
    <t>123207.0</t>
  </si>
  <si>
    <t>137.507</t>
  </si>
  <si>
    <t>1127.1</t>
  </si>
  <si>
    <t>125203.0</t>
  </si>
  <si>
    <t>139.734</t>
  </si>
  <si>
    <t>127039.0</t>
  </si>
  <si>
    <t>141.783</t>
  </si>
  <si>
    <t>129093.0</t>
  </si>
  <si>
    <t>144.076</t>
  </si>
  <si>
    <t>711.1</t>
  </si>
  <si>
    <t>131457.0</t>
  </si>
  <si>
    <t>832.4</t>
  </si>
  <si>
    <t>167.7</t>
  </si>
  <si>
    <t>187.163716354895</t>
  </si>
  <si>
    <t>132256.0</t>
  </si>
  <si>
    <t>147.606</t>
  </si>
  <si>
    <t>672.4</t>
  </si>
  <si>
    <t>132740.0</t>
  </si>
  <si>
    <t>148.146</t>
  </si>
  <si>
    <t>593.3</t>
  </si>
  <si>
    <t>134109.0</t>
  </si>
  <si>
    <t>149.674</t>
  </si>
  <si>
    <t>136627.0</t>
  </si>
  <si>
    <t>152.484</t>
  </si>
  <si>
    <t>713.9</t>
  </si>
  <si>
    <t>137916.0</t>
  </si>
  <si>
    <t>153.923</t>
  </si>
  <si>
    <t>639.8</t>
  </si>
  <si>
    <t>139529.0</t>
  </si>
  <si>
    <t>155.723</t>
  </si>
  <si>
    <t>521.9</t>
  </si>
  <si>
    <t>140781.0</t>
  </si>
  <si>
    <t>466.2</t>
  </si>
  <si>
    <t>181.918221621036</t>
  </si>
  <si>
    <t>141403.0</t>
  </si>
  <si>
    <t>157.815</t>
  </si>
  <si>
    <t>481.6</t>
  </si>
  <si>
    <t>142315.0</t>
  </si>
  <si>
    <t>158.832</t>
  </si>
  <si>
    <t>143525.0</t>
  </si>
  <si>
    <t>160.183</t>
  </si>
  <si>
    <t>144572.0</t>
  </si>
  <si>
    <t>161.351</t>
  </si>
  <si>
    <t>722.5</t>
  </si>
  <si>
    <t>145335.0</t>
  </si>
  <si>
    <t>162.203</t>
  </si>
  <si>
    <t>741.8</t>
  </si>
  <si>
    <t>146143.0</t>
  </si>
  <si>
    <t>163.105</t>
  </si>
  <si>
    <t>1323.5</t>
  </si>
  <si>
    <t>146763.0</t>
  </si>
  <si>
    <t>163.797</t>
  </si>
  <si>
    <t>1197.5</t>
  </si>
  <si>
    <t>-11.01</t>
  </si>
  <si>
    <t>167.967437754393</t>
  </si>
  <si>
    <t>147802.0</t>
  </si>
  <si>
    <t>164.956</t>
  </si>
  <si>
    <t>2130.5</t>
  </si>
  <si>
    <t>148869.0</t>
  </si>
  <si>
    <t>166.147</t>
  </si>
  <si>
    <t>2181.8</t>
  </si>
  <si>
    <t>150274.0</t>
  </si>
  <si>
    <t>167.715</t>
  </si>
  <si>
    <t>1350.1</t>
  </si>
  <si>
    <t>151378.0</t>
  </si>
  <si>
    <t>1134.2</t>
  </si>
  <si>
    <t>152437.0</t>
  </si>
  <si>
    <t>170.129</t>
  </si>
  <si>
    <t>154832.0</t>
  </si>
  <si>
    <t>172.802</t>
  </si>
  <si>
    <t>896.6</t>
  </si>
  <si>
    <t>167.409406399727</t>
  </si>
  <si>
    <t>156122.0</t>
  </si>
  <si>
    <t>174.242</t>
  </si>
  <si>
    <t>1040.2</t>
  </si>
  <si>
    <t>157442.0</t>
  </si>
  <si>
    <t>175.715</t>
  </si>
  <si>
    <t>1071.7</t>
  </si>
  <si>
    <t>158646.0</t>
  </si>
  <si>
    <t>177.059</t>
  </si>
  <si>
    <t>1046.4</t>
  </si>
  <si>
    <t>159665.0</t>
  </si>
  <si>
    <t>178.196</t>
  </si>
  <si>
    <t>1035.9</t>
  </si>
  <si>
    <t>161203.0</t>
  </si>
  <si>
    <t>179.913</t>
  </si>
  <si>
    <t>162902.0</t>
  </si>
  <si>
    <t>181.809</t>
  </si>
  <si>
    <t>164347.0</t>
  </si>
  <si>
    <t>183.422</t>
  </si>
  <si>
    <t>176.449514345312</t>
  </si>
  <si>
    <t>165606.0</t>
  </si>
  <si>
    <t>184.827</t>
  </si>
  <si>
    <t>1053.7</t>
  </si>
  <si>
    <t>166797.0</t>
  </si>
  <si>
    <t>186.156</t>
  </si>
  <si>
    <t>1168.9</t>
  </si>
  <si>
    <t>168488.0</t>
  </si>
  <si>
    <t>188.043</t>
  </si>
  <si>
    <t>169647.0</t>
  </si>
  <si>
    <t>189.337</t>
  </si>
  <si>
    <t>1108.9</t>
  </si>
  <si>
    <t>170894.0</t>
  </si>
  <si>
    <t>190.728</t>
  </si>
  <si>
    <t>172642.0</t>
  </si>
  <si>
    <t>192.679</t>
  </si>
  <si>
    <t>695.5</t>
  </si>
  <si>
    <t>173821.0</t>
  </si>
  <si>
    <t>193.995</t>
  </si>
  <si>
    <t>789.4</t>
  </si>
  <si>
    <t>-8.41</t>
  </si>
  <si>
    <t>165.177280981064</t>
  </si>
  <si>
    <t>174763.0</t>
  </si>
  <si>
    <t>195.046</t>
  </si>
  <si>
    <t>508.8</t>
  </si>
  <si>
    <t>176517.0</t>
  </si>
  <si>
    <t>197.004</t>
  </si>
  <si>
    <t>540.3</t>
  </si>
  <si>
    <t>178175.0</t>
  </si>
  <si>
    <t>198.854</t>
  </si>
  <si>
    <t>569.8</t>
  </si>
  <si>
    <t>179679.0</t>
  </si>
  <si>
    <t>200.533</t>
  </si>
  <si>
    <t>668.7</t>
  </si>
  <si>
    <t>181008.0</t>
  </si>
  <si>
    <t>202.016</t>
  </si>
  <si>
    <t>481.7</t>
  </si>
  <si>
    <t>182839.0</t>
  </si>
  <si>
    <t>566.7</t>
  </si>
  <si>
    <t>183924.0</t>
  </si>
  <si>
    <t>205.271</t>
  </si>
  <si>
    <t>439.1</t>
  </si>
  <si>
    <t>149.1</t>
  </si>
  <si>
    <t>166.404949961328</t>
  </si>
  <si>
    <t>185489.0</t>
  </si>
  <si>
    <t>207.017</t>
  </si>
  <si>
    <t>630.7</t>
  </si>
  <si>
    <t>186884.0</t>
  </si>
  <si>
    <t>208.574</t>
  </si>
  <si>
    <t>647.9</t>
  </si>
  <si>
    <t>189349.0</t>
  </si>
  <si>
    <t>211.325</t>
  </si>
  <si>
    <t>620.8</t>
  </si>
  <si>
    <t>190924.0</t>
  </si>
  <si>
    <t>213.083</t>
  </si>
  <si>
    <t>661.2</t>
  </si>
  <si>
    <t>192033.0</t>
  </si>
  <si>
    <t>214.321</t>
  </si>
  <si>
    <t>787.5</t>
  </si>
  <si>
    <t>216.198</t>
  </si>
  <si>
    <t>679.8</t>
  </si>
  <si>
    <t>194617.0</t>
  </si>
  <si>
    <t>217.205</t>
  </si>
  <si>
    <t>668.4</t>
  </si>
  <si>
    <t>159.6</t>
  </si>
  <si>
    <t>178.123608409309</t>
  </si>
  <si>
    <t>196472.0</t>
  </si>
  <si>
    <t>219.275</t>
  </si>
  <si>
    <t>578.1</t>
  </si>
  <si>
    <t>198446.0</t>
  </si>
  <si>
    <t>221.478</t>
  </si>
  <si>
    <t>525.6</t>
  </si>
  <si>
    <t>200171.0</t>
  </si>
  <si>
    <t>223.403</t>
  </si>
  <si>
    <t>400.8</t>
  </si>
  <si>
    <t>202240.0</t>
  </si>
  <si>
    <t>225.713</t>
  </si>
  <si>
    <t>204090.0</t>
  </si>
  <si>
    <t>227.777</t>
  </si>
  <si>
    <t>309.1</t>
  </si>
  <si>
    <t>207077.0</t>
  </si>
  <si>
    <t>231.111</t>
  </si>
  <si>
    <t>210001.0</t>
  </si>
  <si>
    <t>234.374</t>
  </si>
  <si>
    <t>212582.0</t>
  </si>
  <si>
    <t>237.255</t>
  </si>
  <si>
    <t>216570.0</t>
  </si>
  <si>
    <t>241.706</t>
  </si>
  <si>
    <t>219702.0</t>
  </si>
  <si>
    <t>172.8</t>
  </si>
  <si>
    <t>223188.0</t>
  </si>
  <si>
    <t>249.092</t>
  </si>
  <si>
    <t>226727.0</t>
  </si>
  <si>
    <t>253.042</t>
  </si>
  <si>
    <t>182.6</t>
  </si>
  <si>
    <t>230041.0</t>
  </si>
  <si>
    <t>256.74</t>
  </si>
  <si>
    <t>3.699</t>
  </si>
  <si>
    <t>232960.0</t>
  </si>
  <si>
    <t>259.998</t>
  </si>
  <si>
    <t>-19.54</t>
  </si>
  <si>
    <t>162.498730478668</t>
  </si>
  <si>
    <t>235579.0</t>
  </si>
  <si>
    <t>262.921</t>
  </si>
  <si>
    <t>3.666</t>
  </si>
  <si>
    <t>249.9</t>
  </si>
  <si>
    <t>239603.0</t>
  </si>
  <si>
    <t>267.412</t>
  </si>
  <si>
    <t>4.491</t>
  </si>
  <si>
    <t>243378.0</t>
  </si>
  <si>
    <t>271.625</t>
  </si>
  <si>
    <t>244.1</t>
  </si>
  <si>
    <t>246765.0</t>
  </si>
  <si>
    <t>275.405</t>
  </si>
  <si>
    <t>245.6</t>
  </si>
  <si>
    <t>249725.0</t>
  </si>
  <si>
    <t>278.709</t>
  </si>
  <si>
    <t>237.1</t>
  </si>
  <si>
    <t>253538.0</t>
  </si>
  <si>
    <t>282.964</t>
  </si>
  <si>
    <t>256013.0</t>
  </si>
  <si>
    <t>285.727</t>
  </si>
  <si>
    <t>165.73531233573</t>
  </si>
  <si>
    <t>259601.0</t>
  </si>
  <si>
    <t>289.731</t>
  </si>
  <si>
    <t>263916.0</t>
  </si>
  <si>
    <t>294.547</t>
  </si>
  <si>
    <t>4.816</t>
  </si>
  <si>
    <t>298.31</t>
  </si>
  <si>
    <t>270490.0</t>
  </si>
  <si>
    <t>301.884</t>
  </si>
  <si>
    <t>252.4</t>
  </si>
  <si>
    <t>273691.0</t>
  </si>
  <si>
    <t>305.456</t>
  </si>
  <si>
    <t>266.3</t>
  </si>
  <si>
    <t>277137.0</t>
  </si>
  <si>
    <t>309.302</t>
  </si>
  <si>
    <t>280418.0</t>
  </si>
  <si>
    <t>312.964</t>
  </si>
  <si>
    <t>287.1</t>
  </si>
  <si>
    <t>149.8</t>
  </si>
  <si>
    <t>167.186193857861</t>
  </si>
  <si>
    <t>283940.0</t>
  </si>
  <si>
    <t>316.895</t>
  </si>
  <si>
    <t>3.931</t>
  </si>
  <si>
    <t>3.881</t>
  </si>
  <si>
    <t>286709.0</t>
  </si>
  <si>
    <t>319.985</t>
  </si>
  <si>
    <t>289916.0</t>
  </si>
  <si>
    <t>323.564</t>
  </si>
  <si>
    <t>292671.0</t>
  </si>
  <si>
    <t>326.639</t>
  </si>
  <si>
    <t>3.537</t>
  </si>
  <si>
    <t>295588.0</t>
  </si>
  <si>
    <t>329.895</t>
  </si>
  <si>
    <t>254.6</t>
  </si>
  <si>
    <t>298431.0</t>
  </si>
  <si>
    <t>333.068</t>
  </si>
  <si>
    <t>283.9</t>
  </si>
  <si>
    <t>301276.0</t>
  </si>
  <si>
    <t>336.243</t>
  </si>
  <si>
    <t>163.503186917067</t>
  </si>
  <si>
    <t>303192.0</t>
  </si>
  <si>
    <t>338.381</t>
  </si>
  <si>
    <t>291.7</t>
  </si>
  <si>
    <t>305838.0</t>
  </si>
  <si>
    <t>341.334</t>
  </si>
  <si>
    <t>308481.0</t>
  </si>
  <si>
    <t>344.284</t>
  </si>
  <si>
    <t>1160.1</t>
  </si>
  <si>
    <t>346.683</t>
  </si>
  <si>
    <t>312440.0</t>
  </si>
  <si>
    <t>348.703</t>
  </si>
  <si>
    <t>990.9</t>
  </si>
  <si>
    <t>315473.0</t>
  </si>
  <si>
    <t>352.088</t>
  </si>
  <si>
    <t>1002.5</t>
  </si>
  <si>
    <t>354.487</t>
  </si>
  <si>
    <t>-7.86</t>
  </si>
  <si>
    <t>154.463078971481</t>
  </si>
  <si>
    <t>319672.0</t>
  </si>
  <si>
    <t>356.774</t>
  </si>
  <si>
    <t>322469.0</t>
  </si>
  <si>
    <t>359.896</t>
  </si>
  <si>
    <t>2.652</t>
  </si>
  <si>
    <t>324720.0</t>
  </si>
  <si>
    <t>362.408</t>
  </si>
  <si>
    <t>773.3</t>
  </si>
  <si>
    <t>327172.0</t>
  </si>
  <si>
    <t>365.144</t>
  </si>
  <si>
    <t>330280.0</t>
  </si>
  <si>
    <t>368.613</t>
  </si>
  <si>
    <t>939.2</t>
  </si>
  <si>
    <t>332600.0</t>
  </si>
  <si>
    <t>371.202</t>
  </si>
  <si>
    <t>778.6</t>
  </si>
  <si>
    <t>335410.0</t>
  </si>
  <si>
    <t>374.339</t>
  </si>
  <si>
    <t>1111.5</t>
  </si>
  <si>
    <t>169.753138089323</t>
  </si>
  <si>
    <t>337370.0</t>
  </si>
  <si>
    <t>376.526</t>
  </si>
  <si>
    <t>1040.8</t>
  </si>
  <si>
    <t>340527.0</t>
  </si>
  <si>
    <t>380.049</t>
  </si>
  <si>
    <t>752.4</t>
  </si>
  <si>
    <t>342976.0</t>
  </si>
  <si>
    <t>382.783</t>
  </si>
  <si>
    <t>629.5</t>
  </si>
  <si>
    <t>344927.0</t>
  </si>
  <si>
    <t>384.96</t>
  </si>
  <si>
    <t>522.1</t>
  </si>
  <si>
    <t>347966.0</t>
  </si>
  <si>
    <t>388.352</t>
  </si>
  <si>
    <t>431.4</t>
  </si>
  <si>
    <t>350916.0</t>
  </si>
  <si>
    <t>391.644</t>
  </si>
  <si>
    <t>407.1</t>
  </si>
  <si>
    <t>353080.0</t>
  </si>
  <si>
    <t>394.059</t>
  </si>
  <si>
    <t>-1.08</t>
  </si>
  <si>
    <t>168.525469109058</t>
  </si>
  <si>
    <t>356116.0</t>
  </si>
  <si>
    <t>397.448</t>
  </si>
  <si>
    <t>3.388</t>
  </si>
  <si>
    <t>358825.0</t>
  </si>
  <si>
    <t>400.471</t>
  </si>
  <si>
    <t>3.023</t>
  </si>
  <si>
    <t>265.2</t>
  </si>
  <si>
    <t>362142.0</t>
  </si>
  <si>
    <t>404.173</t>
  </si>
  <si>
    <t>245.7</t>
  </si>
  <si>
    <t>365035.0</t>
  </si>
  <si>
    <t>407.402</t>
  </si>
  <si>
    <t>367650.0</t>
  </si>
  <si>
    <t>410.32</t>
  </si>
  <si>
    <t>370870.0</t>
  </si>
  <si>
    <t>413.914</t>
  </si>
  <si>
    <t>3.594</t>
  </si>
  <si>
    <t>188.3</t>
  </si>
  <si>
    <t>18.973</t>
  </si>
  <si>
    <t>374208.0</t>
  </si>
  <si>
    <t>417.64</t>
  </si>
  <si>
    <t>203.1</t>
  </si>
  <si>
    <t>-0.87</t>
  </si>
  <si>
    <t>167.52101267066</t>
  </si>
  <si>
    <t>376673.0</t>
  </si>
  <si>
    <t>420.391</t>
  </si>
  <si>
    <t>214.2</t>
  </si>
  <si>
    <t>379358.0</t>
  </si>
  <si>
    <t>423.387</t>
  </si>
  <si>
    <t>3.273</t>
  </si>
  <si>
    <t>382505.0</t>
  </si>
  <si>
    <t>384959.0</t>
  </si>
  <si>
    <t>429.638</t>
  </si>
  <si>
    <t>197.2</t>
  </si>
  <si>
    <t>387371.0</t>
  </si>
  <si>
    <t>432.33</t>
  </si>
  <si>
    <t>390848.0</t>
  </si>
  <si>
    <t>436.211</t>
  </si>
  <si>
    <t>394025.0</t>
  </si>
  <si>
    <t>439.757</t>
  </si>
  <si>
    <t>177.677183325577</t>
  </si>
  <si>
    <t>396761.0</t>
  </si>
  <si>
    <t>442.81</t>
  </si>
  <si>
    <t>400293.0</t>
  </si>
  <si>
    <t>446.752</t>
  </si>
  <si>
    <t>403826.0</t>
  </si>
  <si>
    <t>450.695</t>
  </si>
  <si>
    <t>3.943</t>
  </si>
  <si>
    <t>160.3</t>
  </si>
  <si>
    <t>406959.0</t>
  </si>
  <si>
    <t>454.192</t>
  </si>
  <si>
    <t>154.9</t>
  </si>
  <si>
    <t>409850.0</t>
  </si>
  <si>
    <t>457.418</t>
  </si>
  <si>
    <t>413264.0</t>
  </si>
  <si>
    <t>461.229</t>
  </si>
  <si>
    <t>416629.0</t>
  </si>
  <si>
    <t>464.984</t>
  </si>
  <si>
    <t>178.904852305841</t>
  </si>
  <si>
    <t>419239.0</t>
  </si>
  <si>
    <t>467.897</t>
  </si>
  <si>
    <t>422884.0</t>
  </si>
  <si>
    <t>471.965</t>
  </si>
  <si>
    <t>425175.0</t>
  </si>
  <si>
    <t>474.522</t>
  </si>
  <si>
    <t>429052.0</t>
  </si>
  <si>
    <t>478.849</t>
  </si>
  <si>
    <t>432136.0</t>
  </si>
  <si>
    <t>482.291</t>
  </si>
  <si>
    <t>437102.0</t>
  </si>
  <si>
    <t>487.833</t>
  </si>
  <si>
    <t>440790.0</t>
  </si>
  <si>
    <t>491.949</t>
  </si>
  <si>
    <t>4.116</t>
  </si>
  <si>
    <t>180.802158911705</t>
  </si>
  <si>
    <t>443348.0</t>
  </si>
  <si>
    <t>494.804</t>
  </si>
  <si>
    <t>2.855</t>
  </si>
  <si>
    <t>447758.0</t>
  </si>
  <si>
    <t>499.726</t>
  </si>
  <si>
    <t>451067.0</t>
  </si>
  <si>
    <t>503.419</t>
  </si>
  <si>
    <t>4.128</t>
  </si>
  <si>
    <t>455371.0</t>
  </si>
  <si>
    <t>508.223</t>
  </si>
  <si>
    <t>459698.0</t>
  </si>
  <si>
    <t>513.052</t>
  </si>
  <si>
    <t>463982.0</t>
  </si>
  <si>
    <t>517.833</t>
  </si>
  <si>
    <t>466763.0</t>
  </si>
  <si>
    <t>520.937</t>
  </si>
  <si>
    <t>3.104</t>
  </si>
  <si>
    <t>4.141</t>
  </si>
  <si>
    <t>192.520817359686</t>
  </si>
  <si>
    <t>469048.0</t>
  </si>
  <si>
    <t>523.487</t>
  </si>
  <si>
    <t>4.097</t>
  </si>
  <si>
    <t>472637.0</t>
  </si>
  <si>
    <t>527.493</t>
  </si>
  <si>
    <t>4.006</t>
  </si>
  <si>
    <t>475759.0</t>
  </si>
  <si>
    <t>530.977</t>
  </si>
  <si>
    <t>478289.0</t>
  </si>
  <si>
    <t>533.801</t>
  </si>
  <si>
    <t>481961.0</t>
  </si>
  <si>
    <t>537.899</t>
  </si>
  <si>
    <t>486744.0</t>
  </si>
  <si>
    <t>543.237</t>
  </si>
  <si>
    <t>5.338</t>
  </si>
  <si>
    <t>489797.0</t>
  </si>
  <si>
    <t>546.644</t>
  </si>
  <si>
    <t>193.078848714352</t>
  </si>
  <si>
    <t>492609.0</t>
  </si>
  <si>
    <t>549.783</t>
  </si>
  <si>
    <t>496642.0</t>
  </si>
  <si>
    <t>554.284</t>
  </si>
  <si>
    <t>500171.0</t>
  </si>
  <si>
    <t>558.222</t>
  </si>
  <si>
    <t>503927.0</t>
  </si>
  <si>
    <t>507620.0</t>
  </si>
  <si>
    <t>566.536</t>
  </si>
  <si>
    <t>4.122</t>
  </si>
  <si>
    <t>4.091</t>
  </si>
  <si>
    <t>511838.0</t>
  </si>
  <si>
    <t>571.243</t>
  </si>
  <si>
    <t>4.708</t>
  </si>
  <si>
    <t>514641.0</t>
  </si>
  <si>
    <t>574.372</t>
  </si>
  <si>
    <t>3.961</t>
  </si>
  <si>
    <t>205.020719704199</t>
  </si>
  <si>
    <t>516752.0</t>
  </si>
  <si>
    <t>576.728</t>
  </si>
  <si>
    <t>520895.0</t>
  </si>
  <si>
    <t>581.351</t>
  </si>
  <si>
    <t>4.624</t>
  </si>
  <si>
    <t>81.473</t>
  </si>
  <si>
    <t>524186.0</t>
  </si>
  <si>
    <t>585.024</t>
  </si>
  <si>
    <t>527077.0</t>
  </si>
  <si>
    <t>588.251</t>
  </si>
  <si>
    <t>530165.0</t>
  </si>
  <si>
    <t>591.697</t>
  </si>
  <si>
    <t>534322.0</t>
  </si>
  <si>
    <t>596.337</t>
  </si>
  <si>
    <t>66.964</t>
  </si>
  <si>
    <t>537655.0</t>
  </si>
  <si>
    <t>600.057</t>
  </si>
  <si>
    <t>212.944764940452</t>
  </si>
  <si>
    <t>545485.0</t>
  </si>
  <si>
    <t>608.795</t>
  </si>
  <si>
    <t>8.739</t>
  </si>
  <si>
    <t>557067.0</t>
  </si>
  <si>
    <t>621.722</t>
  </si>
  <si>
    <t>12.926</t>
  </si>
  <si>
    <t>5.767</t>
  </si>
  <si>
    <t>567165.0</t>
  </si>
  <si>
    <t>632.992</t>
  </si>
  <si>
    <t>6140.0</t>
  </si>
  <si>
    <t>6.853</t>
  </si>
  <si>
    <t>579570.0</t>
  </si>
  <si>
    <t>646.836</t>
  </si>
  <si>
    <t>13.845</t>
  </si>
  <si>
    <t>8.369</t>
  </si>
  <si>
    <t>591647.0</t>
  </si>
  <si>
    <t>660.315</t>
  </si>
  <si>
    <t>13.479</t>
  </si>
  <si>
    <t>9.802</t>
  </si>
  <si>
    <t>605090.0</t>
  </si>
  <si>
    <t>675.318</t>
  </si>
  <si>
    <t>15.003</t>
  </si>
  <si>
    <t>11.283</t>
  </si>
  <si>
    <t>614567.0</t>
  </si>
  <si>
    <t>685.895</t>
  </si>
  <si>
    <t>10.577</t>
  </si>
  <si>
    <t>10987.0</t>
  </si>
  <si>
    <t>12.262</t>
  </si>
  <si>
    <t>194.1</t>
  </si>
  <si>
    <t>216.627771881246</t>
  </si>
  <si>
    <t>625429.0</t>
  </si>
  <si>
    <t>10862.0</t>
  </si>
  <si>
    <t>698.018</t>
  </si>
  <si>
    <t>12.123</t>
  </si>
  <si>
    <t>11421.0</t>
  </si>
  <si>
    <t>12.747</t>
  </si>
  <si>
    <t>636453.0</t>
  </si>
  <si>
    <t>710.321</t>
  </si>
  <si>
    <t>12.303</t>
  </si>
  <si>
    <t>11341.0</t>
  </si>
  <si>
    <t>12.657</t>
  </si>
  <si>
    <t>648487.0</t>
  </si>
  <si>
    <t>723.752</t>
  </si>
  <si>
    <t>13.431</t>
  </si>
  <si>
    <t>11617.0</t>
  </si>
  <si>
    <t>12.965</t>
  </si>
  <si>
    <t>660632.0</t>
  </si>
  <si>
    <t>737.307</t>
  </si>
  <si>
    <t>673622.0</t>
  </si>
  <si>
    <t>751.804</t>
  </si>
  <si>
    <t>688146.0</t>
  </si>
  <si>
    <t>768.014</t>
  </si>
  <si>
    <t>695774.0</t>
  </si>
  <si>
    <t>776.527</t>
  </si>
  <si>
    <t>8.513</t>
  </si>
  <si>
    <t>12.947</t>
  </si>
  <si>
    <t>232.364256082821</t>
  </si>
  <si>
    <t>703407.0</t>
  </si>
  <si>
    <t>785.046</t>
  </si>
  <si>
    <t>12.433</t>
  </si>
  <si>
    <t>713502.0</t>
  </si>
  <si>
    <t>796.313</t>
  </si>
  <si>
    <t>11007.0</t>
  </si>
  <si>
    <t>12.285</t>
  </si>
  <si>
    <t>138.392</t>
  </si>
  <si>
    <t>722589.0</t>
  </si>
  <si>
    <t>806.455</t>
  </si>
  <si>
    <t>11.815</t>
  </si>
  <si>
    <t>732611.0</t>
  </si>
  <si>
    <t>817.64</t>
  </si>
  <si>
    <t>11.185</t>
  </si>
  <si>
    <t>10283.0</t>
  </si>
  <si>
    <t>11.476</t>
  </si>
  <si>
    <t>742200.0</t>
  </si>
  <si>
    <t>828.342</t>
  </si>
  <si>
    <t>10.702</t>
  </si>
  <si>
    <t>9797.0</t>
  </si>
  <si>
    <t>10.934</t>
  </si>
  <si>
    <t>751946.0</t>
  </si>
  <si>
    <t>839.219</t>
  </si>
  <si>
    <t>10.877</t>
  </si>
  <si>
    <t>10.172</t>
  </si>
  <si>
    <t>759864.0</t>
  </si>
  <si>
    <t>848.056</t>
  </si>
  <si>
    <t>10.219</t>
  </si>
  <si>
    <t>253.457841289186</t>
  </si>
  <si>
    <t>769316.0</t>
  </si>
  <si>
    <t>858.605</t>
  </si>
  <si>
    <t>10.549</t>
  </si>
  <si>
    <t>10.509</t>
  </si>
  <si>
    <t>780226.0</t>
  </si>
  <si>
    <t>870.781</t>
  </si>
  <si>
    <t>12.176</t>
  </si>
  <si>
    <t>9532.0</t>
  </si>
  <si>
    <t>792479.0</t>
  </si>
  <si>
    <t>884.456</t>
  </si>
  <si>
    <t>118.303</t>
  </si>
  <si>
    <t>807046.0</t>
  </si>
  <si>
    <t>900.714</t>
  </si>
  <si>
    <t>16.258</t>
  </si>
  <si>
    <t>819862.0</t>
  </si>
  <si>
    <t>915.017</t>
  </si>
  <si>
    <t>12.383</t>
  </si>
  <si>
    <t>831779.0</t>
  </si>
  <si>
    <t>928.318</t>
  </si>
  <si>
    <t>11405.0</t>
  </si>
  <si>
    <t>12.729</t>
  </si>
  <si>
    <t>841624.0</t>
  </si>
  <si>
    <t>939.305</t>
  </si>
  <si>
    <t>10.988</t>
  </si>
  <si>
    <t>13.036</t>
  </si>
  <si>
    <t>293.747705096054</t>
  </si>
  <si>
    <t>851575.0</t>
  </si>
  <si>
    <t>950.411</t>
  </si>
  <si>
    <t>11.106</t>
  </si>
  <si>
    <t>13.115</t>
  </si>
  <si>
    <t>136.16</t>
  </si>
  <si>
    <t>863308.0</t>
  </si>
  <si>
    <t>963.506</t>
  </si>
  <si>
    <t>13.095</t>
  </si>
  <si>
    <t>13.247</t>
  </si>
  <si>
    <t>875666.0</t>
  </si>
  <si>
    <t>977.298</t>
  </si>
  <si>
    <t>13.792</t>
  </si>
  <si>
    <t>887184.0</t>
  </si>
  <si>
    <t>11518.0</t>
  </si>
  <si>
    <t>990.153</t>
  </si>
  <si>
    <t>12.777</t>
  </si>
  <si>
    <t>899226.0</t>
  </si>
  <si>
    <t>1003.593</t>
  </si>
  <si>
    <t>909530.0</t>
  </si>
  <si>
    <t>1015.093</t>
  </si>
  <si>
    <t>11107.0</t>
  </si>
  <si>
    <t>916748.0</t>
  </si>
  <si>
    <t>1023.148</t>
  </si>
  <si>
    <t>8.056</t>
  </si>
  <si>
    <t>11.978</t>
  </si>
  <si>
    <t>282.3</t>
  </si>
  <si>
    <t>315.064502844286</t>
  </si>
  <si>
    <t>929520.0</t>
  </si>
  <si>
    <t>12772.0</t>
  </si>
  <si>
    <t>1037.403</t>
  </si>
  <si>
    <t>14.254</t>
  </si>
  <si>
    <t>12.427</t>
  </si>
  <si>
    <t>942178.0</t>
  </si>
  <si>
    <t>12658.0</t>
  </si>
  <si>
    <t>1051.53</t>
  </si>
  <si>
    <t>14.127</t>
  </si>
  <si>
    <t>12.575</t>
  </si>
  <si>
    <t>956366.0</t>
  </si>
  <si>
    <t>1067.364</t>
  </si>
  <si>
    <t>15.835</t>
  </si>
  <si>
    <t>11529.0</t>
  </si>
  <si>
    <t>12.867</t>
  </si>
  <si>
    <t>158.481</t>
  </si>
  <si>
    <t>965086.0</t>
  </si>
  <si>
    <t>1077.096</t>
  </si>
  <si>
    <t>12.421</t>
  </si>
  <si>
    <t>966493.0</t>
  </si>
  <si>
    <t>1078.667</t>
  </si>
  <si>
    <t>10.725</t>
  </si>
  <si>
    <t>970359.0</t>
  </si>
  <si>
    <t>1082.981</t>
  </si>
  <si>
    <t>9.699</t>
  </si>
  <si>
    <t>975984.0</t>
  </si>
  <si>
    <t>1089.259</t>
  </si>
  <si>
    <t>9.444</t>
  </si>
  <si>
    <t>295.6</t>
  </si>
  <si>
    <t>329.908136878395</t>
  </si>
  <si>
    <t>989466.0</t>
  </si>
  <si>
    <t>13482.0</t>
  </si>
  <si>
    <t>1104.306</t>
  </si>
  <si>
    <t>15.047</t>
  </si>
  <si>
    <t>9.558</t>
  </si>
  <si>
    <t>1007536.0</t>
  </si>
  <si>
    <t>18070.0</t>
  </si>
  <si>
    <t>1124.473</t>
  </si>
  <si>
    <t>20.167</t>
  </si>
  <si>
    <t>1024987.0</t>
  </si>
  <si>
    <t>1143.95</t>
  </si>
  <si>
    <t>19.476</t>
  </si>
  <si>
    <t>10.941</t>
  </si>
  <si>
    <t>178.57</t>
  </si>
  <si>
    <t>1037630.0</t>
  </si>
  <si>
    <t>1158.06</t>
  </si>
  <si>
    <t>10363.0</t>
  </si>
  <si>
    <t>11.566</t>
  </si>
  <si>
    <t>1040856.0</t>
  </si>
  <si>
    <t>1161.661</t>
  </si>
  <si>
    <t>11.856</t>
  </si>
  <si>
    <t>1052895.0</t>
  </si>
  <si>
    <t>1175.097</t>
  </si>
  <si>
    <t>13.436</t>
  </si>
  <si>
    <t>11791.0</t>
  </si>
  <si>
    <t>1064946.0</t>
  </si>
  <si>
    <t>12051.0</t>
  </si>
  <si>
    <t>1188.547</t>
  </si>
  <si>
    <t>14.184</t>
  </si>
  <si>
    <t>334.9</t>
  </si>
  <si>
    <t>373.769401355123</t>
  </si>
  <si>
    <t>1078441.0</t>
  </si>
  <si>
    <t>1203.608</t>
  </si>
  <si>
    <t>15.061</t>
  </si>
  <si>
    <t>12711.0</t>
  </si>
  <si>
    <t>14.186</t>
  </si>
  <si>
    <t>1092750.0</t>
  </si>
  <si>
    <t>1219.578</t>
  </si>
  <si>
    <t>13.586</t>
  </si>
  <si>
    <t>1102951.0</t>
  </si>
  <si>
    <t>1230.962</t>
  </si>
  <si>
    <t>11.385</t>
  </si>
  <si>
    <t>12.431</t>
  </si>
  <si>
    <t>1114527.0</t>
  </si>
  <si>
    <t>1243.882</t>
  </si>
  <si>
    <t>1127358.0</t>
  </si>
  <si>
    <t>1258.202</t>
  </si>
  <si>
    <t>1138879.0</t>
  </si>
  <si>
    <t>11521.0</t>
  </si>
  <si>
    <t>1271.06</t>
  </si>
  <si>
    <t>12.858</t>
  </si>
  <si>
    <t>13.709</t>
  </si>
  <si>
    <t>1147657.0</t>
  </si>
  <si>
    <t>1280.857</t>
  </si>
  <si>
    <t>9.797</t>
  </si>
  <si>
    <t>13.187</t>
  </si>
  <si>
    <t>405.130763487339</t>
  </si>
  <si>
    <t>1160499.0</t>
  </si>
  <si>
    <t>1295.19</t>
  </si>
  <si>
    <t>14.332</t>
  </si>
  <si>
    <t>13.084</t>
  </si>
  <si>
    <t>1173730.0</t>
  </si>
  <si>
    <t>13231.0</t>
  </si>
  <si>
    <t>1309.956</t>
  </si>
  <si>
    <t>14.767</t>
  </si>
  <si>
    <t>1187028.0</t>
  </si>
  <si>
    <t>13298.0</t>
  </si>
  <si>
    <t>1324.798</t>
  </si>
  <si>
    <t>14.841</t>
  </si>
  <si>
    <t>13.405</t>
  </si>
  <si>
    <t>225.445</t>
  </si>
  <si>
    <t>1197356.0</t>
  </si>
  <si>
    <t>1336.324</t>
  </si>
  <si>
    <t>13.206</t>
  </si>
  <si>
    <t>1208519.0</t>
  </si>
  <si>
    <t>1348.783</t>
  </si>
  <si>
    <t>12.459</t>
  </si>
  <si>
    <t>215.4</t>
  </si>
  <si>
    <t>1216533.0</t>
  </si>
  <si>
    <t>1357.727</t>
  </si>
  <si>
    <t>8.944</t>
  </si>
  <si>
    <t>1223589.0</t>
  </si>
  <si>
    <t>1365.602</t>
  </si>
  <si>
    <t>7.875</t>
  </si>
  <si>
    <t>12.106</t>
  </si>
  <si>
    <t>-17.83</t>
  </si>
  <si>
    <t>375.108676606321</t>
  </si>
  <si>
    <t>1232973.0</t>
  </si>
  <si>
    <t>1376.075</t>
  </si>
  <si>
    <t>10.473</t>
  </si>
  <si>
    <t>1241339.0</t>
  </si>
  <si>
    <t>1385.412</t>
  </si>
  <si>
    <t>9.337</t>
  </si>
  <si>
    <t>10.779</t>
  </si>
  <si>
    <t>1251223.0</t>
  </si>
  <si>
    <t>9884.0</t>
  </si>
  <si>
    <t>1396.443</t>
  </si>
  <si>
    <t>11.031</t>
  </si>
  <si>
    <t>10.235</t>
  </si>
  <si>
    <t>1262393.0</t>
  </si>
  <si>
    <t>1408.91</t>
  </si>
  <si>
    <t>12.466</t>
  </si>
  <si>
    <t>10.369</t>
  </si>
  <si>
    <t>1272028.0</t>
  </si>
  <si>
    <t>1419.663</t>
  </si>
  <si>
    <t>10.753</t>
  </si>
  <si>
    <t>10.126</t>
  </si>
  <si>
    <t>1280183.0</t>
  </si>
  <si>
    <t>1428.765</t>
  </si>
  <si>
    <t>9.101</t>
  </si>
  <si>
    <t>17739.0</t>
  </si>
  <si>
    <t>1287923.0</t>
  </si>
  <si>
    <t>7740.0</t>
  </si>
  <si>
    <t>1437.403</t>
  </si>
  <si>
    <t>8.638</t>
  </si>
  <si>
    <t>10.258</t>
  </si>
  <si>
    <t>331.8</t>
  </si>
  <si>
    <t>370.309606956196</t>
  </si>
  <si>
    <t>1300728.0</t>
  </si>
  <si>
    <t>1451.694</t>
  </si>
  <si>
    <t>14.291</t>
  </si>
  <si>
    <t>10.802</t>
  </si>
  <si>
    <t>1311720.0</t>
  </si>
  <si>
    <t>10992.0</t>
  </si>
  <si>
    <t>1463.962</t>
  </si>
  <si>
    <t>11.221</t>
  </si>
  <si>
    <t>172.99</t>
  </si>
  <si>
    <t>1323853.0</t>
  </si>
  <si>
    <t>12133.0</t>
  </si>
  <si>
    <t>1477.503</t>
  </si>
  <si>
    <t>13.541</t>
  </si>
  <si>
    <t>1337447.0</t>
  </si>
  <si>
    <t>1492.675</t>
  </si>
  <si>
    <t>11.966</t>
  </si>
  <si>
    <t>1356419.0</t>
  </si>
  <si>
    <t>1513.849</t>
  </si>
  <si>
    <t>13.455</t>
  </si>
  <si>
    <t>1379093.0</t>
  </si>
  <si>
    <t>22674.0</t>
  </si>
  <si>
    <t>1539.154</t>
  </si>
  <si>
    <t>25.306</t>
  </si>
  <si>
    <t>14130.0</t>
  </si>
  <si>
    <t>25519.0</t>
  </si>
  <si>
    <t>19618.0</t>
  </si>
  <si>
    <t>1407457.0</t>
  </si>
  <si>
    <t>1570.81</t>
  </si>
  <si>
    <t>31.656</t>
  </si>
  <si>
    <t>19.058</t>
  </si>
  <si>
    <t>383.813965739107</t>
  </si>
  <si>
    <t>1434705.0</t>
  </si>
  <si>
    <t>1601.221</t>
  </si>
  <si>
    <t>21.361</t>
  </si>
  <si>
    <t>1461790.0</t>
  </si>
  <si>
    <t>27085.0</t>
  </si>
  <si>
    <t>1631.449</t>
  </si>
  <si>
    <t>30.229</t>
  </si>
  <si>
    <t>23.927</t>
  </si>
  <si>
    <t>1490449.0</t>
  </si>
  <si>
    <t>28659.0</t>
  </si>
  <si>
    <t>1663.435</t>
  </si>
  <si>
    <t>31.985</t>
  </si>
  <si>
    <t>23799.0</t>
  </si>
  <si>
    <t>26.561</t>
  </si>
  <si>
    <t>1518854.0</t>
  </si>
  <si>
    <t>28405.0</t>
  </si>
  <si>
    <t>1695.136</t>
  </si>
  <si>
    <t>31.702</t>
  </si>
  <si>
    <t>25915.0</t>
  </si>
  <si>
    <t>193.6</t>
  </si>
  <si>
    <t>1549187.0</t>
  </si>
  <si>
    <t>1728.99</t>
  </si>
  <si>
    <t>33.854</t>
  </si>
  <si>
    <t>27538.0</t>
  </si>
  <si>
    <t>30.734</t>
  </si>
  <si>
    <t>1586050.0</t>
  </si>
  <si>
    <t>1770.131</t>
  </si>
  <si>
    <t>41.141</t>
  </si>
  <si>
    <t>32.996</t>
  </si>
  <si>
    <t>32837.0</t>
  </si>
  <si>
    <t>22813.0</t>
  </si>
  <si>
    <t>1627024.0</t>
  </si>
  <si>
    <t>40974.0</t>
  </si>
  <si>
    <t>1815.861</t>
  </si>
  <si>
    <t>31367.0</t>
  </si>
  <si>
    <t>35.008</t>
  </si>
  <si>
    <t>383.92557201004</t>
  </si>
  <si>
    <t>1661763.0</t>
  </si>
  <si>
    <t>1854.632</t>
  </si>
  <si>
    <t>32437.0</t>
  </si>
  <si>
    <t>36.202</t>
  </si>
  <si>
    <t>257.1</t>
  </si>
  <si>
    <t>104.91</t>
  </si>
  <si>
    <t>1687190.0</t>
  </si>
  <si>
    <t>25427.0</t>
  </si>
  <si>
    <t>1883.01</t>
  </si>
  <si>
    <t>28.378</t>
  </si>
  <si>
    <t>35.937</t>
  </si>
  <si>
    <t>259.7</t>
  </si>
  <si>
    <t>1711970.0</t>
  </si>
  <si>
    <t>24780.0</t>
  </si>
  <si>
    <t>1910.666</t>
  </si>
  <si>
    <t>27.656</t>
  </si>
  <si>
    <t>35.319</t>
  </si>
  <si>
    <t>1737941.0</t>
  </si>
  <si>
    <t>1939.651</t>
  </si>
  <si>
    <t>28.985</t>
  </si>
  <si>
    <t>270.8</t>
  </si>
  <si>
    <t>1769146.0</t>
  </si>
  <si>
    <t>31205.0</t>
  </si>
  <si>
    <t>1974.478</t>
  </si>
  <si>
    <t>31423.0</t>
  </si>
  <si>
    <t>93.749</t>
  </si>
  <si>
    <t>1801456.0</t>
  </si>
  <si>
    <t>32310.0</t>
  </si>
  <si>
    <t>2010.538</t>
  </si>
  <si>
    <t>30772.0</t>
  </si>
  <si>
    <t>34.343</t>
  </si>
  <si>
    <t>44429.0</t>
  </si>
  <si>
    <t>29592.0</t>
  </si>
  <si>
    <t>1836697.0</t>
  </si>
  <si>
    <t>35241.0</t>
  </si>
  <si>
    <t>2049.869</t>
  </si>
  <si>
    <t>39.331</t>
  </si>
  <si>
    <t>29953.0</t>
  </si>
  <si>
    <t>281.1</t>
  </si>
  <si>
    <t>296.3</t>
  </si>
  <si>
    <t>-28.79</t>
  </si>
  <si>
    <t>330.689380774927</t>
  </si>
  <si>
    <t>1871861.0</t>
  </si>
  <si>
    <t>2089.114</t>
  </si>
  <si>
    <t>39.245</t>
  </si>
  <si>
    <t>30014.0</t>
  </si>
  <si>
    <t>33.498</t>
  </si>
  <si>
    <t>278.6</t>
  </si>
  <si>
    <t>1898131.0</t>
  </si>
  <si>
    <t>26270.0</t>
  </si>
  <si>
    <t>2118.433</t>
  </si>
  <si>
    <t>29.319</t>
  </si>
  <si>
    <t>276.8</t>
  </si>
  <si>
    <t>1923545.0</t>
  </si>
  <si>
    <t>25414.0</t>
  </si>
  <si>
    <t>2146.797</t>
  </si>
  <si>
    <t>28.364</t>
  </si>
  <si>
    <t>30225.0</t>
  </si>
  <si>
    <t>33.733</t>
  </si>
  <si>
    <t>1949100.0</t>
  </si>
  <si>
    <t>25555.0</t>
  </si>
  <si>
    <t>2175.318</t>
  </si>
  <si>
    <t>28.521</t>
  </si>
  <si>
    <t>30166.0</t>
  </si>
  <si>
    <t>279.3</t>
  </si>
  <si>
    <t>1986425.0</t>
  </si>
  <si>
    <t>37325.0</t>
  </si>
  <si>
    <t>2216.975</t>
  </si>
  <si>
    <t>41.657</t>
  </si>
  <si>
    <t>31040.0</t>
  </si>
  <si>
    <t>34.643</t>
  </si>
  <si>
    <t>285.9</t>
  </si>
  <si>
    <t>2018180.0</t>
  </si>
  <si>
    <t>31755.0</t>
  </si>
  <si>
    <t>2252.415</t>
  </si>
  <si>
    <t>35.441</t>
  </si>
  <si>
    <t>34.554</t>
  </si>
  <si>
    <t>37570.0</t>
  </si>
  <si>
    <t>19221.0</t>
  </si>
  <si>
    <t>2053208.0</t>
  </si>
  <si>
    <t>35028.0</t>
  </si>
  <si>
    <t>2291.509</t>
  </si>
  <si>
    <t>39.093</t>
  </si>
  <si>
    <t>30930.0</t>
  </si>
  <si>
    <t>291.2</t>
  </si>
  <si>
    <t>-3.49</t>
  </si>
  <si>
    <t>324.997460957336</t>
  </si>
  <si>
    <t>2087398.0</t>
  </si>
  <si>
    <t>34190.0</t>
  </si>
  <si>
    <t>2329.667</t>
  </si>
  <si>
    <t>38.158</t>
  </si>
  <si>
    <t>30791.0</t>
  </si>
  <si>
    <t>34.365</t>
  </si>
  <si>
    <t>2115160.0</t>
  </si>
  <si>
    <t>27762.0</t>
  </si>
  <si>
    <t>2360.651</t>
  </si>
  <si>
    <t>30.984</t>
  </si>
  <si>
    <t>31004.0</t>
  </si>
  <si>
    <t>34.602</t>
  </si>
  <si>
    <t>283.7</t>
  </si>
  <si>
    <t>64562.0</t>
  </si>
  <si>
    <t>44239.0</t>
  </si>
  <si>
    <t>20323.0</t>
  </si>
  <si>
    <t>2141763.0</t>
  </si>
  <si>
    <t>26603.0</t>
  </si>
  <si>
    <t>2390.342</t>
  </si>
  <si>
    <t>34.792</t>
  </si>
  <si>
    <t>253.7</t>
  </si>
  <si>
    <t>2170224.0</t>
  </si>
  <si>
    <t>2422.106</t>
  </si>
  <si>
    <t>31.764</t>
  </si>
  <si>
    <t>31589.0</t>
  </si>
  <si>
    <t>35.255</t>
  </si>
  <si>
    <t>250.7</t>
  </si>
  <si>
    <t>2214182.0</t>
  </si>
  <si>
    <t>43958.0</t>
  </si>
  <si>
    <t>2471.166</t>
  </si>
  <si>
    <t>32537.0</t>
  </si>
  <si>
    <t>36.313</t>
  </si>
  <si>
    <t>76176.0</t>
  </si>
  <si>
    <t>53617.0</t>
  </si>
  <si>
    <t>2254929.0</t>
  </si>
  <si>
    <t>40747.0</t>
  </si>
  <si>
    <t>2516.642</t>
  </si>
  <si>
    <t>45.476</t>
  </si>
  <si>
    <t>33821.0</t>
  </si>
  <si>
    <t>37.746</t>
  </si>
  <si>
    <t>2300160.0</t>
  </si>
  <si>
    <t>2567.123</t>
  </si>
  <si>
    <t>50.481</t>
  </si>
  <si>
    <t>35279.0</t>
  </si>
  <si>
    <t>39.374</t>
  </si>
  <si>
    <t>194.3</t>
  </si>
  <si>
    <t>282.7</t>
  </si>
  <si>
    <t>-6.14</t>
  </si>
  <si>
    <t>315.510927928019</t>
  </si>
  <si>
    <t>2338161.0</t>
  </si>
  <si>
    <t>38001.0</t>
  </si>
  <si>
    <t>2609.534</t>
  </si>
  <si>
    <t>42.411</t>
  </si>
  <si>
    <t>35823.0</t>
  </si>
  <si>
    <t>39.981</t>
  </si>
  <si>
    <t>2371094.0</t>
  </si>
  <si>
    <t>32933.0</t>
  </si>
  <si>
    <t>2646.29</t>
  </si>
  <si>
    <t>36.755</t>
  </si>
  <si>
    <t>36562.0</t>
  </si>
  <si>
    <t>40.805</t>
  </si>
  <si>
    <t>2404288.0</t>
  </si>
  <si>
    <t>33194.0</t>
  </si>
  <si>
    <t>2683.336</t>
  </si>
  <si>
    <t>37.047</t>
  </si>
  <si>
    <t>37504.0</t>
  </si>
  <si>
    <t>2444095.0</t>
  </si>
  <si>
    <t>39807.0</t>
  </si>
  <si>
    <t>2727.763</t>
  </si>
  <si>
    <t>44.427</t>
  </si>
  <si>
    <t>2502021.0</t>
  </si>
  <si>
    <t>57926.0</t>
  </si>
  <si>
    <t>2792.412</t>
  </si>
  <si>
    <t>64.649</t>
  </si>
  <si>
    <t>45.892</t>
  </si>
  <si>
    <t>2547390.0</t>
  </si>
  <si>
    <t>45369.0</t>
  </si>
  <si>
    <t>2843.047</t>
  </si>
  <si>
    <t>41780.0</t>
  </si>
  <si>
    <t>129.4</t>
  </si>
  <si>
    <t>2593934.0</t>
  </si>
  <si>
    <t>46544.0</t>
  </si>
  <si>
    <t>2894.993</t>
  </si>
  <si>
    <t>51.946</t>
  </si>
  <si>
    <t>41968.0</t>
  </si>
  <si>
    <t>99275.0</t>
  </si>
  <si>
    <t>28741.0</t>
  </si>
  <si>
    <t>261.8</t>
  </si>
  <si>
    <t>-14.52</t>
  </si>
  <si>
    <t>292.18521730299</t>
  </si>
  <si>
    <t>2634825.0</t>
  </si>
  <si>
    <t>2940.63</t>
  </si>
  <si>
    <t>2669624.0</t>
  </si>
  <si>
    <t>2979.468</t>
  </si>
  <si>
    <t>42647.0</t>
  </si>
  <si>
    <t>47.597</t>
  </si>
  <si>
    <t>2703703.0</t>
  </si>
  <si>
    <t>34079.0</t>
  </si>
  <si>
    <t>3017.502</t>
  </si>
  <si>
    <t>38.034</t>
  </si>
  <si>
    <t>47.738</t>
  </si>
  <si>
    <t>2746880.0</t>
  </si>
  <si>
    <t>3065.69</t>
  </si>
  <si>
    <t>48.188</t>
  </si>
  <si>
    <t>43255.0</t>
  </si>
  <si>
    <t>48.275</t>
  </si>
  <si>
    <t>2804217.0</t>
  </si>
  <si>
    <t>57337.0</t>
  </si>
  <si>
    <t>3129.682</t>
  </si>
  <si>
    <t>63.992</t>
  </si>
  <si>
    <t>48.182</t>
  </si>
  <si>
    <t>2848157.0</t>
  </si>
  <si>
    <t>43940.0</t>
  </si>
  <si>
    <t>3178.722</t>
  </si>
  <si>
    <t>47.954</t>
  </si>
  <si>
    <t>2889426.0</t>
  </si>
  <si>
    <t>41269.0</t>
  </si>
  <si>
    <t>3224.781</t>
  </si>
  <si>
    <t>46.059</t>
  </si>
  <si>
    <t>42213.0</t>
  </si>
  <si>
    <t>47.112</t>
  </si>
  <si>
    <t>-7.59</t>
  </si>
  <si>
    <t>280.912983938742</t>
  </si>
  <si>
    <t>2912570.0</t>
  </si>
  <si>
    <t>3250.611</t>
  </si>
  <si>
    <t>39678.0</t>
  </si>
  <si>
    <t>44.283</t>
  </si>
  <si>
    <t>246.65</t>
  </si>
  <si>
    <t>2960454.0</t>
  </si>
  <si>
    <t>47884.0</t>
  </si>
  <si>
    <t>3304.052</t>
  </si>
  <si>
    <t>53.442</t>
  </si>
  <si>
    <t>41547.0</t>
  </si>
  <si>
    <t>2999139.0</t>
  </si>
  <si>
    <t>3347.227</t>
  </si>
  <si>
    <t>43.175</t>
  </si>
  <si>
    <t>42205.0</t>
  </si>
  <si>
    <t>47.103</t>
  </si>
  <si>
    <t>3044737.0</t>
  </si>
  <si>
    <t>3398.117</t>
  </si>
  <si>
    <t>3102528.0</t>
  </si>
  <si>
    <t>3462.616</t>
  </si>
  <si>
    <t>64.498</t>
  </si>
  <si>
    <t>42616.0</t>
  </si>
  <si>
    <t>47.562</t>
  </si>
  <si>
    <t>3156302.0</t>
  </si>
  <si>
    <t>3522.631</t>
  </si>
  <si>
    <t>60.015</t>
  </si>
  <si>
    <t>129438.0</t>
  </si>
  <si>
    <t>93475.0</t>
  </si>
  <si>
    <t>35963.0</t>
  </si>
  <si>
    <t>3203608.0</t>
  </si>
  <si>
    <t>3575.427</t>
  </si>
  <si>
    <t>52.796</t>
  </si>
  <si>
    <t>44883.0</t>
  </si>
  <si>
    <t>50.092</t>
  </si>
  <si>
    <t>255.2</t>
  </si>
  <si>
    <t>284.819203421402</t>
  </si>
  <si>
    <t>3246781.0</t>
  </si>
  <si>
    <t>3623.611</t>
  </si>
  <si>
    <t>48.184</t>
  </si>
  <si>
    <t>47744.0</t>
  </si>
  <si>
    <t>3283483.0</t>
  </si>
  <si>
    <t>3664.573</t>
  </si>
  <si>
    <t>46147.0</t>
  </si>
  <si>
    <t>235.489</t>
  </si>
  <si>
    <t>3320969.0</t>
  </si>
  <si>
    <t>3706.41</t>
  </si>
  <si>
    <t>41.837</t>
  </si>
  <si>
    <t>45976.0</t>
  </si>
  <si>
    <t>51.312</t>
  </si>
  <si>
    <t>3342269.0</t>
  </si>
  <si>
    <t>21300.0</t>
  </si>
  <si>
    <t>3730.182</t>
  </si>
  <si>
    <t>23.772</t>
  </si>
  <si>
    <t>3390753.0</t>
  </si>
  <si>
    <t>48484.0</t>
  </si>
  <si>
    <t>3784.293</t>
  </si>
  <si>
    <t>54.111</t>
  </si>
  <si>
    <t>45.954</t>
  </si>
  <si>
    <t>3434164.0</t>
  </si>
  <si>
    <t>43411.0</t>
  </si>
  <si>
    <t>3832.742</t>
  </si>
  <si>
    <t>48.449</t>
  </si>
  <si>
    <t>44.302</t>
  </si>
  <si>
    <t>3489254.0</t>
  </si>
  <si>
    <t>3894.226</t>
  </si>
  <si>
    <t>45.543</t>
  </si>
  <si>
    <t>251.3</t>
  </si>
  <si>
    <t>-2.98</t>
  </si>
  <si>
    <t>280.466558855009</t>
  </si>
  <si>
    <t>3537686.0</t>
  </si>
  <si>
    <t>48432.0</t>
  </si>
  <si>
    <t>3948.279</t>
  </si>
  <si>
    <t>54.053</t>
  </si>
  <si>
    <t>41558.0</t>
  </si>
  <si>
    <t>46.381</t>
  </si>
  <si>
    <t>3579943.0</t>
  </si>
  <si>
    <t>3995.441</t>
  </si>
  <si>
    <t>47.161</t>
  </si>
  <si>
    <t>42351.0</t>
  </si>
  <si>
    <t>47.266</t>
  </si>
  <si>
    <t>125.5</t>
  </si>
  <si>
    <t>3631244.0</t>
  </si>
  <si>
    <t>51301.0</t>
  </si>
  <si>
    <t>4052.696</t>
  </si>
  <si>
    <t>57.255</t>
  </si>
  <si>
    <t>44325.0</t>
  </si>
  <si>
    <t>49.469</t>
  </si>
  <si>
    <t>3675158.0</t>
  </si>
  <si>
    <t>43914.0</t>
  </si>
  <si>
    <t>4101.707</t>
  </si>
  <si>
    <t>49.011</t>
  </si>
  <si>
    <t>47556.0</t>
  </si>
  <si>
    <t>53.075</t>
  </si>
  <si>
    <t>3734302.0</t>
  </si>
  <si>
    <t>59144.0</t>
  </si>
  <si>
    <t>4167.715</t>
  </si>
  <si>
    <t>66.008</t>
  </si>
  <si>
    <t>49078.0</t>
  </si>
  <si>
    <t>54.774</t>
  </si>
  <si>
    <t>3784645.0</t>
  </si>
  <si>
    <t>50343.0</t>
  </si>
  <si>
    <t>4223.901</t>
  </si>
  <si>
    <t>56.186</t>
  </si>
  <si>
    <t>161526.0</t>
  </si>
  <si>
    <t>114660.0</t>
  </si>
  <si>
    <t>3839487.0</t>
  </si>
  <si>
    <t>54842.0</t>
  </si>
  <si>
    <t>4285.108</t>
  </si>
  <si>
    <t>61.207</t>
  </si>
  <si>
    <t>50033.0</t>
  </si>
  <si>
    <t>298.21195593338</t>
  </si>
  <si>
    <t>3894139.0</t>
  </si>
  <si>
    <t>4346.103</t>
  </si>
  <si>
    <t>60.995</t>
  </si>
  <si>
    <t>50922.0</t>
  </si>
  <si>
    <t>56.832</t>
  </si>
  <si>
    <t>105.6</t>
  </si>
  <si>
    <t>3943222.0</t>
  </si>
  <si>
    <t>49083.0</t>
  </si>
  <si>
    <t>4400.883</t>
  </si>
  <si>
    <t>3990403.0</t>
  </si>
  <si>
    <t>47181.0</t>
  </si>
  <si>
    <t>4453.54</t>
  </si>
  <si>
    <t>52.657</t>
  </si>
  <si>
    <t>51308.0</t>
  </si>
  <si>
    <t>57.263</t>
  </si>
  <si>
    <t>174626.0</t>
  </si>
  <si>
    <t>124165.0</t>
  </si>
  <si>
    <t>4037950.0</t>
  </si>
  <si>
    <t>4506.605</t>
  </si>
  <si>
    <t>53.065</t>
  </si>
  <si>
    <t>51827.0</t>
  </si>
  <si>
    <t>4101157.0</t>
  </si>
  <si>
    <t>63207.0</t>
  </si>
  <si>
    <t>4577.148</t>
  </si>
  <si>
    <t>70.543</t>
  </si>
  <si>
    <t>52408.0</t>
  </si>
  <si>
    <t>58.491</t>
  </si>
  <si>
    <t>183225.0</t>
  </si>
  <si>
    <t>130937.0</t>
  </si>
  <si>
    <t>52288.0</t>
  </si>
  <si>
    <t>4150471.0</t>
  </si>
  <si>
    <t>49314.0</t>
  </si>
  <si>
    <t>4632.186</t>
  </si>
  <si>
    <t>58.327</t>
  </si>
  <si>
    <t>98.6</t>
  </si>
  <si>
    <t>4205567.0</t>
  </si>
  <si>
    <t>4693.677</t>
  </si>
  <si>
    <t>61.491</t>
  </si>
  <si>
    <t>52297.0</t>
  </si>
  <si>
    <t>58.367</t>
  </si>
  <si>
    <t>290.3</t>
  </si>
  <si>
    <t>323.993004518938</t>
  </si>
  <si>
    <t>4263664.0</t>
  </si>
  <si>
    <t>58097.0</t>
  </si>
  <si>
    <t>4758.516</t>
  </si>
  <si>
    <t>52789.0</t>
  </si>
  <si>
    <t>58.916</t>
  </si>
  <si>
    <t>4314920.0</t>
  </si>
  <si>
    <t>51256.0</t>
  </si>
  <si>
    <t>4815.721</t>
  </si>
  <si>
    <t>57.205</t>
  </si>
  <si>
    <t>53100.0</t>
  </si>
  <si>
    <t>59.263</t>
  </si>
  <si>
    <t>4365207.0</t>
  </si>
  <si>
    <t>4871.845</t>
  </si>
  <si>
    <t>56.123</t>
  </si>
  <si>
    <t>53543.0</t>
  </si>
  <si>
    <t>59.757</t>
  </si>
  <si>
    <t>4416109.0</t>
  </si>
  <si>
    <t>50902.0</t>
  </si>
  <si>
    <t>4928.655</t>
  </si>
  <si>
    <t>54023.0</t>
  </si>
  <si>
    <t>4485177.0</t>
  </si>
  <si>
    <t>69068.0</t>
  </si>
  <si>
    <t>5005.739</t>
  </si>
  <si>
    <t>77.084</t>
  </si>
  <si>
    <t>54860.0</t>
  </si>
  <si>
    <t>61.227</t>
  </si>
  <si>
    <t>97.1</t>
  </si>
  <si>
    <t>202441.0</t>
  </si>
  <si>
    <t>145357.0</t>
  </si>
  <si>
    <t>57084.0</t>
  </si>
  <si>
    <t>4542315.0</t>
  </si>
  <si>
    <t>5069.508</t>
  </si>
  <si>
    <t>55978.0</t>
  </si>
  <si>
    <t>62.475</t>
  </si>
  <si>
    <t>4601357.0</t>
  </si>
  <si>
    <t>59042.0</t>
  </si>
  <si>
    <t>5135.403</t>
  </si>
  <si>
    <t>65.895</t>
  </si>
  <si>
    <t>56541.0</t>
  </si>
  <si>
    <t>63.103</t>
  </si>
  <si>
    <t>367.854268995666</t>
  </si>
  <si>
    <t>4661123.0</t>
  </si>
  <si>
    <t>59766.0</t>
  </si>
  <si>
    <t>5202.106</t>
  </si>
  <si>
    <t>214675.0</t>
  </si>
  <si>
    <t>156682.0</t>
  </si>
  <si>
    <t>57993.0</t>
  </si>
  <si>
    <t>23.96</t>
  </si>
  <si>
    <t>4717891.0</t>
  </si>
  <si>
    <t>56768.0</t>
  </si>
  <si>
    <t>5265.462</t>
  </si>
  <si>
    <t>63.357</t>
  </si>
  <si>
    <t>57567.0</t>
  </si>
  <si>
    <t>64.248</t>
  </si>
  <si>
    <t>161389.0</t>
  </si>
  <si>
    <t>4770915.0</t>
  </si>
  <si>
    <t>53024.0</t>
  </si>
  <si>
    <t>5324.64</t>
  </si>
  <si>
    <t>59.178</t>
  </si>
  <si>
    <t>57958.0</t>
  </si>
  <si>
    <t>64.685</t>
  </si>
  <si>
    <t>224352.0</t>
  </si>
  <si>
    <t>165558.0</t>
  </si>
  <si>
    <t>58794.0</t>
  </si>
  <si>
    <t>4826481.0</t>
  </si>
  <si>
    <t>55566.0</t>
  </si>
  <si>
    <t>5386.655</t>
  </si>
  <si>
    <t>62.015</t>
  </si>
  <si>
    <t>65.429</t>
  </si>
  <si>
    <t>4893115.0</t>
  </si>
  <si>
    <t>66634.0</t>
  </si>
  <si>
    <t>5461.023</t>
  </si>
  <si>
    <t>74.368</t>
  </si>
  <si>
    <t>65.041</t>
  </si>
  <si>
    <t>236265.0</t>
  </si>
  <si>
    <t>176082.0</t>
  </si>
  <si>
    <t>60183.0</t>
  </si>
  <si>
    <t>4951574.0</t>
  </si>
  <si>
    <t>58459.0</t>
  </si>
  <si>
    <t>5526.267</t>
  </si>
  <si>
    <t>65.244</t>
  </si>
  <si>
    <t>58466.0</t>
  </si>
  <si>
    <t>65.252</t>
  </si>
  <si>
    <t>335.935</t>
  </si>
  <si>
    <t>277.9</t>
  </si>
  <si>
    <t>5008436.0</t>
  </si>
  <si>
    <t>56862.0</t>
  </si>
  <si>
    <t>5589.729</t>
  </si>
  <si>
    <t>63.462</t>
  </si>
  <si>
    <t>58154.0</t>
  </si>
  <si>
    <t>64.904</t>
  </si>
  <si>
    <t>354.3</t>
  </si>
  <si>
    <t>395.421017916155</t>
  </si>
  <si>
    <t>5059037.0</t>
  </si>
  <si>
    <t>5646.203</t>
  </si>
  <si>
    <t>56.474</t>
  </si>
  <si>
    <t>56845.0</t>
  </si>
  <si>
    <t>63.443</t>
  </si>
  <si>
    <t>5846.0</t>
  </si>
  <si>
    <t>5101914.0</t>
  </si>
  <si>
    <t>5694.056</t>
  </si>
  <si>
    <t>5142725.0</t>
  </si>
  <si>
    <t>5739.604</t>
  </si>
  <si>
    <t>45.548</t>
  </si>
  <si>
    <t>53116.0</t>
  </si>
  <si>
    <t>59.281</t>
  </si>
  <si>
    <t>5180050.0</t>
  </si>
  <si>
    <t>5781.261</t>
  </si>
  <si>
    <t>50510.0</t>
  </si>
  <si>
    <t>56.372</t>
  </si>
  <si>
    <t>5227671.0</t>
  </si>
  <si>
    <t>5834.409</t>
  </si>
  <si>
    <t>53.148</t>
  </si>
  <si>
    <t>47794.0</t>
  </si>
  <si>
    <t>53.341</t>
  </si>
  <si>
    <t>5259348.0</t>
  </si>
  <si>
    <t>31677.0</t>
  </si>
  <si>
    <t>5869.762</t>
  </si>
  <si>
    <t>43968.0</t>
  </si>
  <si>
    <t>49.071</t>
  </si>
  <si>
    <t>287816.0</t>
  </si>
  <si>
    <t>218323.0</t>
  </si>
  <si>
    <t>69463.0</t>
  </si>
  <si>
    <t>5265506.0</t>
  </si>
  <si>
    <t>5876.635</t>
  </si>
  <si>
    <t>36724.0</t>
  </si>
  <si>
    <t>40.986</t>
  </si>
  <si>
    <t>375.4</t>
  </si>
  <si>
    <t>418.96994108305</t>
  </si>
  <si>
    <t>5297905.0</t>
  </si>
  <si>
    <t>32399.0</t>
  </si>
  <si>
    <t>5912.794</t>
  </si>
  <si>
    <t>36.159</t>
  </si>
  <si>
    <t>34124.0</t>
  </si>
  <si>
    <t>38.085</t>
  </si>
  <si>
    <t>5360364.0</t>
  </si>
  <si>
    <t>62459.0</t>
  </si>
  <si>
    <t>5982.502</t>
  </si>
  <si>
    <t>69.708</t>
  </si>
  <si>
    <t>36921.0</t>
  </si>
  <si>
    <t>41.206</t>
  </si>
  <si>
    <t>8377.0</t>
  </si>
  <si>
    <t>5417678.0</t>
  </si>
  <si>
    <t>6046.468</t>
  </si>
  <si>
    <t>63.966</t>
  </si>
  <si>
    <t>39279.0</t>
  </si>
  <si>
    <t>43.838</t>
  </si>
  <si>
    <t>5459910.0</t>
  </si>
  <si>
    <t>6093.602</t>
  </si>
  <si>
    <t>47.134</t>
  </si>
  <si>
    <t>39980.0</t>
  </si>
  <si>
    <t>332423.0</t>
  </si>
  <si>
    <t>252792.0</t>
  </si>
  <si>
    <t>5516330.0</t>
  </si>
  <si>
    <t>56420.0</t>
  </si>
  <si>
    <t>6156.57</t>
  </si>
  <si>
    <t>62.968</t>
  </si>
  <si>
    <t>41237.0</t>
  </si>
  <si>
    <t>46.023</t>
  </si>
  <si>
    <t>5587581.0</t>
  </si>
  <si>
    <t>71251.0</t>
  </si>
  <si>
    <t>6236.091</t>
  </si>
  <si>
    <t>79.521</t>
  </si>
  <si>
    <t>46890.0</t>
  </si>
  <si>
    <t>52.332</t>
  </si>
  <si>
    <t>5697427.0</t>
  </si>
  <si>
    <t>109846.0</t>
  </si>
  <si>
    <t>6358.686</t>
  </si>
  <si>
    <t>122.595</t>
  </si>
  <si>
    <t>61703.0</t>
  </si>
  <si>
    <t>154.8</t>
  </si>
  <si>
    <t>406.1</t>
  </si>
  <si>
    <t>453.233066259527</t>
  </si>
  <si>
    <t>5780845.0</t>
  </si>
  <si>
    <t>83418.0</t>
  </si>
  <si>
    <t>6451.786</t>
  </si>
  <si>
    <t>68991.0</t>
  </si>
  <si>
    <t>76.998</t>
  </si>
  <si>
    <t>371430.0</t>
  </si>
  <si>
    <t>284264.0</t>
  </si>
  <si>
    <t>87166.0</t>
  </si>
  <si>
    <t>5846393.0</t>
  </si>
  <si>
    <t>65548.0</t>
  </si>
  <si>
    <t>6524.941</t>
  </si>
  <si>
    <t>73.156</t>
  </si>
  <si>
    <t>69433.0</t>
  </si>
  <si>
    <t>77.492</t>
  </si>
  <si>
    <t>384639.0</t>
  </si>
  <si>
    <t>293180.0</t>
  </si>
  <si>
    <t>91459.0</t>
  </si>
  <si>
    <t>10008.0</t>
  </si>
  <si>
    <t>5901209.0</t>
  </si>
  <si>
    <t>6586.119</t>
  </si>
  <si>
    <t>61.178</t>
  </si>
  <si>
    <t>77.093</t>
  </si>
  <si>
    <t>400004.0</t>
  </si>
  <si>
    <t>305274.0</t>
  </si>
  <si>
    <t>94730.0</t>
  </si>
  <si>
    <t>12197.0</t>
  </si>
  <si>
    <t>8482.0</t>
  </si>
  <si>
    <t>5976135.0</t>
  </si>
  <si>
    <t>74926.0</t>
  </si>
  <si>
    <t>6669.741</t>
  </si>
  <si>
    <t>83.622</t>
  </si>
  <si>
    <t>73746.0</t>
  </si>
  <si>
    <t>82.305</t>
  </si>
  <si>
    <t>6068958.0</t>
  </si>
  <si>
    <t>92823.0</t>
  </si>
  <si>
    <t>6773.338</t>
  </si>
  <si>
    <t>103.596</t>
  </si>
  <si>
    <t>78947.0</t>
  </si>
  <si>
    <t>259.6</t>
  </si>
  <si>
    <t>424489.0</t>
  </si>
  <si>
    <t>320309.0</t>
  </si>
  <si>
    <t>104180.0</t>
  </si>
  <si>
    <t>11759.0</t>
  </si>
  <si>
    <t>6152296.0</t>
  </si>
  <si>
    <t>83338.0</t>
  </si>
  <si>
    <t>6866.348</t>
  </si>
  <si>
    <t>90.037</t>
  </si>
  <si>
    <t>285.8</t>
  </si>
  <si>
    <t>6216094.0</t>
  </si>
  <si>
    <t>63798.0</t>
  </si>
  <si>
    <t>6937.551</t>
  </si>
  <si>
    <t>71.203</t>
  </si>
  <si>
    <t>74095.0</t>
  </si>
  <si>
    <t>82.695</t>
  </si>
  <si>
    <t>298.8</t>
  </si>
  <si>
    <t>434550.0</t>
  </si>
  <si>
    <t>325648.0</t>
  </si>
  <si>
    <t>108902.0</t>
  </si>
  <si>
    <t>11618.0</t>
  </si>
  <si>
    <t>452.005397279262</t>
  </si>
  <si>
    <t>6278398.0</t>
  </si>
  <si>
    <t>62304.0</t>
  </si>
  <si>
    <t>7007.086</t>
  </si>
  <si>
    <t>71079.0</t>
  </si>
  <si>
    <t>304.9</t>
  </si>
  <si>
    <t>448734.0</t>
  </si>
  <si>
    <t>334258.0</t>
  </si>
  <si>
    <t>114476.0</t>
  </si>
  <si>
    <t>37.31</t>
  </si>
  <si>
    <t>6323996.0</t>
  </si>
  <si>
    <t>7057.976</t>
  </si>
  <si>
    <t>68229.0</t>
  </si>
  <si>
    <t>76.148</t>
  </si>
  <si>
    <t>461901.0</t>
  </si>
  <si>
    <t>340015.0</t>
  </si>
  <si>
    <t>121886.0</t>
  </si>
  <si>
    <t>6368290.0</t>
  </si>
  <si>
    <t>7107.411</t>
  </si>
  <si>
    <t>359.3</t>
  </si>
  <si>
    <t>476020.0</t>
  </si>
  <si>
    <t>347840.0</t>
  </si>
  <si>
    <t>128180.0</t>
  </si>
  <si>
    <t>6081.0</t>
  </si>
  <si>
    <t>6417654.0</t>
  </si>
  <si>
    <t>49364.0</t>
  </si>
  <si>
    <t>7162.504</t>
  </si>
  <si>
    <t>55.093</t>
  </si>
  <si>
    <t>63074.0</t>
  </si>
  <si>
    <t>375.8</t>
  </si>
  <si>
    <t>11110.0</t>
  </si>
  <si>
    <t>12399.0</t>
  </si>
  <si>
    <t>6497199.0</t>
  </si>
  <si>
    <t>7251.282</t>
  </si>
  <si>
    <t>88.777</t>
  </si>
  <si>
    <t>61177.0</t>
  </si>
  <si>
    <t>412.2</t>
  </si>
  <si>
    <t>504008.0</t>
  </si>
  <si>
    <t>356376.0</t>
  </si>
  <si>
    <t>147632.0</t>
  </si>
  <si>
    <t>6558808.0</t>
  </si>
  <si>
    <t>61609.0</t>
  </si>
  <si>
    <t>7320.041</t>
  </si>
  <si>
    <t>58073.0</t>
  </si>
  <si>
    <t>64.813</t>
  </si>
  <si>
    <t>405.3</t>
  </si>
  <si>
    <t>6619316.0</t>
  </si>
  <si>
    <t>7387.572</t>
  </si>
  <si>
    <t>57603.0</t>
  </si>
  <si>
    <t>64.289</t>
  </si>
  <si>
    <t>430.3</t>
  </si>
  <si>
    <t>522144.0</t>
  </si>
  <si>
    <t>361142.0</t>
  </si>
  <si>
    <t>161002.0</t>
  </si>
  <si>
    <t>398.1</t>
  </si>
  <si>
    <t>-6.58</t>
  </si>
  <si>
    <t>444.304564584875</t>
  </si>
  <si>
    <t>6672131.0</t>
  </si>
  <si>
    <t>52815.0</t>
  </si>
  <si>
    <t>7446.517</t>
  </si>
  <si>
    <t>58.945</t>
  </si>
  <si>
    <t>56248.0</t>
  </si>
  <si>
    <t>62.776</t>
  </si>
  <si>
    <t>533282.0</t>
  </si>
  <si>
    <t>369970.0</t>
  </si>
  <si>
    <t>163312.0</t>
  </si>
  <si>
    <t>6715478.0</t>
  </si>
  <si>
    <t>43347.0</t>
  </si>
  <si>
    <t>7494.895</t>
  </si>
  <si>
    <t>48.378</t>
  </si>
  <si>
    <t>55926.0</t>
  </si>
  <si>
    <t>62.417</t>
  </si>
  <si>
    <t>501.9</t>
  </si>
  <si>
    <t>12153.0</t>
  </si>
  <si>
    <t>6757254.0</t>
  </si>
  <si>
    <t>41776.0</t>
  </si>
  <si>
    <t>7541.519</t>
  </si>
  <si>
    <t>46.625</t>
  </si>
  <si>
    <t>562.1</t>
  </si>
  <si>
    <t>560664.0</t>
  </si>
  <si>
    <t>376676.0</t>
  </si>
  <si>
    <t>183988.0</t>
  </si>
  <si>
    <t>6801767.0</t>
  </si>
  <si>
    <t>44513.0</t>
  </si>
  <si>
    <t>7591.199</t>
  </si>
  <si>
    <t>49.679</t>
  </si>
  <si>
    <t>54873.0</t>
  </si>
  <si>
    <t>61.242</t>
  </si>
  <si>
    <t>613.6</t>
  </si>
  <si>
    <t>572426.0</t>
  </si>
  <si>
    <t>381409.0</t>
  </si>
  <si>
    <t>191017.0</t>
  </si>
  <si>
    <t>6863892.0</t>
  </si>
  <si>
    <t>62125.0</t>
  </si>
  <si>
    <t>7660.534</t>
  </si>
  <si>
    <t>69.335</t>
  </si>
  <si>
    <t>58.465</t>
  </si>
  <si>
    <t>587.7</t>
  </si>
  <si>
    <t>10892.0</t>
  </si>
  <si>
    <t>6920348.0</t>
  </si>
  <si>
    <t>56456.0</t>
  </si>
  <si>
    <t>7723.542</t>
  </si>
  <si>
    <t>63.008</t>
  </si>
  <si>
    <t>51649.0</t>
  </si>
  <si>
    <t>57.644</t>
  </si>
  <si>
    <t>6967504.0</t>
  </si>
  <si>
    <t>47156.0</t>
  </si>
  <si>
    <t>7776.171</t>
  </si>
  <si>
    <t>52.629</t>
  </si>
  <si>
    <t>49741.0</t>
  </si>
  <si>
    <t>55.514</t>
  </si>
  <si>
    <t>660.7</t>
  </si>
  <si>
    <t>595906.0</t>
  </si>
  <si>
    <t>386710.0</t>
  </si>
  <si>
    <t>209196.0</t>
  </si>
  <si>
    <t>11760.0</t>
  </si>
  <si>
    <t>403.6</t>
  </si>
  <si>
    <t>450.442909486198</t>
  </si>
  <si>
    <t>7014567.0</t>
  </si>
  <si>
    <t>47063.0</t>
  </si>
  <si>
    <t>7828.697</t>
  </si>
  <si>
    <t>52.525</t>
  </si>
  <si>
    <t>48919.0</t>
  </si>
  <si>
    <t>54.597</t>
  </si>
  <si>
    <t>690.4</t>
  </si>
  <si>
    <t>7057595.0</t>
  </si>
  <si>
    <t>43028.0</t>
  </si>
  <si>
    <t>7876.719</t>
  </si>
  <si>
    <t>48.022</t>
  </si>
  <si>
    <t>48874.0</t>
  </si>
  <si>
    <t>696.8</t>
  </si>
  <si>
    <t>615264.0</t>
  </si>
  <si>
    <t>387966.0</t>
  </si>
  <si>
    <t>227298.0</t>
  </si>
  <si>
    <t>7097163.0</t>
  </si>
  <si>
    <t>39568.0</t>
  </si>
  <si>
    <t>7920.879</t>
  </si>
  <si>
    <t>48558.0</t>
  </si>
  <si>
    <t>54.194</t>
  </si>
  <si>
    <t>723.2</t>
  </si>
  <si>
    <t>622305.0</t>
  </si>
  <si>
    <t>388475.0</t>
  </si>
  <si>
    <t>233830.0</t>
  </si>
  <si>
    <t>7140326.0</t>
  </si>
  <si>
    <t>43163.0</t>
  </si>
  <si>
    <t>7969.052</t>
  </si>
  <si>
    <t>48.173</t>
  </si>
  <si>
    <t>48366.0</t>
  </si>
  <si>
    <t>53.979</t>
  </si>
  <si>
    <t>737.6</t>
  </si>
  <si>
    <t>632437.0</t>
  </si>
  <si>
    <t>394877.0</t>
  </si>
  <si>
    <t>237560.0</t>
  </si>
  <si>
    <t>8573.0</t>
  </si>
  <si>
    <t>7194543.0</t>
  </si>
  <si>
    <t>54217.0</t>
  </si>
  <si>
    <t>8029.561</t>
  </si>
  <si>
    <t>52.718</t>
  </si>
  <si>
    <t>756.6</t>
  </si>
  <si>
    <t>7244005.0</t>
  </si>
  <si>
    <t>49462.0</t>
  </si>
  <si>
    <t>8084.764</t>
  </si>
  <si>
    <t>55.203</t>
  </si>
  <si>
    <t>46237.0</t>
  </si>
  <si>
    <t>51.603</t>
  </si>
  <si>
    <t>724.1</t>
  </si>
  <si>
    <t>7290281.0</t>
  </si>
  <si>
    <t>46276.0</t>
  </si>
  <si>
    <t>8136.411</t>
  </si>
  <si>
    <t>51.647</t>
  </si>
  <si>
    <t>46111.0</t>
  </si>
  <si>
    <t>51.463</t>
  </si>
  <si>
    <t>747.2</t>
  </si>
  <si>
    <t>649005.0</t>
  </si>
  <si>
    <t>403013.0</t>
  </si>
  <si>
    <t>245992.0</t>
  </si>
  <si>
    <t>7586.0</t>
  </si>
  <si>
    <t>8466.0</t>
  </si>
  <si>
    <t>407.9</t>
  </si>
  <si>
    <t>455.241979136324</t>
  </si>
  <si>
    <t>7336892.0</t>
  </si>
  <si>
    <t>46611.0</t>
  </si>
  <si>
    <t>8188.432</t>
  </si>
  <si>
    <t>654896.0</t>
  </si>
  <si>
    <t>404314.0</t>
  </si>
  <si>
    <t>250582.0</t>
  </si>
  <si>
    <t>7375327.0</t>
  </si>
  <si>
    <t>8231.327</t>
  </si>
  <si>
    <t>42.896</t>
  </si>
  <si>
    <t>50.658</t>
  </si>
  <si>
    <t>790.4</t>
  </si>
  <si>
    <t>662063.0</t>
  </si>
  <si>
    <t>408513.0</t>
  </si>
  <si>
    <t>253550.0</t>
  </si>
  <si>
    <t>7414451.0</t>
  </si>
  <si>
    <t>8274.992</t>
  </si>
  <si>
    <t>50.588</t>
  </si>
  <si>
    <t>785.4</t>
  </si>
  <si>
    <t>673101.0</t>
  </si>
  <si>
    <t>413032.0</t>
  </si>
  <si>
    <t>260069.0</t>
  </si>
  <si>
    <t>7452115.0</t>
  </si>
  <si>
    <t>37664.0</t>
  </si>
  <si>
    <t>8317.028</t>
  </si>
  <si>
    <t>42.035</t>
  </si>
  <si>
    <t>44541.0</t>
  </si>
  <si>
    <t>49.711</t>
  </si>
  <si>
    <t>737.1</t>
  </si>
  <si>
    <t>681219.0</t>
  </si>
  <si>
    <t>415577.0</t>
  </si>
  <si>
    <t>265642.0</t>
  </si>
  <si>
    <t>8118.0</t>
  </si>
  <si>
    <t>7505979.0</t>
  </si>
  <si>
    <t>8377.143</t>
  </si>
  <si>
    <t>60.116</t>
  </si>
  <si>
    <t>49.655</t>
  </si>
  <si>
    <t>689776.0</t>
  </si>
  <si>
    <t>421974.0</t>
  </si>
  <si>
    <t>267802.0</t>
  </si>
  <si>
    <t>7549481.0</t>
  </si>
  <si>
    <t>8425.694</t>
  </si>
  <si>
    <t>48.551</t>
  </si>
  <si>
    <t>48.704</t>
  </si>
  <si>
    <t>701370.0</t>
  </si>
  <si>
    <t>425661.0</t>
  </si>
  <si>
    <t>275709.0</t>
  </si>
  <si>
    <t>7592632.0</t>
  </si>
  <si>
    <t>43151.0</t>
  </si>
  <si>
    <t>8473.853</t>
  </si>
  <si>
    <t>48.159</t>
  </si>
  <si>
    <t>48.206</t>
  </si>
  <si>
    <t>742.9</t>
  </si>
  <si>
    <t>415.6</t>
  </si>
  <si>
    <t>463.835661998177</t>
  </si>
  <si>
    <t>7632484.0</t>
  </si>
  <si>
    <t>8518.331</t>
  </si>
  <si>
    <t>44.477</t>
  </si>
  <si>
    <t>47.128</t>
  </si>
  <si>
    <t>719.2</t>
  </si>
  <si>
    <t>7668213.0</t>
  </si>
  <si>
    <t>8558.207</t>
  </si>
  <si>
    <t>39.876</t>
  </si>
  <si>
    <t>46.697</t>
  </si>
  <si>
    <t>754.9</t>
  </si>
  <si>
    <t>718775.0</t>
  </si>
  <si>
    <t>436280.0</t>
  </si>
  <si>
    <t>282495.0</t>
  </si>
  <si>
    <t>7699337.0</t>
  </si>
  <si>
    <t>31124.0</t>
  </si>
  <si>
    <t>8592.943</t>
  </si>
  <si>
    <t>40698.0</t>
  </si>
  <si>
    <t>45.422</t>
  </si>
  <si>
    <t>726.8</t>
  </si>
  <si>
    <t>728458.0</t>
  </si>
  <si>
    <t>439561.0</t>
  </si>
  <si>
    <t>7733494.0</t>
  </si>
  <si>
    <t>34157.0</t>
  </si>
  <si>
    <t>8631.064</t>
  </si>
  <si>
    <t>44.862</t>
  </si>
  <si>
    <t>734.7</t>
  </si>
  <si>
    <t>739365.0</t>
  </si>
  <si>
    <t>443121.0</t>
  </si>
  <si>
    <t>296244.0</t>
  </si>
  <si>
    <t>10907.0</t>
  </si>
  <si>
    <t>7775385.0</t>
  </si>
  <si>
    <t>8677.817</t>
  </si>
  <si>
    <t>46.753</t>
  </si>
  <si>
    <t>42.954</t>
  </si>
  <si>
    <t>692.6</t>
  </si>
  <si>
    <t>7816611.0</t>
  </si>
  <si>
    <t>41226.0</t>
  </si>
  <si>
    <t>8723.828</t>
  </si>
  <si>
    <t>659.6</t>
  </si>
  <si>
    <t>753106.0</t>
  </si>
  <si>
    <t>447383.0</t>
  </si>
  <si>
    <t>305723.0</t>
  </si>
  <si>
    <t>51.339</t>
  </si>
  <si>
    <t>7847221.0</t>
  </si>
  <si>
    <t>30610.0</t>
  </si>
  <si>
    <t>8757.991</t>
  </si>
  <si>
    <t>34.163</t>
  </si>
  <si>
    <t>36370.0</t>
  </si>
  <si>
    <t>40.591</t>
  </si>
  <si>
    <t>425.9</t>
  </si>
  <si>
    <t>475.331107904291</t>
  </si>
  <si>
    <t>7868471.0</t>
  </si>
  <si>
    <t>8781.707</t>
  </si>
  <si>
    <t>23.716</t>
  </si>
  <si>
    <t>33712.0</t>
  </si>
  <si>
    <t>37.625</t>
  </si>
  <si>
    <t>520.9</t>
  </si>
  <si>
    <t>7906145.0</t>
  </si>
  <si>
    <t>37674.0</t>
  </si>
  <si>
    <t>8823.754</t>
  </si>
  <si>
    <t>42.047</t>
  </si>
  <si>
    <t>33990.0</t>
  </si>
  <si>
    <t>37.935</t>
  </si>
  <si>
    <t>513.9</t>
  </si>
  <si>
    <t>7939558.0</t>
  </si>
  <si>
    <t>8861.045</t>
  </si>
  <si>
    <t>37.291</t>
  </si>
  <si>
    <t>461.1</t>
  </si>
  <si>
    <t>452062.0</t>
  </si>
  <si>
    <t>316211.0</t>
  </si>
  <si>
    <t>7973985.0</t>
  </si>
  <si>
    <t>34427.0</t>
  </si>
  <si>
    <t>8899.467</t>
  </si>
  <si>
    <t>38.423</t>
  </si>
  <si>
    <t>34356.0</t>
  </si>
  <si>
    <t>38.343</t>
  </si>
  <si>
    <t>387.9</t>
  </si>
  <si>
    <t>777935.0</t>
  </si>
  <si>
    <t>453823.0</t>
  </si>
  <si>
    <t>324112.0</t>
  </si>
  <si>
    <t>8016645.0</t>
  </si>
  <si>
    <t>8947.079</t>
  </si>
  <si>
    <t>38.466</t>
  </si>
  <si>
    <t>330.5</t>
  </si>
  <si>
    <t>8058454.0</t>
  </si>
  <si>
    <t>41809.0</t>
  </si>
  <si>
    <t>8993.74</t>
  </si>
  <si>
    <t>46.661</t>
  </si>
  <si>
    <t>34549.0</t>
  </si>
  <si>
    <t>38.559</t>
  </si>
  <si>
    <t>293.9</t>
  </si>
  <si>
    <t>8097241.0</t>
  </si>
  <si>
    <t>9037.029</t>
  </si>
  <si>
    <t>43.289</t>
  </si>
  <si>
    <t>35717.0</t>
  </si>
  <si>
    <t>39.862</t>
  </si>
  <si>
    <t>416.4</t>
  </si>
  <si>
    <t>-8.23</t>
  </si>
  <si>
    <t>464.728512165642</t>
  </si>
  <si>
    <t>8134787.0</t>
  </si>
  <si>
    <t>37546.0</t>
  </si>
  <si>
    <t>9078.932</t>
  </si>
  <si>
    <t>41.904</t>
  </si>
  <si>
    <t>42.461</t>
  </si>
  <si>
    <t>8184528.0</t>
  </si>
  <si>
    <t>9134.446</t>
  </si>
  <si>
    <t>39769.0</t>
  </si>
  <si>
    <t>44.385</t>
  </si>
  <si>
    <t>6304.0</t>
  </si>
  <si>
    <t>8220767.0</t>
  </si>
  <si>
    <t>36239.0</t>
  </si>
  <si>
    <t>9174.891</t>
  </si>
  <si>
    <t>40.445</t>
  </si>
  <si>
    <t>40173.0</t>
  </si>
  <si>
    <t>44.836</t>
  </si>
  <si>
    <t>175.9</t>
  </si>
  <si>
    <t>809234.0</t>
  </si>
  <si>
    <t>462527.0</t>
  </si>
  <si>
    <t>346707.0</t>
  </si>
  <si>
    <t>8258217.0</t>
  </si>
  <si>
    <t>37450.0</t>
  </si>
  <si>
    <t>9216.688</t>
  </si>
  <si>
    <t>41.797</t>
  </si>
  <si>
    <t>45.318</t>
  </si>
  <si>
    <t>8303429.0</t>
  </si>
  <si>
    <t>45212.0</t>
  </si>
  <si>
    <t>9267.147</t>
  </si>
  <si>
    <t>50.459</t>
  </si>
  <si>
    <t>45.724</t>
  </si>
  <si>
    <t>829778.0</t>
  </si>
  <si>
    <t>465528.0</t>
  </si>
  <si>
    <t>364250.0</t>
  </si>
  <si>
    <t>8351787.0</t>
  </si>
  <si>
    <t>9321.118</t>
  </si>
  <si>
    <t>53.971</t>
  </si>
  <si>
    <t>41905.0</t>
  </si>
  <si>
    <t>46.769</t>
  </si>
  <si>
    <t>835997.0</t>
  </si>
  <si>
    <t>467846.0</t>
  </si>
  <si>
    <t>368151.0</t>
  </si>
  <si>
    <t>41.09</t>
  </si>
  <si>
    <t>7594.0</t>
  </si>
  <si>
    <t>8397635.0</t>
  </si>
  <si>
    <t>9372.287</t>
  </si>
  <si>
    <t>42913.0</t>
  </si>
  <si>
    <t>47.894</t>
  </si>
  <si>
    <t>445.9</t>
  </si>
  <si>
    <t>497.652362090921</t>
  </si>
  <si>
    <t>8441313.0</t>
  </si>
  <si>
    <t>43678.0</t>
  </si>
  <si>
    <t>9421.035</t>
  </si>
  <si>
    <t>48.747</t>
  </si>
  <si>
    <t>43789.0</t>
  </si>
  <si>
    <t>48.871</t>
  </si>
  <si>
    <t>849209.0</t>
  </si>
  <si>
    <t>469213.0</t>
  </si>
  <si>
    <t>379996.0</t>
  </si>
  <si>
    <t>8482919.0</t>
  </si>
  <si>
    <t>9467.47</t>
  </si>
  <si>
    <t>46.435</t>
  </si>
  <si>
    <t>47.574</t>
  </si>
  <si>
    <t>856951.0</t>
  </si>
  <si>
    <t>470045.0</t>
  </si>
  <si>
    <t>386906.0</t>
  </si>
  <si>
    <t>95.64</t>
  </si>
  <si>
    <t>52.46</t>
  </si>
  <si>
    <t>8526964.0</t>
  </si>
  <si>
    <t>44045.0</t>
  </si>
  <si>
    <t>9516.627</t>
  </si>
  <si>
    <t>49.157</t>
  </si>
  <si>
    <t>43742.0</t>
  </si>
  <si>
    <t>48.819</t>
  </si>
  <si>
    <t>867092.0</t>
  </si>
  <si>
    <t>471757.0</t>
  </si>
  <si>
    <t>395335.0</t>
  </si>
  <si>
    <t>96.77</t>
  </si>
  <si>
    <t>8575996.0</t>
  </si>
  <si>
    <t>49032.0</t>
  </si>
  <si>
    <t>9571.349</t>
  </si>
  <si>
    <t>54.723</t>
  </si>
  <si>
    <t>45397.0</t>
  </si>
  <si>
    <t>50.666</t>
  </si>
  <si>
    <t>876257.0</t>
  </si>
  <si>
    <t>474819.0</t>
  </si>
  <si>
    <t>401438.0</t>
  </si>
  <si>
    <t>8638157.0</t>
  </si>
  <si>
    <t>62161.0</t>
  </si>
  <si>
    <t>9640.725</t>
  </si>
  <si>
    <t>69.376</t>
  </si>
  <si>
    <t>47818.0</t>
  </si>
  <si>
    <t>53.368</t>
  </si>
  <si>
    <t>883863.0</t>
  </si>
  <si>
    <t>478966.0</t>
  </si>
  <si>
    <t>404897.0</t>
  </si>
  <si>
    <t>8707467.0</t>
  </si>
  <si>
    <t>69310.0</t>
  </si>
  <si>
    <t>9718.079</t>
  </si>
  <si>
    <t>77.354</t>
  </si>
  <si>
    <t>50811.0</t>
  </si>
  <si>
    <t>56.708</t>
  </si>
  <si>
    <t>887110.0</t>
  </si>
  <si>
    <t>479265.0</t>
  </si>
  <si>
    <t>407845.0</t>
  </si>
  <si>
    <t>8771132.0</t>
  </si>
  <si>
    <t>63665.0</t>
  </si>
  <si>
    <t>9789.133</t>
  </si>
  <si>
    <t>71.054</t>
  </si>
  <si>
    <t>53357.0</t>
  </si>
  <si>
    <t>525.665536095142</t>
  </si>
  <si>
    <t>8830896.0</t>
  </si>
  <si>
    <t>59764.0</t>
  </si>
  <si>
    <t>9855.834</t>
  </si>
  <si>
    <t>55655.0</t>
  </si>
  <si>
    <t>897325.0</t>
  </si>
  <si>
    <t>484650.0</t>
  </si>
  <si>
    <t>412675.0</t>
  </si>
  <si>
    <t>100.15</t>
  </si>
  <si>
    <t>46.06</t>
  </si>
  <si>
    <t>8893794.0</t>
  </si>
  <si>
    <t>9926.032</t>
  </si>
  <si>
    <t>70.198</t>
  </si>
  <si>
    <t>65.508</t>
  </si>
  <si>
    <t>903842.0</t>
  </si>
  <si>
    <t>488013.0</t>
  </si>
  <si>
    <t>415829.0</t>
  </si>
  <si>
    <t>100.87</t>
  </si>
  <si>
    <t>8956450.0</t>
  </si>
  <si>
    <t>62656.0</t>
  </si>
  <si>
    <t>9995.96</t>
  </si>
  <si>
    <t>69.928</t>
  </si>
  <si>
    <t>68.476</t>
  </si>
  <si>
    <t>910376.0</t>
  </si>
  <si>
    <t>491156.0</t>
  </si>
  <si>
    <t>419220.0</t>
  </si>
  <si>
    <t>9023655.0</t>
  </si>
  <si>
    <t>67205.0</t>
  </si>
  <si>
    <t>10070.965</t>
  </si>
  <si>
    <t>75.005</t>
  </si>
  <si>
    <t>63951.0</t>
  </si>
  <si>
    <t>71.373</t>
  </si>
  <si>
    <t>916819.0</t>
  </si>
  <si>
    <t>495815.0</t>
  </si>
  <si>
    <t>421004.0</t>
  </si>
  <si>
    <t>9096666.0</t>
  </si>
  <si>
    <t>73011.0</t>
  </si>
  <si>
    <t>10152.45</t>
  </si>
  <si>
    <t>81.485</t>
  </si>
  <si>
    <t>65501.0</t>
  </si>
  <si>
    <t>73.103</t>
  </si>
  <si>
    <t>9169540.0</t>
  </si>
  <si>
    <t>72874.0</t>
  </si>
  <si>
    <t>10233.782</t>
  </si>
  <si>
    <t>73.671</t>
  </si>
  <si>
    <t>925470.0</t>
  </si>
  <si>
    <t>500856.0</t>
  </si>
  <si>
    <t>424614.0</t>
  </si>
  <si>
    <t>9240349.0</t>
  </si>
  <si>
    <t>70809.0</t>
  </si>
  <si>
    <t>10312.809</t>
  </si>
  <si>
    <t>79.027</t>
  </si>
  <si>
    <t>67031.0</t>
  </si>
  <si>
    <t>74.811</t>
  </si>
  <si>
    <t>487.9</t>
  </si>
  <si>
    <t>544.526995882845</t>
  </si>
  <si>
    <t>9309813.0</t>
  </si>
  <si>
    <t>10390.335</t>
  </si>
  <si>
    <t>77.526</t>
  </si>
  <si>
    <t>76.358</t>
  </si>
  <si>
    <t>934112.0</t>
  </si>
  <si>
    <t>505175.0</t>
  </si>
  <si>
    <t>428937.0</t>
  </si>
  <si>
    <t>9377144.0</t>
  </si>
  <si>
    <t>67331.0</t>
  </si>
  <si>
    <t>10465.481</t>
  </si>
  <si>
    <t>75.146</t>
  </si>
  <si>
    <t>77.064</t>
  </si>
  <si>
    <t>941398.0</t>
  </si>
  <si>
    <t>508507.0</t>
  </si>
  <si>
    <t>432891.0</t>
  </si>
  <si>
    <t>105.07</t>
  </si>
  <si>
    <t>9450242.0</t>
  </si>
  <si>
    <t>73098.0</t>
  </si>
  <si>
    <t>10547.063</t>
  </si>
  <si>
    <t>81.582</t>
  </si>
  <si>
    <t>78.729</t>
  </si>
  <si>
    <t>946070.0</t>
  </si>
  <si>
    <t>511744.0</t>
  </si>
  <si>
    <t>434326.0</t>
  </si>
  <si>
    <t>105.59</t>
  </si>
  <si>
    <t>9539430.0</t>
  </si>
  <si>
    <t>89188.0</t>
  </si>
  <si>
    <t>10646.602</t>
  </si>
  <si>
    <t>99.539</t>
  </si>
  <si>
    <t>73682.0</t>
  </si>
  <si>
    <t>82.234</t>
  </si>
  <si>
    <t>950981.0</t>
  </si>
  <si>
    <t>514732.0</t>
  </si>
  <si>
    <t>436249.0</t>
  </si>
  <si>
    <t>106.14</t>
  </si>
  <si>
    <t>9615703.0</t>
  </si>
  <si>
    <t>10731.728</t>
  </si>
  <si>
    <t>85.125</t>
  </si>
  <si>
    <t>74148.0</t>
  </si>
  <si>
    <t>82.754</t>
  </si>
  <si>
    <t>9689901.0</t>
  </si>
  <si>
    <t>74198.0</t>
  </si>
  <si>
    <t>10814.537</t>
  </si>
  <si>
    <t>74337.0</t>
  </si>
  <si>
    <t>82.965</t>
  </si>
  <si>
    <t>958796.0</t>
  </si>
  <si>
    <t>518739.0</t>
  </si>
  <si>
    <t>440057.0</t>
  </si>
  <si>
    <t>9762954.0</t>
  </si>
  <si>
    <t>73053.0</t>
  </si>
  <si>
    <t>10896.069</t>
  </si>
  <si>
    <t>81.532</t>
  </si>
  <si>
    <t>74658.0</t>
  </si>
  <si>
    <t>83.323</t>
  </si>
  <si>
    <t>959464.0</t>
  </si>
  <si>
    <t>440725.0</t>
  </si>
  <si>
    <t>590.39717323637</t>
  </si>
  <si>
    <t>9834913.0</t>
  </si>
  <si>
    <t>71959.0</t>
  </si>
  <si>
    <t>10976.38</t>
  </si>
  <si>
    <t>75014.0</t>
  </si>
  <si>
    <t>9899976.0</t>
  </si>
  <si>
    <t>11048.994</t>
  </si>
  <si>
    <t>72.614</t>
  </si>
  <si>
    <t>74690.0</t>
  </si>
  <si>
    <t>83.359</t>
  </si>
  <si>
    <t>970077.0</t>
  </si>
  <si>
    <t>526537.0</t>
  </si>
  <si>
    <t>443540.0</t>
  </si>
  <si>
    <t>9970654.0</t>
  </si>
  <si>
    <t>70678.0</t>
  </si>
  <si>
    <t>11127.875</t>
  </si>
  <si>
    <t>78.881</t>
  </si>
  <si>
    <t>74345.0</t>
  </si>
  <si>
    <t>82.974</t>
  </si>
  <si>
    <t>974906.0</t>
  </si>
  <si>
    <t>528889.0</t>
  </si>
  <si>
    <t>446017.0</t>
  </si>
  <si>
    <t>315.846</t>
  </si>
  <si>
    <t>10038884.0</t>
  </si>
  <si>
    <t>68230.0</t>
  </si>
  <si>
    <t>11204.024</t>
  </si>
  <si>
    <t>71351.0</t>
  </si>
  <si>
    <t>79.632</t>
  </si>
  <si>
    <t>980404.0</t>
  </si>
  <si>
    <t>530879.0</t>
  </si>
  <si>
    <t>449525.0</t>
  </si>
  <si>
    <t>10113006.0</t>
  </si>
  <si>
    <t>74122.0</t>
  </si>
  <si>
    <t>11286.749</t>
  </si>
  <si>
    <t>82.725</t>
  </si>
  <si>
    <t>71043.0</t>
  </si>
  <si>
    <t>79.288</t>
  </si>
  <si>
    <t>4626.0</t>
  </si>
  <si>
    <t>10207285.0</t>
  </si>
  <si>
    <t>94279.0</t>
  </si>
  <si>
    <t>11391.97</t>
  </si>
  <si>
    <t>105.221</t>
  </si>
  <si>
    <t>73912.0</t>
  </si>
  <si>
    <t>10230539.0</t>
  </si>
  <si>
    <t>11417.923</t>
  </si>
  <si>
    <t>25.953</t>
  </si>
  <si>
    <t>66798.0</t>
  </si>
  <si>
    <t>74.551</t>
  </si>
  <si>
    <t>581.5</t>
  </si>
  <si>
    <t>48.84</t>
  </si>
  <si>
    <t>648.990465476274</t>
  </si>
  <si>
    <t>10264122.0</t>
  </si>
  <si>
    <t>33583.0</t>
  </si>
  <si>
    <t>11455.404</t>
  </si>
  <si>
    <t>61316.0</t>
  </si>
  <si>
    <t>68.433</t>
  </si>
  <si>
    <t>994390.0</t>
  </si>
  <si>
    <t>534809.0</t>
  </si>
  <si>
    <t>459581.0</t>
  </si>
  <si>
    <t>59.69</t>
  </si>
  <si>
    <t>10325711.0</t>
  </si>
  <si>
    <t>61589.0</t>
  </si>
  <si>
    <t>11524.141</t>
  </si>
  <si>
    <t>68.737</t>
  </si>
  <si>
    <t>60819.0</t>
  </si>
  <si>
    <t>67.878</t>
  </si>
  <si>
    <t>1001047.0</t>
  </si>
  <si>
    <t>537939.0</t>
  </si>
  <si>
    <t>463108.0</t>
  </si>
  <si>
    <t>10387173.0</t>
  </si>
  <si>
    <t>61462.0</t>
  </si>
  <si>
    <t>11592.736</t>
  </si>
  <si>
    <t>68.595</t>
  </si>
  <si>
    <t>59503.0</t>
  </si>
  <si>
    <t>66.409</t>
  </si>
  <si>
    <t>1007555.0</t>
  </si>
  <si>
    <t>541654.0</t>
  </si>
  <si>
    <t>465901.0</t>
  </si>
  <si>
    <t>10423314.0</t>
  </si>
  <si>
    <t>36141.0</t>
  </si>
  <si>
    <t>11633.072</t>
  </si>
  <si>
    <t>54919.0</t>
  </si>
  <si>
    <t>61.293</t>
  </si>
  <si>
    <t>1014151.0</t>
  </si>
  <si>
    <t>544375.0</t>
  </si>
  <si>
    <t>469776.0</t>
  </si>
  <si>
    <t>6596.0</t>
  </si>
  <si>
    <t>113.19</t>
  </si>
  <si>
    <t>10482592.0</t>
  </si>
  <si>
    <t>59278.0</t>
  </si>
  <si>
    <t>11699.23</t>
  </si>
  <si>
    <t>66.158</t>
  </si>
  <si>
    <t>58.926</t>
  </si>
  <si>
    <t>10544475.0</t>
  </si>
  <si>
    <t>61883.0</t>
  </si>
  <si>
    <t>11768.295</t>
  </si>
  <si>
    <t>69.065</t>
  </si>
  <si>
    <t>48170.0</t>
  </si>
  <si>
    <t>53.761</t>
  </si>
  <si>
    <t>1021406.0</t>
  </si>
  <si>
    <t>547497.0</t>
  </si>
  <si>
    <t>473909.0</t>
  </si>
  <si>
    <t>10579671.0</t>
  </si>
  <si>
    <t>35196.0</t>
  </si>
  <si>
    <t>11807.576</t>
  </si>
  <si>
    <t>39.281</t>
  </si>
  <si>
    <t>49876.0</t>
  </si>
  <si>
    <t>55.665</t>
  </si>
  <si>
    <t>644.6</t>
  </si>
  <si>
    <t>719.414022435093</t>
  </si>
  <si>
    <t>10622098.0</t>
  </si>
  <si>
    <t>42427.0</t>
  </si>
  <si>
    <t>11854.927</t>
  </si>
  <si>
    <t>47.351</t>
  </si>
  <si>
    <t>57.074</t>
  </si>
  <si>
    <t>1027680.0</t>
  </si>
  <si>
    <t>550138.0</t>
  </si>
  <si>
    <t>477542.0</t>
  </si>
  <si>
    <t>10684653.0</t>
  </si>
  <si>
    <t>62555.0</t>
  </si>
  <si>
    <t>11924.743</t>
  </si>
  <si>
    <t>69.815</t>
  </si>
  <si>
    <t>51277.0</t>
  </si>
  <si>
    <t>57.228</t>
  </si>
  <si>
    <t>1032223.0</t>
  </si>
  <si>
    <t>551313.0</t>
  </si>
  <si>
    <t>480910.0</t>
  </si>
  <si>
    <t>4454.0</t>
  </si>
  <si>
    <t>10738902.0</t>
  </si>
  <si>
    <t>54249.0</t>
  </si>
  <si>
    <t>11985.288</t>
  </si>
  <si>
    <t>60.545</t>
  </si>
  <si>
    <t>50247.0</t>
  </si>
  <si>
    <t>1036664.0</t>
  </si>
  <si>
    <t>552214.0</t>
  </si>
  <si>
    <t>484450.0</t>
  </si>
  <si>
    <t>10792386.0</t>
  </si>
  <si>
    <t>12044.98</t>
  </si>
  <si>
    <t>59.691</t>
  </si>
  <si>
    <t>58.844</t>
  </si>
  <si>
    <t>1040915.0</t>
  </si>
  <si>
    <t>553943.0</t>
  </si>
  <si>
    <t>486972.0</t>
  </si>
  <si>
    <t>116.17</t>
  </si>
  <si>
    <t>10846559.0</t>
  </si>
  <si>
    <t>54173.0</t>
  </si>
  <si>
    <t>12105.44</t>
  </si>
  <si>
    <t>51995.0</t>
  </si>
  <si>
    <t>1047310.0</t>
  </si>
  <si>
    <t>556568.0</t>
  </si>
  <si>
    <t>490742.0</t>
  </si>
  <si>
    <t>116.89</t>
  </si>
  <si>
    <t>272.319</t>
  </si>
  <si>
    <t>10901055.0</t>
  </si>
  <si>
    <t>54496.0</t>
  </si>
  <si>
    <t>12166.261</t>
  </si>
  <si>
    <t>60.821</t>
  </si>
  <si>
    <t>50940.0</t>
  </si>
  <si>
    <t>56.852</t>
  </si>
  <si>
    <t>10915063.0</t>
  </si>
  <si>
    <t>12181.895</t>
  </si>
  <si>
    <t>15.634</t>
  </si>
  <si>
    <t>47913.0</t>
  </si>
  <si>
    <t>53.474</t>
  </si>
  <si>
    <t>780.685865177393</t>
  </si>
  <si>
    <t>10959437.0</t>
  </si>
  <si>
    <t>12231.419</t>
  </si>
  <si>
    <t>49.524</t>
  </si>
  <si>
    <t>48191.0</t>
  </si>
  <si>
    <t>53.784</t>
  </si>
  <si>
    <t>1051470.0</t>
  </si>
  <si>
    <t>557676.0</t>
  </si>
  <si>
    <t>493794.0</t>
  </si>
  <si>
    <t>11020827.0</t>
  </si>
  <si>
    <t>61390.0</t>
  </si>
  <si>
    <t>12299.934</t>
  </si>
  <si>
    <t>68.515</t>
  </si>
  <si>
    <t>53.599</t>
  </si>
  <si>
    <t>1056083.0</t>
  </si>
  <si>
    <t>558543.0</t>
  </si>
  <si>
    <t>497540.0</t>
  </si>
  <si>
    <t>11065302.0</t>
  </si>
  <si>
    <t>44475.0</t>
  </si>
  <si>
    <t>12349.571</t>
  </si>
  <si>
    <t>49.637</t>
  </si>
  <si>
    <t>46629.0</t>
  </si>
  <si>
    <t>52.041</t>
  </si>
  <si>
    <t>1060680.0</t>
  </si>
  <si>
    <t>561189.0</t>
  </si>
  <si>
    <t>499491.0</t>
  </si>
  <si>
    <t>11113522.0</t>
  </si>
  <si>
    <t>48220.0</t>
  </si>
  <si>
    <t>12403.387</t>
  </si>
  <si>
    <t>53.817</t>
  </si>
  <si>
    <t>45877.0</t>
  </si>
  <si>
    <t>51.202</t>
  </si>
  <si>
    <t>11161582.0</t>
  </si>
  <si>
    <t>48060.0</t>
  </si>
  <si>
    <t>12457.025</t>
  </si>
  <si>
    <t>53.638</t>
  </si>
  <si>
    <t>50.226</t>
  </si>
  <si>
    <t>1068962.0</t>
  </si>
  <si>
    <t>564903.0</t>
  </si>
  <si>
    <t>504059.0</t>
  </si>
  <si>
    <t>11213081.0</t>
  </si>
  <si>
    <t>51499.0</t>
  </si>
  <si>
    <t>12514.502</t>
  </si>
  <si>
    <t>57.476</t>
  </si>
  <si>
    <t>49.748</t>
  </si>
  <si>
    <t>1069123.0</t>
  </si>
  <si>
    <t>564904.0</t>
  </si>
  <si>
    <t>504219.0</t>
  </si>
  <si>
    <t>119.32</t>
  </si>
  <si>
    <t>11245172.0</t>
  </si>
  <si>
    <t>32091.0</t>
  </si>
  <si>
    <t>12550.317</t>
  </si>
  <si>
    <t>35.816</t>
  </si>
  <si>
    <t>47158.0</t>
  </si>
  <si>
    <t>52.631</t>
  </si>
  <si>
    <t>731.4</t>
  </si>
  <si>
    <t>816.288265605068</t>
  </si>
  <si>
    <t>11297171.0</t>
  </si>
  <si>
    <t>51999.0</t>
  </si>
  <si>
    <t>12608.351</t>
  </si>
  <si>
    <t>58.034</t>
  </si>
  <si>
    <t>48248.0</t>
  </si>
  <si>
    <t>53.848</t>
  </si>
  <si>
    <t>11349625.0</t>
  </si>
  <si>
    <t>52454.0</t>
  </si>
  <si>
    <t>12666.893</t>
  </si>
  <si>
    <t>58.542</t>
  </si>
  <si>
    <t>46971.0</t>
  </si>
  <si>
    <t>52.423</t>
  </si>
  <si>
    <t>11389203.0</t>
  </si>
  <si>
    <t>39578.0</t>
  </si>
  <si>
    <t>12711.065</t>
  </si>
  <si>
    <t>44.172</t>
  </si>
  <si>
    <t>46272.0</t>
  </si>
  <si>
    <t>51.642</t>
  </si>
  <si>
    <t>11434585.0</t>
  </si>
  <si>
    <t>45382.0</t>
  </si>
  <si>
    <t>12761.714</t>
  </si>
  <si>
    <t>50.649</t>
  </si>
  <si>
    <t>45866.0</t>
  </si>
  <si>
    <t>51.189</t>
  </si>
  <si>
    <t>1085014.0</t>
  </si>
  <si>
    <t>570003.0</t>
  </si>
  <si>
    <t>515011.0</t>
  </si>
  <si>
    <t>121.09</t>
  </si>
  <si>
    <t>11469072.0</t>
  </si>
  <si>
    <t>34487.0</t>
  </si>
  <si>
    <t>12800.204</t>
  </si>
  <si>
    <t>43927.0</t>
  </si>
  <si>
    <t>49.025</t>
  </si>
  <si>
    <t>11516794.0</t>
  </si>
  <si>
    <t>47722.0</t>
  </si>
  <si>
    <t>12853.464</t>
  </si>
  <si>
    <t>53.261</t>
  </si>
  <si>
    <t>43388.0</t>
  </si>
  <si>
    <t>48.424</t>
  </si>
  <si>
    <t>11546821.0</t>
  </si>
  <si>
    <t>12886.976</t>
  </si>
  <si>
    <t>33.512</t>
  </si>
  <si>
    <t>43093.0</t>
  </si>
  <si>
    <t>48.094</t>
  </si>
  <si>
    <t>771.7</t>
  </si>
  <si>
    <t>861.265592791128</t>
  </si>
  <si>
    <t>11600398.0</t>
  </si>
  <si>
    <t>53577.0</t>
  </si>
  <si>
    <t>12946.772</t>
  </si>
  <si>
    <t>59.795</t>
  </si>
  <si>
    <t>43318.0</t>
  </si>
  <si>
    <t>48.346</t>
  </si>
  <si>
    <t>1094400.0</t>
  </si>
  <si>
    <t>573924.0</t>
  </si>
  <si>
    <t>520476.0</t>
  </si>
  <si>
    <t>122.14</t>
  </si>
  <si>
    <t>11650739.0</t>
  </si>
  <si>
    <t>50341.0</t>
  </si>
  <si>
    <t>13002.955</t>
  </si>
  <si>
    <t>56.184</t>
  </si>
  <si>
    <t>43016.0</t>
  </si>
  <si>
    <t>48.009</t>
  </si>
  <si>
    <t>11695659.0</t>
  </si>
  <si>
    <t>44920.0</t>
  </si>
  <si>
    <t>13053.089</t>
  </si>
  <si>
    <t>50.134</t>
  </si>
  <si>
    <t>575773.0</t>
  </si>
  <si>
    <t>522561.0</t>
  </si>
  <si>
    <t>11748417.0</t>
  </si>
  <si>
    <t>52758.0</t>
  </si>
  <si>
    <t>13111.97</t>
  </si>
  <si>
    <t>58.881</t>
  </si>
  <si>
    <t>50.036</t>
  </si>
  <si>
    <t>1101034.0</t>
  </si>
  <si>
    <t>576637.0</t>
  </si>
  <si>
    <t>524397.0</t>
  </si>
  <si>
    <t>11808386.0</t>
  </si>
  <si>
    <t>59969.0</t>
  </si>
  <si>
    <t>13178.899</t>
  </si>
  <si>
    <t>66.929</t>
  </si>
  <si>
    <t>48473.0</t>
  </si>
  <si>
    <t>54.099</t>
  </si>
  <si>
    <t>1105484.0</t>
  </si>
  <si>
    <t>578477.0</t>
  </si>
  <si>
    <t>527007.0</t>
  </si>
  <si>
    <t>123.38</t>
  </si>
  <si>
    <t>11863878.0</t>
  </si>
  <si>
    <t>55492.0</t>
  </si>
  <si>
    <t>13240.832</t>
  </si>
  <si>
    <t>61.933</t>
  </si>
  <si>
    <t>49583.0</t>
  </si>
  <si>
    <t>55.338</t>
  </si>
  <si>
    <t>198.6</t>
  </si>
  <si>
    <t>11893711.0</t>
  </si>
  <si>
    <t>29833.0</t>
  </si>
  <si>
    <t>13274.127</t>
  </si>
  <si>
    <t>33.295</t>
  </si>
  <si>
    <t>55.308</t>
  </si>
  <si>
    <t>799.4</t>
  </si>
  <si>
    <t>892.180529839611</t>
  </si>
  <si>
    <t>11967803.0</t>
  </si>
  <si>
    <t>74092.0</t>
  </si>
  <si>
    <t>13356.819</t>
  </si>
  <si>
    <t>82.691</t>
  </si>
  <si>
    <t>52486.0</t>
  </si>
  <si>
    <t>58.578</t>
  </si>
  <si>
    <t>207.7</t>
  </si>
  <si>
    <t>1110044.0</t>
  </si>
  <si>
    <t>581422.0</t>
  </si>
  <si>
    <t>528622.0</t>
  </si>
  <si>
    <t>123.89</t>
  </si>
  <si>
    <t>12013515.0</t>
  </si>
  <si>
    <t>13407.836</t>
  </si>
  <si>
    <t>51.017</t>
  </si>
  <si>
    <t>51825.0</t>
  </si>
  <si>
    <t>12062103.0</t>
  </si>
  <si>
    <t>48588.0</t>
  </si>
  <si>
    <t>13462.063</t>
  </si>
  <si>
    <t>54.227</t>
  </si>
  <si>
    <t>52349.0</t>
  </si>
  <si>
    <t>1115513.0</t>
  </si>
  <si>
    <t>583768.0</t>
  </si>
  <si>
    <t>531745.0</t>
  </si>
  <si>
    <t>12119059.0</t>
  </si>
  <si>
    <t>56956.0</t>
  </si>
  <si>
    <t>13525.63</t>
  </si>
  <si>
    <t>63.566</t>
  </si>
  <si>
    <t>59.094</t>
  </si>
  <si>
    <t>1117393.0</t>
  </si>
  <si>
    <t>584336.0</t>
  </si>
  <si>
    <t>533057.0</t>
  </si>
  <si>
    <t>12175727.0</t>
  </si>
  <si>
    <t>13588.875</t>
  </si>
  <si>
    <t>63.245</t>
  </si>
  <si>
    <t>52477.0</t>
  </si>
  <si>
    <t>58.568</t>
  </si>
  <si>
    <t>12246355.0</t>
  </si>
  <si>
    <t>70628.0</t>
  </si>
  <si>
    <t>13667.7</t>
  </si>
  <si>
    <t>78.825</t>
  </si>
  <si>
    <t>54640.0</t>
  </si>
  <si>
    <t>60.982</t>
  </si>
  <si>
    <t>279.4</t>
  </si>
  <si>
    <t>1121722.0</t>
  </si>
  <si>
    <t>586138.0</t>
  </si>
  <si>
    <t>535584.0</t>
  </si>
  <si>
    <t>125.19</t>
  </si>
  <si>
    <t>12289833.0</t>
  </si>
  <si>
    <t>13716.224</t>
  </si>
  <si>
    <t>48.524</t>
  </si>
  <si>
    <t>56589.0</t>
  </si>
  <si>
    <t>912.158052336645</t>
  </si>
  <si>
    <t>12366746.0</t>
  </si>
  <si>
    <t>76913.0</t>
  </si>
  <si>
    <t>13802.064</t>
  </si>
  <si>
    <t>63.607</t>
  </si>
  <si>
    <t>1124786.0</t>
  </si>
  <si>
    <t>587429.0</t>
  </si>
  <si>
    <t>537357.0</t>
  </si>
  <si>
    <t>12395282.0</t>
  </si>
  <si>
    <t>13833.912</t>
  </si>
  <si>
    <t>31.848</t>
  </si>
  <si>
    <t>54538.0</t>
  </si>
  <si>
    <t>60.868</t>
  </si>
  <si>
    <t>347.4</t>
  </si>
  <si>
    <t>1126551.0</t>
  </si>
  <si>
    <t>588112.0</t>
  </si>
  <si>
    <t>538439.0</t>
  </si>
  <si>
    <t>125.73</t>
  </si>
  <si>
    <t>12470927.0</t>
  </si>
  <si>
    <t>75645.0</t>
  </si>
  <si>
    <t>13918.337</t>
  </si>
  <si>
    <t>84.425</t>
  </si>
  <si>
    <t>58403.0</t>
  </si>
  <si>
    <t>65.181</t>
  </si>
  <si>
    <t>401.2</t>
  </si>
  <si>
    <t>1127991.0</t>
  </si>
  <si>
    <t>588545.0</t>
  </si>
  <si>
    <t>12522182.0</t>
  </si>
  <si>
    <t>51255.0</t>
  </si>
  <si>
    <t>13975.54</t>
  </si>
  <si>
    <t>57.204</t>
  </si>
  <si>
    <t>57589.0</t>
  </si>
  <si>
    <t>64.273</t>
  </si>
  <si>
    <t>377.8</t>
  </si>
  <si>
    <t>1129665.0</t>
  </si>
  <si>
    <t>589098.0</t>
  </si>
  <si>
    <t>540567.0</t>
  </si>
  <si>
    <t>126.08</t>
  </si>
  <si>
    <t>12586472.0</t>
  </si>
  <si>
    <t>14047.292</t>
  </si>
  <si>
    <t>71.752</t>
  </si>
  <si>
    <t>58678.0</t>
  </si>
  <si>
    <t>65.488</t>
  </si>
  <si>
    <t>403.9</t>
  </si>
  <si>
    <t>12639944.0</t>
  </si>
  <si>
    <t>53472.0</t>
  </si>
  <si>
    <t>14106.97</t>
  </si>
  <si>
    <t>59.678</t>
  </si>
  <si>
    <t>56227.0</t>
  </si>
  <si>
    <t>62.753</t>
  </si>
  <si>
    <t>382.9</t>
  </si>
  <si>
    <t>12680530.0</t>
  </si>
  <si>
    <t>14152.267</t>
  </si>
  <si>
    <t>55814.0</t>
  </si>
  <si>
    <t>62.292</t>
  </si>
  <si>
    <t>378.6</t>
  </si>
  <si>
    <t>930.796299582481</t>
  </si>
  <si>
    <t>12745004.0</t>
  </si>
  <si>
    <t>64474.0</t>
  </si>
  <si>
    <t>14224.224</t>
  </si>
  <si>
    <t>71.957</t>
  </si>
  <si>
    <t>60.309</t>
  </si>
  <si>
    <t>368.7</t>
  </si>
  <si>
    <t>12798939.0</t>
  </si>
  <si>
    <t>53935.0</t>
  </si>
  <si>
    <t>14284.419</t>
  </si>
  <si>
    <t>60.195</t>
  </si>
  <si>
    <t>57665.0</t>
  </si>
  <si>
    <t>64.358</t>
  </si>
  <si>
    <t>394.6</t>
  </si>
  <si>
    <t>1141805.0</t>
  </si>
  <si>
    <t>592186.0</t>
  </si>
  <si>
    <t>545946.0</t>
  </si>
  <si>
    <t>12849518.0</t>
  </si>
  <si>
    <t>50579.0</t>
  </si>
  <si>
    <t>14340.868</t>
  </si>
  <si>
    <t>56.449</t>
  </si>
  <si>
    <t>54084.0</t>
  </si>
  <si>
    <t>60.361</t>
  </si>
  <si>
    <t>373.4</t>
  </si>
  <si>
    <t>1144151.0</t>
  </si>
  <si>
    <t>592382.0</t>
  </si>
  <si>
    <t>546812.0</t>
  </si>
  <si>
    <t>12906842.0</t>
  </si>
  <si>
    <t>57324.0</t>
  </si>
  <si>
    <t>14404.845</t>
  </si>
  <si>
    <t>63.977</t>
  </si>
  <si>
    <t>54951.0</t>
  </si>
  <si>
    <t>61.329</t>
  </si>
  <si>
    <t>432.2</t>
  </si>
  <si>
    <t>1146345.0</t>
  </si>
  <si>
    <t>592694.0</t>
  </si>
  <si>
    <t>547741.0</t>
  </si>
  <si>
    <t>12967120.0</t>
  </si>
  <si>
    <t>60278.0</t>
  </si>
  <si>
    <t>14472.119</t>
  </si>
  <si>
    <t>67.274</t>
  </si>
  <si>
    <t>417.8</t>
  </si>
  <si>
    <t>13019547.0</t>
  </si>
  <si>
    <t>52427.0</t>
  </si>
  <si>
    <t>14530.631</t>
  </si>
  <si>
    <t>58.512</t>
  </si>
  <si>
    <t>54229.0</t>
  </si>
  <si>
    <t>60.523</t>
  </si>
  <si>
    <t>437.8</t>
  </si>
  <si>
    <t>13060013.0</t>
  </si>
  <si>
    <t>40466.0</t>
  </si>
  <si>
    <t>14575.793</t>
  </si>
  <si>
    <t>45.163</t>
  </si>
  <si>
    <t>54212.0</t>
  </si>
  <si>
    <t>60.504</t>
  </si>
  <si>
    <t>459.4</t>
  </si>
  <si>
    <t>946.309571242189</t>
  </si>
  <si>
    <t>13125839.0</t>
  </si>
  <si>
    <t>65826.0</t>
  </si>
  <si>
    <t>14649.259</t>
  </si>
  <si>
    <t>73.466</t>
  </si>
  <si>
    <t>54405.0</t>
  </si>
  <si>
    <t>1155490.0</t>
  </si>
  <si>
    <t>594545.0</t>
  </si>
  <si>
    <t>552465.0</t>
  </si>
  <si>
    <t>128.96</t>
  </si>
  <si>
    <t>13177812.0</t>
  </si>
  <si>
    <t>51973.0</t>
  </si>
  <si>
    <t>14707.265</t>
  </si>
  <si>
    <t>58.005</t>
  </si>
  <si>
    <t>54125.0</t>
  </si>
  <si>
    <t>60.407</t>
  </si>
  <si>
    <t>479.6</t>
  </si>
  <si>
    <t>13224159.0</t>
  </si>
  <si>
    <t>14758.991</t>
  </si>
  <si>
    <t>51.726</t>
  </si>
  <si>
    <t>53520.0</t>
  </si>
  <si>
    <t>59.732</t>
  </si>
  <si>
    <t>474.2</t>
  </si>
  <si>
    <t>1161031.0</t>
  </si>
  <si>
    <t>594999.0</t>
  </si>
  <si>
    <t>554686.0</t>
  </si>
  <si>
    <t>13286454.0</t>
  </si>
  <si>
    <t>62295.0</t>
  </si>
  <si>
    <t>14828.516</t>
  </si>
  <si>
    <t>69.525</t>
  </si>
  <si>
    <t>54230.0</t>
  </si>
  <si>
    <t>60.524</t>
  </si>
  <si>
    <t>470.4</t>
  </si>
  <si>
    <t>13313106.0</t>
  </si>
  <si>
    <t>26652.0</t>
  </si>
  <si>
    <t>14858.261</t>
  </si>
  <si>
    <t>29.745</t>
  </si>
  <si>
    <t>55.164</t>
  </si>
  <si>
    <t>437.4</t>
  </si>
  <si>
    <t>13368182.0</t>
  </si>
  <si>
    <t>55076.0</t>
  </si>
  <si>
    <t>14919.729</t>
  </si>
  <si>
    <t>49805.0</t>
  </si>
  <si>
    <t>55.586</t>
  </si>
  <si>
    <t>1165198.0</t>
  </si>
  <si>
    <t>596199.0</t>
  </si>
  <si>
    <t>556852.0</t>
  </si>
  <si>
    <t>13410854.0</t>
  </si>
  <si>
    <t>42672.0</t>
  </si>
  <si>
    <t>14967.354</t>
  </si>
  <si>
    <t>47.625</t>
  </si>
  <si>
    <t>601.8</t>
  </si>
  <si>
    <t>965.394243571758</t>
  </si>
  <si>
    <t>13474677.0</t>
  </si>
  <si>
    <t>63823.0</t>
  </si>
  <si>
    <t>15038.585</t>
  </si>
  <si>
    <t>55.618</t>
  </si>
  <si>
    <t>477.2</t>
  </si>
  <si>
    <t>13528287.0</t>
  </si>
  <si>
    <t>53610.0</t>
  </si>
  <si>
    <t>15098.417</t>
  </si>
  <si>
    <t>59.832</t>
  </si>
  <si>
    <t>55.879</t>
  </si>
  <si>
    <t>492.2</t>
  </si>
  <si>
    <t>1171214.0</t>
  </si>
  <si>
    <t>596887.0</t>
  </si>
  <si>
    <t>559121.0</t>
  </si>
  <si>
    <t>13575212.0</t>
  </si>
  <si>
    <t>46925.0</t>
  </si>
  <si>
    <t>15150.788</t>
  </si>
  <si>
    <t>52.371</t>
  </si>
  <si>
    <t>50150.0</t>
  </si>
  <si>
    <t>55.971</t>
  </si>
  <si>
    <t>473.8</t>
  </si>
  <si>
    <t>13631719.0</t>
  </si>
  <si>
    <t>15213.853</t>
  </si>
  <si>
    <t>49324.0</t>
  </si>
  <si>
    <t>55.049</t>
  </si>
  <si>
    <t>480.9</t>
  </si>
  <si>
    <t>1176888.0</t>
  </si>
  <si>
    <t>597414.0</t>
  </si>
  <si>
    <t>560123.0</t>
  </si>
  <si>
    <t>13687132.0</t>
  </si>
  <si>
    <t>55413.0</t>
  </si>
  <si>
    <t>15275.698</t>
  </si>
  <si>
    <t>61.844</t>
  </si>
  <si>
    <t>53432.0</t>
  </si>
  <si>
    <t>59.633</t>
  </si>
  <si>
    <t>519.5</t>
  </si>
  <si>
    <t>13733178.0</t>
  </si>
  <si>
    <t>15327.088</t>
  </si>
  <si>
    <t>58.194</t>
  </si>
  <si>
    <t>506.9</t>
  </si>
  <si>
    <t>13771980.0</t>
  </si>
  <si>
    <t>38802.0</t>
  </si>
  <si>
    <t>15370.393</t>
  </si>
  <si>
    <t>43.305</t>
  </si>
  <si>
    <t>51589.0</t>
  </si>
  <si>
    <t>57.577</t>
  </si>
  <si>
    <t>501.6</t>
  </si>
  <si>
    <t>1182072.0</t>
  </si>
  <si>
    <t>598723.0</t>
  </si>
  <si>
    <t>562207.0</t>
  </si>
  <si>
    <t>21142.0</t>
  </si>
  <si>
    <t>876.1</t>
  </si>
  <si>
    <t>977.782539645338</t>
  </si>
  <si>
    <t>13835984.0</t>
  </si>
  <si>
    <t>15441.826</t>
  </si>
  <si>
    <t>71.432</t>
  </si>
  <si>
    <t>57.606</t>
  </si>
  <si>
    <t>417.2</t>
  </si>
  <si>
    <t>1186491.0</t>
  </si>
  <si>
    <t>599052.0</t>
  </si>
  <si>
    <t>563053.0</t>
  </si>
  <si>
    <t>24386.0</t>
  </si>
  <si>
    <t>4419.0</t>
  </si>
  <si>
    <t>62.84</t>
  </si>
  <si>
    <t>13889259.0</t>
  </si>
  <si>
    <t>53275.0</t>
  </si>
  <si>
    <t>15501.284</t>
  </si>
  <si>
    <t>59.458</t>
  </si>
  <si>
    <t>57.552</t>
  </si>
  <si>
    <t>392.8</t>
  </si>
  <si>
    <t>1188888.0</t>
  </si>
  <si>
    <t>599337.0</t>
  </si>
  <si>
    <t>563454.0</t>
  </si>
  <si>
    <t>26097.0</t>
  </si>
  <si>
    <t>13935404.0</t>
  </si>
  <si>
    <t>46145.0</t>
  </si>
  <si>
    <t>15552.785</t>
  </si>
  <si>
    <t>51.501</t>
  </si>
  <si>
    <t>51456.0</t>
  </si>
  <si>
    <t>57.428</t>
  </si>
  <si>
    <t>383.6</t>
  </si>
  <si>
    <t>13989512.0</t>
  </si>
  <si>
    <t>54108.0</t>
  </si>
  <si>
    <t>15613.173</t>
  </si>
  <si>
    <t>60.388</t>
  </si>
  <si>
    <t>51113.0</t>
  </si>
  <si>
    <t>57.045</t>
  </si>
  <si>
    <t>364.7</t>
  </si>
  <si>
    <t>1193859.0</t>
  </si>
  <si>
    <t>599781.0</t>
  </si>
  <si>
    <t>564181.0</t>
  </si>
  <si>
    <t>29897.0</t>
  </si>
  <si>
    <t>62.97</t>
  </si>
  <si>
    <t>14043313.0</t>
  </si>
  <si>
    <t>53801.0</t>
  </si>
  <si>
    <t>15673.218</t>
  </si>
  <si>
    <t>50883.0</t>
  </si>
  <si>
    <t>56.789</t>
  </si>
  <si>
    <t>355.1</t>
  </si>
  <si>
    <t>14087773.0</t>
  </si>
  <si>
    <t>44460.0</t>
  </si>
  <si>
    <t>15722.838</t>
  </si>
  <si>
    <t>50656.0</t>
  </si>
  <si>
    <t>56.535</t>
  </si>
  <si>
    <t>353.5</t>
  </si>
  <si>
    <t>14126400.0</t>
  </si>
  <si>
    <t>38627.0</t>
  </si>
  <si>
    <t>15765.948</t>
  </si>
  <si>
    <t>50631.0</t>
  </si>
  <si>
    <t>56.507</t>
  </si>
  <si>
    <t>353.4</t>
  </si>
  <si>
    <t>897.2</t>
  </si>
  <si>
    <t>1001.33146281223</t>
  </si>
  <si>
    <t>14193354.0</t>
  </si>
  <si>
    <t>66954.0</t>
  </si>
  <si>
    <t>15840.673</t>
  </si>
  <si>
    <t>74.725</t>
  </si>
  <si>
    <t>51053.0</t>
  </si>
  <si>
    <t>56.978</t>
  </si>
  <si>
    <t>358.1</t>
  </si>
  <si>
    <t>14246148.0</t>
  </si>
  <si>
    <t>52794.0</t>
  </si>
  <si>
    <t>15899.595</t>
  </si>
  <si>
    <t>58.921</t>
  </si>
  <si>
    <t>56.901</t>
  </si>
  <si>
    <t>1201394.0</t>
  </si>
  <si>
    <t>601435.0</t>
  </si>
  <si>
    <t>566531.0</t>
  </si>
  <si>
    <t>33428.0</t>
  </si>
  <si>
    <t>134.08</t>
  </si>
  <si>
    <t>14292515.0</t>
  </si>
  <si>
    <t>46367.0</t>
  </si>
  <si>
    <t>15951.343</t>
  </si>
  <si>
    <t>51.748</t>
  </si>
  <si>
    <t>51016.0</t>
  </si>
  <si>
    <t>56.937</t>
  </si>
  <si>
    <t>1203326.0</t>
  </si>
  <si>
    <t>601675.0</t>
  </si>
  <si>
    <t>566820.0</t>
  </si>
  <si>
    <t>34831.0</t>
  </si>
  <si>
    <t>14347937.0</t>
  </si>
  <si>
    <t>55422.0</t>
  </si>
  <si>
    <t>16013.197</t>
  </si>
  <si>
    <t>61.854</t>
  </si>
  <si>
    <t>51204.0</t>
  </si>
  <si>
    <t>57.147</t>
  </si>
  <si>
    <t>354.9</t>
  </si>
  <si>
    <t>14402955.0</t>
  </si>
  <si>
    <t>16074.601</t>
  </si>
  <si>
    <t>61.404</t>
  </si>
  <si>
    <t>51377.0</t>
  </si>
  <si>
    <t>14448511.0</t>
  </si>
  <si>
    <t>16125.444</t>
  </si>
  <si>
    <t>50.843</t>
  </si>
  <si>
    <t>51534.0</t>
  </si>
  <si>
    <t>57.515</t>
  </si>
  <si>
    <t>360.4</t>
  </si>
  <si>
    <t>14486650.0</t>
  </si>
  <si>
    <t>38139.0</t>
  </si>
  <si>
    <t>16168.01</t>
  </si>
  <si>
    <t>51464.0</t>
  </si>
  <si>
    <t>57.437</t>
  </si>
  <si>
    <t>359.9</t>
  </si>
  <si>
    <t>911.9</t>
  </si>
  <si>
    <t>1017.73758463941</t>
  </si>
  <si>
    <t>14547648.0</t>
  </si>
  <si>
    <t>60998.0</t>
  </si>
  <si>
    <t>16236.087</t>
  </si>
  <si>
    <t>68.078</t>
  </si>
  <si>
    <t>56.487</t>
  </si>
  <si>
    <t>356.1</t>
  </si>
  <si>
    <t>603580.0</t>
  </si>
  <si>
    <t>568285.0</t>
  </si>
  <si>
    <t>37535.0</t>
  </si>
  <si>
    <t>134.98</t>
  </si>
  <si>
    <t>14599540.0</t>
  </si>
  <si>
    <t>51892.0</t>
  </si>
  <si>
    <t>16294.002</t>
  </si>
  <si>
    <t>57.915</t>
  </si>
  <si>
    <t>50485.0</t>
  </si>
  <si>
    <t>56.344</t>
  </si>
  <si>
    <t>347.1</t>
  </si>
  <si>
    <t>14654683.0</t>
  </si>
  <si>
    <t>16355.545</t>
  </si>
  <si>
    <t>61.543</t>
  </si>
  <si>
    <t>51738.0</t>
  </si>
  <si>
    <t>57.743</t>
  </si>
  <si>
    <t>1212476.0</t>
  </si>
  <si>
    <t>604160.0</t>
  </si>
  <si>
    <t>569040.0</t>
  </si>
  <si>
    <t>135.32</t>
  </si>
  <si>
    <t>14678876.0</t>
  </si>
  <si>
    <t>24193.0</t>
  </si>
  <si>
    <t>16382.546</t>
  </si>
  <si>
    <t>27.001</t>
  </si>
  <si>
    <t>47277.0</t>
  </si>
  <si>
    <t>52.764</t>
  </si>
  <si>
    <t>313.4</t>
  </si>
  <si>
    <t>14736614.0</t>
  </si>
  <si>
    <t>57738.0</t>
  </si>
  <si>
    <t>16446.985</t>
  </si>
  <si>
    <t>64.439</t>
  </si>
  <si>
    <t>47666.0</t>
  </si>
  <si>
    <t>53.198</t>
  </si>
  <si>
    <t>326.8</t>
  </si>
  <si>
    <t>14783211.0</t>
  </si>
  <si>
    <t>46597.0</t>
  </si>
  <si>
    <t>16498.991</t>
  </si>
  <si>
    <t>52.005</t>
  </si>
  <si>
    <t>47814.0</t>
  </si>
  <si>
    <t>53.363</t>
  </si>
  <si>
    <t>327.8</t>
  </si>
  <si>
    <t>1215697.0</t>
  </si>
  <si>
    <t>605307.0</t>
  </si>
  <si>
    <t>570471.0</t>
  </si>
  <si>
    <t>39919.0</t>
  </si>
  <si>
    <t>135.68</t>
  </si>
  <si>
    <t>14821765.0</t>
  </si>
  <si>
    <t>38554.0</t>
  </si>
  <si>
    <t>16542.019</t>
  </si>
  <si>
    <t>43.029</t>
  </si>
  <si>
    <t>47874.0</t>
  </si>
  <si>
    <t>328.2</t>
  </si>
  <si>
    <t>920.4</t>
  </si>
  <si>
    <t>1027.22411766872</t>
  </si>
  <si>
    <t>14887713.0</t>
  </si>
  <si>
    <t>65948.0</t>
  </si>
  <si>
    <t>16615.621</t>
  </si>
  <si>
    <t>73.602</t>
  </si>
  <si>
    <t>48581.0</t>
  </si>
  <si>
    <t>54.219</t>
  </si>
  <si>
    <t>14939851.0</t>
  </si>
  <si>
    <t>16673.811</t>
  </si>
  <si>
    <t>58.189</t>
  </si>
  <si>
    <t>48616.0</t>
  </si>
  <si>
    <t>54.259</t>
  </si>
  <si>
    <t>288.9</t>
  </si>
  <si>
    <t>1217786.0</t>
  </si>
  <si>
    <t>605582.0</t>
  </si>
  <si>
    <t>571052.0</t>
  </si>
  <si>
    <t>135.91</t>
  </si>
  <si>
    <t>14988919.0</t>
  </si>
  <si>
    <t>49068.0</t>
  </si>
  <si>
    <t>16728.574</t>
  </si>
  <si>
    <t>54.763</t>
  </si>
  <si>
    <t>47748.0</t>
  </si>
  <si>
    <t>264.2</t>
  </si>
  <si>
    <t>1220677.0</t>
  </si>
  <si>
    <t>606082.0</t>
  </si>
  <si>
    <t>571594.0</t>
  </si>
  <si>
    <t>43001.0</t>
  </si>
  <si>
    <t>15044426.0</t>
  </si>
  <si>
    <t>55507.0</t>
  </si>
  <si>
    <t>16790.523</t>
  </si>
  <si>
    <t>61.949</t>
  </si>
  <si>
    <t>52221.0</t>
  </si>
  <si>
    <t>58.282</t>
  </si>
  <si>
    <t>1223157.0</t>
  </si>
  <si>
    <t>606482.0</t>
  </si>
  <si>
    <t>571882.0</t>
  </si>
  <si>
    <t>15100656.0</t>
  </si>
  <si>
    <t>16853.279</t>
  </si>
  <si>
    <t>62.756</t>
  </si>
  <si>
    <t>58.042</t>
  </si>
  <si>
    <t>260.8</t>
  </si>
  <si>
    <t>15146813.0</t>
  </si>
  <si>
    <t>46157.0</t>
  </si>
  <si>
    <t>16904.793</t>
  </si>
  <si>
    <t>51.514</t>
  </si>
  <si>
    <t>51943.0</t>
  </si>
  <si>
    <t>57.972</t>
  </si>
  <si>
    <t>15186260.0</t>
  </si>
  <si>
    <t>16948.818</t>
  </si>
  <si>
    <t>44.025</t>
  </si>
  <si>
    <t>52071.0</t>
  </si>
  <si>
    <t>58.115</t>
  </si>
  <si>
    <t>261.1</t>
  </si>
  <si>
    <t>907.9</t>
  </si>
  <si>
    <t>-10.92</t>
  </si>
  <si>
    <t>1013.27333380208</t>
  </si>
  <si>
    <t>15253609.0</t>
  </si>
  <si>
    <t>67349.0</t>
  </si>
  <si>
    <t>17023.984</t>
  </si>
  <si>
    <t>75.166</t>
  </si>
  <si>
    <t>58.338</t>
  </si>
  <si>
    <t>243.4</t>
  </si>
  <si>
    <t>1228703.0</t>
  </si>
  <si>
    <t>607956.0</t>
  </si>
  <si>
    <t>573258.0</t>
  </si>
  <si>
    <t>137.13</t>
  </si>
  <si>
    <t>15310782.0</t>
  </si>
  <si>
    <t>57173.0</t>
  </si>
  <si>
    <t>17087.793</t>
  </si>
  <si>
    <t>63.809</t>
  </si>
  <si>
    <t>52990.0</t>
  </si>
  <si>
    <t>246.1</t>
  </si>
  <si>
    <t>51166.0</t>
  </si>
  <si>
    <t>17144.897</t>
  </si>
  <si>
    <t>57.104</t>
  </si>
  <si>
    <t>53290.0</t>
  </si>
  <si>
    <t>59.475</t>
  </si>
  <si>
    <t>15420277.0</t>
  </si>
  <si>
    <t>58329.0</t>
  </si>
  <si>
    <t>17209.996</t>
  </si>
  <si>
    <t>65.099</t>
  </si>
  <si>
    <t>53693.0</t>
  </si>
  <si>
    <t>59.925</t>
  </si>
  <si>
    <t>233.3</t>
  </si>
  <si>
    <t>1237027.0</t>
  </si>
  <si>
    <t>609161.0</t>
  </si>
  <si>
    <t>574337.0</t>
  </si>
  <si>
    <t>53529.0</t>
  </si>
  <si>
    <t>15478597.0</t>
  </si>
  <si>
    <t>58320.0</t>
  </si>
  <si>
    <t>17275.085</t>
  </si>
  <si>
    <t>65.089</t>
  </si>
  <si>
    <t>15527025.0</t>
  </si>
  <si>
    <t>48428.0</t>
  </si>
  <si>
    <t>17329.134</t>
  </si>
  <si>
    <t>54.049</t>
  </si>
  <si>
    <t>54316.0</t>
  </si>
  <si>
    <t>610308.0</t>
  </si>
  <si>
    <t>575402.0</t>
  </si>
  <si>
    <t>55629.0</t>
  </si>
  <si>
    <t>138.54</t>
  </si>
  <si>
    <t>15567323.0</t>
  </si>
  <si>
    <t>17374.109</t>
  </si>
  <si>
    <t>44.975</t>
  </si>
  <si>
    <t>54438.0</t>
  </si>
  <si>
    <t>60.756</t>
  </si>
  <si>
    <t>234.8</t>
  </si>
  <si>
    <t>933.6</t>
  </si>
  <si>
    <t>1041.9561454319</t>
  </si>
  <si>
    <t>15634019.0</t>
  </si>
  <si>
    <t>66696.0</t>
  </si>
  <si>
    <t>17448.546</t>
  </si>
  <si>
    <t>74.437</t>
  </si>
  <si>
    <t>60.651</t>
  </si>
  <si>
    <t>15693749.0</t>
  </si>
  <si>
    <t>59730.0</t>
  </si>
  <si>
    <t>17515.208</t>
  </si>
  <si>
    <t>66.662</t>
  </si>
  <si>
    <t>54710.0</t>
  </si>
  <si>
    <t>1249197.0</t>
  </si>
  <si>
    <t>611409.0</t>
  </si>
  <si>
    <t>576025.0</t>
  </si>
  <si>
    <t>61763.0</t>
  </si>
  <si>
    <t>139.42</t>
  </si>
  <si>
    <t>15747581.0</t>
  </si>
  <si>
    <t>53832.0</t>
  </si>
  <si>
    <t>17575.288</t>
  </si>
  <si>
    <t>15808911.0</t>
  </si>
  <si>
    <t>61330.0</t>
  </si>
  <si>
    <t>17643.736</t>
  </si>
  <si>
    <t>55519.0</t>
  </si>
  <si>
    <t>61.963</t>
  </si>
  <si>
    <t>1257376.0</t>
  </si>
  <si>
    <t>612550.0</t>
  </si>
  <si>
    <t>576530.0</t>
  </si>
  <si>
    <t>68296.0</t>
  </si>
  <si>
    <t>15870631.0</t>
  </si>
  <si>
    <t>17712.619</t>
  </si>
  <si>
    <t>68.883</t>
  </si>
  <si>
    <t>56005.0</t>
  </si>
  <si>
    <t>62.505</t>
  </si>
  <si>
    <t>184.7</t>
  </si>
  <si>
    <t>15921611.0</t>
  </si>
  <si>
    <t>17769.516</t>
  </si>
  <si>
    <t>56.897</t>
  </si>
  <si>
    <t>62.911</t>
  </si>
  <si>
    <t>15965432.0</t>
  </si>
  <si>
    <t>43821.0</t>
  </si>
  <si>
    <t>17818.423</t>
  </si>
  <si>
    <t>48.907</t>
  </si>
  <si>
    <t>63.474</t>
  </si>
  <si>
    <t>1266913.0</t>
  </si>
  <si>
    <t>615392.0</t>
  </si>
  <si>
    <t>579413.0</t>
  </si>
  <si>
    <t>72108.0</t>
  </si>
  <si>
    <t>971.7</t>
  </si>
  <si>
    <t>1084.47813465743</t>
  </si>
  <si>
    <t>16048587.0</t>
  </si>
  <si>
    <t>83155.0</t>
  </si>
  <si>
    <t>17911.229</t>
  </si>
  <si>
    <t>92.806</t>
  </si>
  <si>
    <t>66.098</t>
  </si>
  <si>
    <t>16115384.0</t>
  </si>
  <si>
    <t>66797.0</t>
  </si>
  <si>
    <t>17985.779</t>
  </si>
  <si>
    <t>67.225</t>
  </si>
  <si>
    <t>1282262.0</t>
  </si>
  <si>
    <t>617240.0</t>
  </si>
  <si>
    <t>580407.0</t>
  </si>
  <si>
    <t>84615.0</t>
  </si>
  <si>
    <t>143.11</t>
  </si>
  <si>
    <t>68.89</t>
  </si>
  <si>
    <t>16176808.0</t>
  </si>
  <si>
    <t>18054.332</t>
  </si>
  <si>
    <t>68.553</t>
  </si>
  <si>
    <t>61318.0</t>
  </si>
  <si>
    <t>68.435</t>
  </si>
  <si>
    <t>5905.0</t>
  </si>
  <si>
    <t>16251085.0</t>
  </si>
  <si>
    <t>74277.0</t>
  </si>
  <si>
    <t>18137.23</t>
  </si>
  <si>
    <t>82.898</t>
  </si>
  <si>
    <t>63168.0</t>
  </si>
  <si>
    <t>70.499</t>
  </si>
  <si>
    <t>1298388.0</t>
  </si>
  <si>
    <t>619136.0</t>
  </si>
  <si>
    <t>581601.0</t>
  </si>
  <si>
    <t>97651.0</t>
  </si>
  <si>
    <t>144.91</t>
  </si>
  <si>
    <t>16326603.0</t>
  </si>
  <si>
    <t>75518.0</t>
  </si>
  <si>
    <t>18221.513</t>
  </si>
  <si>
    <t>84.283</t>
  </si>
  <si>
    <t>65139.0</t>
  </si>
  <si>
    <t>16391961.0</t>
  </si>
  <si>
    <t>65358.0</t>
  </si>
  <si>
    <t>18294.456</t>
  </si>
  <si>
    <t>72.944</t>
  </si>
  <si>
    <t>67193.0</t>
  </si>
  <si>
    <t>74.992</t>
  </si>
  <si>
    <t>1310756.0</t>
  </si>
  <si>
    <t>621701.0</t>
  </si>
  <si>
    <t>583001.0</t>
  </si>
  <si>
    <t>16446369.0</t>
  </si>
  <si>
    <t>54408.0</t>
  </si>
  <si>
    <t>18355.179</t>
  </si>
  <si>
    <t>60.723</t>
  </si>
  <si>
    <t>76.679</t>
  </si>
  <si>
    <t>233.1</t>
  </si>
  <si>
    <t>1109.36633307552</t>
  </si>
  <si>
    <t>16549061.0</t>
  </si>
  <si>
    <t>18469.79</t>
  </si>
  <si>
    <t>114.611</t>
  </si>
  <si>
    <t>71496.0</t>
  </si>
  <si>
    <t>79.794</t>
  </si>
  <si>
    <t>16634305.0</t>
  </si>
  <si>
    <t>18564.928</t>
  </si>
  <si>
    <t>95.138</t>
  </si>
  <si>
    <t>74132.0</t>
  </si>
  <si>
    <t>82.736</t>
  </si>
  <si>
    <t>16718761.0</t>
  </si>
  <si>
    <t>84456.0</t>
  </si>
  <si>
    <t>18659.186</t>
  </si>
  <si>
    <t>94.258</t>
  </si>
  <si>
    <t>77422.0</t>
  </si>
  <si>
    <t>86.408</t>
  </si>
  <si>
    <t>1339063.0</t>
  </si>
  <si>
    <t>625138.0</t>
  </si>
  <si>
    <t>585087.0</t>
  </si>
  <si>
    <t>128838.0</t>
  </si>
  <si>
    <t>149.45</t>
  </si>
  <si>
    <t>16807455.0</t>
  </si>
  <si>
    <t>88694.0</t>
  </si>
  <si>
    <t>18758.174</t>
  </si>
  <si>
    <t>98.988</t>
  </si>
  <si>
    <t>79481.0</t>
  </si>
  <si>
    <t>16895682.0</t>
  </si>
  <si>
    <t>88227.0</t>
  </si>
  <si>
    <t>18856.641</t>
  </si>
  <si>
    <t>98.467</t>
  </si>
  <si>
    <t>90.733</t>
  </si>
  <si>
    <t>16973689.0</t>
  </si>
  <si>
    <t>18943.701</t>
  </si>
  <si>
    <t>87.061</t>
  </si>
  <si>
    <t>83104.0</t>
  </si>
  <si>
    <t>92.749</t>
  </si>
  <si>
    <t>1362277.0</t>
  </si>
  <si>
    <t>628634.0</t>
  </si>
  <si>
    <t>587718.0</t>
  </si>
  <si>
    <t>17030692.0</t>
  </si>
  <si>
    <t>57003.0</t>
  </si>
  <si>
    <t>19007.32</t>
  </si>
  <si>
    <t>63.619</t>
  </si>
  <si>
    <t>83475.0</t>
  </si>
  <si>
    <t>93.163</t>
  </si>
  <si>
    <t>1020.1</t>
  </si>
  <si>
    <t>1138.49556978908</t>
  </si>
  <si>
    <t>17131683.0</t>
  </si>
  <si>
    <t>100991.0</t>
  </si>
  <si>
    <t>19120.033</t>
  </si>
  <si>
    <t>112.712</t>
  </si>
  <si>
    <t>92.892</t>
  </si>
  <si>
    <t>17211795.0</t>
  </si>
  <si>
    <t>80112.0</t>
  </si>
  <si>
    <t>19209.443</t>
  </si>
  <si>
    <t>89.41</t>
  </si>
  <si>
    <t>82499.0</t>
  </si>
  <si>
    <t>1381716.0</t>
  </si>
  <si>
    <t>630566.0</t>
  </si>
  <si>
    <t>589585.0</t>
  </si>
  <si>
    <t>161565.0</t>
  </si>
  <si>
    <t>154.21</t>
  </si>
  <si>
    <t>142.856</t>
  </si>
  <si>
    <t>17293820.0</t>
  </si>
  <si>
    <t>82025.0</t>
  </si>
  <si>
    <t>19300.988</t>
  </si>
  <si>
    <t>91.545</t>
  </si>
  <si>
    <t>82151.0</t>
  </si>
  <si>
    <t>91.686</t>
  </si>
  <si>
    <t>152.6</t>
  </si>
  <si>
    <t>1390192.0</t>
  </si>
  <si>
    <t>631421.0</t>
  </si>
  <si>
    <t>590288.0</t>
  </si>
  <si>
    <t>168486.0</t>
  </si>
  <si>
    <t>8476.0</t>
  </si>
  <si>
    <t>17381600.0</t>
  </si>
  <si>
    <t>19398.956</t>
  </si>
  <si>
    <t>97.968</t>
  </si>
  <si>
    <t>91.541</t>
  </si>
  <si>
    <t>17475440.0</t>
  </si>
  <si>
    <t>93840.0</t>
  </si>
  <si>
    <t>19503.687</t>
  </si>
  <si>
    <t>104.731</t>
  </si>
  <si>
    <t>82823.0</t>
  </si>
  <si>
    <t>92.436</t>
  </si>
  <si>
    <t>17553447.0</t>
  </si>
  <si>
    <t>19590.748</t>
  </si>
  <si>
    <t>1413274.0</t>
  </si>
  <si>
    <t>633930.0</t>
  </si>
  <si>
    <t>593380.0</t>
  </si>
  <si>
    <t>185964.0</t>
  </si>
  <si>
    <t>157.73</t>
  </si>
  <si>
    <t>17617954.0</t>
  </si>
  <si>
    <t>64507.0</t>
  </si>
  <si>
    <t>19662.741</t>
  </si>
  <si>
    <t>71.994</t>
  </si>
  <si>
    <t>83895.0</t>
  </si>
  <si>
    <t>93.632</t>
  </si>
  <si>
    <t>1154.00884144878</t>
  </si>
  <si>
    <t>17724475.0</t>
  </si>
  <si>
    <t>106521.0</t>
  </si>
  <si>
    <t>19781.626</t>
  </si>
  <si>
    <t>118.884</t>
  </si>
  <si>
    <t>84685.0</t>
  </si>
  <si>
    <t>17805460.0</t>
  </si>
  <si>
    <t>80985.0</t>
  </si>
  <si>
    <t>19872.01</t>
  </si>
  <si>
    <t>90.384</t>
  </si>
  <si>
    <t>84809.0</t>
  </si>
  <si>
    <t>94.652</t>
  </si>
  <si>
    <t>1435400.0</t>
  </si>
  <si>
    <t>635562.0</t>
  </si>
  <si>
    <t>595987.0</t>
  </si>
  <si>
    <t>203851.0</t>
  </si>
  <si>
    <t>22.75</t>
  </si>
  <si>
    <t>17890484.0</t>
  </si>
  <si>
    <t>85024.0</t>
  </si>
  <si>
    <t>19966.902</t>
  </si>
  <si>
    <t>94.892</t>
  </si>
  <si>
    <t>85238.0</t>
  </si>
  <si>
    <t>95.131</t>
  </si>
  <si>
    <t>1446090.0</t>
  </si>
  <si>
    <t>636379.0</t>
  </si>
  <si>
    <t>597008.0</t>
  </si>
  <si>
    <t>212703.0</t>
  </si>
  <si>
    <t>17977512.0</t>
  </si>
  <si>
    <t>87028.0</t>
  </si>
  <si>
    <t>20064.031</t>
  </si>
  <si>
    <t>97.129</t>
  </si>
  <si>
    <t>85130.0</t>
  </si>
  <si>
    <t>18059922.0</t>
  </si>
  <si>
    <t>82410.0</t>
  </si>
  <si>
    <t>20156.005</t>
  </si>
  <si>
    <t>91.975</t>
  </si>
  <si>
    <t>93.188</t>
  </si>
  <si>
    <t>18135766.0</t>
  </si>
  <si>
    <t>75844.0</t>
  </si>
  <si>
    <t>20240.652</t>
  </si>
  <si>
    <t>84.647</t>
  </si>
  <si>
    <t>83188.0</t>
  </si>
  <si>
    <t>92.843</t>
  </si>
  <si>
    <t>18195594.0</t>
  </si>
  <si>
    <t>59828.0</t>
  </si>
  <si>
    <t>20307.424</t>
  </si>
  <si>
    <t>82520.0</t>
  </si>
  <si>
    <t>92.097</t>
  </si>
  <si>
    <t>1076.1</t>
  </si>
  <si>
    <t>1200.99508151164</t>
  </si>
  <si>
    <t>18302077.0</t>
  </si>
  <si>
    <t>106483.0</t>
  </si>
  <si>
    <t>20426.266</t>
  </si>
  <si>
    <t>118.842</t>
  </si>
  <si>
    <t>82515.0</t>
  </si>
  <si>
    <t>92.092</t>
  </si>
  <si>
    <t>1487062.0</t>
  </si>
  <si>
    <t>640166.0</t>
  </si>
  <si>
    <t>600751.0</t>
  </si>
  <si>
    <t>246145.0</t>
  </si>
  <si>
    <t>165.97</t>
  </si>
  <si>
    <t>9413.0</t>
  </si>
  <si>
    <t>18389608.0</t>
  </si>
  <si>
    <t>20523.956</t>
  </si>
  <si>
    <t>97.69</t>
  </si>
  <si>
    <t>83450.0</t>
  </si>
  <si>
    <t>93.135</t>
  </si>
  <si>
    <t>1496167.0</t>
  </si>
  <si>
    <t>640890.0</t>
  </si>
  <si>
    <t>602139.0</t>
  </si>
  <si>
    <t>166.98</t>
  </si>
  <si>
    <t>18493211.0</t>
  </si>
  <si>
    <t>103603.0</t>
  </si>
  <si>
    <t>20639.583</t>
  </si>
  <si>
    <t>115.627</t>
  </si>
  <si>
    <t>86104.0</t>
  </si>
  <si>
    <t>96.097</t>
  </si>
  <si>
    <t>10368.0</t>
  </si>
  <si>
    <t>11571.0</t>
  </si>
  <si>
    <t>18586444.0</t>
  </si>
  <si>
    <t>93233.0</t>
  </si>
  <si>
    <t>20743.637</t>
  </si>
  <si>
    <t>104.054</t>
  </si>
  <si>
    <t>86990.0</t>
  </si>
  <si>
    <t>97.086</t>
  </si>
  <si>
    <t>1541159.0</t>
  </si>
  <si>
    <t>607884.0</t>
  </si>
  <si>
    <t>268304.0</t>
  </si>
  <si>
    <t>18709939.0</t>
  </si>
  <si>
    <t>123495.0</t>
  </si>
  <si>
    <t>20881.465</t>
  </si>
  <si>
    <t>137.828</t>
  </si>
  <si>
    <t>92860.0</t>
  </si>
  <si>
    <t>103.638</t>
  </si>
  <si>
    <t>18726170.0</t>
  </si>
  <si>
    <t>16231.0</t>
  </si>
  <si>
    <t>20899.58</t>
  </si>
  <si>
    <t>18.115</t>
  </si>
  <si>
    <t>84343.0</t>
  </si>
  <si>
    <t>94.132</t>
  </si>
  <si>
    <t>18779885.0</t>
  </si>
  <si>
    <t>53715.0</t>
  </si>
  <si>
    <t>20959.529</t>
  </si>
  <si>
    <t>59.949</t>
  </si>
  <si>
    <t>93.158</t>
  </si>
  <si>
    <t>1086.2</t>
  </si>
  <si>
    <t>1212.26731487589</t>
  </si>
  <si>
    <t>179.686</t>
  </si>
  <si>
    <t>18901012.0</t>
  </si>
  <si>
    <t>121127.0</t>
  </si>
  <si>
    <t>21094.715</t>
  </si>
  <si>
    <t>135.185</t>
  </si>
  <si>
    <t>85562.0</t>
  </si>
  <si>
    <t>95.493</t>
  </si>
  <si>
    <t>10789.0</t>
  </si>
  <si>
    <t>18999059.0</t>
  </si>
  <si>
    <t>98047.0</t>
  </si>
  <si>
    <t>21204.141</t>
  </si>
  <si>
    <t>109.427</t>
  </si>
  <si>
    <t>87064.0</t>
  </si>
  <si>
    <t>97.169</t>
  </si>
  <si>
    <t>19117953.0</t>
  </si>
  <si>
    <t>118894.0</t>
  </si>
  <si>
    <t>21336.834</t>
  </si>
  <si>
    <t>132.693</t>
  </si>
  <si>
    <t>89249.0</t>
  </si>
  <si>
    <t>99.607</t>
  </si>
  <si>
    <t>19232696.0</t>
  </si>
  <si>
    <t>114743.0</t>
  </si>
  <si>
    <t>21464.895</t>
  </si>
  <si>
    <t>128.06</t>
  </si>
  <si>
    <t>92322.0</t>
  </si>
  <si>
    <t>103.037</t>
  </si>
  <si>
    <t>19402172.0</t>
  </si>
  <si>
    <t>169476.0</t>
  </si>
  <si>
    <t>21654.041</t>
  </si>
  <si>
    <t>189.146</t>
  </si>
  <si>
    <t>98890.0</t>
  </si>
  <si>
    <t>110.367</t>
  </si>
  <si>
    <t>19441149.0</t>
  </si>
  <si>
    <t>38977.0</t>
  </si>
  <si>
    <t>21697.541</t>
  </si>
  <si>
    <t>43.501</t>
  </si>
  <si>
    <t>102140.0</t>
  </si>
  <si>
    <t>113.995</t>
  </si>
  <si>
    <t>19532631.0</t>
  </si>
  <si>
    <t>21799.641</t>
  </si>
  <si>
    <t>107535.0</t>
  </si>
  <si>
    <t>120.016</t>
  </si>
  <si>
    <t>1123.5</t>
  </si>
  <si>
    <t>1253.89645393395</t>
  </si>
  <si>
    <t>19696989.0</t>
  </si>
  <si>
    <t>164358.0</t>
  </si>
  <si>
    <t>21983.075</t>
  </si>
  <si>
    <t>183.434</t>
  </si>
  <si>
    <t>126.909</t>
  </si>
  <si>
    <t>19819790.0</t>
  </si>
  <si>
    <t>122801.0</t>
  </si>
  <si>
    <t>22120.129</t>
  </si>
  <si>
    <t>137.054</t>
  </si>
  <si>
    <t>117247.0</t>
  </si>
  <si>
    <t>130.855</t>
  </si>
  <si>
    <t>19949866.0</t>
  </si>
  <si>
    <t>130076.0</t>
  </si>
  <si>
    <t>22265.301</t>
  </si>
  <si>
    <t>145.173</t>
  </si>
  <si>
    <t>118845.0</t>
  </si>
  <si>
    <t>132.638</t>
  </si>
  <si>
    <t>20027121.0</t>
  </si>
  <si>
    <t>77255.0</t>
  </si>
  <si>
    <t>22351.523</t>
  </si>
  <si>
    <t>86.221</t>
  </si>
  <si>
    <t>113489.0</t>
  </si>
  <si>
    <t>126.661</t>
  </si>
  <si>
    <t>20166455.0</t>
  </si>
  <si>
    <t>139334.0</t>
  </si>
  <si>
    <t>22507.028</t>
  </si>
  <si>
    <t>155.505</t>
  </si>
  <si>
    <t>109183.0</t>
  </si>
  <si>
    <t>121.855</t>
  </si>
  <si>
    <t>20318693.0</t>
  </si>
  <si>
    <t>22676.936</t>
  </si>
  <si>
    <t>169.907</t>
  </si>
  <si>
    <t>125363.0</t>
  </si>
  <si>
    <t>139.913</t>
  </si>
  <si>
    <t>1595454.0</t>
  </si>
  <si>
    <t>650349.0</t>
  </si>
  <si>
    <t>616931.0</t>
  </si>
  <si>
    <t>328174.0</t>
  </si>
  <si>
    <t>178.06</t>
  </si>
  <si>
    <t>36.63</t>
  </si>
  <si>
    <t>20458402.0</t>
  </si>
  <si>
    <t>22832.86</t>
  </si>
  <si>
    <t>155.924</t>
  </si>
  <si>
    <t>132253.0</t>
  </si>
  <si>
    <t>147.603</t>
  </si>
  <si>
    <t>1175.6</t>
  </si>
  <si>
    <t>1312.04332109013</t>
  </si>
  <si>
    <t>20595493.0</t>
  </si>
  <si>
    <t>137091.0</t>
  </si>
  <si>
    <t>22985.862</t>
  </si>
  <si>
    <t>153.002</t>
  </si>
  <si>
    <t>128358.0</t>
  </si>
  <si>
    <t>143.256</t>
  </si>
  <si>
    <t>1603495.0</t>
  </si>
  <si>
    <t>651080.0</t>
  </si>
  <si>
    <t>617956.0</t>
  </si>
  <si>
    <t>334459.0</t>
  </si>
  <si>
    <t>178.96</t>
  </si>
  <si>
    <t>20700869.0</t>
  </si>
  <si>
    <t>105376.0</t>
  </si>
  <si>
    <t>23103.468</t>
  </si>
  <si>
    <t>117.606</t>
  </si>
  <si>
    <t>125868.0</t>
  </si>
  <si>
    <t>140.477</t>
  </si>
  <si>
    <t>20813102.0</t>
  </si>
  <si>
    <t>112233.0</t>
  </si>
  <si>
    <t>23228.727</t>
  </si>
  <si>
    <t>125.259</t>
  </si>
  <si>
    <t>123319.0</t>
  </si>
  <si>
    <t>137.632</t>
  </si>
  <si>
    <t>1618223.0</t>
  </si>
  <si>
    <t>652302.0</t>
  </si>
  <si>
    <t>619487.0</t>
  </si>
  <si>
    <t>346434.0</t>
  </si>
  <si>
    <t>20935118.0</t>
  </si>
  <si>
    <t>122016.0</t>
  </si>
  <si>
    <t>23364.905</t>
  </si>
  <si>
    <t>136.178</t>
  </si>
  <si>
    <t>144.769</t>
  </si>
  <si>
    <t>1625105.0</t>
  </si>
  <si>
    <t>653003.0</t>
  </si>
  <si>
    <t>620004.0</t>
  </si>
  <si>
    <t>352098.0</t>
  </si>
  <si>
    <t>181.37</t>
  </si>
  <si>
    <t>21057335.0</t>
  </si>
  <si>
    <t>122217.0</t>
  </si>
  <si>
    <t>23501.306</t>
  </si>
  <si>
    <t>136.402</t>
  </si>
  <si>
    <t>127269.0</t>
  </si>
  <si>
    <t>142.04</t>
  </si>
  <si>
    <t>21153075.0</t>
  </si>
  <si>
    <t>95740.0</t>
  </si>
  <si>
    <t>23608.158</t>
  </si>
  <si>
    <t>106.852</t>
  </si>
  <si>
    <t>133.031</t>
  </si>
  <si>
    <t>1635530.0</t>
  </si>
  <si>
    <t>654343.0</t>
  </si>
  <si>
    <t>620714.0</t>
  </si>
  <si>
    <t>360473.0</t>
  </si>
  <si>
    <t>182.54</t>
  </si>
  <si>
    <t>21248080.0</t>
  </si>
  <si>
    <t>95005.0</t>
  </si>
  <si>
    <t>23714.19</t>
  </si>
  <si>
    <t>106.032</t>
  </si>
  <si>
    <t>125.904</t>
  </si>
  <si>
    <t>1196.7</t>
  </si>
  <si>
    <t>1335.59224425702</t>
  </si>
  <si>
    <t>21389293.0</t>
  </si>
  <si>
    <t>141213.0</t>
  </si>
  <si>
    <t>23871.792</t>
  </si>
  <si>
    <t>157.603</t>
  </si>
  <si>
    <t>113400.0</t>
  </si>
  <si>
    <t>126.562</t>
  </si>
  <si>
    <t>21494258.0</t>
  </si>
  <si>
    <t>104965.0</t>
  </si>
  <si>
    <t>23988.94</t>
  </si>
  <si>
    <t>117.148</t>
  </si>
  <si>
    <t>113341.0</t>
  </si>
  <si>
    <t>126.496</t>
  </si>
  <si>
    <t>21589908.0</t>
  </si>
  <si>
    <t>95650.0</t>
  </si>
  <si>
    <t>24095.691</t>
  </si>
  <si>
    <t>106.751</t>
  </si>
  <si>
    <t>123.852</t>
  </si>
  <si>
    <t>21698578.0</t>
  </si>
  <si>
    <t>108670.0</t>
  </si>
  <si>
    <t>24216.974</t>
  </si>
  <si>
    <t>109066.0</t>
  </si>
  <si>
    <t>121.724</t>
  </si>
  <si>
    <t>1658363.0</t>
  </si>
  <si>
    <t>656496.0</t>
  </si>
  <si>
    <t>623107.0</t>
  </si>
  <si>
    <t>378760.0</t>
  </si>
  <si>
    <t>42.27</t>
  </si>
  <si>
    <t>21805022.0</t>
  </si>
  <si>
    <t>106444.0</t>
  </si>
  <si>
    <t>24335.772</t>
  </si>
  <si>
    <t>118.798</t>
  </si>
  <si>
    <t>106812.0</t>
  </si>
  <si>
    <t>119.209</t>
  </si>
  <si>
    <t>21887209.0</t>
  </si>
  <si>
    <t>82187.0</t>
  </si>
  <si>
    <t>24427.498</t>
  </si>
  <si>
    <t>91.726</t>
  </si>
  <si>
    <t>104876.0</t>
  </si>
  <si>
    <t>117.048</t>
  </si>
  <si>
    <t>1667511.0</t>
  </si>
  <si>
    <t>657531.0</t>
  </si>
  <si>
    <t>623748.0</t>
  </si>
  <si>
    <t>386232.0</t>
  </si>
  <si>
    <t>21900096.0</t>
  </si>
  <si>
    <t>24441.88</t>
  </si>
  <si>
    <t>14.383</t>
  </si>
  <si>
    <t>93145.0</t>
  </si>
  <si>
    <t>103.956</t>
  </si>
  <si>
    <t>1260.4</t>
  </si>
  <si>
    <t>1406.68543884144</t>
  </si>
  <si>
    <t>22030562.0</t>
  </si>
  <si>
    <t>130466.0</t>
  </si>
  <si>
    <t>24587.489</t>
  </si>
  <si>
    <t>145.608</t>
  </si>
  <si>
    <t>91610.0</t>
  </si>
  <si>
    <t>102.243</t>
  </si>
  <si>
    <t>1671759.0</t>
  </si>
  <si>
    <t>657878.0</t>
  </si>
  <si>
    <t>625178.0</t>
  </si>
  <si>
    <t>388703.0</t>
  </si>
  <si>
    <t>186.58</t>
  </si>
  <si>
    <t>22129870.0</t>
  </si>
  <si>
    <t>99308.0</t>
  </si>
  <si>
    <t>24698.323</t>
  </si>
  <si>
    <t>110.834</t>
  </si>
  <si>
    <t>90802.0</t>
  </si>
  <si>
    <t>101.341</t>
  </si>
  <si>
    <t>22222146.0</t>
  </si>
  <si>
    <t>92276.0</t>
  </si>
  <si>
    <t>24801.308</t>
  </si>
  <si>
    <t>102.986</t>
  </si>
  <si>
    <t>90320.0</t>
  </si>
  <si>
    <t>100.803</t>
  </si>
  <si>
    <t>1679808.0</t>
  </si>
  <si>
    <t>658527.0</t>
  </si>
  <si>
    <t>626637.0</t>
  </si>
  <si>
    <t>394644.0</t>
  </si>
  <si>
    <t>187.48</t>
  </si>
  <si>
    <t>22329036.0</t>
  </si>
  <si>
    <t>106890.0</t>
  </si>
  <si>
    <t>24920.604</t>
  </si>
  <si>
    <t>119.296</t>
  </si>
  <si>
    <t>90065.0</t>
  </si>
  <si>
    <t>100.518</t>
  </si>
  <si>
    <t>1682404.0</t>
  </si>
  <si>
    <t>658851.0</t>
  </si>
  <si>
    <t>626945.0</t>
  </si>
  <si>
    <t>396608.0</t>
  </si>
  <si>
    <t>44.26</t>
  </si>
  <si>
    <t>22439237.0</t>
  </si>
  <si>
    <t>110201.0</t>
  </si>
  <si>
    <t>25043.596</t>
  </si>
  <si>
    <t>122.991</t>
  </si>
  <si>
    <t>90602.0</t>
  </si>
  <si>
    <t>101.118</t>
  </si>
  <si>
    <t>22523003.0</t>
  </si>
  <si>
    <t>83766.0</t>
  </si>
  <si>
    <t>25137.084</t>
  </si>
  <si>
    <t>93.488</t>
  </si>
  <si>
    <t>90828.0</t>
  </si>
  <si>
    <t>22608306.0</t>
  </si>
  <si>
    <t>85303.0</t>
  </si>
  <si>
    <t>25232.287</t>
  </si>
  <si>
    <t>95.203</t>
  </si>
  <si>
    <t>101173.0</t>
  </si>
  <si>
    <t>112.915</t>
  </si>
  <si>
    <t>1284.5</t>
  </si>
  <si>
    <t>1433.58255013633</t>
  </si>
  <si>
    <t>22745986.0</t>
  </si>
  <si>
    <t>137680.0</t>
  </si>
  <si>
    <t>25385.947</t>
  </si>
  <si>
    <t>153.66</t>
  </si>
  <si>
    <t>102203.0</t>
  </si>
  <si>
    <t>114.065</t>
  </si>
  <si>
    <t>1693504.0</t>
  </si>
  <si>
    <t>659912.0</t>
  </si>
  <si>
    <t>629299.0</t>
  </si>
  <si>
    <t>404293.0</t>
  </si>
  <si>
    <t>189.01</t>
  </si>
  <si>
    <t>22859848.0</t>
  </si>
  <si>
    <t>113862.0</t>
  </si>
  <si>
    <t>25513.024</t>
  </si>
  <si>
    <t>127.077</t>
  </si>
  <si>
    <t>116.386</t>
  </si>
  <si>
    <t>22960610.0</t>
  </si>
  <si>
    <t>100762.0</t>
  </si>
  <si>
    <t>25625.481</t>
  </si>
  <si>
    <t>112.457</t>
  </si>
  <si>
    <t>105495.0</t>
  </si>
  <si>
    <t>117.739</t>
  </si>
  <si>
    <t>1729058.0</t>
  </si>
  <si>
    <t>635987.0</t>
  </si>
  <si>
    <t>408983.0</t>
  </si>
  <si>
    <t>23076080.0</t>
  </si>
  <si>
    <t>115470.0</t>
  </si>
  <si>
    <t>25754.352</t>
  </si>
  <si>
    <t>128.872</t>
  </si>
  <si>
    <t>106721.0</t>
  </si>
  <si>
    <t>119.107</t>
  </si>
  <si>
    <t>1731441.0</t>
  </si>
  <si>
    <t>636473.0</t>
  </si>
  <si>
    <t>410692.0</t>
  </si>
  <si>
    <t>23193125.0</t>
  </si>
  <si>
    <t>117045.0</t>
  </si>
  <si>
    <t>25884.982</t>
  </si>
  <si>
    <t>107698.0</t>
  </si>
  <si>
    <t>120.198</t>
  </si>
  <si>
    <t>23280150.0</t>
  </si>
  <si>
    <t>87025.0</t>
  </si>
  <si>
    <t>25982.107</t>
  </si>
  <si>
    <t>97.125</t>
  </si>
  <si>
    <t>108164.0</t>
  </si>
  <si>
    <t>120.718</t>
  </si>
  <si>
    <t>23365717.0</t>
  </si>
  <si>
    <t>85567.0</t>
  </si>
  <si>
    <t>26077.605</t>
  </si>
  <si>
    <t>95.498</t>
  </si>
  <si>
    <t>120.76</t>
  </si>
  <si>
    <t>1738322.0</t>
  </si>
  <si>
    <t>638052.0</t>
  </si>
  <si>
    <t>415342.0</t>
  </si>
  <si>
    <t>1327.6</t>
  </si>
  <si>
    <t>1481.68485290851</t>
  </si>
  <si>
    <t>23505602.0</t>
  </si>
  <si>
    <t>139885.0</t>
  </si>
  <si>
    <t>26233.726</t>
  </si>
  <si>
    <t>156.12</t>
  </si>
  <si>
    <t>108517.0</t>
  </si>
  <si>
    <t>121.112</t>
  </si>
  <si>
    <t>23617534.0</t>
  </si>
  <si>
    <t>111932.0</t>
  </si>
  <si>
    <t>26358.649</t>
  </si>
  <si>
    <t>124.923</t>
  </si>
  <si>
    <t>120.804</t>
  </si>
  <si>
    <t>1743850.0</t>
  </si>
  <si>
    <t>639223.0</t>
  </si>
  <si>
    <t>419317.0</t>
  </si>
  <si>
    <t>194.62</t>
  </si>
  <si>
    <t>23713106.0</t>
  </si>
  <si>
    <t>95572.0</t>
  </si>
  <si>
    <t>26465.313</t>
  </si>
  <si>
    <t>106.664</t>
  </si>
  <si>
    <t>107499.0</t>
  </si>
  <si>
    <t>119.976</t>
  </si>
  <si>
    <t>1747155.0</t>
  </si>
  <si>
    <t>639865.0</t>
  </si>
  <si>
    <t>421678.0</t>
  </si>
  <si>
    <t>194.99</t>
  </si>
  <si>
    <t>23826136.0</t>
  </si>
  <si>
    <t>113030.0</t>
  </si>
  <si>
    <t>26591.462</t>
  </si>
  <si>
    <t>126.149</t>
  </si>
  <si>
    <t>107151.0</t>
  </si>
  <si>
    <t>119.587</t>
  </si>
  <si>
    <t>23941461.0</t>
  </si>
  <si>
    <t>115325.0</t>
  </si>
  <si>
    <t>26720.172</t>
  </si>
  <si>
    <t>119.313</t>
  </si>
  <si>
    <t>24024605.0</t>
  </si>
  <si>
    <t>83144.0</t>
  </si>
  <si>
    <t>26812.966</t>
  </si>
  <si>
    <t>92.794</t>
  </si>
  <si>
    <t>118.694</t>
  </si>
  <si>
    <t>24106255.0</t>
  </si>
  <si>
    <t>81650.0</t>
  </si>
  <si>
    <t>26904.092</t>
  </si>
  <si>
    <t>91.127</t>
  </si>
  <si>
    <t>105791.0</t>
  </si>
  <si>
    <t>118.069</t>
  </si>
  <si>
    <t>1755020.0</t>
  </si>
  <si>
    <t>641582.0</t>
  </si>
  <si>
    <t>427243.0</t>
  </si>
  <si>
    <t>195.87</t>
  </si>
  <si>
    <t>1346.9</t>
  </si>
  <si>
    <t>1503.22486319861</t>
  </si>
  <si>
    <t>24240670.0</t>
  </si>
  <si>
    <t>134415.0</t>
  </si>
  <si>
    <t>27054.108</t>
  </si>
  <si>
    <t>150.016</t>
  </si>
  <si>
    <t>105010.0</t>
  </si>
  <si>
    <t>117.198</t>
  </si>
  <si>
    <t>1756756.0</t>
  </si>
  <si>
    <t>641995.0</t>
  </si>
  <si>
    <t>428453.0</t>
  </si>
  <si>
    <t>196.06</t>
  </si>
  <si>
    <t>24345378.0</t>
  </si>
  <si>
    <t>104708.0</t>
  </si>
  <si>
    <t>27170.969</t>
  </si>
  <si>
    <t>116.861</t>
  </si>
  <si>
    <t>103978.0</t>
  </si>
  <si>
    <t>116.046</t>
  </si>
  <si>
    <t>1758361.0</t>
  </si>
  <si>
    <t>642293.0</t>
  </si>
  <si>
    <t>429683.0</t>
  </si>
  <si>
    <t>196.24</t>
  </si>
  <si>
    <t>24443057.0</t>
  </si>
  <si>
    <t>97679.0</t>
  </si>
  <si>
    <t>27279.984</t>
  </si>
  <si>
    <t>109.016</t>
  </si>
  <si>
    <t>104279.0</t>
  </si>
  <si>
    <t>116.382</t>
  </si>
  <si>
    <t>1760549.0</t>
  </si>
  <si>
    <t>642668.0</t>
  </si>
  <si>
    <t>431146.0</t>
  </si>
  <si>
    <t>196.49</t>
  </si>
  <si>
    <t>48.12</t>
  </si>
  <si>
    <t>24542559.0</t>
  </si>
  <si>
    <t>27391.035</t>
  </si>
  <si>
    <t>111.05</t>
  </si>
  <si>
    <t>102346.0</t>
  </si>
  <si>
    <t>114.225</t>
  </si>
  <si>
    <t>1761882.0</t>
  </si>
  <si>
    <t>642892.0</t>
  </si>
  <si>
    <t>432171.0</t>
  </si>
  <si>
    <t>196.64</t>
  </si>
  <si>
    <t>24653450.0</t>
  </si>
  <si>
    <t>110891.0</t>
  </si>
  <si>
    <t>27514.796</t>
  </si>
  <si>
    <t>123.761</t>
  </si>
  <si>
    <t>101713.0</t>
  </si>
  <si>
    <t>113.518</t>
  </si>
  <si>
    <t>24733904.0</t>
  </si>
  <si>
    <t>80454.0</t>
  </si>
  <si>
    <t>27604.588</t>
  </si>
  <si>
    <t>89.792</t>
  </si>
  <si>
    <t>101328.0</t>
  </si>
  <si>
    <t>113.088</t>
  </si>
  <si>
    <t>1765556.0</t>
  </si>
  <si>
    <t>643846.0</t>
  </si>
  <si>
    <t>434610.0</t>
  </si>
  <si>
    <t>197.05</t>
  </si>
  <si>
    <t>24820317.0</t>
  </si>
  <si>
    <t>86413.0</t>
  </si>
  <si>
    <t>27701.03</t>
  </si>
  <si>
    <t>96.442</t>
  </si>
  <si>
    <t>102009.0</t>
  </si>
  <si>
    <t>113.848</t>
  </si>
  <si>
    <t>1373.8</t>
  </si>
  <si>
    <t>1533.24695007963</t>
  </si>
  <si>
    <t>24952494.0</t>
  </si>
  <si>
    <t>132177.0</t>
  </si>
  <si>
    <t>27848.548</t>
  </si>
  <si>
    <t>147.518</t>
  </si>
  <si>
    <t>101689.0</t>
  </si>
  <si>
    <t>113.491</t>
  </si>
  <si>
    <t>1766957.0</t>
  </si>
  <si>
    <t>435494.0</t>
  </si>
  <si>
    <t>25057287.0</t>
  </si>
  <si>
    <t>104793.0</t>
  </si>
  <si>
    <t>27965.504</t>
  </si>
  <si>
    <t>116.956</t>
  </si>
  <si>
    <t>101701.0</t>
  </si>
  <si>
    <t>1768206.0</t>
  </si>
  <si>
    <t>436432.0</t>
  </si>
  <si>
    <t>197.34</t>
  </si>
  <si>
    <t>25154167.0</t>
  </si>
  <si>
    <t>96880.0</t>
  </si>
  <si>
    <t>28073.628</t>
  </si>
  <si>
    <t>108.124</t>
  </si>
  <si>
    <t>101587.0</t>
  </si>
  <si>
    <t>113.377</t>
  </si>
  <si>
    <t>1769643.0</t>
  </si>
  <si>
    <t>437542.0</t>
  </si>
  <si>
    <t>25264396.0</t>
  </si>
  <si>
    <t>28196.65</t>
  </si>
  <si>
    <t>123.022</t>
  </si>
  <si>
    <t>103120.0</t>
  </si>
  <si>
    <t>115.088</t>
  </si>
  <si>
    <t>25377649.0</t>
  </si>
  <si>
    <t>28323.048</t>
  </si>
  <si>
    <t>126.397</t>
  </si>
  <si>
    <t>103457.0</t>
  </si>
  <si>
    <t>115.464</t>
  </si>
  <si>
    <t>25476582.0</t>
  </si>
  <si>
    <t>28433.463</t>
  </si>
  <si>
    <t>110.415</t>
  </si>
  <si>
    <t>118.411</t>
  </si>
  <si>
    <t>1773485.0</t>
  </si>
  <si>
    <t>440267.0</t>
  </si>
  <si>
    <t>197.93</t>
  </si>
  <si>
    <t>25569789.0</t>
  </si>
  <si>
    <t>93207.0</t>
  </si>
  <si>
    <t>28537.488</t>
  </si>
  <si>
    <t>104.025</t>
  </si>
  <si>
    <t>107067.0</t>
  </si>
  <si>
    <t>119.493</t>
  </si>
  <si>
    <t>1407.3</t>
  </si>
  <si>
    <t>1570.63505084224</t>
  </si>
  <si>
    <t>25697903.0</t>
  </si>
  <si>
    <t>128114.0</t>
  </si>
  <si>
    <t>28680.471</t>
  </si>
  <si>
    <t>142.983</t>
  </si>
  <si>
    <t>106487.0</t>
  </si>
  <si>
    <t>118.846</t>
  </si>
  <si>
    <t>25800062.0</t>
  </si>
  <si>
    <t>102159.0</t>
  </si>
  <si>
    <t>28794.487</t>
  </si>
  <si>
    <t>114.016</t>
  </si>
  <si>
    <t>106111.0</t>
  </si>
  <si>
    <t>118.427</t>
  </si>
  <si>
    <t>25886587.0</t>
  </si>
  <si>
    <t>86525.0</t>
  </si>
  <si>
    <t>28891.054</t>
  </si>
  <si>
    <t>96.567</t>
  </si>
  <si>
    <t>116.775</t>
  </si>
  <si>
    <t>25985055.0</t>
  </si>
  <si>
    <t>29000.951</t>
  </si>
  <si>
    <t>109.896</t>
  </si>
  <si>
    <t>102951.0</t>
  </si>
  <si>
    <t>26092705.0</t>
  </si>
  <si>
    <t>107650.0</t>
  </si>
  <si>
    <t>29121.095</t>
  </si>
  <si>
    <t>120.144</t>
  </si>
  <si>
    <t>102151.0</t>
  </si>
  <si>
    <t>114.007</t>
  </si>
  <si>
    <t>26184053.0</t>
  </si>
  <si>
    <t>91348.0</t>
  </si>
  <si>
    <t>29223.045</t>
  </si>
  <si>
    <t>101067.0</t>
  </si>
  <si>
    <t>112.797</t>
  </si>
  <si>
    <t>26261389.0</t>
  </si>
  <si>
    <t>77336.0</t>
  </si>
  <si>
    <t>29309.357</t>
  </si>
  <si>
    <t>86.312</t>
  </si>
  <si>
    <t>98800.0</t>
  </si>
  <si>
    <t>110.267</t>
  </si>
  <si>
    <t>1410.4</t>
  </si>
  <si>
    <t>1574.09484524116</t>
  </si>
  <si>
    <t>26307455.0</t>
  </si>
  <si>
    <t>29360.77</t>
  </si>
  <si>
    <t>51.413</t>
  </si>
  <si>
    <t>87079.0</t>
  </si>
  <si>
    <t>97.186</t>
  </si>
  <si>
    <t>26441329.0</t>
  </si>
  <si>
    <t>133874.0</t>
  </si>
  <si>
    <t>29510.181</t>
  </si>
  <si>
    <t>149.412</t>
  </si>
  <si>
    <t>26519666.0</t>
  </si>
  <si>
    <t>78337.0</t>
  </si>
  <si>
    <t>29597.61</t>
  </si>
  <si>
    <t>87.429</t>
  </si>
  <si>
    <t>90440.0</t>
  </si>
  <si>
    <t>100.937</t>
  </si>
  <si>
    <t>26618371.0</t>
  </si>
  <si>
    <t>98705.0</t>
  </si>
  <si>
    <t>29707.771</t>
  </si>
  <si>
    <t>110.161</t>
  </si>
  <si>
    <t>90474.0</t>
  </si>
  <si>
    <t>100.975</t>
  </si>
  <si>
    <t>26711091.0</t>
  </si>
  <si>
    <t>92720.0</t>
  </si>
  <si>
    <t>29811.253</t>
  </si>
  <si>
    <t>103.481</t>
  </si>
  <si>
    <t>88341.0</t>
  </si>
  <si>
    <t>98.594</t>
  </si>
  <si>
    <t>26789608.0</t>
  </si>
  <si>
    <t>78517.0</t>
  </si>
  <si>
    <t>29898.882</t>
  </si>
  <si>
    <t>86508.0</t>
  </si>
  <si>
    <t>96.548</t>
  </si>
  <si>
    <t>26858601.0</t>
  </si>
  <si>
    <t>68993.0</t>
  </si>
  <si>
    <t>29975.883</t>
  </si>
  <si>
    <t>77.001</t>
  </si>
  <si>
    <t>85316.0</t>
  </si>
  <si>
    <t>95.218</t>
  </si>
  <si>
    <t>1422.3</t>
  </si>
  <si>
    <t>1587.37599148221</t>
  </si>
  <si>
    <t>26970527.0</t>
  </si>
  <si>
    <t>111926.0</t>
  </si>
  <si>
    <t>30100.799</t>
  </si>
  <si>
    <t>124.916</t>
  </si>
  <si>
    <t>94725.0</t>
  </si>
  <si>
    <t>105.719</t>
  </si>
  <si>
    <t>27062822.0</t>
  </si>
  <si>
    <t>30203.806</t>
  </si>
  <si>
    <t>103.007</t>
  </si>
  <si>
    <t>88785.0</t>
  </si>
  <si>
    <t>27146679.0</t>
  </si>
  <si>
    <t>83857.0</t>
  </si>
  <si>
    <t>30297.396</t>
  </si>
  <si>
    <t>89573.0</t>
  </si>
  <si>
    <t>99.969</t>
  </si>
  <si>
    <t>27243078.0</t>
  </si>
  <si>
    <t>96399.0</t>
  </si>
  <si>
    <t>30404.983</t>
  </si>
  <si>
    <t>107.587</t>
  </si>
  <si>
    <t>99.602</t>
  </si>
  <si>
    <t>27342714.0</t>
  </si>
  <si>
    <t>30516.183</t>
  </si>
  <si>
    <t>90232.0</t>
  </si>
  <si>
    <t>100.705</t>
  </si>
  <si>
    <t>27416878.0</t>
  </si>
  <si>
    <t>74164.0</t>
  </si>
  <si>
    <t>30598.955</t>
  </si>
  <si>
    <t>89610.0</t>
  </si>
  <si>
    <t>27492280.0</t>
  </si>
  <si>
    <t>75402.0</t>
  </si>
  <si>
    <t>30683.109</t>
  </si>
  <si>
    <t>84.153</t>
  </si>
  <si>
    <t>90526.0</t>
  </si>
  <si>
    <t>101.033</t>
  </si>
  <si>
    <t>1455.8</t>
  </si>
  <si>
    <t>1624.76409224481</t>
  </si>
  <si>
    <t>27606346.0</t>
  </si>
  <si>
    <t>30810.413</t>
  </si>
  <si>
    <t>127.305</t>
  </si>
  <si>
    <t>101.373</t>
  </si>
  <si>
    <t>27701289.0</t>
  </si>
  <si>
    <t>94943.0</t>
  </si>
  <si>
    <t>30916.376</t>
  </si>
  <si>
    <t>105.962</t>
  </si>
  <si>
    <t>91210.0</t>
  </si>
  <si>
    <t>101.796</t>
  </si>
  <si>
    <t>27784655.0</t>
  </si>
  <si>
    <t>83366.0</t>
  </si>
  <si>
    <t>31009.417</t>
  </si>
  <si>
    <t>93.042</t>
  </si>
  <si>
    <t>91139.0</t>
  </si>
  <si>
    <t>101.717</t>
  </si>
  <si>
    <t>27887918.0</t>
  </si>
  <si>
    <t>103263.0</t>
  </si>
  <si>
    <t>31124.665</t>
  </si>
  <si>
    <t>115.248</t>
  </si>
  <si>
    <t>92120.0</t>
  </si>
  <si>
    <t>102.812</t>
  </si>
  <si>
    <t>27933706.0</t>
  </si>
  <si>
    <t>45788.0</t>
  </si>
  <si>
    <t>31175.768</t>
  </si>
  <si>
    <t>84427.0</t>
  </si>
  <si>
    <t>94.226</t>
  </si>
  <si>
    <t>28016194.0</t>
  </si>
  <si>
    <t>82488.0</t>
  </si>
  <si>
    <t>31267.829</t>
  </si>
  <si>
    <t>85617.0</t>
  </si>
  <si>
    <t>95.554</t>
  </si>
  <si>
    <t>28098844.0</t>
  </si>
  <si>
    <t>31360.072</t>
  </si>
  <si>
    <t>92.243</t>
  </si>
  <si>
    <t>86652.0</t>
  </si>
  <si>
    <t>96.709</t>
  </si>
  <si>
    <t>1515.9</t>
  </si>
  <si>
    <t>1691.83946107564</t>
  </si>
  <si>
    <t>28214774.0</t>
  </si>
  <si>
    <t>115930.0</t>
  </si>
  <si>
    <t>31489.457</t>
  </si>
  <si>
    <t>129.385</t>
  </si>
  <si>
    <t>86918.0</t>
  </si>
  <si>
    <t>97.006</t>
  </si>
  <si>
    <t>28310089.0</t>
  </si>
  <si>
    <t>95315.0</t>
  </si>
  <si>
    <t>31595.835</t>
  </si>
  <si>
    <t>106.378</t>
  </si>
  <si>
    <t>97.065</t>
  </si>
  <si>
    <t>28393478.0</t>
  </si>
  <si>
    <t>83389.0</t>
  </si>
  <si>
    <t>31688.902</t>
  </si>
  <si>
    <t>93.067</t>
  </si>
  <si>
    <t>86975.0</t>
  </si>
  <si>
    <t>97.07</t>
  </si>
  <si>
    <t>28489594.0</t>
  </si>
  <si>
    <t>96116.0</t>
  </si>
  <si>
    <t>31796.173</t>
  </si>
  <si>
    <t>107.271</t>
  </si>
  <si>
    <t>85954.0</t>
  </si>
  <si>
    <t>95.93</t>
  </si>
  <si>
    <t>28530896.0</t>
  </si>
  <si>
    <t>41302.0</t>
  </si>
  <si>
    <t>31842.269</t>
  </si>
  <si>
    <t>46.096</t>
  </si>
  <si>
    <t>85313.0</t>
  </si>
  <si>
    <t>95.215</t>
  </si>
  <si>
    <t>28610556.0</t>
  </si>
  <si>
    <t>79660.0</t>
  </si>
  <si>
    <t>31931.175</t>
  </si>
  <si>
    <t>88.906</t>
  </si>
  <si>
    <t>84909.0</t>
  </si>
  <si>
    <t>94.764</t>
  </si>
  <si>
    <t>28689374.0</t>
  </si>
  <si>
    <t>78818.0</t>
  </si>
  <si>
    <t>32019.14</t>
  </si>
  <si>
    <t>87.966</t>
  </si>
  <si>
    <t>84361.0</t>
  </si>
  <si>
    <t>94.152</t>
  </si>
  <si>
    <t>1599.8</t>
  </si>
  <si>
    <t>1785.47712238855</t>
  </si>
  <si>
    <t>28794524.0</t>
  </si>
  <si>
    <t>105150.0</t>
  </si>
  <si>
    <t>32136.494</t>
  </si>
  <si>
    <t>117.354</t>
  </si>
  <si>
    <t>82821.0</t>
  </si>
  <si>
    <t>92.433</t>
  </si>
  <si>
    <t>28879242.0</t>
  </si>
  <si>
    <t>84718.0</t>
  </si>
  <si>
    <t>32231.045</t>
  </si>
  <si>
    <t>94.551</t>
  </si>
  <si>
    <t>81308.0</t>
  </si>
  <si>
    <t>90.745</t>
  </si>
  <si>
    <t>28952030.0</t>
  </si>
  <si>
    <t>72788.0</t>
  </si>
  <si>
    <t>32312.281</t>
  </si>
  <si>
    <t>81.236</t>
  </si>
  <si>
    <t>79793.0</t>
  </si>
  <si>
    <t>89.054</t>
  </si>
  <si>
    <t>29031364.0</t>
  </si>
  <si>
    <t>79334.0</t>
  </si>
  <si>
    <t>32400.823</t>
  </si>
  <si>
    <t>88.542</t>
  </si>
  <si>
    <t>77396.0</t>
  </si>
  <si>
    <t>86.379</t>
  </si>
  <si>
    <t>29112135.0</t>
  </si>
  <si>
    <t>32490.968</t>
  </si>
  <si>
    <t>90.146</t>
  </si>
  <si>
    <t>83034.0</t>
  </si>
  <si>
    <t>92.671</t>
  </si>
  <si>
    <t>29172391.0</t>
  </si>
  <si>
    <t>60256.0</t>
  </si>
  <si>
    <t>32558.218</t>
  </si>
  <si>
    <t>67.249</t>
  </si>
  <si>
    <t>80262.0</t>
  </si>
  <si>
    <t>89.577</t>
  </si>
  <si>
    <t>1774676.0</t>
  </si>
  <si>
    <t>465600.0</t>
  </si>
  <si>
    <t>29230119.0</t>
  </si>
  <si>
    <t>57728.0</t>
  </si>
  <si>
    <t>32622.646</t>
  </si>
  <si>
    <t>64.428</t>
  </si>
  <si>
    <t>86.215</t>
  </si>
  <si>
    <t>1650.9</t>
  </si>
  <si>
    <t>1842.50792683539</t>
  </si>
  <si>
    <t>29313336.0</t>
  </si>
  <si>
    <t>83217.0</t>
  </si>
  <si>
    <t>32715.521</t>
  </si>
  <si>
    <t>92.875</t>
  </si>
  <si>
    <t>74116.0</t>
  </si>
  <si>
    <t>82.718</t>
  </si>
  <si>
    <t>29380266.0</t>
  </si>
  <si>
    <t>66930.0</t>
  </si>
  <si>
    <t>32790.219</t>
  </si>
  <si>
    <t>74.698</t>
  </si>
  <si>
    <t>71575.0</t>
  </si>
  <si>
    <t>79.882</t>
  </si>
  <si>
    <t>29434565.0</t>
  </si>
  <si>
    <t>54299.0</t>
  </si>
  <si>
    <t>32850.82</t>
  </si>
  <si>
    <t>68934.0</t>
  </si>
  <si>
    <t>76.935</t>
  </si>
  <si>
    <t>29501771.0</t>
  </si>
  <si>
    <t>67206.0</t>
  </si>
  <si>
    <t>32925.826</t>
  </si>
  <si>
    <t>75.006</t>
  </si>
  <si>
    <t>67201.0</t>
  </si>
  <si>
    <t>75.001</t>
  </si>
  <si>
    <t>1777994.0</t>
  </si>
  <si>
    <t>468097.0</t>
  </si>
  <si>
    <t>1683.2</t>
  </si>
  <si>
    <t>1878.5567523468</t>
  </si>
  <si>
    <t>1680.9</t>
  </si>
  <si>
    <t>1875.98980811534</t>
  </si>
  <si>
    <t>1780242.0</t>
  </si>
  <si>
    <t>469631.0</t>
  </si>
  <si>
    <t>198.69</t>
  </si>
  <si>
    <t>1781639.0</t>
  </si>
  <si>
    <t>667058.0</t>
  </si>
  <si>
    <t>644027.0</t>
  </si>
  <si>
    <t>470554.0</t>
  </si>
  <si>
    <t>198.84</t>
  </si>
  <si>
    <t>1890.61022960758</t>
  </si>
  <si>
    <t>1691.7</t>
  </si>
  <si>
    <t>1888.04328537612</t>
  </si>
  <si>
    <t>1784616.0</t>
  </si>
  <si>
    <t>667664.0</t>
  </si>
  <si>
    <t>644447.0</t>
  </si>
  <si>
    <t>472505.0</t>
  </si>
  <si>
    <t>199.17</t>
  </si>
  <si>
    <t>1694.6</t>
  </si>
  <si>
    <t>1891.27986723318</t>
  </si>
  <si>
    <t>1713.7</t>
  </si>
  <si>
    <t>1912.59666498141</t>
  </si>
  <si>
    <t>1715.2</t>
  </si>
  <si>
    <t>1914.27075904541</t>
  </si>
  <si>
    <t>1709.5</t>
  </si>
  <si>
    <t>-5.1</t>
  </si>
  <si>
    <t>1907.90920160222</t>
  </si>
  <si>
    <t>1712.2</t>
  </si>
  <si>
    <t>1910.92257091741</t>
  </si>
  <si>
    <t>1787698.0</t>
  </si>
  <si>
    <t>668264.0</t>
  </si>
  <si>
    <t>644976.0</t>
  </si>
  <si>
    <t>474458.0</t>
  </si>
  <si>
    <t>199.52</t>
  </si>
  <si>
    <t>1734.5</t>
  </si>
  <si>
    <t>1935.81076933551</t>
  </si>
  <si>
    <t>-8.09</t>
  </si>
  <si>
    <t>1925.20817359686</t>
  </si>
  <si>
    <t>1788761.0</t>
  </si>
  <si>
    <t>668493.0</t>
  </si>
  <si>
    <t>645099.0</t>
  </si>
  <si>
    <t>475169.0</t>
  </si>
  <si>
    <t>1724.5</t>
  </si>
  <si>
    <t>1924.65014224219</t>
  </si>
  <si>
    <t>1734.6</t>
  </si>
  <si>
    <t>1935.92237560644</t>
  </si>
  <si>
    <t>1766.5</t>
  </si>
  <si>
    <t>1971.52477603412</t>
  </si>
  <si>
    <t>1768.6</t>
  </si>
  <si>
    <t>1973.86850772371</t>
  </si>
  <si>
    <t>1791383.0</t>
  </si>
  <si>
    <t>668933.0</t>
  </si>
  <si>
    <t>645367.0</t>
  </si>
  <si>
    <t>477083.0</t>
  </si>
  <si>
    <t>199.93</t>
  </si>
  <si>
    <t>1808.1</t>
  </si>
  <si>
    <t>2017.95298474231</t>
  </si>
  <si>
    <t>1812.2</t>
  </si>
  <si>
    <t>2022.52884185057</t>
  </si>
  <si>
    <t>1792456.0</t>
  </si>
  <si>
    <t>669258.0</t>
  </si>
  <si>
    <t>645496.0</t>
  </si>
  <si>
    <t>477702.0</t>
  </si>
  <si>
    <t>200.05</t>
  </si>
  <si>
    <t>1835.1</t>
  </si>
  <si>
    <t>2048.08667789426</t>
  </si>
  <si>
    <t>1792897.0</t>
  </si>
  <si>
    <t>669347.0</t>
  </si>
  <si>
    <t>645552.0</t>
  </si>
  <si>
    <t>477998.0</t>
  </si>
  <si>
    <t>2050.20719704199</t>
  </si>
  <si>
    <t>1830.3</t>
  </si>
  <si>
    <t>-6.05</t>
  </si>
  <si>
    <t>2042.72957688947</t>
  </si>
  <si>
    <t>2043.510820786</t>
  </si>
  <si>
    <t>1830.9</t>
  </si>
  <si>
    <t>-0.09</t>
  </si>
  <si>
    <t>2043.39921451506</t>
  </si>
  <si>
    <t>1836.6</t>
  </si>
  <si>
    <t>2049.76077195825</t>
  </si>
  <si>
    <t>1833.5</t>
  </si>
  <si>
    <t>-2.92</t>
  </si>
  <si>
    <t>2046.30097755933</t>
  </si>
  <si>
    <t>1794533.0</t>
  </si>
  <si>
    <t>669939.0</t>
  </si>
  <si>
    <t>645735.0</t>
  </si>
  <si>
    <t>478859.0</t>
  </si>
  <si>
    <t>200.28</t>
  </si>
  <si>
    <t>1844.6</t>
  </si>
  <si>
    <t>2058.68927363291</t>
  </si>
  <si>
    <t>1879.7</t>
  </si>
  <si>
    <t>2097.86307473044</t>
  </si>
  <si>
    <t>1868.8</t>
  </si>
  <si>
    <t>-9.92</t>
  </si>
  <si>
    <t>2085.69799119873</t>
  </si>
  <si>
    <t>1863.5</t>
  </si>
  <si>
    <t>-4.85</t>
  </si>
  <si>
    <t>2079.78285883927</t>
  </si>
  <si>
    <t>2102.66214438057</t>
  </si>
  <si>
    <t>1902.5</t>
  </si>
  <si>
    <t>2123.3093045032</t>
  </si>
  <si>
    <t>1797542.0</t>
  </si>
  <si>
    <t>670969.0</t>
  </si>
  <si>
    <t>646021.0</t>
  </si>
  <si>
    <t>480552.0</t>
  </si>
  <si>
    <t>200.62</t>
  </si>
  <si>
    <t>CZE</t>
  </si>
  <si>
    <t>Czechia</t>
  </si>
  <si>
    <t>-1175.2</t>
  </si>
  <si>
    <t>-5.29</t>
  </si>
  <si>
    <t>-5.92</t>
  </si>
  <si>
    <t>-111.987909269973</t>
  </si>
  <si>
    <t>-1335.0</t>
  </si>
  <si>
    <t>-5.41</t>
  </si>
  <si>
    <t>-6.51</t>
  </si>
  <si>
    <t>-127.21567297091</t>
  </si>
  <si>
    <t>-1413.6</t>
  </si>
  <si>
    <t>-5.23</t>
  </si>
  <si>
    <t>-3.31</t>
  </si>
  <si>
    <t>-134.70567439077</t>
  </si>
  <si>
    <t>5.908</t>
  </si>
  <si>
    <t>5.241</t>
  </si>
  <si>
    <t>9.243</t>
  </si>
  <si>
    <t>12.388</t>
  </si>
  <si>
    <t>-1397.2</t>
  </si>
  <si>
    <t>-4.76</t>
  </si>
  <si>
    <t>-133.142875112326</t>
  </si>
  <si>
    <t>11.149</t>
  </si>
  <si>
    <t>16.676</t>
  </si>
  <si>
    <t>19.535</t>
  </si>
  <si>
    <t>5.622</t>
  </si>
  <si>
    <t>23.728</t>
  </si>
  <si>
    <t>6.003</t>
  </si>
  <si>
    <t>5.051</t>
  </si>
  <si>
    <t>5.813</t>
  </si>
  <si>
    <t>26.873</t>
  </si>
  <si>
    <t>-1342.0</t>
  </si>
  <si>
    <t>-4.25</t>
  </si>
  <si>
    <t>-127.882721443417</t>
  </si>
  <si>
    <t>28.016</t>
  </si>
  <si>
    <t>7.814</t>
  </si>
  <si>
    <t>8.386</t>
  </si>
  <si>
    <t>33.448</t>
  </si>
  <si>
    <t>8.958</t>
  </si>
  <si>
    <t>-1226.6</t>
  </si>
  <si>
    <t>-116.88595091095</t>
  </si>
  <si>
    <t>9.148</t>
  </si>
  <si>
    <t>40.309</t>
  </si>
  <si>
    <t>27.158</t>
  </si>
  <si>
    <t>25.443</t>
  </si>
  <si>
    <t>24.109</t>
  </si>
  <si>
    <t>-1141.8</t>
  </si>
  <si>
    <t>-3.18</t>
  </si>
  <si>
    <t>-108.805135129727</t>
  </si>
  <si>
    <t>8.862</t>
  </si>
  <si>
    <t>17.248</t>
  </si>
  <si>
    <t>16.009</t>
  </si>
  <si>
    <t>34.496</t>
  </si>
  <si>
    <t>14.389</t>
  </si>
  <si>
    <t>8.195</t>
  </si>
  <si>
    <t>14.484</t>
  </si>
  <si>
    <t>7.719</t>
  </si>
  <si>
    <t>-1125.6</t>
  </si>
  <si>
    <t>-107.261394379068</t>
  </si>
  <si>
    <t>7.433</t>
  </si>
  <si>
    <t>6.575</t>
  </si>
  <si>
    <t>17.724</t>
  </si>
  <si>
    <t>16.486</t>
  </si>
  <si>
    <t>-1242.6</t>
  </si>
  <si>
    <t>-3.09</t>
  </si>
  <si>
    <t>-118.410633133822</t>
  </si>
  <si>
    <t>15.056</t>
  </si>
  <si>
    <t>12.197</t>
  </si>
  <si>
    <t>5.718</t>
  </si>
  <si>
    <t>11.054</t>
  </si>
  <si>
    <t>10.387</t>
  </si>
  <si>
    <t>23.251</t>
  </si>
  <si>
    <t>22.203</t>
  </si>
  <si>
    <t>-1203.8</t>
  </si>
  <si>
    <t>-114.713278743357</t>
  </si>
  <si>
    <t>3.526</t>
  </si>
  <si>
    <t>19.916</t>
  </si>
  <si>
    <t>7.338</t>
  </si>
  <si>
    <t>-1270.4</t>
  </si>
  <si>
    <t>-2.86</t>
  </si>
  <si>
    <t>-3.22</t>
  </si>
  <si>
    <t>-121.059768496063</t>
  </si>
  <si>
    <t>14.961</t>
  </si>
  <si>
    <t>5.336</t>
  </si>
  <si>
    <t>11.245</t>
  </si>
  <si>
    <t>10.673</t>
  </si>
  <si>
    <t>4.193</t>
  </si>
  <si>
    <t>10.482</t>
  </si>
  <si>
    <t>-1268.8</t>
  </si>
  <si>
    <t>-120.907300273776</t>
  </si>
  <si>
    <t>-1379.2</t>
  </si>
  <si>
    <t>-131.427607611595</t>
  </si>
  <si>
    <t>4.002</t>
  </si>
  <si>
    <t>-1521.4</t>
  </si>
  <si>
    <t>-6.83</t>
  </si>
  <si>
    <t>-144.978220867373</t>
  </si>
  <si>
    <t>17004.0</t>
  </si>
  <si>
    <t>4058.0</t>
  </si>
  <si>
    <t>27991.0</t>
  </si>
  <si>
    <t>29750.0</t>
  </si>
  <si>
    <t>-1385.6</t>
  </si>
  <si>
    <t>-2.64</t>
  </si>
  <si>
    <t>-132.037480500744</t>
  </si>
  <si>
    <t>34580.0</t>
  </si>
  <si>
    <t>3.671</t>
  </si>
  <si>
    <t>42464.0</t>
  </si>
  <si>
    <t>49520.0</t>
  </si>
  <si>
    <t>4.711</t>
  </si>
  <si>
    <t>4.861</t>
  </si>
  <si>
    <t>-1402.8</t>
  </si>
  <si>
    <t>-2.57</t>
  </si>
  <si>
    <t>-133.676513890331</t>
  </si>
  <si>
    <t>55968.0</t>
  </si>
  <si>
    <t>62653.0</t>
  </si>
  <si>
    <t>66051.0</t>
  </si>
  <si>
    <t>68945.0</t>
  </si>
  <si>
    <t>7.623</t>
  </si>
  <si>
    <t>5.527</t>
  </si>
  <si>
    <t>70481.0</t>
  </si>
  <si>
    <t>71700.0</t>
  </si>
  <si>
    <t>6.822</t>
  </si>
  <si>
    <t>-1371.6</t>
  </si>
  <si>
    <t>-130.70338355573</t>
  </si>
  <si>
    <t>76387.0</t>
  </si>
  <si>
    <t>7.627</t>
  </si>
  <si>
    <t>84185.0</t>
  </si>
  <si>
    <t>8.347</t>
  </si>
  <si>
    <t>6.099</t>
  </si>
  <si>
    <t>93559.0</t>
  </si>
  <si>
    <t>8.901</t>
  </si>
  <si>
    <t>96056.0</t>
  </si>
  <si>
    <t>97857.0</t>
  </si>
  <si>
    <t>-1293.6</t>
  </si>
  <si>
    <t>-2.21</t>
  </si>
  <si>
    <t>-123.270557719228</t>
  </si>
  <si>
    <t>102806.0</t>
  </si>
  <si>
    <t>9.781</t>
  </si>
  <si>
    <t>106760.0</t>
  </si>
  <si>
    <t>111176.0</t>
  </si>
  <si>
    <t>115611.0</t>
  </si>
  <si>
    <t>10.999</t>
  </si>
  <si>
    <t>120568.0</t>
  </si>
  <si>
    <t>11.471</t>
  </si>
  <si>
    <t>122257.0</t>
  </si>
  <si>
    <t>11.632</t>
  </si>
  <si>
    <t>123570.0</t>
  </si>
  <si>
    <t>11.757</t>
  </si>
  <si>
    <t>-1208.2</t>
  </si>
  <si>
    <t>-2.0</t>
  </si>
  <si>
    <t>-115.132566354647</t>
  </si>
  <si>
    <t>130226.0</t>
  </si>
  <si>
    <t>135337.0</t>
  </si>
  <si>
    <t>140347.0</t>
  </si>
  <si>
    <t>13.353</t>
  </si>
  <si>
    <t>144870.0</t>
  </si>
  <si>
    <t>146618.0</t>
  </si>
  <si>
    <t>13.949</t>
  </si>
  <si>
    <t>148164.0</t>
  </si>
  <si>
    <t>14.096</t>
  </si>
  <si>
    <t>-1240.0</t>
  </si>
  <si>
    <t>-1.98</t>
  </si>
  <si>
    <t>-1.57</t>
  </si>
  <si>
    <t>-118.162872272606</t>
  </si>
  <si>
    <t>14.565</t>
  </si>
  <si>
    <t>158050.0</t>
  </si>
  <si>
    <t>15.037</t>
  </si>
  <si>
    <t>162951.0</t>
  </si>
  <si>
    <t>15.503</t>
  </si>
  <si>
    <t>167307.0</t>
  </si>
  <si>
    <t>15.918</t>
  </si>
  <si>
    <t>16.353</t>
  </si>
  <si>
    <t>174266.0</t>
  </si>
  <si>
    <t>176707.0</t>
  </si>
  <si>
    <t>-1287.6</t>
  </si>
  <si>
    <t>-122.698801885651</t>
  </si>
  <si>
    <t>184278.0</t>
  </si>
  <si>
    <t>17.532</t>
  </si>
  <si>
    <t>5.432</t>
  </si>
  <si>
    <t>190672.0</t>
  </si>
  <si>
    <t>18.141</t>
  </si>
  <si>
    <t>8.767</t>
  </si>
  <si>
    <t>197274.0</t>
  </si>
  <si>
    <t>18.769</t>
  </si>
  <si>
    <t>4903.0</t>
  </si>
  <si>
    <t>209888.0</t>
  </si>
  <si>
    <t>19.969</t>
  </si>
  <si>
    <t>212500.0</t>
  </si>
  <si>
    <t>20.217</t>
  </si>
  <si>
    <t>214286.0</t>
  </si>
  <si>
    <t>-1271.4</t>
  </si>
  <si>
    <t>-121.155061134992</t>
  </si>
  <si>
    <t>220840.0</t>
  </si>
  <si>
    <t>21.011</t>
  </si>
  <si>
    <t>10.863</t>
  </si>
  <si>
    <t>228749.0</t>
  </si>
  <si>
    <t>21.763</t>
  </si>
  <si>
    <t>236258.0</t>
  </si>
  <si>
    <t>243881.0</t>
  </si>
  <si>
    <t>23.203</t>
  </si>
  <si>
    <t>252088.0</t>
  </si>
  <si>
    <t>23.984</t>
  </si>
  <si>
    <t>256796.0</t>
  </si>
  <si>
    <t>24.432</t>
  </si>
  <si>
    <t>259443.0</t>
  </si>
  <si>
    <t>24.684</t>
  </si>
  <si>
    <t>-1123.0</t>
  </si>
  <si>
    <t>-107.013633517852</t>
  </si>
  <si>
    <t>267189.0</t>
  </si>
  <si>
    <t>25.421</t>
  </si>
  <si>
    <t>275603.0</t>
  </si>
  <si>
    <t>282548.0</t>
  </si>
  <si>
    <t>26.882</t>
  </si>
  <si>
    <t>10.006</t>
  </si>
  <si>
    <t>289910.0</t>
  </si>
  <si>
    <t>27.582</t>
  </si>
  <si>
    <t>299116.0</t>
  </si>
  <si>
    <t>28.458</t>
  </si>
  <si>
    <t>304627.0</t>
  </si>
  <si>
    <t>28.982</t>
  </si>
  <si>
    <t>10.196</t>
  </si>
  <si>
    <t>307555.0</t>
  </si>
  <si>
    <t>29.261</t>
  </si>
  <si>
    <t>-1019.6</t>
  </si>
  <si>
    <t>-97.1603746525391</t>
  </si>
  <si>
    <t>314038.0</t>
  </si>
  <si>
    <t>29.878</t>
  </si>
  <si>
    <t>322731.0</t>
  </si>
  <si>
    <t>6733.0</t>
  </si>
  <si>
    <t>330653.0</t>
  </si>
  <si>
    <t>31.459</t>
  </si>
  <si>
    <t>338065.0</t>
  </si>
  <si>
    <t>7412.0</t>
  </si>
  <si>
    <t>346064.0</t>
  </si>
  <si>
    <t>32.925</t>
  </si>
  <si>
    <t>351177.0</t>
  </si>
  <si>
    <t>33.411</t>
  </si>
  <si>
    <t>354156.0</t>
  </si>
  <si>
    <t>33.695</t>
  </si>
  <si>
    <t>-931.399999999999</t>
  </si>
  <si>
    <t>-88.7555638989554</t>
  </si>
  <si>
    <t>361408.0</t>
  </si>
  <si>
    <t>34.385</t>
  </si>
  <si>
    <t>369098.0</t>
  </si>
  <si>
    <t>376753.0</t>
  </si>
  <si>
    <t>384991.0</t>
  </si>
  <si>
    <t>36.628</t>
  </si>
  <si>
    <t>11.34</t>
  </si>
  <si>
    <t>394703.0</t>
  </si>
  <si>
    <t>37.552</t>
  </si>
  <si>
    <t>399821.0</t>
  </si>
  <si>
    <t>38.039</t>
  </si>
  <si>
    <t>402225.0</t>
  </si>
  <si>
    <t>38.268</t>
  </si>
  <si>
    <t>-832.199999999999</t>
  </si>
  <si>
    <t>-1.11</t>
  </si>
  <si>
    <t>-79.302534117147</t>
  </si>
  <si>
    <t>12.293</t>
  </si>
  <si>
    <t>409638.0</t>
  </si>
  <si>
    <t>38.973</t>
  </si>
  <si>
    <t>6890.0</t>
  </si>
  <si>
    <t>12.483</t>
  </si>
  <si>
    <t>13.055</t>
  </si>
  <si>
    <t>418401.0</t>
  </si>
  <si>
    <t>39.807</t>
  </si>
  <si>
    <t>13.532</t>
  </si>
  <si>
    <t>427286.0</t>
  </si>
  <si>
    <t>40.652</t>
  </si>
  <si>
    <t>436484.0</t>
  </si>
  <si>
    <t>41.527</t>
  </si>
  <si>
    <t>14.866</t>
  </si>
  <si>
    <t>447312.0</t>
  </si>
  <si>
    <t>42.558</t>
  </si>
  <si>
    <t>453885.0</t>
  </si>
  <si>
    <t>43.183</t>
  </si>
  <si>
    <t>13.246</t>
  </si>
  <si>
    <t>457831.0</t>
  </si>
  <si>
    <t>43.558</t>
  </si>
  <si>
    <t>-798.399999999999</t>
  </si>
  <si>
    <t>-76.0816429213292</t>
  </si>
  <si>
    <t>467202.0</t>
  </si>
  <si>
    <t>9371.0</t>
  </si>
  <si>
    <t>478339.0</t>
  </si>
  <si>
    <t>8563.0</t>
  </si>
  <si>
    <t>17.153</t>
  </si>
  <si>
    <t>490149.0</t>
  </si>
  <si>
    <t>11810.0</t>
  </si>
  <si>
    <t>46.633</t>
  </si>
  <si>
    <t>18.582</t>
  </si>
  <si>
    <t>501690.0</t>
  </si>
  <si>
    <t>47.731</t>
  </si>
  <si>
    <t>19.726</t>
  </si>
  <si>
    <t>17.534</t>
  </si>
  <si>
    <t>515344.0</t>
  </si>
  <si>
    <t>522812.0</t>
  </si>
  <si>
    <t>49.741</t>
  </si>
  <si>
    <t>20.964</t>
  </si>
  <si>
    <t>527349.0</t>
  </si>
  <si>
    <t>50.172</t>
  </si>
  <si>
    <t>9931.0</t>
  </si>
  <si>
    <t>-761.199999999999</t>
  </si>
  <si>
    <t>-72.536756753151</t>
  </si>
  <si>
    <t>24.395</t>
  </si>
  <si>
    <t>538953.0</t>
  </si>
  <si>
    <t>51.276</t>
  </si>
  <si>
    <t>23.537</t>
  </si>
  <si>
    <t>555068.0</t>
  </si>
  <si>
    <t>570575.0</t>
  </si>
  <si>
    <t>15507.0</t>
  </si>
  <si>
    <t>54.285</t>
  </si>
  <si>
    <t>587088.0</t>
  </si>
  <si>
    <t>16513.0</t>
  </si>
  <si>
    <t>55.856</t>
  </si>
  <si>
    <t>12200.0</t>
  </si>
  <si>
    <t>606305.0</t>
  </si>
  <si>
    <t>19217.0</t>
  </si>
  <si>
    <t>57.684</t>
  </si>
  <si>
    <t>619622.0</t>
  </si>
  <si>
    <t>13317.0</t>
  </si>
  <si>
    <t>13830.0</t>
  </si>
  <si>
    <t>626712.0</t>
  </si>
  <si>
    <t>59.626</t>
  </si>
  <si>
    <t>-675.199999999999</t>
  </si>
  <si>
    <t>-0.83</t>
  </si>
  <si>
    <t>-64.3415898052122</t>
  </si>
  <si>
    <t>644230.0</t>
  </si>
  <si>
    <t>61.292</t>
  </si>
  <si>
    <t>37.069</t>
  </si>
  <si>
    <t>664691.0</t>
  </si>
  <si>
    <t>20461.0</t>
  </si>
  <si>
    <t>63.239</t>
  </si>
  <si>
    <t>38.022</t>
  </si>
  <si>
    <t>685278.0</t>
  </si>
  <si>
    <t>65.198</t>
  </si>
  <si>
    <t>16386.0</t>
  </si>
  <si>
    <t>708871.0</t>
  </si>
  <si>
    <t>23593.0</t>
  </si>
  <si>
    <t>67.442</t>
  </si>
  <si>
    <t>50.029</t>
  </si>
  <si>
    <t>730451.0</t>
  </si>
  <si>
    <t>21580.0</t>
  </si>
  <si>
    <t>69.496</t>
  </si>
  <si>
    <t>17735.0</t>
  </si>
  <si>
    <t>745682.0</t>
  </si>
  <si>
    <t>70.945</t>
  </si>
  <si>
    <t>18009.0</t>
  </si>
  <si>
    <t>756243.0</t>
  </si>
  <si>
    <t>10561.0</t>
  </si>
  <si>
    <t>71.949</t>
  </si>
  <si>
    <t>-485.799999999999</t>
  </si>
  <si>
    <t>-46.293163991961</t>
  </si>
  <si>
    <t>775653.0</t>
  </si>
  <si>
    <t>73.796</t>
  </si>
  <si>
    <t>22400.0</t>
  </si>
  <si>
    <t>820498.0</t>
  </si>
  <si>
    <t>78.063</t>
  </si>
  <si>
    <t>19317.0</t>
  </si>
  <si>
    <t>843661.0</t>
  </si>
  <si>
    <t>80.266</t>
  </si>
  <si>
    <t>866793.0</t>
  </si>
  <si>
    <t>23132.0</t>
  </si>
  <si>
    <t>82.467</t>
  </si>
  <si>
    <t>19477.0</t>
  </si>
  <si>
    <t>15.533</t>
  </si>
  <si>
    <t>882181.0</t>
  </si>
  <si>
    <t>15388.0</t>
  </si>
  <si>
    <t>83.931</t>
  </si>
  <si>
    <t>892649.0</t>
  </si>
  <si>
    <t>84.927</t>
  </si>
  <si>
    <t>19487.0</t>
  </si>
  <si>
    <t>-154.799999999999</t>
  </si>
  <si>
    <t>-14.7513005062897</t>
  </si>
  <si>
    <t>904867.0</t>
  </si>
  <si>
    <t>12218.0</t>
  </si>
  <si>
    <t>923189.0</t>
  </si>
  <si>
    <t>87.833</t>
  </si>
  <si>
    <t>944281.0</t>
  </si>
  <si>
    <t>968202.0</t>
  </si>
  <si>
    <t>92.115</t>
  </si>
  <si>
    <t>17792.0</t>
  </si>
  <si>
    <t>991841.0</t>
  </si>
  <si>
    <t>23639.0</t>
  </si>
  <si>
    <t>94.364</t>
  </si>
  <si>
    <t>17864.0</t>
  </si>
  <si>
    <t>24.204</t>
  </si>
  <si>
    <t>1007042.0</t>
  </si>
  <si>
    <t>95.811</t>
  </si>
  <si>
    <t>122.07</t>
  </si>
  <si>
    <t>17.057</t>
  </si>
  <si>
    <t>1014818.0</t>
  </si>
  <si>
    <t>96.55</t>
  </si>
  <si>
    <t>81.6000000000007</t>
  </si>
  <si>
    <t>7.77587933664895</t>
  </si>
  <si>
    <t>1032586.0</t>
  </si>
  <si>
    <t>17768.0</t>
  </si>
  <si>
    <t>98.241</t>
  </si>
  <si>
    <t>21.822</t>
  </si>
  <si>
    <t>1055639.0</t>
  </si>
  <si>
    <t>100.434</t>
  </si>
  <si>
    <t>18921.0</t>
  </si>
  <si>
    <t>170.097</t>
  </si>
  <si>
    <t>1079690.0</t>
  </si>
  <si>
    <t>24051.0</t>
  </si>
  <si>
    <t>34.115</t>
  </si>
  <si>
    <t>190.014</t>
  </si>
  <si>
    <t>1104763.0</t>
  </si>
  <si>
    <t>25073.0</t>
  </si>
  <si>
    <t>105.108</t>
  </si>
  <si>
    <t>1132506.0</t>
  </si>
  <si>
    <t>27743.0</t>
  </si>
  <si>
    <t>107.747</t>
  </si>
  <si>
    <t>20095.0</t>
  </si>
  <si>
    <t>1150630.0</t>
  </si>
  <si>
    <t>20513.0</t>
  </si>
  <si>
    <t>1162134.0</t>
  </si>
  <si>
    <t>11504.0</t>
  </si>
  <si>
    <t>110.566</t>
  </si>
  <si>
    <t>21045.0</t>
  </si>
  <si>
    <t>538.400000000001</t>
  </si>
  <si>
    <t>51.305556799654</t>
  </si>
  <si>
    <t>1184182.0</t>
  </si>
  <si>
    <t>22048.0</t>
  </si>
  <si>
    <t>112.664</t>
  </si>
  <si>
    <t>256.528</t>
  </si>
  <si>
    <t>1215820.0</t>
  </si>
  <si>
    <t>31638.0</t>
  </si>
  <si>
    <t>115.674</t>
  </si>
  <si>
    <t>22883.0</t>
  </si>
  <si>
    <t>30.589</t>
  </si>
  <si>
    <t>1250679.0</t>
  </si>
  <si>
    <t>34859.0</t>
  </si>
  <si>
    <t>24427.0</t>
  </si>
  <si>
    <t>1285484.0</t>
  </si>
  <si>
    <t>122.302</t>
  </si>
  <si>
    <t>1324207.0</t>
  </si>
  <si>
    <t>38723.0</t>
  </si>
  <si>
    <t>125.986</t>
  </si>
  <si>
    <t>27386.0</t>
  </si>
  <si>
    <t>338.479</t>
  </si>
  <si>
    <t>1353486.0</t>
  </si>
  <si>
    <t>29279.0</t>
  </si>
  <si>
    <t>128.772</t>
  </si>
  <si>
    <t>28979.0</t>
  </si>
  <si>
    <t>1370726.0</t>
  </si>
  <si>
    <t>130.412</t>
  </si>
  <si>
    <t>29799.0</t>
  </si>
  <si>
    <t>1368.8</t>
  </si>
  <si>
    <t>39.25</t>
  </si>
  <si>
    <t>130.436564166728</t>
  </si>
  <si>
    <t>59.272</t>
  </si>
  <si>
    <t>4103.0</t>
  </si>
  <si>
    <t>1401891.0</t>
  </si>
  <si>
    <t>31165.0</t>
  </si>
  <si>
    <t>133.377</t>
  </si>
  <si>
    <t>31101.0</t>
  </si>
  <si>
    <t>1442489.0</t>
  </si>
  <si>
    <t>137.239</t>
  </si>
  <si>
    <t>3.863</t>
  </si>
  <si>
    <t>32381.0</t>
  </si>
  <si>
    <t>1487734.0</t>
  </si>
  <si>
    <t>45245.0</t>
  </si>
  <si>
    <t>141.544</t>
  </si>
  <si>
    <t>33865.0</t>
  </si>
  <si>
    <t>1534159.0</t>
  </si>
  <si>
    <t>46425.0</t>
  </si>
  <si>
    <t>145.961</t>
  </si>
  <si>
    <t>35525.0</t>
  </si>
  <si>
    <t>1579411.0</t>
  </si>
  <si>
    <t>150.266</t>
  </si>
  <si>
    <t>36458.0</t>
  </si>
  <si>
    <t>1618603.0</t>
  </si>
  <si>
    <t>39192.0</t>
  </si>
  <si>
    <t>153.995</t>
  </si>
  <si>
    <t>37874.0</t>
  </si>
  <si>
    <t>1640196.0</t>
  </si>
  <si>
    <t>21593.0</t>
  </si>
  <si>
    <t>156.049</t>
  </si>
  <si>
    <t>2893.6</t>
  </si>
  <si>
    <t>275.738780006461</t>
  </si>
  <si>
    <t>84.239</t>
  </si>
  <si>
    <t>1675793.0</t>
  </si>
  <si>
    <t>35597.0</t>
  </si>
  <si>
    <t>1723291.0</t>
  </si>
  <si>
    <t>163.955</t>
  </si>
  <si>
    <t>4.519</t>
  </si>
  <si>
    <t>1763415.0</t>
  </si>
  <si>
    <t>40124.0</t>
  </si>
  <si>
    <t>167.773</t>
  </si>
  <si>
    <t>39383.0</t>
  </si>
  <si>
    <t>1805992.0</t>
  </si>
  <si>
    <t>42577.0</t>
  </si>
  <si>
    <t>171.823</t>
  </si>
  <si>
    <t>4.051</t>
  </si>
  <si>
    <t>38833.0</t>
  </si>
  <si>
    <t>1852814.0</t>
  </si>
  <si>
    <t>176.278</t>
  </si>
  <si>
    <t>39058.0</t>
  </si>
  <si>
    <t>1889110.0</t>
  </si>
  <si>
    <t>36296.0</t>
  </si>
  <si>
    <t>179.731</t>
  </si>
  <si>
    <t>3.677</t>
  </si>
  <si>
    <t>1909753.0</t>
  </si>
  <si>
    <t>181.695</t>
  </si>
  <si>
    <t>38508.0</t>
  </si>
  <si>
    <t>5020.8</t>
  </si>
  <si>
    <t>101.35</t>
  </si>
  <si>
    <t>478.445281537337</t>
  </si>
  <si>
    <t>59.463</t>
  </si>
  <si>
    <t>1942670.0</t>
  </si>
  <si>
    <t>38125.0</t>
  </si>
  <si>
    <t>1986299.0</t>
  </si>
  <si>
    <t>43629.0</t>
  </si>
  <si>
    <t>188.978</t>
  </si>
  <si>
    <t>37573.0</t>
  </si>
  <si>
    <t>3.575</t>
  </si>
  <si>
    <t>8213.0</t>
  </si>
  <si>
    <t>2032417.0</t>
  </si>
  <si>
    <t>46118.0</t>
  </si>
  <si>
    <t>193.366</t>
  </si>
  <si>
    <t>38429.0</t>
  </si>
  <si>
    <t>2076489.0</t>
  </si>
  <si>
    <t>197.559</t>
  </si>
  <si>
    <t>38642.0</t>
  </si>
  <si>
    <t>3.676</t>
  </si>
  <si>
    <t>58.605</t>
  </si>
  <si>
    <t>2117449.0</t>
  </si>
  <si>
    <t>40960.0</t>
  </si>
  <si>
    <t>201.456</t>
  </si>
  <si>
    <t>37805.0</t>
  </si>
  <si>
    <t>2143977.0</t>
  </si>
  <si>
    <t>26528.0</t>
  </si>
  <si>
    <t>203.979</t>
  </si>
  <si>
    <t>36410.0</t>
  </si>
  <si>
    <t>2157980.0</t>
  </si>
  <si>
    <t>205.312</t>
  </si>
  <si>
    <t>35461.0</t>
  </si>
  <si>
    <t>7179.2</t>
  </si>
  <si>
    <t>103.79</t>
  </si>
  <si>
    <t>684.124913402814</t>
  </si>
  <si>
    <t>2189871.0</t>
  </si>
  <si>
    <t>31891.0</t>
  </si>
  <si>
    <t>208.346</t>
  </si>
  <si>
    <t>49.171</t>
  </si>
  <si>
    <t>2233574.0</t>
  </si>
  <si>
    <t>43703.0</t>
  </si>
  <si>
    <t>212.504</t>
  </si>
  <si>
    <t>4.158</t>
  </si>
  <si>
    <t>35325.0</t>
  </si>
  <si>
    <t>3.361</t>
  </si>
  <si>
    <t>2281017.0</t>
  </si>
  <si>
    <t>217.018</t>
  </si>
  <si>
    <t>4.514</t>
  </si>
  <si>
    <t>35514.0</t>
  </si>
  <si>
    <t>3.379</t>
  </si>
  <si>
    <t>2325770.0</t>
  </si>
  <si>
    <t>221.275</t>
  </si>
  <si>
    <t>4.258</t>
  </si>
  <si>
    <t>2370181.0</t>
  </si>
  <si>
    <t>44411.0</t>
  </si>
  <si>
    <t>225.501</t>
  </si>
  <si>
    <t>36105.0</t>
  </si>
  <si>
    <t>2388056.0</t>
  </si>
  <si>
    <t>227.201</t>
  </si>
  <si>
    <t>2400171.0</t>
  </si>
  <si>
    <t>12115.0</t>
  </si>
  <si>
    <t>228.354</t>
  </si>
  <si>
    <t>34599.0</t>
  </si>
  <si>
    <t>8901.2</t>
  </si>
  <si>
    <t>848.218837639449</t>
  </si>
  <si>
    <t>2445383.0</t>
  </si>
  <si>
    <t>232.655</t>
  </si>
  <si>
    <t>36502.0</t>
  </si>
  <si>
    <t>2467670.0</t>
  </si>
  <si>
    <t>234.776</t>
  </si>
  <si>
    <t>33442.0</t>
  </si>
  <si>
    <t>95.96</t>
  </si>
  <si>
    <t>6567.0</t>
  </si>
  <si>
    <t>2515200.0</t>
  </si>
  <si>
    <t>47530.0</t>
  </si>
  <si>
    <t>239.298</t>
  </si>
  <si>
    <t>33455.0</t>
  </si>
  <si>
    <t>2549798.0</t>
  </si>
  <si>
    <t>242.59</t>
  </si>
  <si>
    <t>32004.0</t>
  </si>
  <si>
    <t>2583995.0</t>
  </si>
  <si>
    <t>34197.0</t>
  </si>
  <si>
    <t>245.843</t>
  </si>
  <si>
    <t>30545.0</t>
  </si>
  <si>
    <t>34.877</t>
  </si>
  <si>
    <t>2607336.0</t>
  </si>
  <si>
    <t>23341.0</t>
  </si>
  <si>
    <t>248.064</t>
  </si>
  <si>
    <t>31326.0</t>
  </si>
  <si>
    <t>2619815.0</t>
  </si>
  <si>
    <t>12479.0</t>
  </si>
  <si>
    <t>249.251</t>
  </si>
  <si>
    <t>31378.0</t>
  </si>
  <si>
    <t>10193.6</t>
  </si>
  <si>
    <t>971.375044191961</t>
  </si>
  <si>
    <t>32.781</t>
  </si>
  <si>
    <t>2684763.0</t>
  </si>
  <si>
    <t>64948.0</t>
  </si>
  <si>
    <t>255.43</t>
  </si>
  <si>
    <t>33.352</t>
  </si>
  <si>
    <t>2723935.0</t>
  </si>
  <si>
    <t>39172.0</t>
  </si>
  <si>
    <t>259.157</t>
  </si>
  <si>
    <t>36609.0</t>
  </si>
  <si>
    <t>2761257.0</t>
  </si>
  <si>
    <t>262.708</t>
  </si>
  <si>
    <t>2794575.0</t>
  </si>
  <si>
    <t>265.878</t>
  </si>
  <si>
    <t>2830252.0</t>
  </si>
  <si>
    <t>269.272</t>
  </si>
  <si>
    <t>3.394</t>
  </si>
  <si>
    <t>35180.0</t>
  </si>
  <si>
    <t>2851204.0</t>
  </si>
  <si>
    <t>20952.0</t>
  </si>
  <si>
    <t>271.266</t>
  </si>
  <si>
    <t>34838.0</t>
  </si>
  <si>
    <t>2861286.0</t>
  </si>
  <si>
    <t>272.225</t>
  </si>
  <si>
    <t>34496.0</t>
  </si>
  <si>
    <t>1070.13633517852</t>
  </si>
  <si>
    <t>2924496.0</t>
  </si>
  <si>
    <t>63210.0</t>
  </si>
  <si>
    <t>278.239</t>
  </si>
  <si>
    <t>34248.0</t>
  </si>
  <si>
    <t>2964816.0</t>
  </si>
  <si>
    <t>40320.0</t>
  </si>
  <si>
    <t>282.075</t>
  </si>
  <si>
    <t>34412.0</t>
  </si>
  <si>
    <t>3002511.0</t>
  </si>
  <si>
    <t>37695.0</t>
  </si>
  <si>
    <t>285.661</t>
  </si>
  <si>
    <t>28.492</t>
  </si>
  <si>
    <t>3035678.0</t>
  </si>
  <si>
    <t>33167.0</t>
  </si>
  <si>
    <t>288.816</t>
  </si>
  <si>
    <t>323.995</t>
  </si>
  <si>
    <t>3067806.0</t>
  </si>
  <si>
    <t>32128.0</t>
  </si>
  <si>
    <t>291.873</t>
  </si>
  <si>
    <t>33936.0</t>
  </si>
  <si>
    <t>3084589.0</t>
  </si>
  <si>
    <t>293.47</t>
  </si>
  <si>
    <t>33341.0</t>
  </si>
  <si>
    <t>3094683.0</t>
  </si>
  <si>
    <t>294.43</t>
  </si>
  <si>
    <t>33342.0</t>
  </si>
  <si>
    <t>12168.6</t>
  </si>
  <si>
    <t>1159.57800607776</t>
  </si>
  <si>
    <t>3144364.0</t>
  </si>
  <si>
    <t>299.157</t>
  </si>
  <si>
    <t>31410.0</t>
  </si>
  <si>
    <t>29.827</t>
  </si>
  <si>
    <t>3182368.0</t>
  </si>
  <si>
    <t>302.773</t>
  </si>
  <si>
    <t>2.957</t>
  </si>
  <si>
    <t>425.1</t>
  </si>
  <si>
    <t>3218925.0</t>
  </si>
  <si>
    <t>36557.0</t>
  </si>
  <si>
    <t>306.251</t>
  </si>
  <si>
    <t>3254007.0</t>
  </si>
  <si>
    <t>35082.0</t>
  </si>
  <si>
    <t>309.588</t>
  </si>
  <si>
    <t>31190.0</t>
  </si>
  <si>
    <t>3293389.0</t>
  </si>
  <si>
    <t>313.335</t>
  </si>
  <si>
    <t>3313762.0</t>
  </si>
  <si>
    <t>315.274</t>
  </si>
  <si>
    <t>32739.0</t>
  </si>
  <si>
    <t>3326308.0</t>
  </si>
  <si>
    <t>316.467</t>
  </si>
  <si>
    <t>13069.6</t>
  </si>
  <si>
    <t>1245.43667375326</t>
  </si>
  <si>
    <t>3378233.0</t>
  </si>
  <si>
    <t>321.407</t>
  </si>
  <si>
    <t>3423121.0</t>
  </si>
  <si>
    <t>44888.0</t>
  </si>
  <si>
    <t>325.678</t>
  </si>
  <si>
    <t>34393.0</t>
  </si>
  <si>
    <t>3475713.0</t>
  </si>
  <si>
    <t>52592.0</t>
  </si>
  <si>
    <t>36684.0</t>
  </si>
  <si>
    <t>3525799.0</t>
  </si>
  <si>
    <t>50086.0</t>
  </si>
  <si>
    <t>335.447</t>
  </si>
  <si>
    <t>69.468</t>
  </si>
  <si>
    <t>3587402.0</t>
  </si>
  <si>
    <t>61603.0</t>
  </si>
  <si>
    <t>341.308</t>
  </si>
  <si>
    <t>42002.0</t>
  </si>
  <si>
    <t>3622899.0</t>
  </si>
  <si>
    <t>344.685</t>
  </si>
  <si>
    <t>44162.0</t>
  </si>
  <si>
    <t>3646849.0</t>
  </si>
  <si>
    <t>23950.0</t>
  </si>
  <si>
    <t>346.964</t>
  </si>
  <si>
    <t>1338.48040640405</t>
  </si>
  <si>
    <t>3726045.0</t>
  </si>
  <si>
    <t>354.498</t>
  </si>
  <si>
    <t>7.535</t>
  </si>
  <si>
    <t>3804058.0</t>
  </si>
  <si>
    <t>78013.0</t>
  </si>
  <si>
    <t>361.921</t>
  </si>
  <si>
    <t>54420.0</t>
  </si>
  <si>
    <t>5.178</t>
  </si>
  <si>
    <t>3890859.0</t>
  </si>
  <si>
    <t>86801.0</t>
  </si>
  <si>
    <t>370.179</t>
  </si>
  <si>
    <t>59307.0</t>
  </si>
  <si>
    <t>3910500.0</t>
  </si>
  <si>
    <t>19641.0</t>
  </si>
  <si>
    <t>372.048</t>
  </si>
  <si>
    <t>54957.0</t>
  </si>
  <si>
    <t>5.229</t>
  </si>
  <si>
    <t>3925209.0</t>
  </si>
  <si>
    <t>373.447</t>
  </si>
  <si>
    <t>48258.0</t>
  </si>
  <si>
    <t>76.806</t>
  </si>
  <si>
    <t>3945570.0</t>
  </si>
  <si>
    <t>375.384</t>
  </si>
  <si>
    <t>46096.0</t>
  </si>
  <si>
    <t>40.69</t>
  </si>
  <si>
    <t>3968305.0</t>
  </si>
  <si>
    <t>377.547</t>
  </si>
  <si>
    <t>14969.2</t>
  </si>
  <si>
    <t>1426.45457066378</t>
  </si>
  <si>
    <t>45.073</t>
  </si>
  <si>
    <t>4042466.0</t>
  </si>
  <si>
    <t>74161.0</t>
  </si>
  <si>
    <t>384.603</t>
  </si>
  <si>
    <t>7.056</t>
  </si>
  <si>
    <t>4.301</t>
  </si>
  <si>
    <t>4109925.0</t>
  </si>
  <si>
    <t>67459.0</t>
  </si>
  <si>
    <t>391.021</t>
  </si>
  <si>
    <t>6.418</t>
  </si>
  <si>
    <t>4.157</t>
  </si>
  <si>
    <t>7054.0</t>
  </si>
  <si>
    <t>4177238.0</t>
  </si>
  <si>
    <t>67313.0</t>
  </si>
  <si>
    <t>397.425</t>
  </si>
  <si>
    <t>6.404</t>
  </si>
  <si>
    <t>53.078</t>
  </si>
  <si>
    <t>4224539.0</t>
  </si>
  <si>
    <t>47301.0</t>
  </si>
  <si>
    <t>401.926</t>
  </si>
  <si>
    <t>11881.0</t>
  </si>
  <si>
    <t>4236565.0</t>
  </si>
  <si>
    <t>403.07</t>
  </si>
  <si>
    <t>44479.0</t>
  </si>
  <si>
    <t>4.232</t>
  </si>
  <si>
    <t>12149.0</t>
  </si>
  <si>
    <t>4265663.0</t>
  </si>
  <si>
    <t>29098.0</t>
  </si>
  <si>
    <t>405.838</t>
  </si>
  <si>
    <t>4.351</t>
  </si>
  <si>
    <t>4295443.0</t>
  </si>
  <si>
    <t>29780.0</t>
  </si>
  <si>
    <t>408.671</t>
  </si>
  <si>
    <t>4.446</t>
  </si>
  <si>
    <t>14366.0</t>
  </si>
  <si>
    <t>14364.0</t>
  </si>
  <si>
    <t>16196.4</t>
  </si>
  <si>
    <t>1543.39769715809</t>
  </si>
  <si>
    <t>4386845.0</t>
  </si>
  <si>
    <t>91402.0</t>
  </si>
  <si>
    <t>417.367</t>
  </si>
  <si>
    <t>8.696</t>
  </si>
  <si>
    <t>49197.0</t>
  </si>
  <si>
    <t>17969.0</t>
  </si>
  <si>
    <t>4466130.0</t>
  </si>
  <si>
    <t>79285.0</t>
  </si>
  <si>
    <t>424.911</t>
  </si>
  <si>
    <t>7.543</t>
  </si>
  <si>
    <t>50886.0</t>
  </si>
  <si>
    <t>22485.0</t>
  </si>
  <si>
    <t>4535223.0</t>
  </si>
  <si>
    <t>69093.0</t>
  </si>
  <si>
    <t>431.484</t>
  </si>
  <si>
    <t>28328.0</t>
  </si>
  <si>
    <t>4602696.0</t>
  </si>
  <si>
    <t>437.904</t>
  </si>
  <si>
    <t>54022.0</t>
  </si>
  <si>
    <t>36320.0</t>
  </si>
  <si>
    <t>7997.0</t>
  </si>
  <si>
    <t>7347.0</t>
  </si>
  <si>
    <t>4672709.0</t>
  </si>
  <si>
    <t>70013.0</t>
  </si>
  <si>
    <t>444.565</t>
  </si>
  <si>
    <t>6.661</t>
  </si>
  <si>
    <t>62306.0</t>
  </si>
  <si>
    <t>5.928</t>
  </si>
  <si>
    <t>46359.0</t>
  </si>
  <si>
    <t>10040.0</t>
  </si>
  <si>
    <t>4708255.0</t>
  </si>
  <si>
    <t>447.947</t>
  </si>
  <si>
    <t>48391.0</t>
  </si>
  <si>
    <t>48383.0</t>
  </si>
  <si>
    <t>655.518</t>
  </si>
  <si>
    <t>4733340.0</t>
  </si>
  <si>
    <t>450.333</t>
  </si>
  <si>
    <t>62557.0</t>
  </si>
  <si>
    <t>50168.0</t>
  </si>
  <si>
    <t>1679.05629793815</t>
  </si>
  <si>
    <t>113.398</t>
  </si>
  <si>
    <t>52.506</t>
  </si>
  <si>
    <t>4818121.0</t>
  </si>
  <si>
    <t>458.399</t>
  </si>
  <si>
    <t>8.066</t>
  </si>
  <si>
    <t>61611.0</t>
  </si>
  <si>
    <t>5.862</t>
  </si>
  <si>
    <t>60028.0</t>
  </si>
  <si>
    <t>60016.0</t>
  </si>
  <si>
    <t>4885017.0</t>
  </si>
  <si>
    <t>66896.0</t>
  </si>
  <si>
    <t>464.764</t>
  </si>
  <si>
    <t>59841.0</t>
  </si>
  <si>
    <t>5.693</t>
  </si>
  <si>
    <t>73468.0</t>
  </si>
  <si>
    <t>4945855.0</t>
  </si>
  <si>
    <t>60838.0</t>
  </si>
  <si>
    <t>470.552</t>
  </si>
  <si>
    <t>5.788</t>
  </si>
  <si>
    <t>58662.0</t>
  </si>
  <si>
    <t>5.581</t>
  </si>
  <si>
    <t>13532.0</t>
  </si>
  <si>
    <t>5002499.0</t>
  </si>
  <si>
    <t>475.941</t>
  </si>
  <si>
    <t>5.389</t>
  </si>
  <si>
    <t>57115.0</t>
  </si>
  <si>
    <t>5.434</t>
  </si>
  <si>
    <t>102251.0</t>
  </si>
  <si>
    <t>5062988.0</t>
  </si>
  <si>
    <t>481.696</t>
  </si>
  <si>
    <t>5.755</t>
  </si>
  <si>
    <t>55754.0</t>
  </si>
  <si>
    <t>116260.0</t>
  </si>
  <si>
    <t>116240.0</t>
  </si>
  <si>
    <t>14009.0</t>
  </si>
  <si>
    <t>5521.0</t>
  </si>
  <si>
    <t>5090592.0</t>
  </si>
  <si>
    <t>27604.0</t>
  </si>
  <si>
    <t>484.322</t>
  </si>
  <si>
    <t>54620.0</t>
  </si>
  <si>
    <t>5.197</t>
  </si>
  <si>
    <t>119661.0</t>
  </si>
  <si>
    <t>10179.0</t>
  </si>
  <si>
    <t>5108385.0</t>
  </si>
  <si>
    <t>486.015</t>
  </si>
  <si>
    <t>53578.0</t>
  </si>
  <si>
    <t>122911.0</t>
  </si>
  <si>
    <t>122252.0</t>
  </si>
  <si>
    <t>18971.4</t>
  </si>
  <si>
    <t>1807.83477018751</t>
  </si>
  <si>
    <t>5180657.0</t>
  </si>
  <si>
    <t>72272.0</t>
  </si>
  <si>
    <t>492.891</t>
  </si>
  <si>
    <t>51791.0</t>
  </si>
  <si>
    <t>4.927</t>
  </si>
  <si>
    <t>137199.0</t>
  </si>
  <si>
    <t>134716.0</t>
  </si>
  <si>
    <t>14288.0</t>
  </si>
  <si>
    <t>5236449.0</t>
  </si>
  <si>
    <t>55792.0</t>
  </si>
  <si>
    <t>498.199</t>
  </si>
  <si>
    <t>5.308</t>
  </si>
  <si>
    <t>50205.0</t>
  </si>
  <si>
    <t>4.777</t>
  </si>
  <si>
    <t>152517.0</t>
  </si>
  <si>
    <t>147307.0</t>
  </si>
  <si>
    <t>5287983.0</t>
  </si>
  <si>
    <t>503.102</t>
  </si>
  <si>
    <t>4.903</t>
  </si>
  <si>
    <t>168862.0</t>
  </si>
  <si>
    <t>160990.0</t>
  </si>
  <si>
    <t>16345.0</t>
  </si>
  <si>
    <t>11693.0</t>
  </si>
  <si>
    <t>610.54</t>
  </si>
  <si>
    <t>5336598.0</t>
  </si>
  <si>
    <t>507.728</t>
  </si>
  <si>
    <t>4.625</t>
  </si>
  <si>
    <t>4.541</t>
  </si>
  <si>
    <t>186250.0</t>
  </si>
  <si>
    <t>176636.0</t>
  </si>
  <si>
    <t>5395822.0</t>
  </si>
  <si>
    <t>513.362</t>
  </si>
  <si>
    <t>5.635</t>
  </si>
  <si>
    <t>47548.0</t>
  </si>
  <si>
    <t>202158.0</t>
  </si>
  <si>
    <t>15908.0</t>
  </si>
  <si>
    <t>12271.0</t>
  </si>
  <si>
    <t>5422572.0</t>
  </si>
  <si>
    <t>515.907</t>
  </si>
  <si>
    <t>47426.0</t>
  </si>
  <si>
    <t>4.512</t>
  </si>
  <si>
    <t>206349.0</t>
  </si>
  <si>
    <t>194814.0</t>
  </si>
  <si>
    <t>10740.0</t>
  </si>
  <si>
    <t>5440666.0</t>
  </si>
  <si>
    <t>517.629</t>
  </si>
  <si>
    <t>4.516</t>
  </si>
  <si>
    <t>209473.0</t>
  </si>
  <si>
    <t>197066.0</t>
  </si>
  <si>
    <t>20123.4</t>
  </si>
  <si>
    <t>1917.61189023432</t>
  </si>
  <si>
    <t>5516077.0</t>
  </si>
  <si>
    <t>75411.0</t>
  </si>
  <si>
    <t>524.803</t>
  </si>
  <si>
    <t>7.175</t>
  </si>
  <si>
    <t>222084.0</t>
  </si>
  <si>
    <t>206715.0</t>
  </si>
  <si>
    <t>15369.0</t>
  </si>
  <si>
    <t>12611.0</t>
  </si>
  <si>
    <t>5573892.0</t>
  </si>
  <si>
    <t>57815.0</t>
  </si>
  <si>
    <t>530.304</t>
  </si>
  <si>
    <t>48206.0</t>
  </si>
  <si>
    <t>236591.0</t>
  </si>
  <si>
    <t>217238.0</t>
  </si>
  <si>
    <t>5633339.0</t>
  </si>
  <si>
    <t>59447.0</t>
  </si>
  <si>
    <t>535.96</t>
  </si>
  <si>
    <t>49337.0</t>
  </si>
  <si>
    <t>250142.0</t>
  </si>
  <si>
    <t>226261.0</t>
  </si>
  <si>
    <t>13551.0</t>
  </si>
  <si>
    <t>5687692.0</t>
  </si>
  <si>
    <t>54353.0</t>
  </si>
  <si>
    <t>541.131</t>
  </si>
  <si>
    <t>50156.0</t>
  </si>
  <si>
    <t>263375.0</t>
  </si>
  <si>
    <t>233364.0</t>
  </si>
  <si>
    <t>5750743.0</t>
  </si>
  <si>
    <t>63051.0</t>
  </si>
  <si>
    <t>547.13</t>
  </si>
  <si>
    <t>277486.0</t>
  </si>
  <si>
    <t>239574.0</t>
  </si>
  <si>
    <t>37912.0</t>
  </si>
  <si>
    <t>14111.0</t>
  </si>
  <si>
    <t>42.405</t>
  </si>
  <si>
    <t>5781945.0</t>
  </si>
  <si>
    <t>31202.0</t>
  </si>
  <si>
    <t>550.098</t>
  </si>
  <si>
    <t>279312.0</t>
  </si>
  <si>
    <t>240313.0</t>
  </si>
  <si>
    <t>38999.0</t>
  </si>
  <si>
    <t>10423.0</t>
  </si>
  <si>
    <t>5804656.0</t>
  </si>
  <si>
    <t>22711.0</t>
  </si>
  <si>
    <t>552.259</t>
  </si>
  <si>
    <t>281212.0</t>
  </si>
  <si>
    <t>40181.0</t>
  </si>
  <si>
    <t>21129.2</t>
  </si>
  <si>
    <t>2013.45722646963</t>
  </si>
  <si>
    <t>5889031.0</t>
  </si>
  <si>
    <t>84375.0</t>
  </si>
  <si>
    <t>560.286</t>
  </si>
  <si>
    <t>53279.0</t>
  </si>
  <si>
    <t>5.069</t>
  </si>
  <si>
    <t>293158.0</t>
  </si>
  <si>
    <t>245010.0</t>
  </si>
  <si>
    <t>48148.0</t>
  </si>
  <si>
    <t>11946.0</t>
  </si>
  <si>
    <t>5953027.0</t>
  </si>
  <si>
    <t>566.375</t>
  </si>
  <si>
    <t>6.089</t>
  </si>
  <si>
    <t>5.153</t>
  </si>
  <si>
    <t>307547.0</t>
  </si>
  <si>
    <t>249162.0</t>
  </si>
  <si>
    <t>6018190.0</t>
  </si>
  <si>
    <t>65163.0</t>
  </si>
  <si>
    <t>572.575</t>
  </si>
  <si>
    <t>322976.0</t>
  </si>
  <si>
    <t>253582.0</t>
  </si>
  <si>
    <t>69394.0</t>
  </si>
  <si>
    <t>5998.0</t>
  </si>
  <si>
    <t>438.441</t>
  </si>
  <si>
    <t>6080343.0</t>
  </si>
  <si>
    <t>62153.0</t>
  </si>
  <si>
    <t>578.488</t>
  </si>
  <si>
    <t>56093.0</t>
  </si>
  <si>
    <t>340850.0</t>
  </si>
  <si>
    <t>258475.0</t>
  </si>
  <si>
    <t>82375.0</t>
  </si>
  <si>
    <t>44.311</t>
  </si>
  <si>
    <t>6149147.0</t>
  </si>
  <si>
    <t>68804.0</t>
  </si>
  <si>
    <t>585.034</t>
  </si>
  <si>
    <t>5.415</t>
  </si>
  <si>
    <t>356983.0</t>
  </si>
  <si>
    <t>263945.0</t>
  </si>
  <si>
    <t>93038.0</t>
  </si>
  <si>
    <t>16133.0</t>
  </si>
  <si>
    <t>101.963</t>
  </si>
  <si>
    <t>6181501.0</t>
  </si>
  <si>
    <t>32354.0</t>
  </si>
  <si>
    <t>588.112</t>
  </si>
  <si>
    <t>57079.0</t>
  </si>
  <si>
    <t>5.431</t>
  </si>
  <si>
    <t>360206.0</t>
  </si>
  <si>
    <t>264804.0</t>
  </si>
  <si>
    <t>95402.0</t>
  </si>
  <si>
    <t>6206608.0</t>
  </si>
  <si>
    <t>25107.0</t>
  </si>
  <si>
    <t>590.501</t>
  </si>
  <si>
    <t>57422.0</t>
  </si>
  <si>
    <t>363551.0</t>
  </si>
  <si>
    <t>265655.0</t>
  </si>
  <si>
    <t>97896.0</t>
  </si>
  <si>
    <t>21940.6</t>
  </si>
  <si>
    <t>2090.77767369704</t>
  </si>
  <si>
    <t>46.789</t>
  </si>
  <si>
    <t>6289065.0</t>
  </si>
  <si>
    <t>82457.0</t>
  </si>
  <si>
    <t>598.346</t>
  </si>
  <si>
    <t>7.845</t>
  </si>
  <si>
    <t>5.437</t>
  </si>
  <si>
    <t>379044.0</t>
  </si>
  <si>
    <t>269742.0</t>
  </si>
  <si>
    <t>109302.0</t>
  </si>
  <si>
    <t>6357640.0</t>
  </si>
  <si>
    <t>68575.0</t>
  </si>
  <si>
    <t>604.87</t>
  </si>
  <si>
    <t>6.524</t>
  </si>
  <si>
    <t>57802.0</t>
  </si>
  <si>
    <t>5.499</t>
  </si>
  <si>
    <t>396046.0</t>
  </si>
  <si>
    <t>274847.0</t>
  </si>
  <si>
    <t>121199.0</t>
  </si>
  <si>
    <t>6423364.0</t>
  </si>
  <si>
    <t>65724.0</t>
  </si>
  <si>
    <t>611.123</t>
  </si>
  <si>
    <t>57882.0</t>
  </si>
  <si>
    <t>5.507</t>
  </si>
  <si>
    <t>414806.0</t>
  </si>
  <si>
    <t>280365.0</t>
  </si>
  <si>
    <t>6060.0</t>
  </si>
  <si>
    <t>6487192.0</t>
  </si>
  <si>
    <t>63828.0</t>
  </si>
  <si>
    <t>617.196</t>
  </si>
  <si>
    <t>58121.0</t>
  </si>
  <si>
    <t>437339.0</t>
  </si>
  <si>
    <t>286702.0</t>
  </si>
  <si>
    <t>150637.0</t>
  </si>
  <si>
    <t>13784.0</t>
  </si>
  <si>
    <t>6560137.0</t>
  </si>
  <si>
    <t>72945.0</t>
  </si>
  <si>
    <t>624.136</t>
  </si>
  <si>
    <t>5.586</t>
  </si>
  <si>
    <t>458890.0</t>
  </si>
  <si>
    <t>293528.0</t>
  </si>
  <si>
    <t>165362.0</t>
  </si>
  <si>
    <t>14558.0</t>
  </si>
  <si>
    <t>6596658.0</t>
  </si>
  <si>
    <t>627.611</t>
  </si>
  <si>
    <t>463488.0</t>
  </si>
  <si>
    <t>295146.0</t>
  </si>
  <si>
    <t>168342.0</t>
  </si>
  <si>
    <t>6625731.0</t>
  </si>
  <si>
    <t>29073.0</t>
  </si>
  <si>
    <t>630.377</t>
  </si>
  <si>
    <t>59875.0</t>
  </si>
  <si>
    <t>5.697</t>
  </si>
  <si>
    <t>465873.0</t>
  </si>
  <si>
    <t>296147.0</t>
  </si>
  <si>
    <t>14617.0</t>
  </si>
  <si>
    <t>22860.2</t>
  </si>
  <si>
    <t>2178.40878445663</t>
  </si>
  <si>
    <t>6719987.0</t>
  </si>
  <si>
    <t>94256.0</t>
  </si>
  <si>
    <t>639.344</t>
  </si>
  <si>
    <t>8.968</t>
  </si>
  <si>
    <t>61560.0</t>
  </si>
  <si>
    <t>481625.0</t>
  </si>
  <si>
    <t>302539.0</t>
  </si>
  <si>
    <t>179086.0</t>
  </si>
  <si>
    <t>14654.0</t>
  </si>
  <si>
    <t>6799678.0</t>
  </si>
  <si>
    <t>79691.0</t>
  </si>
  <si>
    <t>646.926</t>
  </si>
  <si>
    <t>63148.0</t>
  </si>
  <si>
    <t>499400.0</t>
  </si>
  <si>
    <t>311252.0</t>
  </si>
  <si>
    <t>188148.0</t>
  </si>
  <si>
    <t>14765.0</t>
  </si>
  <si>
    <t>6876229.0</t>
  </si>
  <si>
    <t>76551.0</t>
  </si>
  <si>
    <t>654.209</t>
  </si>
  <si>
    <t>7.283</t>
  </si>
  <si>
    <t>64695.0</t>
  </si>
  <si>
    <t>517399.0</t>
  </si>
  <si>
    <t>320945.0</t>
  </si>
  <si>
    <t>196454.0</t>
  </si>
  <si>
    <t>14656.0</t>
  </si>
  <si>
    <t>6956039.0</t>
  </si>
  <si>
    <t>79810.0</t>
  </si>
  <si>
    <t>661.802</t>
  </si>
  <si>
    <t>66978.0</t>
  </si>
  <si>
    <t>6.372</t>
  </si>
  <si>
    <t>537802.0</t>
  </si>
  <si>
    <t>333266.0</t>
  </si>
  <si>
    <t>204536.0</t>
  </si>
  <si>
    <t>20403.0</t>
  </si>
  <si>
    <t>6614.0</t>
  </si>
  <si>
    <t>7044114.0</t>
  </si>
  <si>
    <t>88075.0</t>
  </si>
  <si>
    <t>670.182</t>
  </si>
  <si>
    <t>69140.0</t>
  </si>
  <si>
    <t>557030.0</t>
  </si>
  <si>
    <t>345125.0</t>
  </si>
  <si>
    <t>211905.0</t>
  </si>
  <si>
    <t>19228.0</t>
  </si>
  <si>
    <t>7084353.0</t>
  </si>
  <si>
    <t>40239.0</t>
  </si>
  <si>
    <t>674.01</t>
  </si>
  <si>
    <t>69671.0</t>
  </si>
  <si>
    <t>6.629</t>
  </si>
  <si>
    <t>560220.0</t>
  </si>
  <si>
    <t>347133.0</t>
  </si>
  <si>
    <t>213087.0</t>
  </si>
  <si>
    <t>51.649</t>
  </si>
  <si>
    <t>7119660.0</t>
  </si>
  <si>
    <t>677.369</t>
  </si>
  <si>
    <t>70561.0</t>
  </si>
  <si>
    <t>6.713</t>
  </si>
  <si>
    <t>562382.0</t>
  </si>
  <si>
    <t>348271.0</t>
  </si>
  <si>
    <t>214111.0</t>
  </si>
  <si>
    <t>13787.0</t>
  </si>
  <si>
    <t>23776.2</t>
  </si>
  <si>
    <t>17.94</t>
  </si>
  <si>
    <t>2265.69684171607</t>
  </si>
  <si>
    <t>7230464.0</t>
  </si>
  <si>
    <t>110804.0</t>
  </si>
  <si>
    <t>687.911</t>
  </si>
  <si>
    <t>10.542</t>
  </si>
  <si>
    <t>72925.0</t>
  </si>
  <si>
    <t>6.938</t>
  </si>
  <si>
    <t>578530.0</t>
  </si>
  <si>
    <t>358383.0</t>
  </si>
  <si>
    <t>13844.0</t>
  </si>
  <si>
    <t>56.127</t>
  </si>
  <si>
    <t>7327971.0</t>
  </si>
  <si>
    <t>697.188</t>
  </si>
  <si>
    <t>75470.0</t>
  </si>
  <si>
    <t>598469.0</t>
  </si>
  <si>
    <t>371342.0</t>
  </si>
  <si>
    <t>227127.0</t>
  </si>
  <si>
    <t>7425446.0</t>
  </si>
  <si>
    <t>97475.0</t>
  </si>
  <si>
    <t>706.462</t>
  </si>
  <si>
    <t>618374.0</t>
  </si>
  <si>
    <t>385212.0</t>
  </si>
  <si>
    <t>233162.0</t>
  </si>
  <si>
    <t>19905.0</t>
  </si>
  <si>
    <t>9181.0</t>
  </si>
  <si>
    <t>7523934.0</t>
  </si>
  <si>
    <t>98488.0</t>
  </si>
  <si>
    <t>715.832</t>
  </si>
  <si>
    <t>81128.0</t>
  </si>
  <si>
    <t>641885.0</t>
  </si>
  <si>
    <t>238708.0</t>
  </si>
  <si>
    <t>23511.0</t>
  </si>
  <si>
    <t>14869.0</t>
  </si>
  <si>
    <t>7627995.0</t>
  </si>
  <si>
    <t>104061.0</t>
  </si>
  <si>
    <t>725.733</t>
  </si>
  <si>
    <t>83412.0</t>
  </si>
  <si>
    <t>7.936</t>
  </si>
  <si>
    <t>663403.0</t>
  </si>
  <si>
    <t>419340.0</t>
  </si>
  <si>
    <t>244063.0</t>
  </si>
  <si>
    <t>21518.0</t>
  </si>
  <si>
    <t>7260.0</t>
  </si>
  <si>
    <t>7678465.0</t>
  </si>
  <si>
    <t>730.534</t>
  </si>
  <si>
    <t>84873.0</t>
  </si>
  <si>
    <t>8.075</t>
  </si>
  <si>
    <t>666970.0</t>
  </si>
  <si>
    <t>422348.0</t>
  </si>
  <si>
    <t>244622.0</t>
  </si>
  <si>
    <t>15250.0</t>
  </si>
  <si>
    <t>7718910.0</t>
  </si>
  <si>
    <t>734.382</t>
  </si>
  <si>
    <t>85607.0</t>
  </si>
  <si>
    <t>8.145</t>
  </si>
  <si>
    <t>669875.0</t>
  </si>
  <si>
    <t>424702.0</t>
  </si>
  <si>
    <t>245173.0</t>
  </si>
  <si>
    <t>24849.2</t>
  </si>
  <si>
    <t>41.95</t>
  </si>
  <si>
    <t>2367.94584328744</t>
  </si>
  <si>
    <t>7849052.0</t>
  </si>
  <si>
    <t>130142.0</t>
  </si>
  <si>
    <t>746.764</t>
  </si>
  <si>
    <t>12.382</t>
  </si>
  <si>
    <t>692900.0</t>
  </si>
  <si>
    <t>444285.0</t>
  </si>
  <si>
    <t>248615.0</t>
  </si>
  <si>
    <t>23025.0</t>
  </si>
  <si>
    <t>16339.0</t>
  </si>
  <si>
    <t>12272.0</t>
  </si>
  <si>
    <t>7967725.0</t>
  </si>
  <si>
    <t>118673.0</t>
  </si>
  <si>
    <t>758.055</t>
  </si>
  <si>
    <t>11.291</t>
  </si>
  <si>
    <t>91393.0</t>
  </si>
  <si>
    <t>723660.0</t>
  </si>
  <si>
    <t>471494.0</t>
  </si>
  <si>
    <t>252166.0</t>
  </si>
  <si>
    <t>30760.0</t>
  </si>
  <si>
    <t>14307.0</t>
  </si>
  <si>
    <t>8086344.0</t>
  </si>
  <si>
    <t>118619.0</t>
  </si>
  <si>
    <t>769.34</t>
  </si>
  <si>
    <t>11.285</t>
  </si>
  <si>
    <t>94414.0</t>
  </si>
  <si>
    <t>759096.0</t>
  </si>
  <si>
    <t>502422.0</t>
  </si>
  <si>
    <t>256674.0</t>
  </si>
  <si>
    <t>16744.0</t>
  </si>
  <si>
    <t>8219158.0</t>
  </si>
  <si>
    <t>132814.0</t>
  </si>
  <si>
    <t>781.976</t>
  </si>
  <si>
    <t>12.636</t>
  </si>
  <si>
    <t>99318.0</t>
  </si>
  <si>
    <t>797021.0</t>
  </si>
  <si>
    <t>535667.0</t>
  </si>
  <si>
    <t>261354.0</t>
  </si>
  <si>
    <t>37925.0</t>
  </si>
  <si>
    <t>159.52</t>
  </si>
  <si>
    <t>8362113.0</t>
  </si>
  <si>
    <t>142955.0</t>
  </si>
  <si>
    <t>795.577</t>
  </si>
  <si>
    <t>104874.0</t>
  </si>
  <si>
    <t>831274.0</t>
  </si>
  <si>
    <t>564499.0</t>
  </si>
  <si>
    <t>266777.0</t>
  </si>
  <si>
    <t>34253.0</t>
  </si>
  <si>
    <t>23982.0</t>
  </si>
  <si>
    <t>159.71</t>
  </si>
  <si>
    <t>8420801.0</t>
  </si>
  <si>
    <t>58688.0</t>
  </si>
  <si>
    <t>801.161</t>
  </si>
  <si>
    <t>5.584</t>
  </si>
  <si>
    <t>106048.0</t>
  </si>
  <si>
    <t>10.089</t>
  </si>
  <si>
    <t>844290.0</t>
  </si>
  <si>
    <t>576655.0</t>
  </si>
  <si>
    <t>267644.0</t>
  </si>
  <si>
    <t>13016.0</t>
  </si>
  <si>
    <t>25331.0</t>
  </si>
  <si>
    <t>22044.0</t>
  </si>
  <si>
    <t>8468565.0</t>
  </si>
  <si>
    <t>805.705</t>
  </si>
  <si>
    <t>4.544</t>
  </si>
  <si>
    <t>107094.0</t>
  </si>
  <si>
    <t>10.189</t>
  </si>
  <si>
    <t>856664.0</t>
  </si>
  <si>
    <t>588191.0</t>
  </si>
  <si>
    <t>268484.0</t>
  </si>
  <si>
    <t>26684.0</t>
  </si>
  <si>
    <t>23356.0</t>
  </si>
  <si>
    <t>26245.4</t>
  </si>
  <si>
    <t>2500.99342576084</t>
  </si>
  <si>
    <t>8680089.0</t>
  </si>
  <si>
    <t>211524.0</t>
  </si>
  <si>
    <t>825.83</t>
  </si>
  <si>
    <t>20.125</t>
  </si>
  <si>
    <t>11.295</t>
  </si>
  <si>
    <t>891233.0</t>
  </si>
  <si>
    <t>617905.0</t>
  </si>
  <si>
    <t>28333.0</t>
  </si>
  <si>
    <t>24803.0</t>
  </si>
  <si>
    <t>862.97</t>
  </si>
  <si>
    <t>8894620.0</t>
  </si>
  <si>
    <t>214531.0</t>
  </si>
  <si>
    <t>846.24</t>
  </si>
  <si>
    <t>20.411</t>
  </si>
  <si>
    <t>132414.0</t>
  </si>
  <si>
    <t>933949.0</t>
  </si>
  <si>
    <t>654243.0</t>
  </si>
  <si>
    <t>279722.0</t>
  </si>
  <si>
    <t>42716.0</t>
  </si>
  <si>
    <t>30041.0</t>
  </si>
  <si>
    <t>9117905.0</t>
  </si>
  <si>
    <t>223285.0</t>
  </si>
  <si>
    <t>867.484</t>
  </si>
  <si>
    <t>21.243</t>
  </si>
  <si>
    <t>147366.0</t>
  </si>
  <si>
    <t>14.021</t>
  </si>
  <si>
    <t>982184.0</t>
  </si>
  <si>
    <t>695524.0</t>
  </si>
  <si>
    <t>286679.0</t>
  </si>
  <si>
    <t>48235.0</t>
  </si>
  <si>
    <t>31870.0</t>
  </si>
  <si>
    <t>27586.0</t>
  </si>
  <si>
    <t>9348543.0</t>
  </si>
  <si>
    <t>230638.0</t>
  </si>
  <si>
    <t>889.427</t>
  </si>
  <si>
    <t>21.943</t>
  </si>
  <si>
    <t>161341.0</t>
  </si>
  <si>
    <t>1035363.0</t>
  </si>
  <si>
    <t>740334.0</t>
  </si>
  <si>
    <t>295051.0</t>
  </si>
  <si>
    <t>53179.0</t>
  </si>
  <si>
    <t>34049.0</t>
  </si>
  <si>
    <t>29238.0</t>
  </si>
  <si>
    <t>9554168.0</t>
  </si>
  <si>
    <t>205625.0</t>
  </si>
  <si>
    <t>908.99</t>
  </si>
  <si>
    <t>19.563</t>
  </si>
  <si>
    <t>170294.0</t>
  </si>
  <si>
    <t>16.202</t>
  </si>
  <si>
    <t>1082550.0</t>
  </si>
  <si>
    <t>779034.0</t>
  </si>
  <si>
    <t>303540.0</t>
  </si>
  <si>
    <t>47187.0</t>
  </si>
  <si>
    <t>35897.0</t>
  </si>
  <si>
    <t>9623350.0</t>
  </si>
  <si>
    <t>915.572</t>
  </si>
  <si>
    <t>171793.0</t>
  </si>
  <si>
    <t>16.345</t>
  </si>
  <si>
    <t>1100954.0</t>
  </si>
  <si>
    <t>796125.0</t>
  </si>
  <si>
    <t>304856.0</t>
  </si>
  <si>
    <t>18404.0</t>
  </si>
  <si>
    <t>36666.0</t>
  </si>
  <si>
    <t>31353.0</t>
  </si>
  <si>
    <t>174.29</t>
  </si>
  <si>
    <t>9684018.0</t>
  </si>
  <si>
    <t>60668.0</t>
  </si>
  <si>
    <t>921.344</t>
  </si>
  <si>
    <t>173636.0</t>
  </si>
  <si>
    <t>1114215.0</t>
  </si>
  <si>
    <t>808233.0</t>
  </si>
  <si>
    <t>306012.0</t>
  </si>
  <si>
    <t>36793.0</t>
  </si>
  <si>
    <t>31435.0</t>
  </si>
  <si>
    <t>27805.4</t>
  </si>
  <si>
    <t>2649.64994249089</t>
  </si>
  <si>
    <t>9958855.0</t>
  </si>
  <si>
    <t>274837.0</t>
  </si>
  <si>
    <t>947.492</t>
  </si>
  <si>
    <t>26.148</t>
  </si>
  <si>
    <t>182681.0</t>
  </si>
  <si>
    <t>1151349.0</t>
  </si>
  <si>
    <t>836598.0</t>
  </si>
  <si>
    <t>314782.0</t>
  </si>
  <si>
    <t>37134.0</t>
  </si>
  <si>
    <t>37159.0</t>
  </si>
  <si>
    <t>10203239.0</t>
  </si>
  <si>
    <t>244384.0</t>
  </si>
  <si>
    <t>970.743</t>
  </si>
  <si>
    <t>186946.0</t>
  </si>
  <si>
    <t>1200723.0</t>
  </si>
  <si>
    <t>875442.0</t>
  </si>
  <si>
    <t>325315.0</t>
  </si>
  <si>
    <t>38111.0</t>
  </si>
  <si>
    <t>31600.0</t>
  </si>
  <si>
    <t>177.34</t>
  </si>
  <si>
    <t>10437707.0</t>
  </si>
  <si>
    <t>234468.0</t>
  </si>
  <si>
    <t>993.051</t>
  </si>
  <si>
    <t>22.307</t>
  </si>
  <si>
    <t>188543.0</t>
  </si>
  <si>
    <t>17.938</t>
  </si>
  <si>
    <t>1248667.0</t>
  </si>
  <si>
    <t>912879.0</t>
  </si>
  <si>
    <t>335822.0</t>
  </si>
  <si>
    <t>47944.0</t>
  </si>
  <si>
    <t>31051.0</t>
  </si>
  <si>
    <t>10668083.0</t>
  </si>
  <si>
    <t>230376.0</t>
  </si>
  <si>
    <t>1014.969</t>
  </si>
  <si>
    <t>21.918</t>
  </si>
  <si>
    <t>188506.0</t>
  </si>
  <si>
    <t>17.935</t>
  </si>
  <si>
    <t>1299044.0</t>
  </si>
  <si>
    <t>950846.0</t>
  </si>
  <si>
    <t>348237.0</t>
  </si>
  <si>
    <t>50377.0</t>
  </si>
  <si>
    <t>10862633.0</t>
  </si>
  <si>
    <t>194550.0</t>
  </si>
  <si>
    <t>1033.478</t>
  </si>
  <si>
    <t>186924.0</t>
  </si>
  <si>
    <t>17.784</t>
  </si>
  <si>
    <t>1347124.0</t>
  </si>
  <si>
    <t>985325.0</t>
  </si>
  <si>
    <t>361840.0</t>
  </si>
  <si>
    <t>8280.0</t>
  </si>
  <si>
    <t>10928200.0</t>
  </si>
  <si>
    <t>65567.0</t>
  </si>
  <si>
    <t>1039.716</t>
  </si>
  <si>
    <t>186407.0</t>
  </si>
  <si>
    <t>17.735</t>
  </si>
  <si>
    <t>1364312.0</t>
  </si>
  <si>
    <t>1000494.0</t>
  </si>
  <si>
    <t>363867.0</t>
  </si>
  <si>
    <t>37623.0</t>
  </si>
  <si>
    <t>10988848.0</t>
  </si>
  <si>
    <t>60648.0</t>
  </si>
  <si>
    <t>1045.487</t>
  </si>
  <si>
    <t>1373315.0</t>
  </si>
  <si>
    <t>1007942.0</t>
  </si>
  <si>
    <t>365424.0</t>
  </si>
  <si>
    <t>28530.0</t>
  </si>
  <si>
    <t>29252.6</t>
  </si>
  <si>
    <t>2787.5574495497</t>
  </si>
  <si>
    <t>173.814</t>
  </si>
  <si>
    <t>11278105.0</t>
  </si>
  <si>
    <t>289257.0</t>
  </si>
  <si>
    <t>1073.007</t>
  </si>
  <si>
    <t>188464.0</t>
  </si>
  <si>
    <t>1410351.0</t>
  </si>
  <si>
    <t>1032498.0</t>
  </si>
  <si>
    <t>377907.0</t>
  </si>
  <si>
    <t>37036.0</t>
  </si>
  <si>
    <t>37000.0</t>
  </si>
  <si>
    <t>27986.0</t>
  </si>
  <si>
    <t>11540566.0</t>
  </si>
  <si>
    <t>262461.0</t>
  </si>
  <si>
    <t>1097.977</t>
  </si>
  <si>
    <t>24.971</t>
  </si>
  <si>
    <t>191047.0</t>
  </si>
  <si>
    <t>18.176</t>
  </si>
  <si>
    <t>1450353.0</t>
  </si>
  <si>
    <t>1059142.0</t>
  </si>
  <si>
    <t>391269.0</t>
  </si>
  <si>
    <t>40002.0</t>
  </si>
  <si>
    <t>35661.0</t>
  </si>
  <si>
    <t>166.095</t>
  </si>
  <si>
    <t>11785362.0</t>
  </si>
  <si>
    <t>244796.0</t>
  </si>
  <si>
    <t>1121.267</t>
  </si>
  <si>
    <t>192522.0</t>
  </si>
  <si>
    <t>18.317</t>
  </si>
  <si>
    <t>1492952.0</t>
  </si>
  <si>
    <t>1086014.0</t>
  </si>
  <si>
    <t>407000.0</t>
  </si>
  <si>
    <t>42599.0</t>
  </si>
  <si>
    <t>34898.0</t>
  </si>
  <si>
    <t>24734.0</t>
  </si>
  <si>
    <t>12024479.0</t>
  </si>
  <si>
    <t>239117.0</t>
  </si>
  <si>
    <t>1144.017</t>
  </si>
  <si>
    <t>193771.0</t>
  </si>
  <si>
    <t>18.436</t>
  </si>
  <si>
    <t>1537103.0</t>
  </si>
  <si>
    <t>1112332.0</t>
  </si>
  <si>
    <t>424834.0</t>
  </si>
  <si>
    <t>23069.0</t>
  </si>
  <si>
    <t>5783.0</t>
  </si>
  <si>
    <t>12216315.0</t>
  </si>
  <si>
    <t>191836.0</t>
  </si>
  <si>
    <t>1162.269</t>
  </si>
  <si>
    <t>18.251</t>
  </si>
  <si>
    <t>193383.0</t>
  </si>
  <si>
    <t>18.399</t>
  </si>
  <si>
    <t>1579396.0</t>
  </si>
  <si>
    <t>1137130.0</t>
  </si>
  <si>
    <t>442330.0</t>
  </si>
  <si>
    <t>42293.0</t>
  </si>
  <si>
    <t>21686.0</t>
  </si>
  <si>
    <t>12269371.0</t>
  </si>
  <si>
    <t>1167.316</t>
  </si>
  <si>
    <t>191596.0</t>
  </si>
  <si>
    <t>1592695.0</t>
  </si>
  <si>
    <t>1145589.0</t>
  </si>
  <si>
    <t>32626.0</t>
  </si>
  <si>
    <t>20728.0</t>
  </si>
  <si>
    <t>12320400.0</t>
  </si>
  <si>
    <t>51029.0</t>
  </si>
  <si>
    <t>1172.171</t>
  </si>
  <si>
    <t>4.855</t>
  </si>
  <si>
    <t>190222.0</t>
  </si>
  <si>
    <t>18.098</t>
  </si>
  <si>
    <t>1602388.0</t>
  </si>
  <si>
    <t>1151136.0</t>
  </si>
  <si>
    <t>451319.0</t>
  </si>
  <si>
    <t>32725.0</t>
  </si>
  <si>
    <t>20456.0</t>
  </si>
  <si>
    <t>30399.8</t>
  </si>
  <si>
    <t>2896.87716492964</t>
  </si>
  <si>
    <t>12621059.0</t>
  </si>
  <si>
    <t>300659.0</t>
  </si>
  <si>
    <t>1200.776</t>
  </si>
  <si>
    <t>28.605</t>
  </si>
  <si>
    <t>191851.0</t>
  </si>
  <si>
    <t>18.253</t>
  </si>
  <si>
    <t>1642240.0</t>
  </si>
  <si>
    <t>1170270.0</t>
  </si>
  <si>
    <t>472040.0</t>
  </si>
  <si>
    <t>33127.0</t>
  </si>
  <si>
    <t>12883256.0</t>
  </si>
  <si>
    <t>262197.0</t>
  </si>
  <si>
    <t>1225.722</t>
  </si>
  <si>
    <t>24.946</t>
  </si>
  <si>
    <t>191813.0</t>
  </si>
  <si>
    <t>1689095.0</t>
  </si>
  <si>
    <t>1194962.0</t>
  </si>
  <si>
    <t>494209.0</t>
  </si>
  <si>
    <t>34106.0</t>
  </si>
  <si>
    <t>13131939.0</t>
  </si>
  <si>
    <t>248683.0</t>
  </si>
  <si>
    <t>1249.382</t>
  </si>
  <si>
    <t>23.66</t>
  </si>
  <si>
    <t>192368.0</t>
  </si>
  <si>
    <t>18.302</t>
  </si>
  <si>
    <t>1739260.0</t>
  </si>
  <si>
    <t>1218100.0</t>
  </si>
  <si>
    <t>35187.0</t>
  </si>
  <si>
    <t>13411495.0</t>
  </si>
  <si>
    <t>279556.0</t>
  </si>
  <si>
    <t>1275.979</t>
  </si>
  <si>
    <t>26.597</t>
  </si>
  <si>
    <t>198145.0</t>
  </si>
  <si>
    <t>18.852</t>
  </si>
  <si>
    <t>1796945.0</t>
  </si>
  <si>
    <t>1243774.0</t>
  </si>
  <si>
    <t>553269.0</t>
  </si>
  <si>
    <t>57685.0</t>
  </si>
  <si>
    <t>13480344.0</t>
  </si>
  <si>
    <t>68849.0</t>
  </si>
  <si>
    <t>1282.529</t>
  </si>
  <si>
    <t>180576.0</t>
  </si>
  <si>
    <t>1816699.0</t>
  </si>
  <si>
    <t>1250758.0</t>
  </si>
  <si>
    <t>566059.0</t>
  </si>
  <si>
    <t>13526010.0</t>
  </si>
  <si>
    <t>45666.0</t>
  </si>
  <si>
    <t>1286.874</t>
  </si>
  <si>
    <t>179520.0</t>
  </si>
  <si>
    <t>1831279.0</t>
  </si>
  <si>
    <t>1254412.0</t>
  </si>
  <si>
    <t>576988.0</t>
  </si>
  <si>
    <t>34083.0</t>
  </si>
  <si>
    <t>4776.0</t>
  </si>
  <si>
    <t>13569134.0</t>
  </si>
  <si>
    <t>43124.0</t>
  </si>
  <si>
    <t>1290.977</t>
  </si>
  <si>
    <t>178391.0</t>
  </si>
  <si>
    <t>16.972</t>
  </si>
  <si>
    <t>1842737.0</t>
  </si>
  <si>
    <t>1256959.0</t>
  </si>
  <si>
    <t>585904.0</t>
  </si>
  <si>
    <t>15118.0</t>
  </si>
  <si>
    <t>31532.8</t>
  </si>
  <si>
    <t>3004.84372483679</t>
  </si>
  <si>
    <t>13636638.0</t>
  </si>
  <si>
    <t>67504.0</t>
  </si>
  <si>
    <t>1297.399</t>
  </si>
  <si>
    <t>6.422</t>
  </si>
  <si>
    <t>13.803</t>
  </si>
  <si>
    <t>1852361.0</t>
  </si>
  <si>
    <t>1259398.0</t>
  </si>
  <si>
    <t>593100.0</t>
  </si>
  <si>
    <t>30017.0</t>
  </si>
  <si>
    <t>14063762.0</t>
  </si>
  <si>
    <t>427124.0</t>
  </si>
  <si>
    <t>1338.036</t>
  </si>
  <si>
    <t>40.637</t>
  </si>
  <si>
    <t>168644.0</t>
  </si>
  <si>
    <t>16.045</t>
  </si>
  <si>
    <t>1897798.0</t>
  </si>
  <si>
    <t>1275596.0</t>
  </si>
  <si>
    <t>622355.0</t>
  </si>
  <si>
    <t>45437.0</t>
  </si>
  <si>
    <t>29815.0</t>
  </si>
  <si>
    <t>11519.0</t>
  </si>
  <si>
    <t>14356693.0</t>
  </si>
  <si>
    <t>292931.0</t>
  </si>
  <si>
    <t>1365.906</t>
  </si>
  <si>
    <t>174965.0</t>
  </si>
  <si>
    <t>16.646</t>
  </si>
  <si>
    <t>1943474.0</t>
  </si>
  <si>
    <t>1299069.0</t>
  </si>
  <si>
    <t>644574.0</t>
  </si>
  <si>
    <t>29173.0</t>
  </si>
  <si>
    <t>125.31</t>
  </si>
  <si>
    <t>14614042.0</t>
  </si>
  <si>
    <t>257349.0</t>
  </si>
  <si>
    <t>1390.39</t>
  </si>
  <si>
    <t>24.484</t>
  </si>
  <si>
    <t>171792.0</t>
  </si>
  <si>
    <t>16.344</t>
  </si>
  <si>
    <t>2013241.0</t>
  </si>
  <si>
    <t>1337837.0</t>
  </si>
  <si>
    <t>675599.0</t>
  </si>
  <si>
    <t>69767.0</t>
  </si>
  <si>
    <t>14798400.0</t>
  </si>
  <si>
    <t>184358.0</t>
  </si>
  <si>
    <t>1407.93</t>
  </si>
  <si>
    <t>188294.0</t>
  </si>
  <si>
    <t>17.914</t>
  </si>
  <si>
    <t>2082941.0</t>
  </si>
  <si>
    <t>1377381.0</t>
  </si>
  <si>
    <t>705775.0</t>
  </si>
  <si>
    <t>69700.0</t>
  </si>
  <si>
    <t>38035.0</t>
  </si>
  <si>
    <t>14852532.0</t>
  </si>
  <si>
    <t>1413.08</t>
  </si>
  <si>
    <t>18.029</t>
  </si>
  <si>
    <t>2113780.0</t>
  </si>
  <si>
    <t>1392948.0</t>
  </si>
  <si>
    <t>721072.0</t>
  </si>
  <si>
    <t>30839.0</t>
  </si>
  <si>
    <t>40357.0</t>
  </si>
  <si>
    <t>113.97</t>
  </si>
  <si>
    <t>14912964.0</t>
  </si>
  <si>
    <t>1418.83</t>
  </si>
  <si>
    <t>191976.0</t>
  </si>
  <si>
    <t>18.265</t>
  </si>
  <si>
    <t>2133609.0</t>
  </si>
  <si>
    <t>1402739.0</t>
  </si>
  <si>
    <t>731122.0</t>
  </si>
  <si>
    <t>41553.0</t>
  </si>
  <si>
    <t>20826.0</t>
  </si>
  <si>
    <t>32261.0</t>
  </si>
  <si>
    <t>3074.23582450526</t>
  </si>
  <si>
    <t>15230182.0</t>
  </si>
  <si>
    <t>317218.0</t>
  </si>
  <si>
    <t>1449.01</t>
  </si>
  <si>
    <t>227649.0</t>
  </si>
  <si>
    <t>21.659</t>
  </si>
  <si>
    <t>2196979.0</t>
  </si>
  <si>
    <t>1441010.0</t>
  </si>
  <si>
    <t>756240.0</t>
  </si>
  <si>
    <t>15515679.0</t>
  </si>
  <si>
    <t>285497.0</t>
  </si>
  <si>
    <t>1476.172</t>
  </si>
  <si>
    <t>27.162</t>
  </si>
  <si>
    <t>207417.0</t>
  </si>
  <si>
    <t>19.734</t>
  </si>
  <si>
    <t>2259267.0</t>
  </si>
  <si>
    <t>1477281.0</t>
  </si>
  <si>
    <t>782257.0</t>
  </si>
  <si>
    <t>62288.0</t>
  </si>
  <si>
    <t>51638.0</t>
  </si>
  <si>
    <t>28812.0</t>
  </si>
  <si>
    <t>15771501.0</t>
  </si>
  <si>
    <t>255822.0</t>
  </si>
  <si>
    <t>1500.511</t>
  </si>
  <si>
    <t>24.339</t>
  </si>
  <si>
    <t>202115.0</t>
  </si>
  <si>
    <t>19.229</t>
  </si>
  <si>
    <t>2325463.0</t>
  </si>
  <si>
    <t>1516125.0</t>
  </si>
  <si>
    <t>809609.0</t>
  </si>
  <si>
    <t>66196.0</t>
  </si>
  <si>
    <t>31008.0</t>
  </si>
  <si>
    <t>16016962.0</t>
  </si>
  <si>
    <t>245461.0</t>
  </si>
  <si>
    <t>1523.865</t>
  </si>
  <si>
    <t>200417.0</t>
  </si>
  <si>
    <t>2399003.0</t>
  </si>
  <si>
    <t>1563910.0</t>
  </si>
  <si>
    <t>835364.0</t>
  </si>
  <si>
    <t>55109.0</t>
  </si>
  <si>
    <t>16186962.0</t>
  </si>
  <si>
    <t>170000.0</t>
  </si>
  <si>
    <t>1540.039</t>
  </si>
  <si>
    <t>16.174</t>
  </si>
  <si>
    <t>198366.0</t>
  </si>
  <si>
    <t>18.873</t>
  </si>
  <si>
    <t>2469331.0</t>
  </si>
  <si>
    <t>1608589.0</t>
  </si>
  <si>
    <t>861013.0</t>
  </si>
  <si>
    <t>70328.0</t>
  </si>
  <si>
    <t>55199.0</t>
  </si>
  <si>
    <t>33030.0</t>
  </si>
  <si>
    <t>16238240.0</t>
  </si>
  <si>
    <t>51278.0</t>
  </si>
  <si>
    <t>1544.917</t>
  </si>
  <si>
    <t>197958.0</t>
  </si>
  <si>
    <t>18.834</t>
  </si>
  <si>
    <t>2495069.0</t>
  </si>
  <si>
    <t>1625308.0</t>
  </si>
  <si>
    <t>870032.0</t>
  </si>
  <si>
    <t>25738.0</t>
  </si>
  <si>
    <t>54470.0</t>
  </si>
  <si>
    <t>16305056.0</t>
  </si>
  <si>
    <t>66816.0</t>
  </si>
  <si>
    <t>1551.274</t>
  </si>
  <si>
    <t>6.357</t>
  </si>
  <si>
    <t>198870.0</t>
  </si>
  <si>
    <t>18.921</t>
  </si>
  <si>
    <t>2513053.0</t>
  </si>
  <si>
    <t>1638309.0</t>
  </si>
  <si>
    <t>875015.0</t>
  </si>
  <si>
    <t>54206.0</t>
  </si>
  <si>
    <t>33653.0</t>
  </si>
  <si>
    <t>32726.6</t>
  </si>
  <si>
    <t>3118.60407719085</t>
  </si>
  <si>
    <t>27.349</t>
  </si>
  <si>
    <t>16628570.0</t>
  </si>
  <si>
    <t>323514.0</t>
  </si>
  <si>
    <t>1582.054</t>
  </si>
  <si>
    <t>30.779</t>
  </si>
  <si>
    <t>199770.0</t>
  </si>
  <si>
    <t>19.006</t>
  </si>
  <si>
    <t>2572407.0</t>
  </si>
  <si>
    <t>1682250.0</t>
  </si>
  <si>
    <t>890429.0</t>
  </si>
  <si>
    <t>59354.0</t>
  </si>
  <si>
    <t>53633.0</t>
  </si>
  <si>
    <t>16906605.0</t>
  </si>
  <si>
    <t>278035.0</t>
  </si>
  <si>
    <t>1608.506</t>
  </si>
  <si>
    <t>26.452</t>
  </si>
  <si>
    <t>198704.0</t>
  </si>
  <si>
    <t>2630828.0</t>
  </si>
  <si>
    <t>1724798.0</t>
  </si>
  <si>
    <t>906304.0</t>
  </si>
  <si>
    <t>58421.0</t>
  </si>
  <si>
    <t>53080.0</t>
  </si>
  <si>
    <t>35360.0</t>
  </si>
  <si>
    <t>17158766.0</t>
  </si>
  <si>
    <t>1632.497</t>
  </si>
  <si>
    <t>23.991</t>
  </si>
  <si>
    <t>198181.0</t>
  </si>
  <si>
    <t>18.855</t>
  </si>
  <si>
    <t>2692895.0</t>
  </si>
  <si>
    <t>1772510.0</t>
  </si>
  <si>
    <t>920659.0</t>
  </si>
  <si>
    <t>62067.0</t>
  </si>
  <si>
    <t>52490.0</t>
  </si>
  <si>
    <t>36626.0</t>
  </si>
  <si>
    <t>17410762.0</t>
  </si>
  <si>
    <t>251996.0</t>
  </si>
  <si>
    <t>1656.472</t>
  </si>
  <si>
    <t>199114.0</t>
  </si>
  <si>
    <t>18.944</t>
  </si>
  <si>
    <t>2764721.0</t>
  </si>
  <si>
    <t>1826982.0</t>
  </si>
  <si>
    <t>938042.0</t>
  </si>
  <si>
    <t>71826.0</t>
  </si>
  <si>
    <t>52245.0</t>
  </si>
  <si>
    <t>17587405.0</t>
  </si>
  <si>
    <t>1673.278</t>
  </si>
  <si>
    <t>16.806</t>
  </si>
  <si>
    <t>200063.0</t>
  </si>
  <si>
    <t>19.034</t>
  </si>
  <si>
    <t>2826518.0</t>
  </si>
  <si>
    <t>1876945.0</t>
  </si>
  <si>
    <t>950097.0</t>
  </si>
  <si>
    <t>61797.0</t>
  </si>
  <si>
    <t>26.93</t>
  </si>
  <si>
    <t>17642848.0</t>
  </si>
  <si>
    <t>55443.0</t>
  </si>
  <si>
    <t>1678.553</t>
  </si>
  <si>
    <t>200658.0</t>
  </si>
  <si>
    <t>2849632.0</t>
  </si>
  <si>
    <t>1894809.0</t>
  </si>
  <si>
    <t>955361.0</t>
  </si>
  <si>
    <t>38500.0</t>
  </si>
  <si>
    <t>17704429.0</t>
  </si>
  <si>
    <t>61581.0</t>
  </si>
  <si>
    <t>1684.412</t>
  </si>
  <si>
    <t>199910.0</t>
  </si>
  <si>
    <t>2868315.0</t>
  </si>
  <si>
    <t>1909507.0</t>
  </si>
  <si>
    <t>959362.0</t>
  </si>
  <si>
    <t>33114.6</t>
  </si>
  <si>
    <t>3155.5776210955</t>
  </si>
  <si>
    <t>70.612</t>
  </si>
  <si>
    <t>18031230.0</t>
  </si>
  <si>
    <t>326801.0</t>
  </si>
  <si>
    <t>1715.504</t>
  </si>
  <si>
    <t>31.092</t>
  </si>
  <si>
    <t>200380.0</t>
  </si>
  <si>
    <t>19.064</t>
  </si>
  <si>
    <t>2924892.0</t>
  </si>
  <si>
    <t>1959058.0</t>
  </si>
  <si>
    <t>966925.0</t>
  </si>
  <si>
    <t>56577.0</t>
  </si>
  <si>
    <t>39544.0</t>
  </si>
  <si>
    <t>192.682</t>
  </si>
  <si>
    <t>18309141.0</t>
  </si>
  <si>
    <t>277911.0</t>
  </si>
  <si>
    <t>1741.944</t>
  </si>
  <si>
    <t>26.441</t>
  </si>
  <si>
    <t>200362.0</t>
  </si>
  <si>
    <t>2985145.0</t>
  </si>
  <si>
    <t>2008001.0</t>
  </si>
  <si>
    <t>979162.0</t>
  </si>
  <si>
    <t>60253.0</t>
  </si>
  <si>
    <t>50617.0</t>
  </si>
  <si>
    <t>40458.0</t>
  </si>
  <si>
    <t>288.26</t>
  </si>
  <si>
    <t>18567103.0</t>
  </si>
  <si>
    <t>257962.0</t>
  </si>
  <si>
    <t>1766.487</t>
  </si>
  <si>
    <t>24.543</t>
  </si>
  <si>
    <t>201191.0</t>
  </si>
  <si>
    <t>19.141</t>
  </si>
  <si>
    <t>3056448.0</t>
  </si>
  <si>
    <t>2066736.0</t>
  </si>
  <si>
    <t>993175.0</t>
  </si>
  <si>
    <t>71303.0</t>
  </si>
  <si>
    <t>51936.0</t>
  </si>
  <si>
    <t>42032.0</t>
  </si>
  <si>
    <t>18825042.0</t>
  </si>
  <si>
    <t>257939.0</t>
  </si>
  <si>
    <t>1791.027</t>
  </si>
  <si>
    <t>202040.0</t>
  </si>
  <si>
    <t>19.222</t>
  </si>
  <si>
    <t>3136329.0</t>
  </si>
  <si>
    <t>2132317.0</t>
  </si>
  <si>
    <t>1009079.0</t>
  </si>
  <si>
    <t>79881.0</t>
  </si>
  <si>
    <t>53087.0</t>
  </si>
  <si>
    <t>43619.0</t>
  </si>
  <si>
    <t>19003945.0</t>
  </si>
  <si>
    <t>178903.0</t>
  </si>
  <si>
    <t>1808.048</t>
  </si>
  <si>
    <t>17.021</t>
  </si>
  <si>
    <t>202363.0</t>
  </si>
  <si>
    <t>3207131.0</t>
  </si>
  <si>
    <t>2194588.0</t>
  </si>
  <si>
    <t>1019069.0</t>
  </si>
  <si>
    <t>70802.0</t>
  </si>
  <si>
    <t>45378.0</t>
  </si>
  <si>
    <t>19049890.0</t>
  </si>
  <si>
    <t>45945.0</t>
  </si>
  <si>
    <t>1812.42</t>
  </si>
  <si>
    <t>201006.0</t>
  </si>
  <si>
    <t>19.124</t>
  </si>
  <si>
    <t>3229882.0</t>
  </si>
  <si>
    <t>2213982.0</t>
  </si>
  <si>
    <t>1022536.0</t>
  </si>
  <si>
    <t>22751.0</t>
  </si>
  <si>
    <t>54321.0</t>
  </si>
  <si>
    <t>45596.0</t>
  </si>
  <si>
    <t>18.963</t>
  </si>
  <si>
    <t>19126001.0</t>
  </si>
  <si>
    <t>76111.0</t>
  </si>
  <si>
    <t>1819.661</t>
  </si>
  <si>
    <t>7.241</t>
  </si>
  <si>
    <t>203082.0</t>
  </si>
  <si>
    <t>19.321</t>
  </si>
  <si>
    <t>3251076.0</t>
  </si>
  <si>
    <t>2232925.0</t>
  </si>
  <si>
    <t>1024828.0</t>
  </si>
  <si>
    <t>54680.0</t>
  </si>
  <si>
    <t>46203.0</t>
  </si>
  <si>
    <t>33422.4</t>
  </si>
  <si>
    <t>3184.90869535801</t>
  </si>
  <si>
    <t>19495370.0</t>
  </si>
  <si>
    <t>369369.0</t>
  </si>
  <si>
    <t>1854.803</t>
  </si>
  <si>
    <t>35.142</t>
  </si>
  <si>
    <t>209163.0</t>
  </si>
  <si>
    <t>3322236.0</t>
  </si>
  <si>
    <t>2300131.0</t>
  </si>
  <si>
    <t>1029907.0</t>
  </si>
  <si>
    <t>71160.0</t>
  </si>
  <si>
    <t>164.57</t>
  </si>
  <si>
    <t>19797916.0</t>
  </si>
  <si>
    <t>302546.0</t>
  </si>
  <si>
    <t>1883.587</t>
  </si>
  <si>
    <t>28.784</t>
  </si>
  <si>
    <t>212682.0</t>
  </si>
  <si>
    <t>20.235</t>
  </si>
  <si>
    <t>3395555.0</t>
  </si>
  <si>
    <t>2366648.0</t>
  </si>
  <si>
    <t>1038274.0</t>
  </si>
  <si>
    <t>73319.0</t>
  </si>
  <si>
    <t>58630.0</t>
  </si>
  <si>
    <t>51235.0</t>
  </si>
  <si>
    <t>20069218.0</t>
  </si>
  <si>
    <t>271302.0</t>
  </si>
  <si>
    <t>1909.399</t>
  </si>
  <si>
    <t>25.812</t>
  </si>
  <si>
    <t>214588.0</t>
  </si>
  <si>
    <t>20.416</t>
  </si>
  <si>
    <t>3476187.0</t>
  </si>
  <si>
    <t>2439818.0</t>
  </si>
  <si>
    <t>1047709.0</t>
  </si>
  <si>
    <t>80632.0</t>
  </si>
  <si>
    <t>59963.0</t>
  </si>
  <si>
    <t>53297.0</t>
  </si>
  <si>
    <t>20334273.0</t>
  </si>
  <si>
    <t>265055.0</t>
  </si>
  <si>
    <t>1934.617</t>
  </si>
  <si>
    <t>25.218</t>
  </si>
  <si>
    <t>215604.0</t>
  </si>
  <si>
    <t>20.513</t>
  </si>
  <si>
    <t>3565371.0</t>
  </si>
  <si>
    <t>2520221.0</t>
  </si>
  <si>
    <t>1058452.0</t>
  </si>
  <si>
    <t>89184.0</t>
  </si>
  <si>
    <t>61292.0</t>
  </si>
  <si>
    <t>55415.0</t>
  </si>
  <si>
    <t>20516808.0</t>
  </si>
  <si>
    <t>182535.0</t>
  </si>
  <si>
    <t>1951.983</t>
  </si>
  <si>
    <t>17.367</t>
  </si>
  <si>
    <t>3650880.0</t>
  </si>
  <si>
    <t>2597518.0</t>
  </si>
  <si>
    <t>1068590.0</t>
  </si>
  <si>
    <t>85509.0</t>
  </si>
  <si>
    <t>63393.0</t>
  </si>
  <si>
    <t>57561.0</t>
  </si>
  <si>
    <t>20567145.0</t>
  </si>
  <si>
    <t>50337.0</t>
  </si>
  <si>
    <t>1956.772</t>
  </si>
  <si>
    <t>216751.0</t>
  </si>
  <si>
    <t>3682062.0</t>
  </si>
  <si>
    <t>2627058.0</t>
  </si>
  <si>
    <t>1070388.0</t>
  </si>
  <si>
    <t>31182.0</t>
  </si>
  <si>
    <t>64597.0</t>
  </si>
  <si>
    <t>59011.0</t>
  </si>
  <si>
    <t>132.647</t>
  </si>
  <si>
    <t>20641424.0</t>
  </si>
  <si>
    <t>1963.839</t>
  </si>
  <si>
    <t>216489.0</t>
  </si>
  <si>
    <t>20.597</t>
  </si>
  <si>
    <t>3707507.0</t>
  </si>
  <si>
    <t>2651291.0</t>
  </si>
  <si>
    <t>1071612.0</t>
  </si>
  <si>
    <t>25445.0</t>
  </si>
  <si>
    <t>65204.0</t>
  </si>
  <si>
    <t>59767.0</t>
  </si>
  <si>
    <t>33643.0</t>
  </si>
  <si>
    <t>3205.93025150586</t>
  </si>
  <si>
    <t>21018515.0</t>
  </si>
  <si>
    <t>377091.0</t>
  </si>
  <si>
    <t>1999.716</t>
  </si>
  <si>
    <t>35.877</t>
  </si>
  <si>
    <t>217592.0</t>
  </si>
  <si>
    <t>20.702</t>
  </si>
  <si>
    <t>3785839.0</t>
  </si>
  <si>
    <t>2724059.0</t>
  </si>
  <si>
    <t>1078858.0</t>
  </si>
  <si>
    <t>78332.0</t>
  </si>
  <si>
    <t>66229.0</t>
  </si>
  <si>
    <t>60561.0</t>
  </si>
  <si>
    <t>38.212</t>
  </si>
  <si>
    <t>115.59</t>
  </si>
  <si>
    <t>21313779.0</t>
  </si>
  <si>
    <t>295264.0</t>
  </si>
  <si>
    <t>2027.808</t>
  </si>
  <si>
    <t>28.092</t>
  </si>
  <si>
    <t>216552.0</t>
  </si>
  <si>
    <t>20.603</t>
  </si>
  <si>
    <t>3868958.0</t>
  </si>
  <si>
    <t>2800171.0</t>
  </si>
  <si>
    <t>1087688.0</t>
  </si>
  <si>
    <t>83119.0</t>
  </si>
  <si>
    <t>67629.0</t>
  </si>
  <si>
    <t>61932.0</t>
  </si>
  <si>
    <t>165.809</t>
  </si>
  <si>
    <t>21577087.0</t>
  </si>
  <si>
    <t>263308.0</t>
  </si>
  <si>
    <t>2052.859</t>
  </si>
  <si>
    <t>25.051</t>
  </si>
  <si>
    <t>215410.0</t>
  </si>
  <si>
    <t>20.494</t>
  </si>
  <si>
    <t>3956416.0</t>
  </si>
  <si>
    <t>2880077.0</t>
  </si>
  <si>
    <t>1096829.0</t>
  </si>
  <si>
    <t>87458.0</t>
  </si>
  <si>
    <t>68604.0</t>
  </si>
  <si>
    <t>62894.0</t>
  </si>
  <si>
    <t>21845734.0</t>
  </si>
  <si>
    <t>268647.0</t>
  </si>
  <si>
    <t>2078.418</t>
  </si>
  <si>
    <t>25.559</t>
  </si>
  <si>
    <t>215923.0</t>
  </si>
  <si>
    <t>20.543</t>
  </si>
  <si>
    <t>4048111.0</t>
  </si>
  <si>
    <t>2964099.0</t>
  </si>
  <si>
    <t>1106011.0</t>
  </si>
  <si>
    <t>91695.0</t>
  </si>
  <si>
    <t>68963.0</t>
  </si>
  <si>
    <t>63411.0</t>
  </si>
  <si>
    <t>22030355.0</t>
  </si>
  <si>
    <t>184621.0</t>
  </si>
  <si>
    <t>2095.983</t>
  </si>
  <si>
    <t>17.565</t>
  </si>
  <si>
    <t>216221.0</t>
  </si>
  <si>
    <t>20.571</t>
  </si>
  <si>
    <t>4134372.0</t>
  </si>
  <si>
    <t>3043650.0</t>
  </si>
  <si>
    <t>1113836.0</t>
  </si>
  <si>
    <t>86261.0</t>
  </si>
  <si>
    <t>69070.0</t>
  </si>
  <si>
    <t>63733.0</t>
  </si>
  <si>
    <t>22085448.0</t>
  </si>
  <si>
    <t>55093.0</t>
  </si>
  <si>
    <t>2101.225</t>
  </si>
  <si>
    <t>5.242</t>
  </si>
  <si>
    <t>216900.0</t>
  </si>
  <si>
    <t>20.636</t>
  </si>
  <si>
    <t>4168547.0</t>
  </si>
  <si>
    <t>3075621.0</t>
  </si>
  <si>
    <t>1116123.0</t>
  </si>
  <si>
    <t>69498.0</t>
  </si>
  <si>
    <t>64080.0</t>
  </si>
  <si>
    <t>22159079.0</t>
  </si>
  <si>
    <t>73631.0</t>
  </si>
  <si>
    <t>2108.23</t>
  </si>
  <si>
    <t>7.005</t>
  </si>
  <si>
    <t>216808.0</t>
  </si>
  <si>
    <t>20.627</t>
  </si>
  <si>
    <t>4195635.0</t>
  </si>
  <si>
    <t>3101433.0</t>
  </si>
  <si>
    <t>1117413.0</t>
  </si>
  <si>
    <t>27088.0</t>
  </si>
  <si>
    <t>69733.0</t>
  </si>
  <si>
    <t>64306.0</t>
  </si>
  <si>
    <t>33810.2</t>
  </si>
  <si>
    <t>3221.86318073488</t>
  </si>
  <si>
    <t>22581651.0</t>
  </si>
  <si>
    <t>422572.0</t>
  </si>
  <si>
    <t>2148.434</t>
  </si>
  <si>
    <t>223305.0</t>
  </si>
  <si>
    <t>21.245</t>
  </si>
  <si>
    <t>4274035.0</t>
  </si>
  <si>
    <t>3173954.0</t>
  </si>
  <si>
    <t>1124167.0</t>
  </si>
  <si>
    <t>78400.0</t>
  </si>
  <si>
    <t>69742.0</t>
  </si>
  <si>
    <t>64271.0</t>
  </si>
  <si>
    <t>22896515.0</t>
  </si>
  <si>
    <t>314864.0</t>
  </si>
  <si>
    <t>2178.39</t>
  </si>
  <si>
    <t>29.956</t>
  </si>
  <si>
    <t>226105.0</t>
  </si>
  <si>
    <t>21.512</t>
  </si>
  <si>
    <t>4358119.0</t>
  </si>
  <si>
    <t>3245928.0</t>
  </si>
  <si>
    <t>1137283.0</t>
  </si>
  <si>
    <t>69880.0</t>
  </si>
  <si>
    <t>63680.0</t>
  </si>
  <si>
    <t>23183717.0</t>
  </si>
  <si>
    <t>287202.0</t>
  </si>
  <si>
    <t>2205.715</t>
  </si>
  <si>
    <t>27.325</t>
  </si>
  <si>
    <t>229519.0</t>
  </si>
  <si>
    <t>21.837</t>
  </si>
  <si>
    <t>4449528.0</t>
  </si>
  <si>
    <t>3323407.0</t>
  </si>
  <si>
    <t>1152444.0</t>
  </si>
  <si>
    <t>91409.0</t>
  </si>
  <si>
    <t>70445.0</t>
  </si>
  <si>
    <t>23472211.0</t>
  </si>
  <si>
    <t>288494.0</t>
  </si>
  <si>
    <t>2233.162</t>
  </si>
  <si>
    <t>27.448</t>
  </si>
  <si>
    <t>232354.0</t>
  </si>
  <si>
    <t>22.106</t>
  </si>
  <si>
    <t>4550419.0</t>
  </si>
  <si>
    <t>3398890.0</t>
  </si>
  <si>
    <t>1179487.0</t>
  </si>
  <si>
    <t>100891.0</t>
  </si>
  <si>
    <t>71758.0</t>
  </si>
  <si>
    <t>62113.0</t>
  </si>
  <si>
    <t>66.419</t>
  </si>
  <si>
    <t>23699499.0</t>
  </si>
  <si>
    <t>227288.0</t>
  </si>
  <si>
    <t>2254.787</t>
  </si>
  <si>
    <t>21.624</t>
  </si>
  <si>
    <t>238449.0</t>
  </si>
  <si>
    <t>4645630.0</t>
  </si>
  <si>
    <t>3467741.0</t>
  </si>
  <si>
    <t>1207278.0</t>
  </si>
  <si>
    <t>95211.0</t>
  </si>
  <si>
    <t>73037.0</t>
  </si>
  <si>
    <t>44.27</t>
  </si>
  <si>
    <t>60584.0</t>
  </si>
  <si>
    <t>23757229.0</t>
  </si>
  <si>
    <t>2260.279</t>
  </si>
  <si>
    <t>5.492</t>
  </si>
  <si>
    <t>238826.0</t>
  </si>
  <si>
    <t>4689161.0</t>
  </si>
  <si>
    <t>3500215.0</t>
  </si>
  <si>
    <t>1218523.0</t>
  </si>
  <si>
    <t>43531.0</t>
  </si>
  <si>
    <t>60656.0</t>
  </si>
  <si>
    <t>23829480.0</t>
  </si>
  <si>
    <t>72251.0</t>
  </si>
  <si>
    <t>2267.153</t>
  </si>
  <si>
    <t>238629.0</t>
  </si>
  <si>
    <t>22.703</t>
  </si>
  <si>
    <t>4720626.0</t>
  </si>
  <si>
    <t>3522664.0</t>
  </si>
  <si>
    <t>1227556.0</t>
  </si>
  <si>
    <t>74999.0</t>
  </si>
  <si>
    <t>60176.0</t>
  </si>
  <si>
    <t>33823.6</t>
  </si>
  <si>
    <t>3223.14010209653</t>
  </si>
  <si>
    <t>24217826.0</t>
  </si>
  <si>
    <t>388346.0</t>
  </si>
  <si>
    <t>2304.101</t>
  </si>
  <si>
    <t>36.948</t>
  </si>
  <si>
    <t>233739.0</t>
  </si>
  <si>
    <t>22.238</t>
  </si>
  <si>
    <t>4800197.0</t>
  </si>
  <si>
    <t>3569887.0</t>
  </si>
  <si>
    <t>75166.0</t>
  </si>
  <si>
    <t>56562.0</t>
  </si>
  <si>
    <t>15.628</t>
  </si>
  <si>
    <t>24496423.0</t>
  </si>
  <si>
    <t>278597.0</t>
  </si>
  <si>
    <t>2330.607</t>
  </si>
  <si>
    <t>26.506</t>
  </si>
  <si>
    <t>228558.0</t>
  </si>
  <si>
    <t>21.745</t>
  </si>
  <si>
    <t>4886152.0</t>
  </si>
  <si>
    <t>3621804.0</t>
  </si>
  <si>
    <t>1297006.0</t>
  </si>
  <si>
    <t>85955.0</t>
  </si>
  <si>
    <t>75433.0</t>
  </si>
  <si>
    <t>24739664.0</t>
  </si>
  <si>
    <t>243241.0</t>
  </si>
  <si>
    <t>2353.749</t>
  </si>
  <si>
    <t>23.142</t>
  </si>
  <si>
    <t>222278.0</t>
  </si>
  <si>
    <t>21.148</t>
  </si>
  <si>
    <t>4989524.0</t>
  </si>
  <si>
    <t>3689560.0</t>
  </si>
  <si>
    <t>1334534.0</t>
  </si>
  <si>
    <t>103372.0</t>
  </si>
  <si>
    <t>77142.0</t>
  </si>
  <si>
    <t>52308.0</t>
  </si>
  <si>
    <t>24987742.0</t>
  </si>
  <si>
    <t>248078.0</t>
  </si>
  <si>
    <t>2377.351</t>
  </si>
  <si>
    <t>23.602</t>
  </si>
  <si>
    <t>216504.0</t>
  </si>
  <si>
    <t>20.598</t>
  </si>
  <si>
    <t>5096183.0</t>
  </si>
  <si>
    <t>3750998.0</t>
  </si>
  <si>
    <t>1381863.0</t>
  </si>
  <si>
    <t>106659.0</t>
  </si>
  <si>
    <t>77966.0</t>
  </si>
  <si>
    <t>50301.0</t>
  </si>
  <si>
    <t>25189952.0</t>
  </si>
  <si>
    <t>202210.0</t>
  </si>
  <si>
    <t>2396.589</t>
  </si>
  <si>
    <t>19.238</t>
  </si>
  <si>
    <t>212922.0</t>
  </si>
  <si>
    <t>20.258</t>
  </si>
  <si>
    <t>5202391.0</t>
  </si>
  <si>
    <t>3812747.0</t>
  </si>
  <si>
    <t>1428436.0</t>
  </si>
  <si>
    <t>106208.0</t>
  </si>
  <si>
    <t>79537.0</t>
  </si>
  <si>
    <t>49287.0</t>
  </si>
  <si>
    <t>25245908.0</t>
  </si>
  <si>
    <t>55956.0</t>
  </si>
  <si>
    <t>2401.913</t>
  </si>
  <si>
    <t>5.324</t>
  </si>
  <si>
    <t>212668.0</t>
  </si>
  <si>
    <t>20.233</t>
  </si>
  <si>
    <t>5248668.0</t>
  </si>
  <si>
    <t>3842028.0</t>
  </si>
  <si>
    <t>1445582.0</t>
  </si>
  <si>
    <t>46277.0</t>
  </si>
  <si>
    <t>79930.0</t>
  </si>
  <si>
    <t>48830.0</t>
  </si>
  <si>
    <t>25310907.0</t>
  </si>
  <si>
    <t>64999.0</t>
  </si>
  <si>
    <t>2408.097</t>
  </si>
  <si>
    <t>6.184</t>
  </si>
  <si>
    <t>211632.0</t>
  </si>
  <si>
    <t>5285534.0</t>
  </si>
  <si>
    <t>3864448.0</t>
  </si>
  <si>
    <t>1460048.0</t>
  </si>
  <si>
    <t>80701.0</t>
  </si>
  <si>
    <t>33739.0</t>
  </si>
  <si>
    <t>-4.14</t>
  </si>
  <si>
    <t>3215.0783448431</t>
  </si>
  <si>
    <t>25666039.0</t>
  </si>
  <si>
    <t>355132.0</t>
  </si>
  <si>
    <t>2441.885</t>
  </si>
  <si>
    <t>33.788</t>
  </si>
  <si>
    <t>206888.0</t>
  </si>
  <si>
    <t>19.683</t>
  </si>
  <si>
    <t>5386912.0</t>
  </si>
  <si>
    <t>3920191.0</t>
  </si>
  <si>
    <t>1507542.0</t>
  </si>
  <si>
    <t>101378.0</t>
  </si>
  <si>
    <t>50043.0</t>
  </si>
  <si>
    <t>25918803.0</t>
  </si>
  <si>
    <t>252764.0</t>
  </si>
  <si>
    <t>2465.933</t>
  </si>
  <si>
    <t>24.048</t>
  </si>
  <si>
    <t>203197.0</t>
  </si>
  <si>
    <t>19.332</t>
  </si>
  <si>
    <t>5492594.0</t>
  </si>
  <si>
    <t>3979315.0</t>
  </si>
  <si>
    <t>1556388.0</t>
  </si>
  <si>
    <t>105682.0</t>
  </si>
  <si>
    <t>86635.0</t>
  </si>
  <si>
    <t>37.92</t>
  </si>
  <si>
    <t>51073.0</t>
  </si>
  <si>
    <t>26146326.0</t>
  </si>
  <si>
    <t>227523.0</t>
  </si>
  <si>
    <t>2487.579</t>
  </si>
  <si>
    <t>21.647</t>
  </si>
  <si>
    <t>200952.0</t>
  </si>
  <si>
    <t>19.119</t>
  </si>
  <si>
    <t>5607082.0</t>
  </si>
  <si>
    <t>4042290.0</t>
  </si>
  <si>
    <t>1610363.0</t>
  </si>
  <si>
    <t>114488.0</t>
  </si>
  <si>
    <t>88223.0</t>
  </si>
  <si>
    <t>50390.0</t>
  </si>
  <si>
    <t>26385620.0</t>
  </si>
  <si>
    <t>239294.0</t>
  </si>
  <si>
    <t>2510.346</t>
  </si>
  <si>
    <t>22.767</t>
  </si>
  <si>
    <t>199697.0</t>
  </si>
  <si>
    <t>5722715.0</t>
  </si>
  <si>
    <t>4100551.0</t>
  </si>
  <si>
    <t>1670523.0</t>
  </si>
  <si>
    <t>115633.0</t>
  </si>
  <si>
    <t>89505.0</t>
  </si>
  <si>
    <t>26576812.0</t>
  </si>
  <si>
    <t>191192.0</t>
  </si>
  <si>
    <t>2528.536</t>
  </si>
  <si>
    <t>198123.0</t>
  </si>
  <si>
    <t>5839981.0</t>
  </si>
  <si>
    <t>4163694.0</t>
  </si>
  <si>
    <t>1727885.0</t>
  </si>
  <si>
    <t>117266.0</t>
  </si>
  <si>
    <t>25.634</t>
  </si>
  <si>
    <t>26627992.0</t>
  </si>
  <si>
    <t>2533.406</t>
  </si>
  <si>
    <t>4.869</t>
  </si>
  <si>
    <t>197441.0</t>
  </si>
  <si>
    <t>18.785</t>
  </si>
  <si>
    <t>5892970.0</t>
  </si>
  <si>
    <t>4197902.0</t>
  </si>
  <si>
    <t>1746803.0</t>
  </si>
  <si>
    <t>92043.0</t>
  </si>
  <si>
    <t>50839.0</t>
  </si>
  <si>
    <t>26683464.0</t>
  </si>
  <si>
    <t>2538.683</t>
  </si>
  <si>
    <t>5.278</t>
  </si>
  <si>
    <t>196080.0</t>
  </si>
  <si>
    <t>18.655</t>
  </si>
  <si>
    <t>5935025.0</t>
  </si>
  <si>
    <t>4224875.0</t>
  </si>
  <si>
    <t>1761970.0</t>
  </si>
  <si>
    <t>42055.0</t>
  </si>
  <si>
    <t>92784.0</t>
  </si>
  <si>
    <t>8842.0</t>
  </si>
  <si>
    <t>51490.0</t>
  </si>
  <si>
    <t>33697.6</t>
  </si>
  <si>
    <t>3211.13322959141</t>
  </si>
  <si>
    <t>26977763.0</t>
  </si>
  <si>
    <t>294299.0</t>
  </si>
  <si>
    <t>2566.683</t>
  </si>
  <si>
    <t>187389.0</t>
  </si>
  <si>
    <t>17.828</t>
  </si>
  <si>
    <t>6051193.0</t>
  </si>
  <si>
    <t>4288564.0</t>
  </si>
  <si>
    <t>1817571.0</t>
  </si>
  <si>
    <t>116168.0</t>
  </si>
  <si>
    <t>94897.0</t>
  </si>
  <si>
    <t>19.059</t>
  </si>
  <si>
    <t>27191087.0</t>
  </si>
  <si>
    <t>213324.0</t>
  </si>
  <si>
    <t>2586.979</t>
  </si>
  <si>
    <t>20.296</t>
  </si>
  <si>
    <t>181755.0</t>
  </si>
  <si>
    <t>17.292</t>
  </si>
  <si>
    <t>6167134.0</t>
  </si>
  <si>
    <t>4352583.0</t>
  </si>
  <si>
    <t>1872545.0</t>
  </si>
  <si>
    <t>115941.0</t>
  </si>
  <si>
    <t>96363.0</t>
  </si>
  <si>
    <t>53324.0</t>
  </si>
  <si>
    <t>24.967</t>
  </si>
  <si>
    <t>27394580.0</t>
  </si>
  <si>
    <t>203493.0</t>
  </si>
  <si>
    <t>2606.339</t>
  </si>
  <si>
    <t>178322.0</t>
  </si>
  <si>
    <t>16.966</t>
  </si>
  <si>
    <t>6287357.0</t>
  </si>
  <si>
    <t>4411807.0</t>
  </si>
  <si>
    <t>1937184.0</t>
  </si>
  <si>
    <t>120223.0</t>
  </si>
  <si>
    <t>97182.0</t>
  </si>
  <si>
    <t>9261.0</t>
  </si>
  <si>
    <t>52788.0</t>
  </si>
  <si>
    <t>27604585.0</t>
  </si>
  <si>
    <t>210005.0</t>
  </si>
  <si>
    <t>2626.319</t>
  </si>
  <si>
    <t>16.568</t>
  </si>
  <si>
    <t>6409400.0</t>
  </si>
  <si>
    <t>4465678.0</t>
  </si>
  <si>
    <t>2008453.0</t>
  </si>
  <si>
    <t>122043.0</t>
  </si>
  <si>
    <t>98098.0</t>
  </si>
  <si>
    <t>14.103</t>
  </si>
  <si>
    <t>27785938.0</t>
  </si>
  <si>
    <t>181353.0</t>
  </si>
  <si>
    <t>2643.573</t>
  </si>
  <si>
    <t>17.254</t>
  </si>
  <si>
    <t>172732.0</t>
  </si>
  <si>
    <t>16.434</t>
  </si>
  <si>
    <t>6528239.0</t>
  </si>
  <si>
    <t>4517819.0</t>
  </si>
  <si>
    <t>2078286.0</t>
  </si>
  <si>
    <t>118839.0</t>
  </si>
  <si>
    <t>98323.0</t>
  </si>
  <si>
    <t>50589.0</t>
  </si>
  <si>
    <t>27834472.0</t>
  </si>
  <si>
    <t>48534.0</t>
  </si>
  <si>
    <t>2648.191</t>
  </si>
  <si>
    <t>172354.0</t>
  </si>
  <si>
    <t>16.398</t>
  </si>
  <si>
    <t>6581033.0</t>
  </si>
  <si>
    <t>4549868.0</t>
  </si>
  <si>
    <t>2099139.0</t>
  </si>
  <si>
    <t>98295.0</t>
  </si>
  <si>
    <t>50281.0</t>
  </si>
  <si>
    <t>27883728.0</t>
  </si>
  <si>
    <t>49256.0</t>
  </si>
  <si>
    <t>2652.877</t>
  </si>
  <si>
    <t>4.686</t>
  </si>
  <si>
    <t>171466.0</t>
  </si>
  <si>
    <t>16.313</t>
  </si>
  <si>
    <t>6623458.0</t>
  </si>
  <si>
    <t>4573909.0</t>
  </si>
  <si>
    <t>2117581.0</t>
  </si>
  <si>
    <t>42425.0</t>
  </si>
  <si>
    <t>33651.2</t>
  </si>
  <si>
    <t>-2.3</t>
  </si>
  <si>
    <t>3206.71165114508</t>
  </si>
  <si>
    <t>28142158.0</t>
  </si>
  <si>
    <t>258430.0</t>
  </si>
  <si>
    <t>2677.464</t>
  </si>
  <si>
    <t>166342.0</t>
  </si>
  <si>
    <t>6738508.0</t>
  </si>
  <si>
    <t>4617020.0</t>
  </si>
  <si>
    <t>2191925.0</t>
  </si>
  <si>
    <t>115050.0</t>
  </si>
  <si>
    <t>46922.0</t>
  </si>
  <si>
    <t>28337724.0</t>
  </si>
  <si>
    <t>195566.0</t>
  </si>
  <si>
    <t>2696.071</t>
  </si>
  <si>
    <t>18.606</t>
  </si>
  <si>
    <t>163805.0</t>
  </si>
  <si>
    <t>15.585</t>
  </si>
  <si>
    <t>6853386.0</t>
  </si>
  <si>
    <t>4661713.0</t>
  </si>
  <si>
    <t>2264295.0</t>
  </si>
  <si>
    <t>114878.0</t>
  </si>
  <si>
    <t>98036.0</t>
  </si>
  <si>
    <t>44161.0</t>
  </si>
  <si>
    <t>28525343.0</t>
  </si>
  <si>
    <t>187619.0</t>
  </si>
  <si>
    <t>2713.921</t>
  </si>
  <si>
    <t>161538.0</t>
  </si>
  <si>
    <t>6971875.0</t>
  </si>
  <si>
    <t>4704552.0</t>
  </si>
  <si>
    <t>2342489.0</t>
  </si>
  <si>
    <t>118489.0</t>
  </si>
  <si>
    <t>97788.0</t>
  </si>
  <si>
    <t>41821.0</t>
  </si>
  <si>
    <t>28737642.0</t>
  </si>
  <si>
    <t>212299.0</t>
  </si>
  <si>
    <t>2734.119</t>
  </si>
  <si>
    <t>20.198</t>
  </si>
  <si>
    <t>161865.0</t>
  </si>
  <si>
    <t>7092221.0</t>
  </si>
  <si>
    <t>4744006.0</t>
  </si>
  <si>
    <t>2425568.0</t>
  </si>
  <si>
    <t>120346.0</t>
  </si>
  <si>
    <t>97546.0</t>
  </si>
  <si>
    <t>39761.0</t>
  </si>
  <si>
    <t>28921465.0</t>
  </si>
  <si>
    <t>183823.0</t>
  </si>
  <si>
    <t>2751.608</t>
  </si>
  <si>
    <t>17.489</t>
  </si>
  <si>
    <t>162218.0</t>
  </si>
  <si>
    <t>15.434</t>
  </si>
  <si>
    <t>7213191.0</t>
  </si>
  <si>
    <t>4786468.0</t>
  </si>
  <si>
    <t>2506134.0</t>
  </si>
  <si>
    <t>120970.0</t>
  </si>
  <si>
    <t>97850.0</t>
  </si>
  <si>
    <t>28971053.0</t>
  </si>
  <si>
    <t>49588.0</t>
  </si>
  <si>
    <t>2756.326</t>
  </si>
  <si>
    <t>162369.0</t>
  </si>
  <si>
    <t>15.448</t>
  </si>
  <si>
    <t>7264335.0</t>
  </si>
  <si>
    <t>4808279.0</t>
  </si>
  <si>
    <t>2535495.0</t>
  </si>
  <si>
    <t>29015465.0</t>
  </si>
  <si>
    <t>44412.0</t>
  </si>
  <si>
    <t>2760.551</t>
  </si>
  <si>
    <t>161677.0</t>
  </si>
  <si>
    <t>15.382</t>
  </si>
  <si>
    <t>7305585.0</t>
  </si>
  <si>
    <t>4825694.0</t>
  </si>
  <si>
    <t>2559371.0</t>
  </si>
  <si>
    <t>41250.0</t>
  </si>
  <si>
    <t>97447.0</t>
  </si>
  <si>
    <t>33691.8</t>
  </si>
  <si>
    <t>3210.58053228562</t>
  </si>
  <si>
    <t>29244831.0</t>
  </si>
  <si>
    <t>229366.0</t>
  </si>
  <si>
    <t>2782.373</t>
  </si>
  <si>
    <t>157525.0</t>
  </si>
  <si>
    <t>14.987</t>
  </si>
  <si>
    <t>7415282.0</t>
  </si>
  <si>
    <t>4858228.0</t>
  </si>
  <si>
    <t>2637968.0</t>
  </si>
  <si>
    <t>109697.0</t>
  </si>
  <si>
    <t>96682.0</t>
  </si>
  <si>
    <t>25.14</t>
  </si>
  <si>
    <t>29412156.0</t>
  </si>
  <si>
    <t>167325.0</t>
  </si>
  <si>
    <t>2798.293</t>
  </si>
  <si>
    <t>15.919</t>
  </si>
  <si>
    <t>153490.0</t>
  </si>
  <si>
    <t>14.603</t>
  </si>
  <si>
    <t>7528958.0</t>
  </si>
  <si>
    <t>4891215.0</t>
  </si>
  <si>
    <t>2720276.0</t>
  </si>
  <si>
    <t>113676.0</t>
  </si>
  <si>
    <t>96510.0</t>
  </si>
  <si>
    <t>9197.0</t>
  </si>
  <si>
    <t>32786.0</t>
  </si>
  <si>
    <t>29574139.0</t>
  </si>
  <si>
    <t>161983.0</t>
  </si>
  <si>
    <t>2813.704</t>
  </si>
  <si>
    <t>15.411</t>
  </si>
  <si>
    <t>149828.0</t>
  </si>
  <si>
    <t>14.255</t>
  </si>
  <si>
    <t>7644125.0</t>
  </si>
  <si>
    <t>4922963.0</t>
  </si>
  <si>
    <t>2805501.0</t>
  </si>
  <si>
    <t>115167.0</t>
  </si>
  <si>
    <t>96036.0</t>
  </si>
  <si>
    <t>29758400.0</t>
  </si>
  <si>
    <t>184261.0</t>
  </si>
  <si>
    <t>2831.235</t>
  </si>
  <si>
    <t>17.531</t>
  </si>
  <si>
    <t>145823.0</t>
  </si>
  <si>
    <t>7762231.0</t>
  </si>
  <si>
    <t>4952853.0</t>
  </si>
  <si>
    <t>2895542.0</t>
  </si>
  <si>
    <t>118106.0</t>
  </si>
  <si>
    <t>95716.0</t>
  </si>
  <si>
    <t>29908844.0</t>
  </si>
  <si>
    <t>150444.0</t>
  </si>
  <si>
    <t>2845.548</t>
  </si>
  <si>
    <t>14.313</t>
  </si>
  <si>
    <t>141054.0</t>
  </si>
  <si>
    <t>7877888.0</t>
  </si>
  <si>
    <t>4983962.0</t>
  </si>
  <si>
    <t>2981796.0</t>
  </si>
  <si>
    <t>115657.0</t>
  </si>
  <si>
    <t>94957.0</t>
  </si>
  <si>
    <t>28213.0</t>
  </si>
  <si>
    <t>29962808.0</t>
  </si>
  <si>
    <t>53964.0</t>
  </si>
  <si>
    <t>2850.682</t>
  </si>
  <si>
    <t>141679.0</t>
  </si>
  <si>
    <t>7928664.0</t>
  </si>
  <si>
    <t>4999880.0</t>
  </si>
  <si>
    <t>3016697.0</t>
  </si>
  <si>
    <t>50776.0</t>
  </si>
  <si>
    <t>94904.0</t>
  </si>
  <si>
    <t>27372.0</t>
  </si>
  <si>
    <t>30003478.0</t>
  </si>
  <si>
    <t>40670.0</t>
  </si>
  <si>
    <t>2854.552</t>
  </si>
  <si>
    <t>3.869</t>
  </si>
  <si>
    <t>141145.0</t>
  </si>
  <si>
    <t>7969339.0</t>
  </si>
  <si>
    <t>5013850.0</t>
  </si>
  <si>
    <t>3043418.0</t>
  </si>
  <si>
    <t>40675.0</t>
  </si>
  <si>
    <t>94822.0</t>
  </si>
  <si>
    <t>26879.0</t>
  </si>
  <si>
    <t>33688.8</t>
  </si>
  <si>
    <t>3210.29465436883</t>
  </si>
  <si>
    <t>30208141.0</t>
  </si>
  <si>
    <t>204663.0</t>
  </si>
  <si>
    <t>2874.023</t>
  </si>
  <si>
    <t>19.472</t>
  </si>
  <si>
    <t>137616.0</t>
  </si>
  <si>
    <t>13.093</t>
  </si>
  <si>
    <t>8081744.0</t>
  </si>
  <si>
    <t>5042294.0</t>
  </si>
  <si>
    <t>3128638.0</t>
  </si>
  <si>
    <t>112405.0</t>
  </si>
  <si>
    <t>95209.0</t>
  </si>
  <si>
    <t>26295.0</t>
  </si>
  <si>
    <t>30353305.0</t>
  </si>
  <si>
    <t>145164.0</t>
  </si>
  <si>
    <t>2887.834</t>
  </si>
  <si>
    <t>13.811</t>
  </si>
  <si>
    <t>134450.0</t>
  </si>
  <si>
    <t>12.792</t>
  </si>
  <si>
    <t>8196142.0</t>
  </si>
  <si>
    <t>5071601.0</t>
  </si>
  <si>
    <t>3215182.0</t>
  </si>
  <si>
    <t>114398.0</t>
  </si>
  <si>
    <t>95312.0</t>
  </si>
  <si>
    <t>25769.0</t>
  </si>
  <si>
    <t>30494864.0</t>
  </si>
  <si>
    <t>141559.0</t>
  </si>
  <si>
    <t>2901.302</t>
  </si>
  <si>
    <t>13.468</t>
  </si>
  <si>
    <t>131532.0</t>
  </si>
  <si>
    <t>12.514</t>
  </si>
  <si>
    <t>8313355.0</t>
  </si>
  <si>
    <t>5099128.0</t>
  </si>
  <si>
    <t>3306223.0</t>
  </si>
  <si>
    <t>95604.0</t>
  </si>
  <si>
    <t>25166.0</t>
  </si>
  <si>
    <t>30627613.0</t>
  </si>
  <si>
    <t>132749.0</t>
  </si>
  <si>
    <t>2913.932</t>
  </si>
  <si>
    <t>124173.0</t>
  </si>
  <si>
    <t>8425708.0</t>
  </si>
  <si>
    <t>5123163.0</t>
  </si>
  <si>
    <t>3396317.0</t>
  </si>
  <si>
    <t>112353.0</t>
  </si>
  <si>
    <t>94782.0</t>
  </si>
  <si>
    <t>24330.0</t>
  </si>
  <si>
    <t>30787092.0</t>
  </si>
  <si>
    <t>159479.0</t>
  </si>
  <si>
    <t>2929.105</t>
  </si>
  <si>
    <t>125464.0</t>
  </si>
  <si>
    <t>8536710.0</t>
  </si>
  <si>
    <t>5149945.0</t>
  </si>
  <si>
    <t>3482266.0</t>
  </si>
  <si>
    <t>111002.0</t>
  </si>
  <si>
    <t>94117.0</t>
  </si>
  <si>
    <t>81.35</t>
  </si>
  <si>
    <t>30867232.0</t>
  </si>
  <si>
    <t>80140.0</t>
  </si>
  <si>
    <t>2936.73</t>
  </si>
  <si>
    <t>7.625</t>
  </si>
  <si>
    <t>129203.0</t>
  </si>
  <si>
    <t>12.292</t>
  </si>
  <si>
    <t>8575397.0</t>
  </si>
  <si>
    <t>5157077.0</t>
  </si>
  <si>
    <t>3513848.0</t>
  </si>
  <si>
    <t>38687.0</t>
  </si>
  <si>
    <t>92390.0</t>
  </si>
  <si>
    <t>22457.0</t>
  </si>
  <si>
    <t>30915168.0</t>
  </si>
  <si>
    <t>47936.0</t>
  </si>
  <si>
    <t>2941.29</t>
  </si>
  <si>
    <t>4.561</t>
  </si>
  <si>
    <t>130241.0</t>
  </si>
  <si>
    <t>12.391</t>
  </si>
  <si>
    <t>8604818.0</t>
  </si>
  <si>
    <t>5164680.0</t>
  </si>
  <si>
    <t>3535678.0</t>
  </si>
  <si>
    <t>90783.0</t>
  </si>
  <si>
    <t>21547.0</t>
  </si>
  <si>
    <t>33557.6</t>
  </si>
  <si>
    <t>3197.79226014128</t>
  </si>
  <si>
    <t>30964610.0</t>
  </si>
  <si>
    <t>2945.994</t>
  </si>
  <si>
    <t>4.704</t>
  </si>
  <si>
    <t>108067.0</t>
  </si>
  <si>
    <t>10.282</t>
  </si>
  <si>
    <t>8637692.0</t>
  </si>
  <si>
    <t>5172128.0</t>
  </si>
  <si>
    <t>3561129.0</t>
  </si>
  <si>
    <t>32874.0</t>
  </si>
  <si>
    <t>79421.0</t>
  </si>
  <si>
    <t>31005600.0</t>
  </si>
  <si>
    <t>40990.0</t>
  </si>
  <si>
    <t>2949.894</t>
  </si>
  <si>
    <t>8.866</t>
  </si>
  <si>
    <t>8670934.0</t>
  </si>
  <si>
    <t>5177640.0</t>
  </si>
  <si>
    <t>3588897.0</t>
  </si>
  <si>
    <t>15148.0</t>
  </si>
  <si>
    <t>31089608.0</t>
  </si>
  <si>
    <t>84008.0</t>
  </si>
  <si>
    <t>2957.887</t>
  </si>
  <si>
    <t>84963.0</t>
  </si>
  <si>
    <t>8774810.0</t>
  </si>
  <si>
    <t>5203497.0</t>
  </si>
  <si>
    <t>3667906.0</t>
  </si>
  <si>
    <t>103876.0</t>
  </si>
  <si>
    <t>65922.0</t>
  </si>
  <si>
    <t>31186277.0</t>
  </si>
  <si>
    <t>96669.0</t>
  </si>
  <si>
    <t>2967.084</t>
  </si>
  <si>
    <t>8870472.0</t>
  </si>
  <si>
    <t>5230132.0</t>
  </si>
  <si>
    <t>3738252.0</t>
  </si>
  <si>
    <t>95662.0</t>
  </si>
  <si>
    <t>63538.0</t>
  </si>
  <si>
    <t>31323134.0</t>
  </si>
  <si>
    <t>136857.0</t>
  </si>
  <si>
    <t>2980.105</t>
  </si>
  <si>
    <t>13.021</t>
  </si>
  <si>
    <t>76577.0</t>
  </si>
  <si>
    <t>8966359.0</t>
  </si>
  <si>
    <t>5258104.0</t>
  </si>
  <si>
    <t>3807601.0</t>
  </si>
  <si>
    <t>95887.0</t>
  </si>
  <si>
    <t>61378.0</t>
  </si>
  <si>
    <t>31394848.0</t>
  </si>
  <si>
    <t>71714.0</t>
  </si>
  <si>
    <t>2986.927</t>
  </si>
  <si>
    <t>6.823</t>
  </si>
  <si>
    <t>75374.0</t>
  </si>
  <si>
    <t>7.171</t>
  </si>
  <si>
    <t>9004434.0</t>
  </si>
  <si>
    <t>5267512.0</t>
  </si>
  <si>
    <t>3836294.0</t>
  </si>
  <si>
    <t>38075.0</t>
  </si>
  <si>
    <t>61291.0</t>
  </si>
  <si>
    <t>31463006.0</t>
  </si>
  <si>
    <t>2993.412</t>
  </si>
  <si>
    <t>78263.0</t>
  </si>
  <si>
    <t>7.446</t>
  </si>
  <si>
    <t>9035856.0</t>
  </si>
  <si>
    <t>5276081.0</t>
  </si>
  <si>
    <t>3859195.0</t>
  </si>
  <si>
    <t>31422.0</t>
  </si>
  <si>
    <t>61577.0</t>
  </si>
  <si>
    <t>33452.8</t>
  </si>
  <si>
    <t>-5.14</t>
  </si>
  <si>
    <t>3187.80559158147</t>
  </si>
  <si>
    <t>31584661.0</t>
  </si>
  <si>
    <t>121655.0</t>
  </si>
  <si>
    <t>3004.986</t>
  </si>
  <si>
    <t>11.574</t>
  </si>
  <si>
    <t>88579.0</t>
  </si>
  <si>
    <t>8.427</t>
  </si>
  <si>
    <t>9131186.0</t>
  </si>
  <si>
    <t>5303658.0</t>
  </si>
  <si>
    <t>3928271.0</t>
  </si>
  <si>
    <t>95330.0</t>
  </si>
  <si>
    <t>70499.0</t>
  </si>
  <si>
    <t>18790.0</t>
  </si>
  <si>
    <t>31680195.0</t>
  </si>
  <si>
    <t>3014.076</t>
  </si>
  <si>
    <t>9.089</t>
  </si>
  <si>
    <t>96371.0</t>
  </si>
  <si>
    <t>9.169</t>
  </si>
  <si>
    <t>9225480.0</t>
  </si>
  <si>
    <t>5329894.0</t>
  </si>
  <si>
    <t>3998169.0</t>
  </si>
  <si>
    <t>94294.0</t>
  </si>
  <si>
    <t>79221.0</t>
  </si>
  <si>
    <t>31767306.0</t>
  </si>
  <si>
    <t>87111.0</t>
  </si>
  <si>
    <t>3022.363</t>
  </si>
  <si>
    <t>96814.0</t>
  </si>
  <si>
    <t>9.211</t>
  </si>
  <si>
    <t>9321359.0</t>
  </si>
  <si>
    <t>5355759.0</t>
  </si>
  <si>
    <t>4070179.0</t>
  </si>
  <si>
    <t>95879.0</t>
  </si>
  <si>
    <t>78078.0</t>
  </si>
  <si>
    <t>21752.0</t>
  </si>
  <si>
    <t>31887476.0</t>
  </si>
  <si>
    <t>120170.0</t>
  </si>
  <si>
    <t>3033.796</t>
  </si>
  <si>
    <t>100171.0</t>
  </si>
  <si>
    <t>9414279.0</t>
  </si>
  <si>
    <t>5384976.0</t>
  </si>
  <si>
    <t>4136215.0</t>
  </si>
  <si>
    <t>92920.0</t>
  </si>
  <si>
    <t>22121.0</t>
  </si>
  <si>
    <t>32045587.0</t>
  </si>
  <si>
    <t>158111.0</t>
  </si>
  <si>
    <t>3048.839</t>
  </si>
  <si>
    <t>15.043</t>
  </si>
  <si>
    <t>103208.0</t>
  </si>
  <si>
    <t>9.819</t>
  </si>
  <si>
    <t>9512543.0</t>
  </si>
  <si>
    <t>5412958.0</t>
  </si>
  <si>
    <t>4208975.0</t>
  </si>
  <si>
    <t>98264.0</t>
  </si>
  <si>
    <t>78026.0</t>
  </si>
  <si>
    <t>32131981.0</t>
  </si>
  <si>
    <t>86394.0</t>
  </si>
  <si>
    <t>3057.059</t>
  </si>
  <si>
    <t>105305.0</t>
  </si>
  <si>
    <t>10.019</t>
  </si>
  <si>
    <t>9552364.0</t>
  </si>
  <si>
    <t>5421785.0</t>
  </si>
  <si>
    <t>4240475.0</t>
  </si>
  <si>
    <t>39821.0</t>
  </si>
  <si>
    <t>78276.0</t>
  </si>
  <si>
    <t>40.41</t>
  </si>
  <si>
    <t>22039.0</t>
  </si>
  <si>
    <t>32199774.0</t>
  </si>
  <si>
    <t>67793.0</t>
  </si>
  <si>
    <t>3063.509</t>
  </si>
  <si>
    <t>105253.0</t>
  </si>
  <si>
    <t>10.014</t>
  </si>
  <si>
    <t>9586309.0</t>
  </si>
  <si>
    <t>5430247.0</t>
  </si>
  <si>
    <t>4266500.0</t>
  </si>
  <si>
    <t>33945.0</t>
  </si>
  <si>
    <t>78636.0</t>
  </si>
  <si>
    <t>22024.0</t>
  </si>
  <si>
    <t>33437.8</t>
  </si>
  <si>
    <t>3186.37620199752</t>
  </si>
  <si>
    <t>32317264.0</t>
  </si>
  <si>
    <t>117490.0</t>
  </si>
  <si>
    <t>3074.687</t>
  </si>
  <si>
    <t>9675261.0</t>
  </si>
  <si>
    <t>5453637.0</t>
  </si>
  <si>
    <t>4333526.0</t>
  </si>
  <si>
    <t>88952.0</t>
  </si>
  <si>
    <t>77725.0</t>
  </si>
  <si>
    <t>21426.0</t>
  </si>
  <si>
    <t>32399405.0</t>
  </si>
  <si>
    <t>82141.0</t>
  </si>
  <si>
    <t>3082.502</t>
  </si>
  <si>
    <t>102744.0</t>
  </si>
  <si>
    <t>9.775</t>
  </si>
  <si>
    <t>9761877.0</t>
  </si>
  <si>
    <t>5475092.0</t>
  </si>
  <si>
    <t>4400604.0</t>
  </si>
  <si>
    <t>86616.0</t>
  </si>
  <si>
    <t>76628.0</t>
  </si>
  <si>
    <t>20743.0</t>
  </si>
  <si>
    <t>32482653.0</t>
  </si>
  <si>
    <t>83248.0</t>
  </si>
  <si>
    <t>3090.422</t>
  </si>
  <si>
    <t>102192.0</t>
  </si>
  <si>
    <t>9.723</t>
  </si>
  <si>
    <t>9846028.0</t>
  </si>
  <si>
    <t>5498588.0</t>
  </si>
  <si>
    <t>4464098.0</t>
  </si>
  <si>
    <t>84151.0</t>
  </si>
  <si>
    <t>74953.0</t>
  </si>
  <si>
    <t>93.83</t>
  </si>
  <si>
    <t>32603722.0</t>
  </si>
  <si>
    <t>121069.0</t>
  </si>
  <si>
    <t>3101.941</t>
  </si>
  <si>
    <t>11.519</t>
  </si>
  <si>
    <t>102321.0</t>
  </si>
  <si>
    <t>9924055.0</t>
  </si>
  <si>
    <t>5520988.0</t>
  </si>
  <si>
    <t>4522768.0</t>
  </si>
  <si>
    <t>78027.0</t>
  </si>
  <si>
    <t>72825.0</t>
  </si>
  <si>
    <t>32771986.0</t>
  </si>
  <si>
    <t>168264.0</t>
  </si>
  <si>
    <t>3117.949</t>
  </si>
  <si>
    <t>103771.0</t>
  </si>
  <si>
    <t>9.873</t>
  </si>
  <si>
    <t>9999026.0</t>
  </si>
  <si>
    <t>5544265.0</t>
  </si>
  <si>
    <t>4577579.0</t>
  </si>
  <si>
    <t>74971.0</t>
  </si>
  <si>
    <t>32863811.0</t>
  </si>
  <si>
    <t>91825.0</t>
  </si>
  <si>
    <t>3126.686</t>
  </si>
  <si>
    <t>104547.0</t>
  </si>
  <si>
    <t>10032915.0</t>
  </si>
  <si>
    <t>5551656.0</t>
  </si>
  <si>
    <t>4605277.0</t>
  </si>
  <si>
    <t>68650.0</t>
  </si>
  <si>
    <t>43.88</t>
  </si>
  <si>
    <t>32934188.0</t>
  </si>
  <si>
    <t>70377.0</t>
  </si>
  <si>
    <t>3133.381</t>
  </si>
  <si>
    <t>104916.0</t>
  </si>
  <si>
    <t>10060578.0</t>
  </si>
  <si>
    <t>5558325.0</t>
  </si>
  <si>
    <t>4627431.0</t>
  </si>
  <si>
    <t>27663.0</t>
  </si>
  <si>
    <t>67753.0</t>
  </si>
  <si>
    <t>95.87</t>
  </si>
  <si>
    <t>18297.0</t>
  </si>
  <si>
    <t>33346.0</t>
  </si>
  <si>
    <t>-4.48</t>
  </si>
  <si>
    <t>3177.62833774379</t>
  </si>
  <si>
    <t>33052607.0</t>
  </si>
  <si>
    <t>3144.648</t>
  </si>
  <si>
    <t>11.266</t>
  </si>
  <si>
    <t>105049.0</t>
  </si>
  <si>
    <t>9.994</t>
  </si>
  <si>
    <t>10130212.0</t>
  </si>
  <si>
    <t>5581915.0</t>
  </si>
  <si>
    <t>4676135.0</t>
  </si>
  <si>
    <t>69634.0</t>
  </si>
  <si>
    <t>64993.0</t>
  </si>
  <si>
    <t>96.53</t>
  </si>
  <si>
    <t>33146737.0</t>
  </si>
  <si>
    <t>94130.0</t>
  </si>
  <si>
    <t>3153.603</t>
  </si>
  <si>
    <t>8.956</t>
  </si>
  <si>
    <t>106762.0</t>
  </si>
  <si>
    <t>10196408.0</t>
  </si>
  <si>
    <t>5604709.0</t>
  </si>
  <si>
    <t>4722832.0</t>
  </si>
  <si>
    <t>97.16</t>
  </si>
  <si>
    <t>33240554.0</t>
  </si>
  <si>
    <t>93817.0</t>
  </si>
  <si>
    <t>3162.529</t>
  </si>
  <si>
    <t>108272.0</t>
  </si>
  <si>
    <t>10.301</t>
  </si>
  <si>
    <t>10260056.0</t>
  </si>
  <si>
    <t>5626036.0</t>
  </si>
  <si>
    <t>4768905.0</t>
  </si>
  <si>
    <t>63648.0</t>
  </si>
  <si>
    <t>59147.0</t>
  </si>
  <si>
    <t>33362050.0</t>
  </si>
  <si>
    <t>3174.088</t>
  </si>
  <si>
    <t>11.559</t>
  </si>
  <si>
    <t>108333.0</t>
  </si>
  <si>
    <t>10320129.0</t>
  </si>
  <si>
    <t>5647403.0</t>
  </si>
  <si>
    <t>4810930.0</t>
  </si>
  <si>
    <t>60073.0</t>
  </si>
  <si>
    <t>56582.0</t>
  </si>
  <si>
    <t>98.34</t>
  </si>
  <si>
    <t>18059.0</t>
  </si>
  <si>
    <t>33534242.0</t>
  </si>
  <si>
    <t>172192.0</t>
  </si>
  <si>
    <t>3190.471</t>
  </si>
  <si>
    <t>108894.0</t>
  </si>
  <si>
    <t>10382760.0</t>
  </si>
  <si>
    <t>5670732.0</t>
  </si>
  <si>
    <t>4853549.0</t>
  </si>
  <si>
    <t>54819.0</t>
  </si>
  <si>
    <t>18067.0</t>
  </si>
  <si>
    <t>33629987.0</t>
  </si>
  <si>
    <t>95745.0</t>
  </si>
  <si>
    <t>3199.58</t>
  </si>
  <si>
    <t>9.109</t>
  </si>
  <si>
    <t>109454.0</t>
  </si>
  <si>
    <t>10409759.0</t>
  </si>
  <si>
    <t>5679717.0</t>
  </si>
  <si>
    <t>4873127.0</t>
  </si>
  <si>
    <t>26999.0</t>
  </si>
  <si>
    <t>53835.0</t>
  </si>
  <si>
    <t>33696778.0</t>
  </si>
  <si>
    <t>66791.0</t>
  </si>
  <si>
    <t>3205.935</t>
  </si>
  <si>
    <t>6.355</t>
  </si>
  <si>
    <t>108941.0</t>
  </si>
  <si>
    <t>10.365</t>
  </si>
  <si>
    <t>10431376.0</t>
  </si>
  <si>
    <t>5686480.0</t>
  </si>
  <si>
    <t>4889314.0</t>
  </si>
  <si>
    <t>52971.0</t>
  </si>
  <si>
    <t>18308.0</t>
  </si>
  <si>
    <t>3179.62948316131</t>
  </si>
  <si>
    <t>33819378.0</t>
  </si>
  <si>
    <t>3217.599</t>
  </si>
  <si>
    <t>11.664</t>
  </si>
  <si>
    <t>109539.0</t>
  </si>
  <si>
    <t>10.422</t>
  </si>
  <si>
    <t>10485219.0</t>
  </si>
  <si>
    <t>5705164.0</t>
  </si>
  <si>
    <t>4926918.0</t>
  </si>
  <si>
    <t>50715.0</t>
  </si>
  <si>
    <t>99.92</t>
  </si>
  <si>
    <t>33913693.0</t>
  </si>
  <si>
    <t>94315.0</t>
  </si>
  <si>
    <t>3226.572</t>
  </si>
  <si>
    <t>8.973</t>
  </si>
  <si>
    <t>10.424</t>
  </si>
  <si>
    <t>10537868.0</t>
  </si>
  <si>
    <t>5722863.0</t>
  </si>
  <si>
    <t>4965091.0</t>
  </si>
  <si>
    <t>48780.0</t>
  </si>
  <si>
    <t>33999598.0</t>
  </si>
  <si>
    <t>85905.0</t>
  </si>
  <si>
    <t>3234.745</t>
  </si>
  <si>
    <t>8.173</t>
  </si>
  <si>
    <t>10587873.0</t>
  </si>
  <si>
    <t>5739023.0</t>
  </si>
  <si>
    <t>5001914.0</t>
  </si>
  <si>
    <t>46831.0</t>
  </si>
  <si>
    <t>16141.0</t>
  </si>
  <si>
    <t>34111854.0</t>
  </si>
  <si>
    <t>3245.425</t>
  </si>
  <si>
    <t>107115.0</t>
  </si>
  <si>
    <t>10.191</t>
  </si>
  <si>
    <t>10641449.0</t>
  </si>
  <si>
    <t>5755105.0</t>
  </si>
  <si>
    <t>5042453.0</t>
  </si>
  <si>
    <t>53576.0</t>
  </si>
  <si>
    <t>45903.0</t>
  </si>
  <si>
    <t>15386.0</t>
  </si>
  <si>
    <t>34275079.0</t>
  </si>
  <si>
    <t>163225.0</t>
  </si>
  <si>
    <t>3260.955</t>
  </si>
  <si>
    <t>105834.0</t>
  </si>
  <si>
    <t>10.069</t>
  </si>
  <si>
    <t>10698587.0</t>
  </si>
  <si>
    <t>5771959.0</t>
  </si>
  <si>
    <t>5085824.0</t>
  </si>
  <si>
    <t>45118.0</t>
  </si>
  <si>
    <t>34365251.0</t>
  </si>
  <si>
    <t>90172.0</t>
  </si>
  <si>
    <t>3269.534</t>
  </si>
  <si>
    <t>105038.0</t>
  </si>
  <si>
    <t>9.993</t>
  </si>
  <si>
    <t>10721017.0</t>
  </si>
  <si>
    <t>5777599.0</t>
  </si>
  <si>
    <t>5104033.0</t>
  </si>
  <si>
    <t>102.16</t>
  </si>
  <si>
    <t>34436721.0</t>
  </si>
  <si>
    <t>71470.0</t>
  </si>
  <si>
    <t>3276.333</t>
  </si>
  <si>
    <t>105706.0</t>
  </si>
  <si>
    <t>10.057</t>
  </si>
  <si>
    <t>10740112.0</t>
  </si>
  <si>
    <t>5781990.0</t>
  </si>
  <si>
    <t>5119822.0</t>
  </si>
  <si>
    <t>13644.0</t>
  </si>
  <si>
    <t>33186.2</t>
  </si>
  <si>
    <t>-8.64</t>
  </si>
  <si>
    <t>3162.40057404286</t>
  </si>
  <si>
    <t>34557827.0</t>
  </si>
  <si>
    <t>121106.0</t>
  </si>
  <si>
    <t>3287.855</t>
  </si>
  <si>
    <t>105493.0</t>
  </si>
  <si>
    <t>10.037</t>
  </si>
  <si>
    <t>10795681.0</t>
  </si>
  <si>
    <t>5794654.0</t>
  </si>
  <si>
    <t>5164943.0</t>
  </si>
  <si>
    <t>55569.0</t>
  </si>
  <si>
    <t>44352.0</t>
  </si>
  <si>
    <t>102.87</t>
  </si>
  <si>
    <t>34651508.0</t>
  </si>
  <si>
    <t>93681.0</t>
  </si>
  <si>
    <t>3296.768</t>
  </si>
  <si>
    <t>8.913</t>
  </si>
  <si>
    <t>105402.0</t>
  </si>
  <si>
    <t>10.028</t>
  </si>
  <si>
    <t>10845013.0</t>
  </si>
  <si>
    <t>5806550.0</t>
  </si>
  <si>
    <t>5204578.0</t>
  </si>
  <si>
    <t>49332.0</t>
  </si>
  <si>
    <t>34738462.0</t>
  </si>
  <si>
    <t>86954.0</t>
  </si>
  <si>
    <t>3305.041</t>
  </si>
  <si>
    <t>8.273</t>
  </si>
  <si>
    <t>105552.0</t>
  </si>
  <si>
    <t>10.042</t>
  </si>
  <si>
    <t>10897377.0</t>
  </si>
  <si>
    <t>5817951.0</t>
  </si>
  <si>
    <t>5247764.0</t>
  </si>
  <si>
    <t>52364.0</t>
  </si>
  <si>
    <t>44215.0</t>
  </si>
  <si>
    <t>103.84</t>
  </si>
  <si>
    <t>11275.0</t>
  </si>
  <si>
    <t>34850816.0</t>
  </si>
  <si>
    <t>112354.0</t>
  </si>
  <si>
    <t>3315.731</t>
  </si>
  <si>
    <t>105566.0</t>
  </si>
  <si>
    <t>10.044</t>
  </si>
  <si>
    <t>10943518.0</t>
  </si>
  <si>
    <t>5829399.0</t>
  </si>
  <si>
    <t>5284941.0</t>
  </si>
  <si>
    <t>46141.0</t>
  </si>
  <si>
    <t>35019226.0</t>
  </si>
  <si>
    <t>168410.0</t>
  </si>
  <si>
    <t>3331.753</t>
  </si>
  <si>
    <t>16.023</t>
  </si>
  <si>
    <t>106307.0</t>
  </si>
  <si>
    <t>10.114</t>
  </si>
  <si>
    <t>10992473.0</t>
  </si>
  <si>
    <t>5840157.0</t>
  </si>
  <si>
    <t>5325341.0</t>
  </si>
  <si>
    <t>104.75</t>
  </si>
  <si>
    <t>50.75</t>
  </si>
  <si>
    <t>35119295.0</t>
  </si>
  <si>
    <t>100069.0</t>
  </si>
  <si>
    <t>3341.274</t>
  </si>
  <si>
    <t>9.521</t>
  </si>
  <si>
    <t>107721.0</t>
  </si>
  <si>
    <t>10.249</t>
  </si>
  <si>
    <t>11005519.0</t>
  </si>
  <si>
    <t>5843519.0</t>
  </si>
  <si>
    <t>5336085.0</t>
  </si>
  <si>
    <t>40643.0</t>
  </si>
  <si>
    <t>35187243.0</t>
  </si>
  <si>
    <t>67948.0</t>
  </si>
  <si>
    <t>3347.739</t>
  </si>
  <si>
    <t>107217.0</t>
  </si>
  <si>
    <t>10.201</t>
  </si>
  <si>
    <t>11017901.0</t>
  </si>
  <si>
    <t>5846122.0</t>
  </si>
  <si>
    <t>5346492.0</t>
  </si>
  <si>
    <t>39684.0</t>
  </si>
  <si>
    <t>104.99</t>
  </si>
  <si>
    <t>33141.4</t>
  </si>
  <si>
    <t>-2.16</t>
  </si>
  <si>
    <t>3158.13146381881</t>
  </si>
  <si>
    <t>35304150.0</t>
  </si>
  <si>
    <t>116907.0</t>
  </si>
  <si>
    <t>3358.861</t>
  </si>
  <si>
    <t>11.123</t>
  </si>
  <si>
    <t>106618.0</t>
  </si>
  <si>
    <t>11059939.0</t>
  </si>
  <si>
    <t>5855936.0</t>
  </si>
  <si>
    <t>5380610.0</t>
  </si>
  <si>
    <t>42038.0</t>
  </si>
  <si>
    <t>37751.0</t>
  </si>
  <si>
    <t>105.39</t>
  </si>
  <si>
    <t>35385814.0</t>
  </si>
  <si>
    <t>81664.0</t>
  </si>
  <si>
    <t>3366.631</t>
  </si>
  <si>
    <t>104901.0</t>
  </si>
  <si>
    <t>11094742.0</t>
  </si>
  <si>
    <t>5865552.0</t>
  </si>
  <si>
    <t>5407769.0</t>
  </si>
  <si>
    <t>34803.0</t>
  </si>
  <si>
    <t>105.72</t>
  </si>
  <si>
    <t>35467729.0</t>
  </si>
  <si>
    <t>3374.424</t>
  </si>
  <si>
    <t>104181.0</t>
  </si>
  <si>
    <t>11140966.0</t>
  </si>
  <si>
    <t>5874957.0</t>
  </si>
  <si>
    <t>5446715.0</t>
  </si>
  <si>
    <t>34798.0</t>
  </si>
  <si>
    <t>106.17</t>
  </si>
  <si>
    <t>8144.0</t>
  </si>
  <si>
    <t>35570772.0</t>
  </si>
  <si>
    <t>103043.0</t>
  </si>
  <si>
    <t>3384.228</t>
  </si>
  <si>
    <t>102851.0</t>
  </si>
  <si>
    <t>9.785</t>
  </si>
  <si>
    <t>11186599.0</t>
  </si>
  <si>
    <t>5884657.0</t>
  </si>
  <si>
    <t>5485107.0</t>
  </si>
  <si>
    <t>45633.0</t>
  </si>
  <si>
    <t>34726.0</t>
  </si>
  <si>
    <t>35724214.0</t>
  </si>
  <si>
    <t>153442.0</t>
  </si>
  <si>
    <t>3398.826</t>
  </si>
  <si>
    <t>14.599</t>
  </si>
  <si>
    <t>11235644.0</t>
  </si>
  <si>
    <t>5896078.0</t>
  </si>
  <si>
    <t>5525358.0</t>
  </si>
  <si>
    <t>49045.0</t>
  </si>
  <si>
    <t>35803351.0</t>
  </si>
  <si>
    <t>79137.0</t>
  </si>
  <si>
    <t>3406.355</t>
  </si>
  <si>
    <t>97722.0</t>
  </si>
  <si>
    <t>9.297</t>
  </si>
  <si>
    <t>11250282.0</t>
  </si>
  <si>
    <t>5898818.0</t>
  </si>
  <si>
    <t>5538168.0</t>
  </si>
  <si>
    <t>14638.0</t>
  </si>
  <si>
    <t>107.21</t>
  </si>
  <si>
    <t>35868155.0</t>
  </si>
  <si>
    <t>64804.0</t>
  </si>
  <si>
    <t>3412.521</t>
  </si>
  <si>
    <t>97273.0</t>
  </si>
  <si>
    <t>9.255</t>
  </si>
  <si>
    <t>11263842.0</t>
  </si>
  <si>
    <t>5901174.0</t>
  </si>
  <si>
    <t>5550164.0</t>
  </si>
  <si>
    <t>35134.0</t>
  </si>
  <si>
    <t>33011.4</t>
  </si>
  <si>
    <t>-6.15</t>
  </si>
  <si>
    <t>3145.74342075798</t>
  </si>
  <si>
    <t>35973569.0</t>
  </si>
  <si>
    <t>3422.55</t>
  </si>
  <si>
    <t>95631.0</t>
  </si>
  <si>
    <t>9.098</t>
  </si>
  <si>
    <t>11311200.0</t>
  </si>
  <si>
    <t>5911727.0</t>
  </si>
  <si>
    <t>5589484.0</t>
  </si>
  <si>
    <t>47358.0</t>
  </si>
  <si>
    <t>35894.0</t>
  </si>
  <si>
    <t>36050458.0</t>
  </si>
  <si>
    <t>76889.0</t>
  </si>
  <si>
    <t>3429.865</t>
  </si>
  <si>
    <t>7.315</t>
  </si>
  <si>
    <t>94949.0</t>
  </si>
  <si>
    <t>11352111.0</t>
  </si>
  <si>
    <t>5921618.0</t>
  </si>
  <si>
    <t>5622754.0</t>
  </si>
  <si>
    <t>36123581.0</t>
  </si>
  <si>
    <t>73123.0</t>
  </si>
  <si>
    <t>3436.822</t>
  </si>
  <si>
    <t>6.957</t>
  </si>
  <si>
    <t>93693.0</t>
  </si>
  <si>
    <t>8.914</t>
  </si>
  <si>
    <t>11387285.0</t>
  </si>
  <si>
    <t>5930511.0</t>
  </si>
  <si>
    <t>5651200.0</t>
  </si>
  <si>
    <t>35174.0</t>
  </si>
  <si>
    <t>108.51</t>
  </si>
  <si>
    <t>36218269.0</t>
  </si>
  <si>
    <t>94688.0</t>
  </si>
  <si>
    <t>3445.831</t>
  </si>
  <si>
    <t>92500.0</t>
  </si>
  <si>
    <t>8.801</t>
  </si>
  <si>
    <t>11420162.0</t>
  </si>
  <si>
    <t>5938982.0</t>
  </si>
  <si>
    <t>5677404.0</t>
  </si>
  <si>
    <t>33366.0</t>
  </si>
  <si>
    <t>36341935.0</t>
  </si>
  <si>
    <t>123666.0</t>
  </si>
  <si>
    <t>3457.597</t>
  </si>
  <si>
    <t>88246.0</t>
  </si>
  <si>
    <t>8.396</t>
  </si>
  <si>
    <t>11454345.0</t>
  </si>
  <si>
    <t>5949328.0</t>
  </si>
  <si>
    <t>5703447.0</t>
  </si>
  <si>
    <t>34183.0</t>
  </si>
  <si>
    <t>31243.0</t>
  </si>
  <si>
    <t>7607.0</t>
  </si>
  <si>
    <t>36398544.0</t>
  </si>
  <si>
    <t>56609.0</t>
  </si>
  <si>
    <t>3462.983</t>
  </si>
  <si>
    <t>85028.0</t>
  </si>
  <si>
    <t>11463484.0</t>
  </si>
  <si>
    <t>5952083.0</t>
  </si>
  <si>
    <t>5710556.0</t>
  </si>
  <si>
    <t>30457.0</t>
  </si>
  <si>
    <t>36439304.0</t>
  </si>
  <si>
    <t>40760.0</t>
  </si>
  <si>
    <t>3466.86</t>
  </si>
  <si>
    <t>81593.0</t>
  </si>
  <si>
    <t>7.763</t>
  </si>
  <si>
    <t>11471818.0</t>
  </si>
  <si>
    <t>5954505.0</t>
  </si>
  <si>
    <t>5717199.0</t>
  </si>
  <si>
    <t>29711.0</t>
  </si>
  <si>
    <t>109.32</t>
  </si>
  <si>
    <t>32947.4</t>
  </si>
  <si>
    <t>3139.64469186649</t>
  </si>
  <si>
    <t>36526390.0</t>
  </si>
  <si>
    <t>87086.0</t>
  </si>
  <si>
    <t>3475.146</t>
  </si>
  <si>
    <t>78974.0</t>
  </si>
  <si>
    <t>7.514</t>
  </si>
  <si>
    <t>11500598.0</t>
  </si>
  <si>
    <t>5963049.0</t>
  </si>
  <si>
    <t>5739124.0</t>
  </si>
  <si>
    <t>27057.0</t>
  </si>
  <si>
    <t>36618791.0</t>
  </si>
  <si>
    <t>92401.0</t>
  </si>
  <si>
    <t>3483.937</t>
  </si>
  <si>
    <t>8.791</t>
  </si>
  <si>
    <t>81190.0</t>
  </si>
  <si>
    <t>7.724</t>
  </si>
  <si>
    <t>11524704.0</t>
  </si>
  <si>
    <t>5970749.0</t>
  </si>
  <si>
    <t>5757284.0</t>
  </si>
  <si>
    <t>24106.0</t>
  </si>
  <si>
    <t>24656.0</t>
  </si>
  <si>
    <t>36712771.0</t>
  </si>
  <si>
    <t>93980.0</t>
  </si>
  <si>
    <t>3492.878</t>
  </si>
  <si>
    <t>84170.0</t>
  </si>
  <si>
    <t>8.008</t>
  </si>
  <si>
    <t>11543374.0</t>
  </si>
  <si>
    <t>5976701.0</t>
  </si>
  <si>
    <t>5771332.0</t>
  </si>
  <si>
    <t>18670.0</t>
  </si>
  <si>
    <t>22298.0</t>
  </si>
  <si>
    <t>36824655.0</t>
  </si>
  <si>
    <t>111884.0</t>
  </si>
  <si>
    <t>3503.523</t>
  </si>
  <si>
    <t>11562811.0</t>
  </si>
  <si>
    <t>5983561.0</t>
  </si>
  <si>
    <t>5785761.0</t>
  </si>
  <si>
    <t>36926566.0</t>
  </si>
  <si>
    <t>101911.0</t>
  </si>
  <si>
    <t>3513.219</t>
  </si>
  <si>
    <t>9.696</t>
  </si>
  <si>
    <t>83519.0</t>
  </si>
  <si>
    <t>11586196.0</t>
  </si>
  <si>
    <t>5993134.0</t>
  </si>
  <si>
    <t>5801533.0</t>
  </si>
  <si>
    <t>18836.0</t>
  </si>
  <si>
    <t>36974663.0</t>
  </si>
  <si>
    <t>48097.0</t>
  </si>
  <si>
    <t>3517.795</t>
  </si>
  <si>
    <t>82303.0</t>
  </si>
  <si>
    <t>11591249.0</t>
  </si>
  <si>
    <t>5995224.0</t>
  </si>
  <si>
    <t>5805123.0</t>
  </si>
  <si>
    <t>18252.0</t>
  </si>
  <si>
    <t>37008536.0</t>
  </si>
  <si>
    <t>33873.0</t>
  </si>
  <si>
    <t>3521.018</t>
  </si>
  <si>
    <t>11595639.0</t>
  </si>
  <si>
    <t>5997280.0</t>
  </si>
  <si>
    <t>5807985.0</t>
  </si>
  <si>
    <t>17689.0</t>
  </si>
  <si>
    <t>3138.2724778659</t>
  </si>
  <si>
    <t>37109568.0</t>
  </si>
  <si>
    <t>101032.0</t>
  </si>
  <si>
    <t>3530.63</t>
  </si>
  <si>
    <t>9.612</t>
  </si>
  <si>
    <t>83311.0</t>
  </si>
  <si>
    <t>7.926</t>
  </si>
  <si>
    <t>11613061.0</t>
  </si>
  <si>
    <t>6003537.0</t>
  </si>
  <si>
    <t>5820566.0</t>
  </si>
  <si>
    <t>16066.0</t>
  </si>
  <si>
    <t>37186267.0</t>
  </si>
  <si>
    <t>76699.0</t>
  </si>
  <si>
    <t>3537.927</t>
  </si>
  <si>
    <t>81068.0</t>
  </si>
  <si>
    <t>7.713</t>
  </si>
  <si>
    <t>11627099.0</t>
  </si>
  <si>
    <t>6007942.0</t>
  </si>
  <si>
    <t>5831693.0</t>
  </si>
  <si>
    <t>37257275.0</t>
  </si>
  <si>
    <t>3544.683</t>
  </si>
  <si>
    <t>11641443.0</t>
  </si>
  <si>
    <t>6013638.0</t>
  </si>
  <si>
    <t>5841591.0</t>
  </si>
  <si>
    <t>37347186.0</t>
  </si>
  <si>
    <t>3553.237</t>
  </si>
  <si>
    <t>8.554</t>
  </si>
  <si>
    <t>74647.0</t>
  </si>
  <si>
    <t>11656683.0</t>
  </si>
  <si>
    <t>6020344.0</t>
  </si>
  <si>
    <t>5851688.0</t>
  </si>
  <si>
    <t>37456306.0</t>
  </si>
  <si>
    <t>3563.619</t>
  </si>
  <si>
    <t>75677.0</t>
  </si>
  <si>
    <t>11675094.0</t>
  </si>
  <si>
    <t>6028071.0</t>
  </si>
  <si>
    <t>5863916.0</t>
  </si>
  <si>
    <t>18411.0</t>
  </si>
  <si>
    <t>37506768.0</t>
  </si>
  <si>
    <t>50462.0</t>
  </si>
  <si>
    <t>3568.42</t>
  </si>
  <si>
    <t>4.801</t>
  </si>
  <si>
    <t>76015.0</t>
  </si>
  <si>
    <t>7.232</t>
  </si>
  <si>
    <t>11678889.0</t>
  </si>
  <si>
    <t>6029959.0</t>
  </si>
  <si>
    <t>5866442.0</t>
  </si>
  <si>
    <t>37542355.0</t>
  </si>
  <si>
    <t>35587.0</t>
  </si>
  <si>
    <t>3571.806</t>
  </si>
  <si>
    <t>76260.0</t>
  </si>
  <si>
    <t>11681217.0</t>
  </si>
  <si>
    <t>6031086.0</t>
  </si>
  <si>
    <t>5868091.0</t>
  </si>
  <si>
    <t>32992.0</t>
  </si>
  <si>
    <t>3143.89474356274</t>
  </si>
  <si>
    <t>37619856.0</t>
  </si>
  <si>
    <t>77501.0</t>
  </si>
  <si>
    <t>3579.179</t>
  </si>
  <si>
    <t>72898.0</t>
  </si>
  <si>
    <t>6.936</t>
  </si>
  <si>
    <t>11695539.0</t>
  </si>
  <si>
    <t>6036548.0</t>
  </si>
  <si>
    <t>5878425.0</t>
  </si>
  <si>
    <t>14322.0</t>
  </si>
  <si>
    <t>37682629.0</t>
  </si>
  <si>
    <t>62773.0</t>
  </si>
  <si>
    <t>3585.151</t>
  </si>
  <si>
    <t>70909.0</t>
  </si>
  <si>
    <t>11708563.0</t>
  </si>
  <si>
    <t>6041967.0</t>
  </si>
  <si>
    <t>5887463.0</t>
  </si>
  <si>
    <t>111.57</t>
  </si>
  <si>
    <t>37750454.0</t>
  </si>
  <si>
    <t>3591.604</t>
  </si>
  <si>
    <t>6.453</t>
  </si>
  <si>
    <t>70454.0</t>
  </si>
  <si>
    <t>6.703</t>
  </si>
  <si>
    <t>11721039.0</t>
  </si>
  <si>
    <t>6047202.0</t>
  </si>
  <si>
    <t>5896017.0</t>
  </si>
  <si>
    <t>37836864.0</t>
  </si>
  <si>
    <t>86410.0</t>
  </si>
  <si>
    <t>3599.825</t>
  </si>
  <si>
    <t>69954.0</t>
  </si>
  <si>
    <t>6.655</t>
  </si>
  <si>
    <t>11733160.0</t>
  </si>
  <si>
    <t>6052584.0</t>
  </si>
  <si>
    <t>5904312.0</t>
  </si>
  <si>
    <t>37962665.0</t>
  </si>
  <si>
    <t>125801.0</t>
  </si>
  <si>
    <t>3611.794</t>
  </si>
  <si>
    <t>72337.0</t>
  </si>
  <si>
    <t>6.882</t>
  </si>
  <si>
    <t>11748239.0</t>
  </si>
  <si>
    <t>6059170.0</t>
  </si>
  <si>
    <t>5914569.0</t>
  </si>
  <si>
    <t>15079.0</t>
  </si>
  <si>
    <t>15.342</t>
  </si>
  <si>
    <t>16.867</t>
  </si>
  <si>
    <t>38017519.0</t>
  </si>
  <si>
    <t>54854.0</t>
  </si>
  <si>
    <t>3617.013</t>
  </si>
  <si>
    <t>72964.0</t>
  </si>
  <si>
    <t>11751807.0</t>
  </si>
  <si>
    <t>6060912.0</t>
  </si>
  <si>
    <t>5916950.0</t>
  </si>
  <si>
    <t>38054331.0</t>
  </si>
  <si>
    <t>3620.515</t>
  </si>
  <si>
    <t>73139.0</t>
  </si>
  <si>
    <t>6.958</t>
  </si>
  <si>
    <t>11753945.0</t>
  </si>
  <si>
    <t>6061867.0</t>
  </si>
  <si>
    <t>5918527.0</t>
  </si>
  <si>
    <t>112.01</t>
  </si>
  <si>
    <t>33099.8</t>
  </si>
  <si>
    <t>3154.16729003935</t>
  </si>
  <si>
    <t>38136366.0</t>
  </si>
  <si>
    <t>82035.0</t>
  </si>
  <si>
    <t>3628.32</t>
  </si>
  <si>
    <t>73787.0</t>
  </si>
  <si>
    <t>11765559.0</t>
  </si>
  <si>
    <t>6065906.0</t>
  </si>
  <si>
    <t>5926754.0</t>
  </si>
  <si>
    <t>15.723</t>
  </si>
  <si>
    <t>38200814.0</t>
  </si>
  <si>
    <t>64448.0</t>
  </si>
  <si>
    <t>3634.452</t>
  </si>
  <si>
    <t>6.132</t>
  </si>
  <si>
    <t>74026.0</t>
  </si>
  <si>
    <t>11776701.0</t>
  </si>
  <si>
    <t>6070161.0</t>
  </si>
  <si>
    <t>5934315.0</t>
  </si>
  <si>
    <t>9734.0</t>
  </si>
  <si>
    <t>38268874.0</t>
  </si>
  <si>
    <t>68060.0</t>
  </si>
  <si>
    <t>3640.927</t>
  </si>
  <si>
    <t>74060.0</t>
  </si>
  <si>
    <t>7.046</t>
  </si>
  <si>
    <t>11785809.0</t>
  </si>
  <si>
    <t>6074367.0</t>
  </si>
  <si>
    <t>5939866.0</t>
  </si>
  <si>
    <t>112.31</t>
  </si>
  <si>
    <t>38359163.0</t>
  </si>
  <si>
    <t>90289.0</t>
  </si>
  <si>
    <t>3649.517</t>
  </si>
  <si>
    <t>74614.0</t>
  </si>
  <si>
    <t>11796860.0</t>
  </si>
  <si>
    <t>6079339.0</t>
  </si>
  <si>
    <t>5946302.0</t>
  </si>
  <si>
    <t>38486340.0</t>
  </si>
  <si>
    <t>127177.0</t>
  </si>
  <si>
    <t>3661.617</t>
  </si>
  <si>
    <t>74811.0</t>
  </si>
  <si>
    <t>11811169.0</t>
  </si>
  <si>
    <t>6085110.0</t>
  </si>
  <si>
    <t>5955939.0</t>
  </si>
  <si>
    <t>38539815.0</t>
  </si>
  <si>
    <t>53475.0</t>
  </si>
  <si>
    <t>3666.705</t>
  </si>
  <si>
    <t>5.088</t>
  </si>
  <si>
    <t>11814232.0</t>
  </si>
  <si>
    <t>6086618.0</t>
  </si>
  <si>
    <t>5957947.0</t>
  </si>
  <si>
    <t>38573040.0</t>
  </si>
  <si>
    <t>33225.0</t>
  </si>
  <si>
    <t>3669.866</t>
  </si>
  <si>
    <t>74101.0</t>
  </si>
  <si>
    <t>11816404.0</t>
  </si>
  <si>
    <t>6087371.0</t>
  </si>
  <si>
    <t>5959595.0</t>
  </si>
  <si>
    <t>33153.0</t>
  </si>
  <si>
    <t>3159.2368584304</t>
  </si>
  <si>
    <t>38651512.0</t>
  </si>
  <si>
    <t>78472.0</t>
  </si>
  <si>
    <t>3677.331</t>
  </si>
  <si>
    <t>7.466</t>
  </si>
  <si>
    <t>73592.0</t>
  </si>
  <si>
    <t>11826540.0</t>
  </si>
  <si>
    <t>6091274.0</t>
  </si>
  <si>
    <t>5966142.0</t>
  </si>
  <si>
    <t>38688292.0</t>
  </si>
  <si>
    <t>3680.831</t>
  </si>
  <si>
    <t>69640.0</t>
  </si>
  <si>
    <t>11827459.0</t>
  </si>
  <si>
    <t>6091666.0</t>
  </si>
  <si>
    <t>5966791.0</t>
  </si>
  <si>
    <t>38763151.0</t>
  </si>
  <si>
    <t>74859.0</t>
  </si>
  <si>
    <t>3687.953</t>
  </si>
  <si>
    <t>7.122</t>
  </si>
  <si>
    <t>70611.0</t>
  </si>
  <si>
    <t>6.718</t>
  </si>
  <si>
    <t>11838687.0</t>
  </si>
  <si>
    <t>6095453.0</t>
  </si>
  <si>
    <t>5974270.0</t>
  </si>
  <si>
    <t>38849246.0</t>
  </si>
  <si>
    <t>86095.0</t>
  </si>
  <si>
    <t>3696.144</t>
  </si>
  <si>
    <t>8.191</t>
  </si>
  <si>
    <t>70012.0</t>
  </si>
  <si>
    <t>11850966.0</t>
  </si>
  <si>
    <t>6099988.0</t>
  </si>
  <si>
    <t>5982002.0</t>
  </si>
  <si>
    <t>112.93</t>
  </si>
  <si>
    <t>38960430.0</t>
  </si>
  <si>
    <t>111184.0</t>
  </si>
  <si>
    <t>3706.722</t>
  </si>
  <si>
    <t>10.578</t>
  </si>
  <si>
    <t>6.444</t>
  </si>
  <si>
    <t>11864070.0</t>
  </si>
  <si>
    <t>6104319.0</t>
  </si>
  <si>
    <t>5990012.0</t>
  </si>
  <si>
    <t>113.06</t>
  </si>
  <si>
    <t>22.298</t>
  </si>
  <si>
    <t>39004085.0</t>
  </si>
  <si>
    <t>43655.0</t>
  </si>
  <si>
    <t>3710.876</t>
  </si>
  <si>
    <t>11866470.0</t>
  </si>
  <si>
    <t>6105394.0</t>
  </si>
  <si>
    <t>5991573.0</t>
  </si>
  <si>
    <t>113.08</t>
  </si>
  <si>
    <t>39035920.0</t>
  </si>
  <si>
    <t>3713.904</t>
  </si>
  <si>
    <t>66126.0</t>
  </si>
  <si>
    <t>11867863.0</t>
  </si>
  <si>
    <t>6106123.0</t>
  </si>
  <si>
    <t>5992452.0</t>
  </si>
  <si>
    <t>8093.0</t>
  </si>
  <si>
    <t>33151.8</t>
  </si>
  <si>
    <t>3159.12250726368</t>
  </si>
  <si>
    <t>39107939.0</t>
  </si>
  <si>
    <t>72019.0</t>
  </si>
  <si>
    <t>3720.756</t>
  </si>
  <si>
    <t>6.204</t>
  </si>
  <si>
    <t>11877451.0</t>
  </si>
  <si>
    <t>6109214.0</t>
  </si>
  <si>
    <t>5998047.0</t>
  </si>
  <si>
    <t>113.18</t>
  </si>
  <si>
    <t>39164463.0</t>
  </si>
  <si>
    <t>56524.0</t>
  </si>
  <si>
    <t>3726.134</t>
  </si>
  <si>
    <t>5.378</t>
  </si>
  <si>
    <t>68024.0</t>
  </si>
  <si>
    <t>11886896.0</t>
  </si>
  <si>
    <t>6112390.0</t>
  </si>
  <si>
    <t>6003156.0</t>
  </si>
  <si>
    <t>39227961.0</t>
  </si>
  <si>
    <t>63498.0</t>
  </si>
  <si>
    <t>3732.175</t>
  </si>
  <si>
    <t>66401.0</t>
  </si>
  <si>
    <t>6.317</t>
  </si>
  <si>
    <t>11897301.0</t>
  </si>
  <si>
    <t>6115925.0</t>
  </si>
  <si>
    <t>6008349.0</t>
  </si>
  <si>
    <t>113.37</t>
  </si>
  <si>
    <t>39306690.0</t>
  </si>
  <si>
    <t>78729.0</t>
  </si>
  <si>
    <t>3739.666</t>
  </si>
  <si>
    <t>65349.0</t>
  </si>
  <si>
    <t>11907326.0</t>
  </si>
  <si>
    <t>6119219.0</t>
  </si>
  <si>
    <t>6013624.0</t>
  </si>
  <si>
    <t>16976.0</t>
  </si>
  <si>
    <t>113.47</t>
  </si>
  <si>
    <t>39417315.0</t>
  </si>
  <si>
    <t>110625.0</t>
  </si>
  <si>
    <t>3750.191</t>
  </si>
  <si>
    <t>10.525</t>
  </si>
  <si>
    <t>11921484.0</t>
  </si>
  <si>
    <t>6124035.0</t>
  </si>
  <si>
    <t>6020290.0</t>
  </si>
  <si>
    <t>39459007.0</t>
  </si>
  <si>
    <t>41692.0</t>
  </si>
  <si>
    <t>3754.157</t>
  </si>
  <si>
    <t>64989.0</t>
  </si>
  <si>
    <t>6.183</t>
  </si>
  <si>
    <t>11924495.0</t>
  </si>
  <si>
    <t>6125284.0</t>
  </si>
  <si>
    <t>6021968.0</t>
  </si>
  <si>
    <t>21368.0</t>
  </si>
  <si>
    <t>8289.0</t>
  </si>
  <si>
    <t>113.63</t>
  </si>
  <si>
    <t>39489369.0</t>
  </si>
  <si>
    <t>30362.0</t>
  </si>
  <si>
    <t>3757.046</t>
  </si>
  <si>
    <t>64778.0</t>
  </si>
  <si>
    <t>11926276.0</t>
  </si>
  <si>
    <t>6126238.0</t>
  </si>
  <si>
    <t>6022812.0</t>
  </si>
  <si>
    <t>33105.0</t>
  </si>
  <si>
    <t>3154.66281176178</t>
  </si>
  <si>
    <t>39563929.0</t>
  </si>
  <si>
    <t>74560.0</t>
  </si>
  <si>
    <t>3764.139</t>
  </si>
  <si>
    <t>65141.0</t>
  </si>
  <si>
    <t>6.198</t>
  </si>
  <si>
    <t>11935597.0</t>
  </si>
  <si>
    <t>6129175.0</t>
  </si>
  <si>
    <t>6027254.0</t>
  </si>
  <si>
    <t>24264.0</t>
  </si>
  <si>
    <t>113.74</t>
  </si>
  <si>
    <t>39623309.0</t>
  </si>
  <si>
    <t>59380.0</t>
  </si>
  <si>
    <t>3769.789</t>
  </si>
  <si>
    <t>5.649</t>
  </si>
  <si>
    <t>65549.0</t>
  </si>
  <si>
    <t>6.236</t>
  </si>
  <si>
    <t>11945296.0</t>
  </si>
  <si>
    <t>6132133.0</t>
  </si>
  <si>
    <t>6031266.0</t>
  </si>
  <si>
    <t>113.83</t>
  </si>
  <si>
    <t>39695688.0</t>
  </si>
  <si>
    <t>72379.0</t>
  </si>
  <si>
    <t>3776.675</t>
  </si>
  <si>
    <t>66818.0</t>
  </si>
  <si>
    <t>11956528.0</t>
  </si>
  <si>
    <t>6135681.0</t>
  </si>
  <si>
    <t>6035480.0</t>
  </si>
  <si>
    <t>32084.0</t>
  </si>
  <si>
    <t>39781478.0</t>
  </si>
  <si>
    <t>85790.0</t>
  </si>
  <si>
    <t>3784.837</t>
  </si>
  <si>
    <t>8.162</t>
  </si>
  <si>
    <t>11968797.0</t>
  </si>
  <si>
    <t>6139361.0</t>
  </si>
  <si>
    <t>6040437.0</t>
  </si>
  <si>
    <t>36849.0</t>
  </si>
  <si>
    <t>39901213.0</t>
  </si>
  <si>
    <t>119735.0</t>
  </si>
  <si>
    <t>3796.229</t>
  </si>
  <si>
    <t>11.392</t>
  </si>
  <si>
    <t>69128.0</t>
  </si>
  <si>
    <t>6.577</t>
  </si>
  <si>
    <t>11983953.0</t>
  </si>
  <si>
    <t>6144615.0</t>
  </si>
  <si>
    <t>6046607.0</t>
  </si>
  <si>
    <t>41945.0</t>
  </si>
  <si>
    <t>49.933</t>
  </si>
  <si>
    <t>39951694.0</t>
  </si>
  <si>
    <t>50481.0</t>
  </si>
  <si>
    <t>3801.032</t>
  </si>
  <si>
    <t>70384.0</t>
  </si>
  <si>
    <t>11987523.0</t>
  </si>
  <si>
    <t>6146040.0</t>
  </si>
  <si>
    <t>6048148.0</t>
  </si>
  <si>
    <t>43029.0</t>
  </si>
  <si>
    <t>114.23</t>
  </si>
  <si>
    <t>39986444.0</t>
  </si>
  <si>
    <t>3804.338</t>
  </si>
  <si>
    <t>71011.0</t>
  </si>
  <si>
    <t>11989940.0</t>
  </si>
  <si>
    <t>6147378.0</t>
  </si>
  <si>
    <t>6049212.0</t>
  </si>
  <si>
    <t>33155.6</t>
  </si>
  <si>
    <t>3159.48461929161</t>
  </si>
  <si>
    <t>12.674</t>
  </si>
  <si>
    <t>40070848.0</t>
  </si>
  <si>
    <t>84404.0</t>
  </si>
  <si>
    <t>3812.368</t>
  </si>
  <si>
    <t>72417.0</t>
  </si>
  <si>
    <t>12004277.0</t>
  </si>
  <si>
    <t>6151514.0</t>
  </si>
  <si>
    <t>6053336.0</t>
  </si>
  <si>
    <t>50762.0</t>
  </si>
  <si>
    <t>40143479.0</t>
  </si>
  <si>
    <t>72631.0</t>
  </si>
  <si>
    <t>3819.278</t>
  </si>
  <si>
    <t>74310.0</t>
  </si>
  <si>
    <t>12019925.0</t>
  </si>
  <si>
    <t>6155116.0</t>
  </si>
  <si>
    <t>6055458.0</t>
  </si>
  <si>
    <t>61695.0</t>
  </si>
  <si>
    <t>40225877.0</t>
  </si>
  <si>
    <t>82398.0</t>
  </si>
  <si>
    <t>3827.118</t>
  </si>
  <si>
    <t>7.206</t>
  </si>
  <si>
    <t>12042892.0</t>
  </si>
  <si>
    <t>6160029.0</t>
  </si>
  <si>
    <t>6059935.0</t>
  </si>
  <si>
    <t>40328455.0</t>
  </si>
  <si>
    <t>102578.0</t>
  </si>
  <si>
    <t>3836.877</t>
  </si>
  <si>
    <t>9.759</t>
  </si>
  <si>
    <t>78140.0</t>
  </si>
  <si>
    <t>7.434</t>
  </si>
  <si>
    <t>12071627.0</t>
  </si>
  <si>
    <t>6167811.0</t>
  </si>
  <si>
    <t>6065551.0</t>
  </si>
  <si>
    <t>28735.0</t>
  </si>
  <si>
    <t>115.03</t>
  </si>
  <si>
    <t>87.86</t>
  </si>
  <si>
    <t>40467576.0</t>
  </si>
  <si>
    <t>139121.0</t>
  </si>
  <si>
    <t>3850.113</t>
  </si>
  <si>
    <t>80909.0</t>
  </si>
  <si>
    <t>12104639.0</t>
  </si>
  <si>
    <t>6178292.0</t>
  </si>
  <si>
    <t>6072059.0</t>
  </si>
  <si>
    <t>113103.0</t>
  </si>
  <si>
    <t>33012.0</t>
  </si>
  <si>
    <t>40533119.0</t>
  </si>
  <si>
    <t>65543.0</t>
  </si>
  <si>
    <t>3856.349</t>
  </si>
  <si>
    <t>83061.0</t>
  </si>
  <si>
    <t>7.902</t>
  </si>
  <si>
    <t>12112863.0</t>
  </si>
  <si>
    <t>6181982.0</t>
  </si>
  <si>
    <t>6074279.0</t>
  </si>
  <si>
    <t>116768.0</t>
  </si>
  <si>
    <t>115.43</t>
  </si>
  <si>
    <t>94.626</t>
  </si>
  <si>
    <t>40578452.0</t>
  </si>
  <si>
    <t>45333.0</t>
  </si>
  <si>
    <t>3860.662</t>
  </si>
  <si>
    <t>4.313</t>
  </si>
  <si>
    <t>84573.0</t>
  </si>
  <si>
    <t>12118591.0</t>
  </si>
  <si>
    <t>6184677.0</t>
  </si>
  <si>
    <t>6076069.0</t>
  </si>
  <si>
    <t>119265.0</t>
  </si>
  <si>
    <t>115.48</t>
  </si>
  <si>
    <t>33336.8</t>
  </si>
  <si>
    <t>3176.75164546564</t>
  </si>
  <si>
    <t>40684434.0</t>
  </si>
  <si>
    <t>3870.745</t>
  </si>
  <si>
    <t>10.083</t>
  </si>
  <si>
    <t>87655.0</t>
  </si>
  <si>
    <t>12151649.0</t>
  </si>
  <si>
    <t>6195202.0</t>
  </si>
  <si>
    <t>6081906.0</t>
  </si>
  <si>
    <t>139096.0</t>
  </si>
  <si>
    <t>33058.0</t>
  </si>
  <si>
    <t>21053.0</t>
  </si>
  <si>
    <t>115.8</t>
  </si>
  <si>
    <t>40799938.0</t>
  </si>
  <si>
    <t>115504.0</t>
  </si>
  <si>
    <t>3881.734</t>
  </si>
  <si>
    <t>10.989</t>
  </si>
  <si>
    <t>93780.0</t>
  </si>
  <si>
    <t>8.922</t>
  </si>
  <si>
    <t>12188636.0</t>
  </si>
  <si>
    <t>6207220.0</t>
  </si>
  <si>
    <t>6088469.0</t>
  </si>
  <si>
    <t>40943360.0</t>
  </si>
  <si>
    <t>143422.0</t>
  </si>
  <si>
    <t>3895.379</t>
  </si>
  <si>
    <t>102498.0</t>
  </si>
  <si>
    <t>9.752</t>
  </si>
  <si>
    <t>12232838.0</t>
  </si>
  <si>
    <t>6221841.0</t>
  </si>
  <si>
    <t>6095890.0</t>
  </si>
  <si>
    <t>187993.0</t>
  </si>
  <si>
    <t>44202.0</t>
  </si>
  <si>
    <t>27135.0</t>
  </si>
  <si>
    <t>41018018.0</t>
  </si>
  <si>
    <t>3902.483</t>
  </si>
  <si>
    <t>7.103</t>
  </si>
  <si>
    <t>98509.0</t>
  </si>
  <si>
    <t>9.372</t>
  </si>
  <si>
    <t>12241034.0</t>
  </si>
  <si>
    <t>6225292.0</t>
  </si>
  <si>
    <t>6097595.0</t>
  </si>
  <si>
    <t>192245.0</t>
  </si>
  <si>
    <t>24201.0</t>
  </si>
  <si>
    <t>116.65</t>
  </si>
  <si>
    <t>41150450.0</t>
  </si>
  <si>
    <t>132432.0</t>
  </si>
  <si>
    <t>3915.082</t>
  </si>
  <si>
    <t>97553.0</t>
  </si>
  <si>
    <t>9.281</t>
  </si>
  <si>
    <t>12278413.0</t>
  </si>
  <si>
    <t>6239741.0</t>
  </si>
  <si>
    <t>6105597.0</t>
  </si>
  <si>
    <t>211311.0</t>
  </si>
  <si>
    <t>41220737.0</t>
  </si>
  <si>
    <t>70287.0</t>
  </si>
  <si>
    <t>3921.769</t>
  </si>
  <si>
    <t>9.346</t>
  </si>
  <si>
    <t>12287732.0</t>
  </si>
  <si>
    <t>6244285.0</t>
  </si>
  <si>
    <t>6108527.0</t>
  </si>
  <si>
    <t>215159.0</t>
  </si>
  <si>
    <t>24981.0</t>
  </si>
  <si>
    <t>41283531.0</t>
  </si>
  <si>
    <t>62794.0</t>
  </si>
  <si>
    <t>3927.744</t>
  </si>
  <si>
    <t>100726.0</t>
  </si>
  <si>
    <t>9.583</t>
  </si>
  <si>
    <t>12296031.0</t>
  </si>
  <si>
    <t>6248057.0</t>
  </si>
  <si>
    <t>6111010.0</t>
  </si>
  <si>
    <t>218859.0</t>
  </si>
  <si>
    <t>25349.0</t>
  </si>
  <si>
    <t>33770.4</t>
  </si>
  <si>
    <t>3218.07053370548</t>
  </si>
  <si>
    <t>41398544.0</t>
  </si>
  <si>
    <t>115013.0</t>
  </si>
  <si>
    <t>3938.686</t>
  </si>
  <si>
    <t>10.942</t>
  </si>
  <si>
    <t>102016.0</t>
  </si>
  <si>
    <t>9.706</t>
  </si>
  <si>
    <t>12336184.0</t>
  </si>
  <si>
    <t>6263268.0</t>
  </si>
  <si>
    <t>6118701.0</t>
  </si>
  <si>
    <t>240761.0</t>
  </si>
  <si>
    <t>26362.0</t>
  </si>
  <si>
    <t>117.55</t>
  </si>
  <si>
    <t>59.68</t>
  </si>
  <si>
    <t>9724.0</t>
  </si>
  <si>
    <t>41492658.0</t>
  </si>
  <si>
    <t>94114.0</t>
  </si>
  <si>
    <t>3947.64</t>
  </si>
  <si>
    <t>8.954</t>
  </si>
  <si>
    <t>98960.0</t>
  </si>
  <si>
    <t>12379886.0</t>
  </si>
  <si>
    <t>6278719.0</t>
  </si>
  <si>
    <t>6126269.0</t>
  </si>
  <si>
    <t>266242.0</t>
  </si>
  <si>
    <t>43702.0</t>
  </si>
  <si>
    <t>41574058.0</t>
  </si>
  <si>
    <t>3955.385</t>
  </si>
  <si>
    <t>7.744</t>
  </si>
  <si>
    <t>8.572</t>
  </si>
  <si>
    <t>12430487.0</t>
  </si>
  <si>
    <t>6295920.0</t>
  </si>
  <si>
    <t>6133576.0</t>
  </si>
  <si>
    <t>296499.0</t>
  </si>
  <si>
    <t>118.45</t>
  </si>
  <si>
    <t>242.52</t>
  </si>
  <si>
    <t>41661194.0</t>
  </si>
  <si>
    <t>87136.0</t>
  </si>
  <si>
    <t>3963.675</t>
  </si>
  <si>
    <t>91882.0</t>
  </si>
  <si>
    <t>8.742</t>
  </si>
  <si>
    <t>12483114.0</t>
  </si>
  <si>
    <t>6314269.0</t>
  </si>
  <si>
    <t>6141758.0</t>
  </si>
  <si>
    <t>327635.0</t>
  </si>
  <si>
    <t>52627.0</t>
  </si>
  <si>
    <t>34583.0</t>
  </si>
  <si>
    <t>118.95</t>
  </si>
  <si>
    <t>41777837.0</t>
  </si>
  <si>
    <t>116643.0</t>
  </si>
  <si>
    <t>3974.772</t>
  </si>
  <si>
    <t>11.097</t>
  </si>
  <si>
    <t>89627.0</t>
  </si>
  <si>
    <t>12541381.0</t>
  </si>
  <si>
    <t>6337077.0</t>
  </si>
  <si>
    <t>6153058.0</t>
  </si>
  <si>
    <t>358578.0</t>
  </si>
  <si>
    <t>58267.0</t>
  </si>
  <si>
    <t>37567.0</t>
  </si>
  <si>
    <t>13905.0</t>
  </si>
  <si>
    <t>41849744.0</t>
  </si>
  <si>
    <t>71907.0</t>
  </si>
  <si>
    <t>3981.613</t>
  </si>
  <si>
    <t>6.841</t>
  </si>
  <si>
    <t>8.549</t>
  </si>
  <si>
    <t>12555733.0</t>
  </si>
  <si>
    <t>6343598.0</t>
  </si>
  <si>
    <t>6156127.0</t>
  </si>
  <si>
    <t>365394.0</t>
  </si>
  <si>
    <t>119.65</t>
  </si>
  <si>
    <t>41892984.0</t>
  </si>
  <si>
    <t>43240.0</t>
  </si>
  <si>
    <t>3985.727</t>
  </si>
  <si>
    <t>87065.0</t>
  </si>
  <si>
    <t>8.283</t>
  </si>
  <si>
    <t>12565235.0</t>
  </si>
  <si>
    <t>6347635.0</t>
  </si>
  <si>
    <t>6158572.0</t>
  </si>
  <si>
    <t>370054.0</t>
  </si>
  <si>
    <t>34348.4</t>
  </si>
  <si>
    <t>3273.14967900674</t>
  </si>
  <si>
    <t>41999273.0</t>
  </si>
  <si>
    <t>106289.0</t>
  </si>
  <si>
    <t>3995.84</t>
  </si>
  <si>
    <t>8.165</t>
  </si>
  <si>
    <t>12609913.0</t>
  </si>
  <si>
    <t>6363912.0</t>
  </si>
  <si>
    <t>6166216.0</t>
  </si>
  <si>
    <t>395295.0</t>
  </si>
  <si>
    <t>39104.0</t>
  </si>
  <si>
    <t>120.16</t>
  </si>
  <si>
    <t>60.64</t>
  </si>
  <si>
    <t>42108101.0</t>
  </si>
  <si>
    <t>108828.0</t>
  </si>
  <si>
    <t>4006.194</t>
  </si>
  <si>
    <t>87920.0</t>
  </si>
  <si>
    <t>8.365</t>
  </si>
  <si>
    <t>12655568.0</t>
  </si>
  <si>
    <t>6378738.0</t>
  </si>
  <si>
    <t>6173538.0</t>
  </si>
  <si>
    <t>423477.0</t>
  </si>
  <si>
    <t>42214515.0</t>
  </si>
  <si>
    <t>106414.0</t>
  </si>
  <si>
    <t>4016.318</t>
  </si>
  <si>
    <t>91494.0</t>
  </si>
  <si>
    <t>12703500.0</t>
  </si>
  <si>
    <t>6394492.0</t>
  </si>
  <si>
    <t>6180937.0</t>
  </si>
  <si>
    <t>452208.0</t>
  </si>
  <si>
    <t>47932.0</t>
  </si>
  <si>
    <t>39002.0</t>
  </si>
  <si>
    <t>42329085.0</t>
  </si>
  <si>
    <t>4027.218</t>
  </si>
  <si>
    <t>95413.0</t>
  </si>
  <si>
    <t>12751441.0</t>
  </si>
  <si>
    <t>6409980.0</t>
  </si>
  <si>
    <t>6190061.0</t>
  </si>
  <si>
    <t>479871.0</t>
  </si>
  <si>
    <t>47941.0</t>
  </si>
  <si>
    <t>38332.0</t>
  </si>
  <si>
    <t>42469021.0</t>
  </si>
  <si>
    <t>139936.0</t>
  </si>
  <si>
    <t>4040.532</t>
  </si>
  <si>
    <t>98741.0</t>
  </si>
  <si>
    <t>9.394</t>
  </si>
  <si>
    <t>12805913.0</t>
  </si>
  <si>
    <t>6429795.0</t>
  </si>
  <si>
    <t>6202874.0</t>
  </si>
  <si>
    <t>507393.0</t>
  </si>
  <si>
    <t>122.03</t>
  </si>
  <si>
    <t>42549659.0</t>
  </si>
  <si>
    <t>80638.0</t>
  </si>
  <si>
    <t>4048.204</t>
  </si>
  <si>
    <t>7.672</t>
  </si>
  <si>
    <t>99988.0</t>
  </si>
  <si>
    <t>9.513</t>
  </si>
  <si>
    <t>12819075.0</t>
  </si>
  <si>
    <t>6435194.0</t>
  </si>
  <si>
    <t>6206765.0</t>
  </si>
  <si>
    <t>513139.0</t>
  </si>
  <si>
    <t>57.176</t>
  </si>
  <si>
    <t>42602298.0</t>
  </si>
  <si>
    <t>52639.0</t>
  </si>
  <si>
    <t>4053.212</t>
  </si>
  <si>
    <t>5.008</t>
  </si>
  <si>
    <t>101331.0</t>
  </si>
  <si>
    <t>12828048.0</t>
  </si>
  <si>
    <t>6439104.0</t>
  </si>
  <si>
    <t>6209784.0</t>
  </si>
  <si>
    <t>516789.0</t>
  </si>
  <si>
    <t>37545.0</t>
  </si>
  <si>
    <t>122.24</t>
  </si>
  <si>
    <t>59.17</t>
  </si>
  <si>
    <t>13067.0</t>
  </si>
  <si>
    <t>35137.6</t>
  </si>
  <si>
    <t>3348.35462964992</t>
  </si>
  <si>
    <t>42730339.0</t>
  </si>
  <si>
    <t>128041.0</t>
  </si>
  <si>
    <t>4065.394</t>
  </si>
  <si>
    <t>12.182</t>
  </si>
  <si>
    <t>9.936</t>
  </si>
  <si>
    <t>12872123.0</t>
  </si>
  <si>
    <t>6454200.0</t>
  </si>
  <si>
    <t>6220510.0</t>
  </si>
  <si>
    <t>539348.0</t>
  </si>
  <si>
    <t>37459.0</t>
  </si>
  <si>
    <t>42877680.0</t>
  </si>
  <si>
    <t>147341.0</t>
  </si>
  <si>
    <t>4079.412</t>
  </si>
  <si>
    <t>14.018</t>
  </si>
  <si>
    <t>109940.0</t>
  </si>
  <si>
    <t>12924190.0</t>
  </si>
  <si>
    <t>6471731.0</t>
  </si>
  <si>
    <t>6232509.0</t>
  </si>
  <si>
    <t>566411.0</t>
  </si>
  <si>
    <t>52067.0</t>
  </si>
  <si>
    <t>38375.0</t>
  </si>
  <si>
    <t>13285.0</t>
  </si>
  <si>
    <t>42963594.0</t>
  </si>
  <si>
    <t>4087.586</t>
  </si>
  <si>
    <t>107011.0</t>
  </si>
  <si>
    <t>12935283.0</t>
  </si>
  <si>
    <t>6475992.0</t>
  </si>
  <si>
    <t>6236094.0</t>
  </si>
  <si>
    <t>570932.0</t>
  </si>
  <si>
    <t>33112.0</t>
  </si>
  <si>
    <t>123.26</t>
  </si>
  <si>
    <t>11643.0</t>
  </si>
  <si>
    <t>43080914.0</t>
  </si>
  <si>
    <t>117320.0</t>
  </si>
  <si>
    <t>4098.748</t>
  </si>
  <si>
    <t>11.162</t>
  </si>
  <si>
    <t>107404.0</t>
  </si>
  <si>
    <t>12987155.0</t>
  </si>
  <si>
    <t>6495409.0</t>
  </si>
  <si>
    <t>6247802.0</t>
  </si>
  <si>
    <t>596648.0</t>
  </si>
  <si>
    <t>51872.0</t>
  </si>
  <si>
    <t>33673.0</t>
  </si>
  <si>
    <t>123.76</t>
  </si>
  <si>
    <t>61.9</t>
  </si>
  <si>
    <t>43239180.0</t>
  </si>
  <si>
    <t>158266.0</t>
  </si>
  <si>
    <t>4113.805</t>
  </si>
  <si>
    <t>15.058</t>
  </si>
  <si>
    <t>110023.0</t>
  </si>
  <si>
    <t>10.468</t>
  </si>
  <si>
    <t>13048169.0</t>
  </si>
  <si>
    <t>6520033.0</t>
  </si>
  <si>
    <t>6264795.0</t>
  </si>
  <si>
    <t>622100.0</t>
  </si>
  <si>
    <t>61014.0</t>
  </si>
  <si>
    <t>124.34</t>
  </si>
  <si>
    <t>43338402.0</t>
  </si>
  <si>
    <t>99222.0</t>
  </si>
  <si>
    <t>4123.245</t>
  </si>
  <si>
    <t>112678.0</t>
  </si>
  <si>
    <t>13064989.0</t>
  </si>
  <si>
    <t>6528614.0</t>
  </si>
  <si>
    <t>6269792.0</t>
  </si>
  <si>
    <t>627688.0</t>
  </si>
  <si>
    <t>35131.0</t>
  </si>
  <si>
    <t>43400542.0</t>
  </si>
  <si>
    <t>62140.0</t>
  </si>
  <si>
    <t>4129.157</t>
  </si>
  <si>
    <t>5.912</t>
  </si>
  <si>
    <t>114035.0</t>
  </si>
  <si>
    <t>13076768.0</t>
  </si>
  <si>
    <t>6535381.0</t>
  </si>
  <si>
    <t>6273582.0</t>
  </si>
  <si>
    <t>630688.0</t>
  </si>
  <si>
    <t>11779.0</t>
  </si>
  <si>
    <t>124.61</t>
  </si>
  <si>
    <t>36040.4</t>
  </si>
  <si>
    <t>3434.38482407549</t>
  </si>
  <si>
    <t>4860.0</t>
  </si>
  <si>
    <t>43527380.0</t>
  </si>
  <si>
    <t>126838.0</t>
  </si>
  <si>
    <t>4141.225</t>
  </si>
  <si>
    <t>12.067</t>
  </si>
  <si>
    <t>10.833</t>
  </si>
  <si>
    <t>13127748.0</t>
  </si>
  <si>
    <t>6553898.0</t>
  </si>
  <si>
    <t>6287724.0</t>
  </si>
  <si>
    <t>653286.0</t>
  </si>
  <si>
    <t>36518.0</t>
  </si>
  <si>
    <t>43662611.0</t>
  </si>
  <si>
    <t>135231.0</t>
  </si>
  <si>
    <t>4154.091</t>
  </si>
  <si>
    <t>12.866</t>
  </si>
  <si>
    <t>112133.0</t>
  </si>
  <si>
    <t>10.668</t>
  </si>
  <si>
    <t>13185058.0</t>
  </si>
  <si>
    <t>6572971.0</t>
  </si>
  <si>
    <t>6301004.0</t>
  </si>
  <si>
    <t>681949.0</t>
  </si>
  <si>
    <t>57310.0</t>
  </si>
  <si>
    <t>37267.0</t>
  </si>
  <si>
    <t>14463.0</t>
  </si>
  <si>
    <t>43792392.0</t>
  </si>
  <si>
    <t>129781.0</t>
  </si>
  <si>
    <t>4166.438</t>
  </si>
  <si>
    <t>12.347</t>
  </si>
  <si>
    <t>118400.0</t>
  </si>
  <si>
    <t>11.265</t>
  </si>
  <si>
    <t>13245377.0</t>
  </si>
  <si>
    <t>6591988.0</t>
  </si>
  <si>
    <t>6316876.0</t>
  </si>
  <si>
    <t>711042.0</t>
  </si>
  <si>
    <t>60319.0</t>
  </si>
  <si>
    <t>44299.0</t>
  </si>
  <si>
    <t>126.22</t>
  </si>
  <si>
    <t>16571.0</t>
  </si>
  <si>
    <t>43929493.0</t>
  </si>
  <si>
    <t>137101.0</t>
  </si>
  <si>
    <t>4179.482</t>
  </si>
  <si>
    <t>13.044</t>
  </si>
  <si>
    <t>121226.0</t>
  </si>
  <si>
    <t>11.534</t>
  </si>
  <si>
    <t>13309569.0</t>
  </si>
  <si>
    <t>6611141.0</t>
  </si>
  <si>
    <t>6331924.0</t>
  </si>
  <si>
    <t>744509.0</t>
  </si>
  <si>
    <t>64192.0</t>
  </si>
  <si>
    <t>46059.0</t>
  </si>
  <si>
    <t>126.83</t>
  </si>
  <si>
    <t>44059227.0</t>
  </si>
  <si>
    <t>129734.0</t>
  </si>
  <si>
    <t>4191.825</t>
  </si>
  <si>
    <t>12.343</t>
  </si>
  <si>
    <t>117150.0</t>
  </si>
  <si>
    <t>11.146</t>
  </si>
  <si>
    <t>13381079.0</t>
  </si>
  <si>
    <t>6632808.0</t>
  </si>
  <si>
    <t>6351077.0</t>
  </si>
  <si>
    <t>779317.0</t>
  </si>
  <si>
    <t>47559.0</t>
  </si>
  <si>
    <t>127.51</t>
  </si>
  <si>
    <t>44141600.0</t>
  </si>
  <si>
    <t>82373.0</t>
  </si>
  <si>
    <t>4199.662</t>
  </si>
  <si>
    <t>7.837</t>
  </si>
  <si>
    <t>13400551.0</t>
  </si>
  <si>
    <t>6640291.0</t>
  </si>
  <si>
    <t>6356648.0</t>
  </si>
  <si>
    <t>787279.0</t>
  </si>
  <si>
    <t>47937.0</t>
  </si>
  <si>
    <t>611.588</t>
  </si>
  <si>
    <t>44201807.0</t>
  </si>
  <si>
    <t>4205.39</t>
  </si>
  <si>
    <t>5.728</t>
  </si>
  <si>
    <t>114466.0</t>
  </si>
  <si>
    <t>13413169.0</t>
  </si>
  <si>
    <t>6643627.0</t>
  </si>
  <si>
    <t>6359797.0</t>
  </si>
  <si>
    <t>794280.0</t>
  </si>
  <si>
    <t>48057.0</t>
  </si>
  <si>
    <t>127.82</t>
  </si>
  <si>
    <t>15464.0</t>
  </si>
  <si>
    <t>37129.6</t>
  </si>
  <si>
    <t>3538.17756639753</t>
  </si>
  <si>
    <t>93.863</t>
  </si>
  <si>
    <t>44338353.0</t>
  </si>
  <si>
    <t>136546.0</t>
  </si>
  <si>
    <t>4218.381</t>
  </si>
  <si>
    <t>115853.0</t>
  </si>
  <si>
    <t>13478788.0</t>
  </si>
  <si>
    <t>6658840.0</t>
  </si>
  <si>
    <t>6373465.0</t>
  </si>
  <si>
    <t>833325.0</t>
  </si>
  <si>
    <t>65619.0</t>
  </si>
  <si>
    <t>50149.0</t>
  </si>
  <si>
    <t>44480599.0</t>
  </si>
  <si>
    <t>142246.0</t>
  </si>
  <si>
    <t>4231.915</t>
  </si>
  <si>
    <t>13.533</t>
  </si>
  <si>
    <t>116855.0</t>
  </si>
  <si>
    <t>11.118</t>
  </si>
  <si>
    <t>13552554.0</t>
  </si>
  <si>
    <t>6672055.0</t>
  </si>
  <si>
    <t>6384712.0</t>
  </si>
  <si>
    <t>884586.0</t>
  </si>
  <si>
    <t>73766.0</t>
  </si>
  <si>
    <t>52499.0</t>
  </si>
  <si>
    <t>129.15</t>
  </si>
  <si>
    <t>44607755.0</t>
  </si>
  <si>
    <t>127156.0</t>
  </si>
  <si>
    <t>4244.013</t>
  </si>
  <si>
    <t>12.098</t>
  </si>
  <si>
    <t>116480.0</t>
  </si>
  <si>
    <t>11.082</t>
  </si>
  <si>
    <t>13641473.0</t>
  </si>
  <si>
    <t>6686115.0</t>
  </si>
  <si>
    <t>6397186.0</t>
  </si>
  <si>
    <t>948760.0</t>
  </si>
  <si>
    <t>56585.0</t>
  </si>
  <si>
    <t>129.99</t>
  </si>
  <si>
    <t>44740290.0</t>
  </si>
  <si>
    <t>132535.0</t>
  </si>
  <si>
    <t>4256.622</t>
  </si>
  <si>
    <t>12.609</t>
  </si>
  <si>
    <t>115828.0</t>
  </si>
  <si>
    <t>13736019.0</t>
  </si>
  <si>
    <t>6696773.0</t>
  </si>
  <si>
    <t>6409698.0</t>
  </si>
  <si>
    <t>1021884.0</t>
  </si>
  <si>
    <t>94546.0</t>
  </si>
  <si>
    <t>130.89</t>
  </si>
  <si>
    <t>63.82</t>
  </si>
  <si>
    <t>12233.0</t>
  </si>
  <si>
    <t>44865987.0</t>
  </si>
  <si>
    <t>4268.581</t>
  </si>
  <si>
    <t>11.959</t>
  </si>
  <si>
    <t>115251.0</t>
  </si>
  <si>
    <t>10.965</t>
  </si>
  <si>
    <t>13835119.0</t>
  </si>
  <si>
    <t>6706423.0</t>
  </si>
  <si>
    <t>6425299.0</t>
  </si>
  <si>
    <t>1097749.0</t>
  </si>
  <si>
    <t>64863.0</t>
  </si>
  <si>
    <t>131.84</t>
  </si>
  <si>
    <t>61.23</t>
  </si>
  <si>
    <t>44945295.0</t>
  </si>
  <si>
    <t>79308.0</t>
  </si>
  <si>
    <t>4276.126</t>
  </si>
  <si>
    <t>114814.0</t>
  </si>
  <si>
    <t>10.923</t>
  </si>
  <si>
    <t>13867501.0</t>
  </si>
  <si>
    <t>6708988.0</t>
  </si>
  <si>
    <t>6429267.0</t>
  </si>
  <si>
    <t>1124249.0</t>
  </si>
  <si>
    <t>66707.0</t>
  </si>
  <si>
    <t>132.15</t>
  </si>
  <si>
    <t>44993324.0</t>
  </si>
  <si>
    <t>48029.0</t>
  </si>
  <si>
    <t>4280.696</t>
  </si>
  <si>
    <t>113074.0</t>
  </si>
  <si>
    <t>10.758</t>
  </si>
  <si>
    <t>13889935.0</t>
  </si>
  <si>
    <t>6710350.0</t>
  </si>
  <si>
    <t>6431614.0</t>
  </si>
  <si>
    <t>1143307.0</t>
  </si>
  <si>
    <t>38370.8</t>
  </si>
  <si>
    <t>3656.45478983685</t>
  </si>
  <si>
    <t>45122034.0</t>
  </si>
  <si>
    <t>128710.0</t>
  </si>
  <si>
    <t>4292.941</t>
  </si>
  <si>
    <t>12.246</t>
  </si>
  <si>
    <t>111954.0</t>
  </si>
  <si>
    <t>10.651</t>
  </si>
  <si>
    <t>13975414.0</t>
  </si>
  <si>
    <t>6718508.0</t>
  </si>
  <si>
    <t>6443160.0</t>
  </si>
  <si>
    <t>1210141.0</t>
  </si>
  <si>
    <t>85479.0</t>
  </si>
  <si>
    <t>70947.0</t>
  </si>
  <si>
    <t>6761.0</t>
  </si>
  <si>
    <t>45250248.0</t>
  </si>
  <si>
    <t>128214.0</t>
  </si>
  <si>
    <t>4305.14</t>
  </si>
  <si>
    <t>12.198</t>
  </si>
  <si>
    <t>109950.0</t>
  </si>
  <si>
    <t>10.461</t>
  </si>
  <si>
    <t>14072454.0</t>
  </si>
  <si>
    <t>6726401.0</t>
  </si>
  <si>
    <t>6455178.0</t>
  </si>
  <si>
    <t>1288180.0</t>
  </si>
  <si>
    <t>97040.0</t>
  </si>
  <si>
    <t>35.925</t>
  </si>
  <si>
    <t>45364192.0</t>
  </si>
  <si>
    <t>113944.0</t>
  </si>
  <si>
    <t>4315.98</t>
  </si>
  <si>
    <t>10.841</t>
  </si>
  <si>
    <t>108062.0</t>
  </si>
  <si>
    <t>10.281</t>
  </si>
  <si>
    <t>14167689.0</t>
  </si>
  <si>
    <t>6734653.0</t>
  </si>
  <si>
    <t>6461120.0</t>
  </si>
  <si>
    <t>1370062.0</t>
  </si>
  <si>
    <t>95235.0</t>
  </si>
  <si>
    <t>75174.0</t>
  </si>
  <si>
    <t>135.01</t>
  </si>
  <si>
    <t>45481053.0</t>
  </si>
  <si>
    <t>116861.0</t>
  </si>
  <si>
    <t>4327.099</t>
  </si>
  <si>
    <t>105823.0</t>
  </si>
  <si>
    <t>14268009.0</t>
  </si>
  <si>
    <t>6741779.0</t>
  </si>
  <si>
    <t>6473957.0</t>
  </si>
  <si>
    <t>1451047.0</t>
  </si>
  <si>
    <t>100320.0</t>
  </si>
  <si>
    <t>75999.0</t>
  </si>
  <si>
    <t>45591878.0</t>
  </si>
  <si>
    <t>110825.0</t>
  </si>
  <si>
    <t>4337.643</t>
  </si>
  <si>
    <t>103699.0</t>
  </si>
  <si>
    <t>14368416.0</t>
  </si>
  <si>
    <t>6748712.0</t>
  </si>
  <si>
    <t>6491784.0</t>
  </si>
  <si>
    <t>1527533.0</t>
  </si>
  <si>
    <t>76185.0</t>
  </si>
  <si>
    <t>45661763.0</t>
  </si>
  <si>
    <t>69885.0</t>
  </si>
  <si>
    <t>4344.292</t>
  </si>
  <si>
    <t>102353.0</t>
  </si>
  <si>
    <t>9.738</t>
  </si>
  <si>
    <t>14401146.0</t>
  </si>
  <si>
    <t>6750369.0</t>
  </si>
  <si>
    <t>6497056.0</t>
  </si>
  <si>
    <t>1553577.0</t>
  </si>
  <si>
    <t>32730.0</t>
  </si>
  <si>
    <t>76235.0</t>
  </si>
  <si>
    <t>137.23</t>
  </si>
  <si>
    <t>45698478.0</t>
  </si>
  <si>
    <t>36715.0</t>
  </si>
  <si>
    <t>4347.785</t>
  </si>
  <si>
    <t>100736.0</t>
  </si>
  <si>
    <t>14422780.0</t>
  </si>
  <si>
    <t>6751682.0</t>
  </si>
  <si>
    <t>6501502.0</t>
  </si>
  <si>
    <t>1569622.0</t>
  </si>
  <si>
    <t>21634.0</t>
  </si>
  <si>
    <t>76121.0</t>
  </si>
  <si>
    <t>137.44</t>
  </si>
  <si>
    <t>39565.2</t>
  </si>
  <si>
    <t>3770.27231777427</t>
  </si>
  <si>
    <t>94.34</t>
  </si>
  <si>
    <t>45819127.0</t>
  </si>
  <si>
    <t>120649.0</t>
  </si>
  <si>
    <t>4359.263</t>
  </si>
  <si>
    <t>11.479</t>
  </si>
  <si>
    <t>99585.0</t>
  </si>
  <si>
    <t>14502737.0</t>
  </si>
  <si>
    <t>6758043.0</t>
  </si>
  <si>
    <t>6514829.0</t>
  </si>
  <si>
    <t>1630277.0</t>
  </si>
  <si>
    <t>79957.0</t>
  </si>
  <si>
    <t>75332.0</t>
  </si>
  <si>
    <t>45939285.0</t>
  </si>
  <si>
    <t>120158.0</t>
  </si>
  <si>
    <t>4370.695</t>
  </si>
  <si>
    <t>11.432</t>
  </si>
  <si>
    <t>98434.0</t>
  </si>
  <si>
    <t>9.365</t>
  </si>
  <si>
    <t>14595521.0</t>
  </si>
  <si>
    <t>6764256.0</t>
  </si>
  <si>
    <t>6528509.0</t>
  </si>
  <si>
    <t>1703679.0</t>
  </si>
  <si>
    <t>74724.0</t>
  </si>
  <si>
    <t>139.08</t>
  </si>
  <si>
    <t>32.495</t>
  </si>
  <si>
    <t>46038860.0</t>
  </si>
  <si>
    <t>99575.0</t>
  </si>
  <si>
    <t>4380.169</t>
  </si>
  <si>
    <t>96381.0</t>
  </si>
  <si>
    <t>14688643.0</t>
  </si>
  <si>
    <t>6770467.0</t>
  </si>
  <si>
    <t>6542120.0</t>
  </si>
  <si>
    <t>1777427.0</t>
  </si>
  <si>
    <t>93122.0</t>
  </si>
  <si>
    <t>74422.0</t>
  </si>
  <si>
    <t>139.97</t>
  </si>
  <si>
    <t>46147446.0</t>
  </si>
  <si>
    <t>4390.5</t>
  </si>
  <si>
    <t>10.331</t>
  </si>
  <si>
    <t>95199.0</t>
  </si>
  <si>
    <t>9.057</t>
  </si>
  <si>
    <t>14784830.0</t>
  </si>
  <si>
    <t>6777410.0</t>
  </si>
  <si>
    <t>6556969.0</t>
  </si>
  <si>
    <t>1852266.0</t>
  </si>
  <si>
    <t>96187.0</t>
  </si>
  <si>
    <t>73832.0</t>
  </si>
  <si>
    <t>46249252.0</t>
  </si>
  <si>
    <t>101806.0</t>
  </si>
  <si>
    <t>4400.186</t>
  </si>
  <si>
    <t>9.686</t>
  </si>
  <si>
    <t>93911.0</t>
  </si>
  <si>
    <t>8.935</t>
  </si>
  <si>
    <t>14884169.0</t>
  </si>
  <si>
    <t>6785777.0</t>
  </si>
  <si>
    <t>6574257.0</t>
  </si>
  <si>
    <t>1926386.0</t>
  </si>
  <si>
    <t>99339.0</t>
  </si>
  <si>
    <t>141.84</t>
  </si>
  <si>
    <t>7021.0</t>
  </si>
  <si>
    <t>46309238.0</t>
  </si>
  <si>
    <t>59986.0</t>
  </si>
  <si>
    <t>4405.893</t>
  </si>
  <si>
    <t>92496.0</t>
  </si>
  <si>
    <t>14917714.0</t>
  </si>
  <si>
    <t>6788391.0</t>
  </si>
  <si>
    <t>6579720.0</t>
  </si>
  <si>
    <t>1952041.0</t>
  </si>
  <si>
    <t>73795.0</t>
  </si>
  <si>
    <t>142.15</t>
  </si>
  <si>
    <t>46349068.0</t>
  </si>
  <si>
    <t>39830.0</t>
  </si>
  <si>
    <t>4409.682</t>
  </si>
  <si>
    <t>3.789</t>
  </si>
  <si>
    <t>92941.0</t>
  </si>
  <si>
    <t>14940060.0</t>
  </si>
  <si>
    <t>6790167.0</t>
  </si>
  <si>
    <t>6582230.0</t>
  </si>
  <si>
    <t>1970191.0</t>
  </si>
  <si>
    <t>22346.0</t>
  </si>
  <si>
    <t>73897.0</t>
  </si>
  <si>
    <t>3857.44602386699</t>
  </si>
  <si>
    <t>323.9</t>
  </si>
  <si>
    <t>46456514.0</t>
  </si>
  <si>
    <t>107446.0</t>
  </si>
  <si>
    <t>4419.905</t>
  </si>
  <si>
    <t>10.222</t>
  </si>
  <si>
    <t>91055.0</t>
  </si>
  <si>
    <t>15024932.0</t>
  </si>
  <si>
    <t>6796027.0</t>
  </si>
  <si>
    <t>6596302.0</t>
  </si>
  <si>
    <t>2035471.0</t>
  </si>
  <si>
    <t>84872.0</t>
  </si>
  <si>
    <t>74599.0</t>
  </si>
  <si>
    <t>143.18</t>
  </si>
  <si>
    <t>46561429.0</t>
  </si>
  <si>
    <t>104915.0</t>
  </si>
  <si>
    <t>4429.886</t>
  </si>
  <si>
    <t>88878.0</t>
  </si>
  <si>
    <t>8.456</t>
  </si>
  <si>
    <t>15112692.0</t>
  </si>
  <si>
    <t>6802690.0</t>
  </si>
  <si>
    <t>6608326.0</t>
  </si>
  <si>
    <t>2104881.0</t>
  </si>
  <si>
    <t>73882.0</t>
  </si>
  <si>
    <t>144.01</t>
  </si>
  <si>
    <t>46660800.0</t>
  </si>
  <si>
    <t>99371.0</t>
  </si>
  <si>
    <t>4439.341</t>
  </si>
  <si>
    <t>9.454</t>
  </si>
  <si>
    <t>88849.0</t>
  </si>
  <si>
    <t>8.453</t>
  </si>
  <si>
    <t>15188430.0</t>
  </si>
  <si>
    <t>6807742.0</t>
  </si>
  <si>
    <t>6621396.0</t>
  </si>
  <si>
    <t>2162752.0</t>
  </si>
  <si>
    <t>75738.0</t>
  </si>
  <si>
    <t>71398.0</t>
  </si>
  <si>
    <t>144.73</t>
  </si>
  <si>
    <t>46766594.0</t>
  </si>
  <si>
    <t>105794.0</t>
  </si>
  <si>
    <t>4449.406</t>
  </si>
  <si>
    <t>10.065</t>
  </si>
  <si>
    <t>88450.0</t>
  </si>
  <si>
    <t>15224283.0</t>
  </si>
  <si>
    <t>6810619.0</t>
  </si>
  <si>
    <t>6627015.0</t>
  </si>
  <si>
    <t>2190314.0</t>
  </si>
  <si>
    <t>35853.0</t>
  </si>
  <si>
    <t>62779.0</t>
  </si>
  <si>
    <t>46791952.0</t>
  </si>
  <si>
    <t>25358.0</t>
  </si>
  <si>
    <t>4451.819</t>
  </si>
  <si>
    <t>77529.0</t>
  </si>
  <si>
    <t>15224859.0</t>
  </si>
  <si>
    <t>6810666.0</t>
  </si>
  <si>
    <t>6627126.0</t>
  </si>
  <si>
    <t>2190744.0</t>
  </si>
  <si>
    <t>48670.0</t>
  </si>
  <si>
    <t>23.442</t>
  </si>
  <si>
    <t>46811008.0</t>
  </si>
  <si>
    <t>19056.0</t>
  </si>
  <si>
    <t>4453.632</t>
  </si>
  <si>
    <t>71681.0</t>
  </si>
  <si>
    <t>15224904.0</t>
  </si>
  <si>
    <t>6810669.0</t>
  </si>
  <si>
    <t>6627144.0</t>
  </si>
  <si>
    <t>2190768.0</t>
  </si>
  <si>
    <t>43884.0</t>
  </si>
  <si>
    <t>46841883.0</t>
  </si>
  <si>
    <t>30875.0</t>
  </si>
  <si>
    <t>4456.569</t>
  </si>
  <si>
    <t>70402.0</t>
  </si>
  <si>
    <t>6.698</t>
  </si>
  <si>
    <t>15226206.0</t>
  </si>
  <si>
    <t>6810772.0</t>
  </si>
  <si>
    <t>6627348.0</t>
  </si>
  <si>
    <t>2191763.0</t>
  </si>
  <si>
    <t>40878.0</t>
  </si>
  <si>
    <t>145.09</t>
  </si>
  <si>
    <t>41137.2</t>
  </si>
  <si>
    <t>3920.07234617147</t>
  </si>
  <si>
    <t>24.681</t>
  </si>
  <si>
    <t>46922278.0</t>
  </si>
  <si>
    <t>80395.0</t>
  </si>
  <si>
    <t>4464.218</t>
  </si>
  <si>
    <t>7.649</t>
  </si>
  <si>
    <t>66538.0</t>
  </si>
  <si>
    <t>15289230.0</t>
  </si>
  <si>
    <t>6814639.0</t>
  </si>
  <si>
    <t>6637101.0</t>
  </si>
  <si>
    <t>2241344.0</t>
  </si>
  <si>
    <t>46999512.0</t>
  </si>
  <si>
    <t>77234.0</t>
  </si>
  <si>
    <t>4471.566</t>
  </si>
  <si>
    <t>7.348</t>
  </si>
  <si>
    <t>62583.0</t>
  </si>
  <si>
    <t>5.954</t>
  </si>
  <si>
    <t>15360807.0</t>
  </si>
  <si>
    <t>6819883.0</t>
  </si>
  <si>
    <t>6645107.0</t>
  </si>
  <si>
    <t>2299853.0</t>
  </si>
  <si>
    <t>71577.0</t>
  </si>
  <si>
    <t>35445.0</t>
  </si>
  <si>
    <t>146.38</t>
  </si>
  <si>
    <t>47061165.0</t>
  </si>
  <si>
    <t>61653.0</t>
  </si>
  <si>
    <t>4477.432</t>
  </si>
  <si>
    <t>57195.0</t>
  </si>
  <si>
    <t>5.442</t>
  </si>
  <si>
    <t>15429324.0</t>
  </si>
  <si>
    <t>6824168.0</t>
  </si>
  <si>
    <t>6652841.0</t>
  </si>
  <si>
    <t>2356543.0</t>
  </si>
  <si>
    <t>34413.0</t>
  </si>
  <si>
    <t>147.03</t>
  </si>
  <si>
    <t>47117350.0</t>
  </si>
  <si>
    <t>56185.0</t>
  </si>
  <si>
    <t>4482.777</t>
  </si>
  <si>
    <t>5.345</t>
  </si>
  <si>
    <t>50108.0</t>
  </si>
  <si>
    <t>4.767</t>
  </si>
  <si>
    <t>15482631.0</t>
  </si>
  <si>
    <t>6828472.0</t>
  </si>
  <si>
    <t>6658282.0</t>
  </si>
  <si>
    <t>2400244.0</t>
  </si>
  <si>
    <t>53307.0</t>
  </si>
  <si>
    <t>147.54</t>
  </si>
  <si>
    <t>47161361.0</t>
  </si>
  <si>
    <t>44011.0</t>
  </si>
  <si>
    <t>4486.964</t>
  </si>
  <si>
    <t>52773.0</t>
  </si>
  <si>
    <t>15493595.0</t>
  </si>
  <si>
    <t>6828983.0</t>
  </si>
  <si>
    <t>6659714.0</t>
  </si>
  <si>
    <t>2409296.0</t>
  </si>
  <si>
    <t>10964.0</t>
  </si>
  <si>
    <t>38391.0</t>
  </si>
  <si>
    <t>47174313.0</t>
  </si>
  <si>
    <t>12952.0</t>
  </si>
  <si>
    <t>4488.197</t>
  </si>
  <si>
    <t>51901.0</t>
  </si>
  <si>
    <t>4.938</t>
  </si>
  <si>
    <t>15493657.0</t>
  </si>
  <si>
    <t>6828991.0</t>
  </si>
  <si>
    <t>6659732.0</t>
  </si>
  <si>
    <t>2409332.0</t>
  </si>
  <si>
    <t>38393.0</t>
  </si>
  <si>
    <t>220.412</t>
  </si>
  <si>
    <t>47205485.0</t>
  </si>
  <si>
    <t>31172.0</t>
  </si>
  <si>
    <t>4491.162</t>
  </si>
  <si>
    <t>15508925.0</t>
  </si>
  <si>
    <t>6829847.0</t>
  </si>
  <si>
    <t>6661113.0</t>
  </si>
  <si>
    <t>2422404.0</t>
  </si>
  <si>
    <t>15268.0</t>
  </si>
  <si>
    <t>41615.2</t>
  </si>
  <si>
    <t>3965.62222757978</t>
  </si>
  <si>
    <t>197.16</t>
  </si>
  <si>
    <t>47320872.0</t>
  </si>
  <si>
    <t>115387.0</t>
  </si>
  <si>
    <t>4502.14</t>
  </si>
  <si>
    <t>56942.0</t>
  </si>
  <si>
    <t>5.418</t>
  </si>
  <si>
    <t>15580997.0</t>
  </si>
  <si>
    <t>6833986.0</t>
  </si>
  <si>
    <t>6670026.0</t>
  </si>
  <si>
    <t>2481633.0</t>
  </si>
  <si>
    <t>72072.0</t>
  </si>
  <si>
    <t>148.48</t>
  </si>
  <si>
    <t>47418272.0</t>
  </si>
  <si>
    <t>97400.0</t>
  </si>
  <si>
    <t>4511.407</t>
  </si>
  <si>
    <t>59823.0</t>
  </si>
  <si>
    <t>15670237.0</t>
  </si>
  <si>
    <t>6839073.0</t>
  </si>
  <si>
    <t>6677790.0</t>
  </si>
  <si>
    <t>2558264.0</t>
  </si>
  <si>
    <t>89240.0</t>
  </si>
  <si>
    <t>44204.0</t>
  </si>
  <si>
    <t>149.33</t>
  </si>
  <si>
    <t>47494724.0</t>
  </si>
  <si>
    <t>76452.0</t>
  </si>
  <si>
    <t>4518.681</t>
  </si>
  <si>
    <t>61937.0</t>
  </si>
  <si>
    <t>5.893</t>
  </si>
  <si>
    <t>15764649.0</t>
  </si>
  <si>
    <t>6844899.0</t>
  </si>
  <si>
    <t>6685773.0</t>
  </si>
  <si>
    <t>2639084.0</t>
  </si>
  <si>
    <t>94412.0</t>
  </si>
  <si>
    <t>47904.0</t>
  </si>
  <si>
    <t>150.23</t>
  </si>
  <si>
    <t>47575950.0</t>
  </si>
  <si>
    <t>81226.0</t>
  </si>
  <si>
    <t>4526.409</t>
  </si>
  <si>
    <t>7.728</t>
  </si>
  <si>
    <t>65514.0</t>
  </si>
  <si>
    <t>15866534.0</t>
  </si>
  <si>
    <t>6851490.0</t>
  </si>
  <si>
    <t>6694177.0</t>
  </si>
  <si>
    <t>2726145.0</t>
  </si>
  <si>
    <t>101885.0</t>
  </si>
  <si>
    <t>47661519.0</t>
  </si>
  <si>
    <t>85569.0</t>
  </si>
  <si>
    <t>4534.55</t>
  </si>
  <si>
    <t>71451.0</t>
  </si>
  <si>
    <t>6.798</t>
  </si>
  <si>
    <t>15978388.0</t>
  </si>
  <si>
    <t>6859380.0</t>
  </si>
  <si>
    <t>6704534.0</t>
  </si>
  <si>
    <t>2820071.0</t>
  </si>
  <si>
    <t>69256.0</t>
  </si>
  <si>
    <t>47709518.0</t>
  </si>
  <si>
    <t>4539.116</t>
  </si>
  <si>
    <t>76458.0</t>
  </si>
  <si>
    <t>16012822.0</t>
  </si>
  <si>
    <t>6861858.0</t>
  </si>
  <si>
    <t>6707313.0</t>
  </si>
  <si>
    <t>2849342.0</t>
  </si>
  <si>
    <t>74166.0</t>
  </si>
  <si>
    <t>47741798.0</t>
  </si>
  <si>
    <t>32280.0</t>
  </si>
  <si>
    <t>4542.188</t>
  </si>
  <si>
    <t>76616.0</t>
  </si>
  <si>
    <t>7.289</t>
  </si>
  <si>
    <t>16032815.0</t>
  </si>
  <si>
    <t>6862941.0</t>
  </si>
  <si>
    <t>6709014.0</t>
  </si>
  <si>
    <t>2866622.0</t>
  </si>
  <si>
    <t>19993.0</t>
  </si>
  <si>
    <t>74841.0</t>
  </si>
  <si>
    <t>41730.5</t>
  </si>
  <si>
    <t>3976.60946884836</t>
  </si>
  <si>
    <t>47850988.0</t>
  </si>
  <si>
    <t>109190.0</t>
  </si>
  <si>
    <t>4552.576</t>
  </si>
  <si>
    <t>10.388</t>
  </si>
  <si>
    <t>75731.0</t>
  </si>
  <si>
    <t>16112309.0</t>
  </si>
  <si>
    <t>6867454.0</t>
  </si>
  <si>
    <t>6715211.0</t>
  </si>
  <si>
    <t>2935583.0</t>
  </si>
  <si>
    <t>79494.0</t>
  </si>
  <si>
    <t>75902.0</t>
  </si>
  <si>
    <t>153.54</t>
  </si>
  <si>
    <t>43.739</t>
  </si>
  <si>
    <t>47951626.0</t>
  </si>
  <si>
    <t>100638.0</t>
  </si>
  <si>
    <t>4562.151</t>
  </si>
  <si>
    <t>76193.0</t>
  </si>
  <si>
    <t>7.249</t>
  </si>
  <si>
    <t>16200281.0</t>
  </si>
  <si>
    <t>6872910.0</t>
  </si>
  <si>
    <t>6721972.0</t>
  </si>
  <si>
    <t>3011551.0</t>
  </si>
  <si>
    <t>75721.0</t>
  </si>
  <si>
    <t>128.74</t>
  </si>
  <si>
    <t>48037620.0</t>
  </si>
  <si>
    <t>85994.0</t>
  </si>
  <si>
    <t>4570.332</t>
  </si>
  <si>
    <t>8.182</t>
  </si>
  <si>
    <t>16287447.0</t>
  </si>
  <si>
    <t>6878872.0</t>
  </si>
  <si>
    <t>6727618.0</t>
  </si>
  <si>
    <t>3087285.0</t>
  </si>
  <si>
    <t>74685.0</t>
  </si>
  <si>
    <t>4853.0</t>
  </si>
  <si>
    <t>124.166</t>
  </si>
  <si>
    <t>48131782.0</t>
  </si>
  <si>
    <t>94162.0</t>
  </si>
  <si>
    <t>4579.291</t>
  </si>
  <si>
    <t>8.959</t>
  </si>
  <si>
    <t>7.555</t>
  </si>
  <si>
    <t>16372823.0</t>
  </si>
  <si>
    <t>6884760.0</t>
  </si>
  <si>
    <t>6732398.0</t>
  </si>
  <si>
    <t>3162209.0</t>
  </si>
  <si>
    <t>85376.0</t>
  </si>
  <si>
    <t>72327.0</t>
  </si>
  <si>
    <t>156.02</t>
  </si>
  <si>
    <t>48232656.0</t>
  </si>
  <si>
    <t>100874.0</t>
  </si>
  <si>
    <t>4588.888</t>
  </si>
  <si>
    <t>81591.0</t>
  </si>
  <si>
    <t>16465560.0</t>
  </si>
  <si>
    <t>6891064.0</t>
  </si>
  <si>
    <t>6736031.0</t>
  </si>
  <si>
    <t>3245252.0</t>
  </si>
  <si>
    <t>69596.0</t>
  </si>
  <si>
    <t>156.9</t>
  </si>
  <si>
    <t>48299923.0</t>
  </si>
  <si>
    <t>67267.0</t>
  </si>
  <si>
    <t>4595.288</t>
  </si>
  <si>
    <t>84344.0</t>
  </si>
  <si>
    <t>16490081.0</t>
  </si>
  <si>
    <t>6892343.0</t>
  </si>
  <si>
    <t>6736691.0</t>
  </si>
  <si>
    <t>3267934.0</t>
  </si>
  <si>
    <t>24521.0</t>
  </si>
  <si>
    <t>68180.0</t>
  </si>
  <si>
    <t>157.14</t>
  </si>
  <si>
    <t>48342163.0</t>
  </si>
  <si>
    <t>4599.307</t>
  </si>
  <si>
    <t>4.019</t>
  </si>
  <si>
    <t>85766.0</t>
  </si>
  <si>
    <t>16502950.0</t>
  </si>
  <si>
    <t>6893033.0</t>
  </si>
  <si>
    <t>6737130.0</t>
  </si>
  <si>
    <t>3279732.0</t>
  </si>
  <si>
    <t>157.26</t>
  </si>
  <si>
    <t>41867.6</t>
  </si>
  <si>
    <t>3989.6740896456</t>
  </si>
  <si>
    <t>174.1</t>
  </si>
  <si>
    <t>48498584.0</t>
  </si>
  <si>
    <t>156421.0</t>
  </si>
  <si>
    <t>4614.189</t>
  </si>
  <si>
    <t>14.882</t>
  </si>
  <si>
    <t>92514.0</t>
  </si>
  <si>
    <t>8.802</t>
  </si>
  <si>
    <t>16556917.0</t>
  </si>
  <si>
    <t>6896593.0</t>
  </si>
  <si>
    <t>6741093.0</t>
  </si>
  <si>
    <t>3326321.0</t>
  </si>
  <si>
    <t>53967.0</t>
  </si>
  <si>
    <t>63515.0</t>
  </si>
  <si>
    <t>157.78</t>
  </si>
  <si>
    <t>48640167.0</t>
  </si>
  <si>
    <t>141583.0</t>
  </si>
  <si>
    <t>4627.659</t>
  </si>
  <si>
    <t>98363.0</t>
  </si>
  <si>
    <t>9.358</t>
  </si>
  <si>
    <t>16614666.0</t>
  </si>
  <si>
    <t>6900449.0</t>
  </si>
  <si>
    <t>6746052.0</t>
  </si>
  <si>
    <t>3375386.0</t>
  </si>
  <si>
    <t>57749.0</t>
  </si>
  <si>
    <t>59198.0</t>
  </si>
  <si>
    <t>48763098.0</t>
  </si>
  <si>
    <t>122931.0</t>
  </si>
  <si>
    <t>4639.355</t>
  </si>
  <si>
    <t>11.696</t>
  </si>
  <si>
    <t>103640.0</t>
  </si>
  <si>
    <t>16667197.0</t>
  </si>
  <si>
    <t>6904522.0</t>
  </si>
  <si>
    <t>6749988.0</t>
  </si>
  <si>
    <t>3420064.0</t>
  </si>
  <si>
    <t>52531.0</t>
  </si>
  <si>
    <t>54250.0</t>
  </si>
  <si>
    <t>158.83</t>
  </si>
  <si>
    <t>48910807.0</t>
  </si>
  <si>
    <t>147709.0</t>
  </si>
  <si>
    <t>4653.408</t>
  </si>
  <si>
    <t>14.053</t>
  </si>
  <si>
    <t>111289.0</t>
  </si>
  <si>
    <t>10.588</t>
  </si>
  <si>
    <t>16722025.0</t>
  </si>
  <si>
    <t>6908124.0</t>
  </si>
  <si>
    <t>6754451.0</t>
  </si>
  <si>
    <t>3466957.0</t>
  </si>
  <si>
    <t>49886.0</t>
  </si>
  <si>
    <t>159.35</t>
  </si>
  <si>
    <t>49063861.0</t>
  </si>
  <si>
    <t>153054.0</t>
  </si>
  <si>
    <t>4667.97</t>
  </si>
  <si>
    <t>14.562</t>
  </si>
  <si>
    <t>118744.0</t>
  </si>
  <si>
    <t>16783883.0</t>
  </si>
  <si>
    <t>6912128.0</t>
  </si>
  <si>
    <t>6756984.0</t>
  </si>
  <si>
    <t>3522448.0</t>
  </si>
  <si>
    <t>61858.0</t>
  </si>
  <si>
    <t>45475.0</t>
  </si>
  <si>
    <t>49158718.0</t>
  </si>
  <si>
    <t>4676.994</t>
  </si>
  <si>
    <t>122685.0</t>
  </si>
  <si>
    <t>11.672</t>
  </si>
  <si>
    <t>16794845.0</t>
  </si>
  <si>
    <t>6912909.0</t>
  </si>
  <si>
    <t>6757428.0</t>
  </si>
  <si>
    <t>3532243.0</t>
  </si>
  <si>
    <t>43538.0</t>
  </si>
  <si>
    <t>160.04</t>
  </si>
  <si>
    <t>49219396.0</t>
  </si>
  <si>
    <t>60678.0</t>
  </si>
  <si>
    <t>4682.767</t>
  </si>
  <si>
    <t>125319.0</t>
  </si>
  <si>
    <t>16801378.0</t>
  </si>
  <si>
    <t>6913471.0</t>
  </si>
  <si>
    <t>6758063.0</t>
  </si>
  <si>
    <t>3537614.0</t>
  </si>
  <si>
    <t>42633.0</t>
  </si>
  <si>
    <t>41765.3</t>
  </si>
  <si>
    <t>3979.92565268311</t>
  </si>
  <si>
    <t>182.39</t>
  </si>
  <si>
    <t>49399790.0</t>
  </si>
  <si>
    <t>180394.0</t>
  </si>
  <si>
    <t>4699.93</t>
  </si>
  <si>
    <t>17.163</t>
  </si>
  <si>
    <t>128744.0</t>
  </si>
  <si>
    <t>12.249</t>
  </si>
  <si>
    <t>16839460.0</t>
  </si>
  <si>
    <t>6915751.0</t>
  </si>
  <si>
    <t>6761502.0</t>
  </si>
  <si>
    <t>3570079.0</t>
  </si>
  <si>
    <t>40363.0</t>
  </si>
  <si>
    <t>194.111</t>
  </si>
  <si>
    <t>49577366.0</t>
  </si>
  <si>
    <t>177576.0</t>
  </si>
  <si>
    <t>4716.825</t>
  </si>
  <si>
    <t>16.895</t>
  </si>
  <si>
    <t>133886.0</t>
  </si>
  <si>
    <t>12.738</t>
  </si>
  <si>
    <t>16876799.0</t>
  </si>
  <si>
    <t>6918112.0</t>
  </si>
  <si>
    <t>6765500.0</t>
  </si>
  <si>
    <t>3601187.0</t>
  </si>
  <si>
    <t>49743775.0</t>
  </si>
  <si>
    <t>4732.657</t>
  </si>
  <si>
    <t>15.832</t>
  </si>
  <si>
    <t>140097.0</t>
  </si>
  <si>
    <t>13.329</t>
  </si>
  <si>
    <t>16916391.0</t>
  </si>
  <si>
    <t>6920498.0</t>
  </si>
  <si>
    <t>6770071.0</t>
  </si>
  <si>
    <t>3633902.0</t>
  </si>
  <si>
    <t>39592.0</t>
  </si>
  <si>
    <t>161.2</t>
  </si>
  <si>
    <t>210.12</t>
  </si>
  <si>
    <t>49922841.0</t>
  </si>
  <si>
    <t>179066.0</t>
  </si>
  <si>
    <t>4749.694</t>
  </si>
  <si>
    <t>17.036</t>
  </si>
  <si>
    <t>144576.0</t>
  </si>
  <si>
    <t>13.755</t>
  </si>
  <si>
    <t>16956252.0</t>
  </si>
  <si>
    <t>6922826.0</t>
  </si>
  <si>
    <t>6774888.0</t>
  </si>
  <si>
    <t>3666703.0</t>
  </si>
  <si>
    <t>33461.0</t>
  </si>
  <si>
    <t>227.464</t>
  </si>
  <si>
    <t>50108948.0</t>
  </si>
  <si>
    <t>186107.0</t>
  </si>
  <si>
    <t>4767.4</t>
  </si>
  <si>
    <t>17.706</t>
  </si>
  <si>
    <t>149298.0</t>
  </si>
  <si>
    <t>14.204</t>
  </si>
  <si>
    <t>17012776.0</t>
  </si>
  <si>
    <t>6925745.0</t>
  </si>
  <si>
    <t>6781056.0</t>
  </si>
  <si>
    <t>3714274.0</t>
  </si>
  <si>
    <t>32699.0</t>
  </si>
  <si>
    <t>263.198</t>
  </si>
  <si>
    <t>50219302.0</t>
  </si>
  <si>
    <t>4777.899</t>
  </si>
  <si>
    <t>10.499</t>
  </si>
  <si>
    <t>151512.0</t>
  </si>
  <si>
    <t>14.415</t>
  </si>
  <si>
    <t>17024842.0</t>
  </si>
  <si>
    <t>6926349.0</t>
  </si>
  <si>
    <t>6782708.0</t>
  </si>
  <si>
    <t>3724122.0</t>
  </si>
  <si>
    <t>32857.0</t>
  </si>
  <si>
    <t>226.796</t>
  </si>
  <si>
    <t>50290247.0</t>
  </si>
  <si>
    <t>70945.0</t>
  </si>
  <si>
    <t>4784.649</t>
  </si>
  <si>
    <t>152979.0</t>
  </si>
  <si>
    <t>14.555</t>
  </si>
  <si>
    <t>17029671.0</t>
  </si>
  <si>
    <t>6926578.0</t>
  </si>
  <si>
    <t>6783492.0</t>
  </si>
  <si>
    <t>3727969.0</t>
  </si>
  <si>
    <t>32613.0</t>
  </si>
  <si>
    <t>41677.8</t>
  </si>
  <si>
    <t>-3.56</t>
  </si>
  <si>
    <t>3971.58754677677</t>
  </si>
  <si>
    <t>50465606.0</t>
  </si>
  <si>
    <t>175359.0</t>
  </si>
  <si>
    <t>4801.333</t>
  </si>
  <si>
    <t>16.684</t>
  </si>
  <si>
    <t>152259.0</t>
  </si>
  <si>
    <t>14.486</t>
  </si>
  <si>
    <t>17059913.0</t>
  </si>
  <si>
    <t>6928122.0</t>
  </si>
  <si>
    <t>6787429.0</t>
  </si>
  <si>
    <t>3752810.0</t>
  </si>
  <si>
    <t>30242.0</t>
  </si>
  <si>
    <t>31493.0</t>
  </si>
  <si>
    <t>162.57</t>
  </si>
  <si>
    <t>50650964.0</t>
  </si>
  <si>
    <t>185358.0</t>
  </si>
  <si>
    <t>4818.968</t>
  </si>
  <si>
    <t>153371.0</t>
  </si>
  <si>
    <t>14.592</t>
  </si>
  <si>
    <t>17086013.0</t>
  </si>
  <si>
    <t>6929719.0</t>
  </si>
  <si>
    <t>6791466.0</t>
  </si>
  <si>
    <t>3773352.0</t>
  </si>
  <si>
    <t>29888.0</t>
  </si>
  <si>
    <t>50806160.0</t>
  </si>
  <si>
    <t>155196.0</t>
  </si>
  <si>
    <t>4833.733</t>
  </si>
  <si>
    <t>14.765</t>
  </si>
  <si>
    <t>151769.0</t>
  </si>
  <si>
    <t>14.439</t>
  </si>
  <si>
    <t>17112283.0</t>
  </si>
  <si>
    <t>6931287.0</t>
  </si>
  <si>
    <t>6795986.0</t>
  </si>
  <si>
    <t>3793590.0</t>
  </si>
  <si>
    <t>27985.0</t>
  </si>
  <si>
    <t>163.07</t>
  </si>
  <si>
    <t>50976064.0</t>
  </si>
  <si>
    <t>169904.0</t>
  </si>
  <si>
    <t>4849.898</t>
  </si>
  <si>
    <t>16.165</t>
  </si>
  <si>
    <t>14.315</t>
  </si>
  <si>
    <t>17138746.0</t>
  </si>
  <si>
    <t>6932665.0</t>
  </si>
  <si>
    <t>6800472.0</t>
  </si>
  <si>
    <t>3814251.0</t>
  </si>
  <si>
    <t>51123543.0</t>
  </si>
  <si>
    <t>147479.0</t>
  </si>
  <si>
    <t>4863.929</t>
  </si>
  <si>
    <t>14.031</t>
  </si>
  <si>
    <t>144942.0</t>
  </si>
  <si>
    <t>17175160.0</t>
  </si>
  <si>
    <t>6934271.0</t>
  </si>
  <si>
    <t>6805589.0</t>
  </si>
  <si>
    <t>3844008.0</t>
  </si>
  <si>
    <t>36414.0</t>
  </si>
  <si>
    <t>23198.0</t>
  </si>
  <si>
    <t>163.67</t>
  </si>
  <si>
    <t>51202373.0</t>
  </si>
  <si>
    <t>78830.0</t>
  </si>
  <si>
    <t>4871.429</t>
  </si>
  <si>
    <t>140439.0</t>
  </si>
  <si>
    <t>13.361</t>
  </si>
  <si>
    <t>17180839.0</t>
  </si>
  <si>
    <t>6934445.0</t>
  </si>
  <si>
    <t>6806201.0</t>
  </si>
  <si>
    <t>3848915.0</t>
  </si>
  <si>
    <t>163.72</t>
  </si>
  <si>
    <t>51249232.0</t>
  </si>
  <si>
    <t>46859.0</t>
  </si>
  <si>
    <t>4875.887</t>
  </si>
  <si>
    <t>136998.0</t>
  </si>
  <si>
    <t>13.034</t>
  </si>
  <si>
    <t>17183135.0</t>
  </si>
  <si>
    <t>6934541.0</t>
  </si>
  <si>
    <t>6806521.0</t>
  </si>
  <si>
    <t>3850801.0</t>
  </si>
  <si>
    <t>163.74</t>
  </si>
  <si>
    <t>41827.9</t>
  </si>
  <si>
    <t>3985.89097188009</t>
  </si>
  <si>
    <t>51399810.0</t>
  </si>
  <si>
    <t>150578.0</t>
  </si>
  <si>
    <t>4890.213</t>
  </si>
  <si>
    <t>14.326</t>
  </si>
  <si>
    <t>17199606.0</t>
  </si>
  <si>
    <t>6935248.0</t>
  </si>
  <si>
    <t>6809735.0</t>
  </si>
  <si>
    <t>3863390.0</t>
  </si>
  <si>
    <t>51536579.0</t>
  </si>
  <si>
    <t>136769.0</t>
  </si>
  <si>
    <t>4903.226</t>
  </si>
  <si>
    <t>13.012</t>
  </si>
  <si>
    <t>126516.0</t>
  </si>
  <si>
    <t>12.037</t>
  </si>
  <si>
    <t>17215668.0</t>
  </si>
  <si>
    <t>6936045.0</t>
  </si>
  <si>
    <t>6812932.0</t>
  </si>
  <si>
    <t>3875502.0</t>
  </si>
  <si>
    <t>18522.0</t>
  </si>
  <si>
    <t>51641131.0</t>
  </si>
  <si>
    <t>104552.0</t>
  </si>
  <si>
    <t>4913.173</t>
  </si>
  <si>
    <t>119282.0</t>
  </si>
  <si>
    <t>11.349</t>
  </si>
  <si>
    <t>17231767.0</t>
  </si>
  <si>
    <t>6936867.0</t>
  </si>
  <si>
    <t>6816310.0</t>
  </si>
  <si>
    <t>3887477.0</t>
  </si>
  <si>
    <t>164.21</t>
  </si>
  <si>
    <t>51758020.0</t>
  </si>
  <si>
    <t>116889.0</t>
  </si>
  <si>
    <t>4924.294</t>
  </si>
  <si>
    <t>11.121</t>
  </si>
  <si>
    <t>111708.0</t>
  </si>
  <si>
    <t>10.628</t>
  </si>
  <si>
    <t>17247840.0</t>
  </si>
  <si>
    <t>6937680.0</t>
  </si>
  <si>
    <t>6819446.0</t>
  </si>
  <si>
    <t>3899627.0</t>
  </si>
  <si>
    <t>51862607.0</t>
  </si>
  <si>
    <t>104587.0</t>
  </si>
  <si>
    <t>4934.244</t>
  </si>
  <si>
    <t>105581.0</t>
  </si>
  <si>
    <t>17271605.0</t>
  </si>
  <si>
    <t>6938635.0</t>
  </si>
  <si>
    <t>6823369.0</t>
  </si>
  <si>
    <t>3918561.0</t>
  </si>
  <si>
    <t>51913058.0</t>
  </si>
  <si>
    <t>4939.044</t>
  </si>
  <si>
    <t>101526.0</t>
  </si>
  <si>
    <t>9.659</t>
  </si>
  <si>
    <t>17274495.0</t>
  </si>
  <si>
    <t>6938749.0</t>
  </si>
  <si>
    <t>6823793.0</t>
  </si>
  <si>
    <t>3920925.0</t>
  </si>
  <si>
    <t>164.61</t>
  </si>
  <si>
    <t>51946710.0</t>
  </si>
  <si>
    <t>33652.0</t>
  </si>
  <si>
    <t>4942.246</t>
  </si>
  <si>
    <t>3.202</t>
  </si>
  <si>
    <t>99640.0</t>
  </si>
  <si>
    <t>17276398.0</t>
  </si>
  <si>
    <t>6938787.0</t>
  </si>
  <si>
    <t>6824232.0</t>
  </si>
  <si>
    <t>3922357.0</t>
  </si>
  <si>
    <t>164.63</t>
  </si>
  <si>
    <t>41964.2</t>
  </si>
  <si>
    <t>3998.87935856619</t>
  </si>
  <si>
    <t>52067270.0</t>
  </si>
  <si>
    <t>120560.0</t>
  </si>
  <si>
    <t>4953.716</t>
  </si>
  <si>
    <t>9.072</t>
  </si>
  <si>
    <t>17287037.0</t>
  </si>
  <si>
    <t>6939249.0</t>
  </si>
  <si>
    <t>6826348.0</t>
  </si>
  <si>
    <t>3930448.0</t>
  </si>
  <si>
    <t>12490.0</t>
  </si>
  <si>
    <t>164.73</t>
  </si>
  <si>
    <t>52172649.0</t>
  </si>
  <si>
    <t>105379.0</t>
  </si>
  <si>
    <t>4963.742</t>
  </si>
  <si>
    <t>10.026</t>
  </si>
  <si>
    <t>90867.0</t>
  </si>
  <si>
    <t>8.645</t>
  </si>
  <si>
    <t>17297133.0</t>
  </si>
  <si>
    <t>6939803.0</t>
  </si>
  <si>
    <t>6828560.0</t>
  </si>
  <si>
    <t>3937826.0</t>
  </si>
  <si>
    <t>10096.0</t>
  </si>
  <si>
    <t>164.83</t>
  </si>
  <si>
    <t>37.926</t>
  </si>
  <si>
    <t>52246649.0</t>
  </si>
  <si>
    <t>4970.782</t>
  </si>
  <si>
    <t>86503.0</t>
  </si>
  <si>
    <t>17307806.0</t>
  </si>
  <si>
    <t>6940400.0</t>
  </si>
  <si>
    <t>6830662.0</t>
  </si>
  <si>
    <t>3945821.0</t>
  </si>
  <si>
    <t>52334224.0</t>
  </si>
  <si>
    <t>87575.0</t>
  </si>
  <si>
    <t>4979.114</t>
  </si>
  <si>
    <t>8.332</t>
  </si>
  <si>
    <t>82315.0</t>
  </si>
  <si>
    <t>17319094.0</t>
  </si>
  <si>
    <t>6940999.0</t>
  </si>
  <si>
    <t>6833007.0</t>
  </si>
  <si>
    <t>3954188.0</t>
  </si>
  <si>
    <t>165.04</t>
  </si>
  <si>
    <t>52410784.0</t>
  </si>
  <si>
    <t>4986.398</t>
  </si>
  <si>
    <t>7.284</t>
  </si>
  <si>
    <t>78311.0</t>
  </si>
  <si>
    <t>17336587.0</t>
  </si>
  <si>
    <t>6941644.0</t>
  </si>
  <si>
    <t>6836064.0</t>
  </si>
  <si>
    <t>3968000.0</t>
  </si>
  <si>
    <t>37.81</t>
  </si>
  <si>
    <t>52448808.0</t>
  </si>
  <si>
    <t>38024.0</t>
  </si>
  <si>
    <t>4990.016</t>
  </si>
  <si>
    <t>7.282</t>
  </si>
  <si>
    <t>17338901.0</t>
  </si>
  <si>
    <t>6941725.0</t>
  </si>
  <si>
    <t>6836348.0</t>
  </si>
  <si>
    <t>3969955.0</t>
  </si>
  <si>
    <t>52473042.0</t>
  </si>
  <si>
    <t>24234.0</t>
  </si>
  <si>
    <t>4992.321</t>
  </si>
  <si>
    <t>75190.0</t>
  </si>
  <si>
    <t>7.154</t>
  </si>
  <si>
    <t>17339829.0</t>
  </si>
  <si>
    <t>6941766.0</t>
  </si>
  <si>
    <t>6836498.0</t>
  </si>
  <si>
    <t>3970696.0</t>
  </si>
  <si>
    <t>9062.0</t>
  </si>
  <si>
    <t>165.24</t>
  </si>
  <si>
    <t>42005.9</t>
  </si>
  <si>
    <t>4002.85306160955</t>
  </si>
  <si>
    <t>52539869.0</t>
  </si>
  <si>
    <t>66827.0</t>
  </si>
  <si>
    <t>4998.679</t>
  </si>
  <si>
    <t>67514.0</t>
  </si>
  <si>
    <t>17347752.0</t>
  </si>
  <si>
    <t>6942133.0</t>
  </si>
  <si>
    <t>6838202.0</t>
  </si>
  <si>
    <t>3976598.0</t>
  </si>
  <si>
    <t>165.31</t>
  </si>
  <si>
    <t>65.16</t>
  </si>
  <si>
    <t>52597319.0</t>
  </si>
  <si>
    <t>57450.0</t>
  </si>
  <si>
    <t>5004.145</t>
  </si>
  <si>
    <t>5.466</t>
  </si>
  <si>
    <t>60667.0</t>
  </si>
  <si>
    <t>17355429.0</t>
  </si>
  <si>
    <t>6942527.0</t>
  </si>
  <si>
    <t>6839904.0</t>
  </si>
  <si>
    <t>3982199.0</t>
  </si>
  <si>
    <t>165.38</t>
  </si>
  <si>
    <t>52646482.0</t>
  </si>
  <si>
    <t>49163.0</t>
  </si>
  <si>
    <t>5008.823</t>
  </si>
  <si>
    <t>57119.0</t>
  </si>
  <si>
    <t>17363269.0</t>
  </si>
  <si>
    <t>6942986.0</t>
  </si>
  <si>
    <t>6841547.0</t>
  </si>
  <si>
    <t>3987977.0</t>
  </si>
  <si>
    <t>7840.0</t>
  </si>
  <si>
    <t>165.46</t>
  </si>
  <si>
    <t>52697180.0</t>
  </si>
  <si>
    <t>5013.646</t>
  </si>
  <si>
    <t>51851.0</t>
  </si>
  <si>
    <t>17371387.0</t>
  </si>
  <si>
    <t>6943395.0</t>
  </si>
  <si>
    <t>6843179.0</t>
  </si>
  <si>
    <t>3994074.0</t>
  </si>
  <si>
    <t>165.54</t>
  </si>
  <si>
    <t>52744597.0</t>
  </si>
  <si>
    <t>47417.0</t>
  </si>
  <si>
    <t>5018.157</t>
  </si>
  <si>
    <t>47688.0</t>
  </si>
  <si>
    <t>4.537</t>
  </si>
  <si>
    <t>17385149.0</t>
  </si>
  <si>
    <t>6943977.0</t>
  </si>
  <si>
    <t>6845268.0</t>
  </si>
  <si>
    <t>4005196.0</t>
  </si>
  <si>
    <t>165.67</t>
  </si>
  <si>
    <t>317.134</t>
  </si>
  <si>
    <t>52770549.0</t>
  </si>
  <si>
    <t>25952.0</t>
  </si>
  <si>
    <t>5020.626</t>
  </si>
  <si>
    <t>17387003.0</t>
  </si>
  <si>
    <t>6944037.0</t>
  </si>
  <si>
    <t>6845429.0</t>
  </si>
  <si>
    <t>4006834.0</t>
  </si>
  <si>
    <t>165.69</t>
  </si>
  <si>
    <t>38.18</t>
  </si>
  <si>
    <t>52789411.0</t>
  </si>
  <si>
    <t>18862.0</t>
  </si>
  <si>
    <t>5022.421</t>
  </si>
  <si>
    <t>45196.0</t>
  </si>
  <si>
    <t>17387727.0</t>
  </si>
  <si>
    <t>6944068.0</t>
  </si>
  <si>
    <t>6845506.0</t>
  </si>
  <si>
    <t>4007454.0</t>
  </si>
  <si>
    <t>41927.6</t>
  </si>
  <si>
    <t>-3.04</t>
  </si>
  <si>
    <t>3995.39164798137</t>
  </si>
  <si>
    <t>52847261.0</t>
  </si>
  <si>
    <t>5027.925</t>
  </si>
  <si>
    <t>43913.0</t>
  </si>
  <si>
    <t>4.178</t>
  </si>
  <si>
    <t>17393656.0</t>
  </si>
  <si>
    <t>6944315.0</t>
  </si>
  <si>
    <t>6846485.0</t>
  </si>
  <si>
    <t>4012184.0</t>
  </si>
  <si>
    <t>5929.0</t>
  </si>
  <si>
    <t>6558.0</t>
  </si>
  <si>
    <t>165.75</t>
  </si>
  <si>
    <t>288.546</t>
  </si>
  <si>
    <t>52893186.0</t>
  </si>
  <si>
    <t>45925.0</t>
  </si>
  <si>
    <t>5032.294</t>
  </si>
  <si>
    <t>42267.0</t>
  </si>
  <si>
    <t>4.021</t>
  </si>
  <si>
    <t>17397706.0</t>
  </si>
  <si>
    <t>6944624.0</t>
  </si>
  <si>
    <t>6847271.0</t>
  </si>
  <si>
    <t>4015162.0</t>
  </si>
  <si>
    <t>52930831.0</t>
  </si>
  <si>
    <t>37645.0</t>
  </si>
  <si>
    <t>5035.876</t>
  </si>
  <si>
    <t>40621.0</t>
  </si>
  <si>
    <t>17402767.0</t>
  </si>
  <si>
    <t>6944997.0</t>
  </si>
  <si>
    <t>6848180.0</t>
  </si>
  <si>
    <t>4018958.0</t>
  </si>
  <si>
    <t>165.84</t>
  </si>
  <si>
    <t>65.26</t>
  </si>
  <si>
    <t>52969905.0</t>
  </si>
  <si>
    <t>39074.0</t>
  </si>
  <si>
    <t>5039.593</t>
  </si>
  <si>
    <t>38961.0</t>
  </si>
  <si>
    <t>17407739.0</t>
  </si>
  <si>
    <t>6945334.0</t>
  </si>
  <si>
    <t>6849123.0</t>
  </si>
  <si>
    <t>4022663.0</t>
  </si>
  <si>
    <t>53009958.0</t>
  </si>
  <si>
    <t>5043.404</t>
  </si>
  <si>
    <t>3.607</t>
  </si>
  <si>
    <t>17416784.0</t>
  </si>
  <si>
    <t>6945969.0</t>
  </si>
  <si>
    <t>6850345.0</t>
  </si>
  <si>
    <t>4029883.0</t>
  </si>
  <si>
    <t>66.19</t>
  </si>
  <si>
    <t>53030921.0</t>
  </si>
  <si>
    <t>5045.398</t>
  </si>
  <si>
    <t>17417575.0</t>
  </si>
  <si>
    <t>6946050.0</t>
  </si>
  <si>
    <t>6850438.0</t>
  </si>
  <si>
    <t>4030502.0</t>
  </si>
  <si>
    <t>165.98</t>
  </si>
  <si>
    <t>215.647</t>
  </si>
  <si>
    <t>53045448.0</t>
  </si>
  <si>
    <t>5046.78</t>
  </si>
  <si>
    <t>17417803.0</t>
  </si>
  <si>
    <t>6946063.0</t>
  </si>
  <si>
    <t>6850456.0</t>
  </si>
  <si>
    <t>4030699.0</t>
  </si>
  <si>
    <t>41794.5</t>
  </si>
  <si>
    <t>-5.25</t>
  </si>
  <si>
    <t>3982.70819773985</t>
  </si>
  <si>
    <t>53092432.0</t>
  </si>
  <si>
    <t>5051.251</t>
  </si>
  <si>
    <t>35024.0</t>
  </si>
  <si>
    <t>17421406.0</t>
  </si>
  <si>
    <t>6946399.0</t>
  </si>
  <si>
    <t>6851015.0</t>
  </si>
  <si>
    <t>4033439.0</t>
  </si>
  <si>
    <t>166.01</t>
  </si>
  <si>
    <t>53131979.0</t>
  </si>
  <si>
    <t>39547.0</t>
  </si>
  <si>
    <t>5055.013</t>
  </si>
  <si>
    <t>34113.0</t>
  </si>
  <si>
    <t>3.246</t>
  </si>
  <si>
    <t>17424794.0</t>
  </si>
  <si>
    <t>6946734.0</t>
  </si>
  <si>
    <t>6851558.0</t>
  </si>
  <si>
    <t>4035973.0</t>
  </si>
  <si>
    <t>166.05</t>
  </si>
  <si>
    <t>53168240.0</t>
  </si>
  <si>
    <t>5058.463</t>
  </si>
  <si>
    <t>33916.0</t>
  </si>
  <si>
    <t>17429074.0</t>
  </si>
  <si>
    <t>6947123.0</t>
  </si>
  <si>
    <t>6852155.0</t>
  </si>
  <si>
    <t>4039272.0</t>
  </si>
  <si>
    <t>166.09</t>
  </si>
  <si>
    <t>245.283</t>
  </si>
  <si>
    <t>53204770.0</t>
  </si>
  <si>
    <t>36530.0</t>
  </si>
  <si>
    <t>5061.938</t>
  </si>
  <si>
    <t>33552.0</t>
  </si>
  <si>
    <t>17433259.0</t>
  </si>
  <si>
    <t>6947536.0</t>
  </si>
  <si>
    <t>6852833.0</t>
  </si>
  <si>
    <t>4042376.0</t>
  </si>
  <si>
    <t>166.13</t>
  </si>
  <si>
    <t>53241372.0</t>
  </si>
  <si>
    <t>36602.0</t>
  </si>
  <si>
    <t>5065.421</t>
  </si>
  <si>
    <t>33059.0</t>
  </si>
  <si>
    <t>17441239.0</t>
  </si>
  <si>
    <t>6948287.0</t>
  </si>
  <si>
    <t>6853744.0</t>
  </si>
  <si>
    <t>4048721.0</t>
  </si>
  <si>
    <t>7980.0</t>
  </si>
  <si>
    <t>166.2</t>
  </si>
  <si>
    <t>53260736.0</t>
  </si>
  <si>
    <t>19364.0</t>
  </si>
  <si>
    <t>5067.263</t>
  </si>
  <si>
    <t>17442305.0</t>
  </si>
  <si>
    <t>6948360.0</t>
  </si>
  <si>
    <t>6853849.0</t>
  </si>
  <si>
    <t>4049616.0</t>
  </si>
  <si>
    <t>166.21</t>
  </si>
  <si>
    <t>53273738.0</t>
  </si>
  <si>
    <t>5068.5</t>
  </si>
  <si>
    <t>17442528.0</t>
  </si>
  <si>
    <t>6948374.0</t>
  </si>
  <si>
    <t>6853872.0</t>
  </si>
  <si>
    <t>4049803.0</t>
  </si>
  <si>
    <t>41690.2</t>
  </si>
  <si>
    <t>3972.7691754995</t>
  </si>
  <si>
    <t>53315257.0</t>
  </si>
  <si>
    <t>41519.0</t>
  </si>
  <si>
    <t>5072.45</t>
  </si>
  <si>
    <t>17445927.0</t>
  </si>
  <si>
    <t>6948641.0</t>
  </si>
  <si>
    <t>6854258.0</t>
  </si>
  <si>
    <t>4052567.0</t>
  </si>
  <si>
    <t>166.25</t>
  </si>
  <si>
    <t>65.32</t>
  </si>
  <si>
    <t>53351421.0</t>
  </si>
  <si>
    <t>36164.0</t>
  </si>
  <si>
    <t>5075.891</t>
  </si>
  <si>
    <t>31349.0</t>
  </si>
  <si>
    <t>17449262.0</t>
  </si>
  <si>
    <t>6948927.0</t>
  </si>
  <si>
    <t>6854695.0</t>
  </si>
  <si>
    <t>4055190.0</t>
  </si>
  <si>
    <t>53383724.0</t>
  </si>
  <si>
    <t>5078.964</t>
  </si>
  <si>
    <t>30783.0</t>
  </si>
  <si>
    <t>2.929</t>
  </si>
  <si>
    <t>17453033.0</t>
  </si>
  <si>
    <t>6949248.0</t>
  </si>
  <si>
    <t>6855240.0</t>
  </si>
  <si>
    <t>4058111.0</t>
  </si>
  <si>
    <t>53415613.0</t>
  </si>
  <si>
    <t>31889.0</t>
  </si>
  <si>
    <t>5081.998</t>
  </si>
  <si>
    <t>30120.0</t>
  </si>
  <si>
    <t>17456849.0</t>
  </si>
  <si>
    <t>6949544.0</t>
  </si>
  <si>
    <t>6855672.0</t>
  </si>
  <si>
    <t>4061206.0</t>
  </si>
  <si>
    <t>166.35</t>
  </si>
  <si>
    <t>53448282.0</t>
  </si>
  <si>
    <t>32669.0</t>
  </si>
  <si>
    <t>5085.106</t>
  </si>
  <si>
    <t>17465048.0</t>
  </si>
  <si>
    <t>6950242.0</t>
  </si>
  <si>
    <t>6856472.0</t>
  </si>
  <si>
    <t>4067931.0</t>
  </si>
  <si>
    <t>166.43</t>
  </si>
  <si>
    <t>53464574.0</t>
  </si>
  <si>
    <t>5086.656</t>
  </si>
  <si>
    <t>17465596.0</t>
  </si>
  <si>
    <t>6950298.0</t>
  </si>
  <si>
    <t>6856517.0</t>
  </si>
  <si>
    <t>4068378.0</t>
  </si>
  <si>
    <t>53476651.0</t>
  </si>
  <si>
    <t>5087.805</t>
  </si>
  <si>
    <t>17465807.0</t>
  </si>
  <si>
    <t>6950316.0</t>
  </si>
  <si>
    <t>6856530.0</t>
  </si>
  <si>
    <t>4068558.0</t>
  </si>
  <si>
    <t>166.44</t>
  </si>
  <si>
    <t>41586.1</t>
  </si>
  <si>
    <t>3962.84921178694</t>
  </si>
  <si>
    <t>53515034.0</t>
  </si>
  <si>
    <t>38383.0</t>
  </si>
  <si>
    <t>5091.457</t>
  </si>
  <si>
    <t>28540.0</t>
  </si>
  <si>
    <t>17468779.0</t>
  </si>
  <si>
    <t>6950505.0</t>
  </si>
  <si>
    <t>6856857.0</t>
  </si>
  <si>
    <t>4071025.0</t>
  </si>
  <si>
    <t>166.46</t>
  </si>
  <si>
    <t>53550073.0</t>
  </si>
  <si>
    <t>5094.791</t>
  </si>
  <si>
    <t>28379.0</t>
  </si>
  <si>
    <t>17471676.0</t>
  </si>
  <si>
    <t>6950751.0</t>
  </si>
  <si>
    <t>6857260.0</t>
  </si>
  <si>
    <t>4073285.0</t>
  </si>
  <si>
    <t>166.49</t>
  </si>
  <si>
    <t>18.868</t>
  </si>
  <si>
    <t>53582068.0</t>
  </si>
  <si>
    <t>31995.0</t>
  </si>
  <si>
    <t>5097.835</t>
  </si>
  <si>
    <t>28335.0</t>
  </si>
  <si>
    <t>17475259.0</t>
  </si>
  <si>
    <t>6951089.0</t>
  </si>
  <si>
    <t>6857700.0</t>
  </si>
  <si>
    <t>4076118.0</t>
  </si>
  <si>
    <t>166.53</t>
  </si>
  <si>
    <t>19.44</t>
  </si>
  <si>
    <t>53613317.0</t>
  </si>
  <si>
    <t>5100.808</t>
  </si>
  <si>
    <t>28243.0</t>
  </si>
  <si>
    <t>17479200.0</t>
  </si>
  <si>
    <t>6951401.0</t>
  </si>
  <si>
    <t>6858173.0</t>
  </si>
  <si>
    <t>4079277.0</t>
  </si>
  <si>
    <t>166.56</t>
  </si>
  <si>
    <t>53644446.0</t>
  </si>
  <si>
    <t>5103.77</t>
  </si>
  <si>
    <t>17487066.0</t>
  </si>
  <si>
    <t>6951899.0</t>
  </si>
  <si>
    <t>6858986.0</t>
  </si>
  <si>
    <t>4085861.0</t>
  </si>
  <si>
    <t>53658906.0</t>
  </si>
  <si>
    <t>5105.145</t>
  </si>
  <si>
    <t>17487590.0</t>
  </si>
  <si>
    <t>6951952.0</t>
  </si>
  <si>
    <t>6859065.0</t>
  </si>
  <si>
    <t>4086255.0</t>
  </si>
  <si>
    <t>53669776.0</t>
  </si>
  <si>
    <t>5106.179</t>
  </si>
  <si>
    <t>17487738.0</t>
  </si>
  <si>
    <t>6951968.0</t>
  </si>
  <si>
    <t>6859082.0</t>
  </si>
  <si>
    <t>4086370.0</t>
  </si>
  <si>
    <t>166.65</t>
  </si>
  <si>
    <t>41699.0</t>
  </si>
  <si>
    <t>3973.60775072208</t>
  </si>
  <si>
    <t>53705447.0</t>
  </si>
  <si>
    <t>5109.573</t>
  </si>
  <si>
    <t>27202.0</t>
  </si>
  <si>
    <t>17490591.0</t>
  </si>
  <si>
    <t>6952123.0</t>
  </si>
  <si>
    <t>6859463.0</t>
  </si>
  <si>
    <t>4088703.0</t>
  </si>
  <si>
    <t>166.67</t>
  </si>
  <si>
    <t>53739948.0</t>
  </si>
  <si>
    <t>34501.0</t>
  </si>
  <si>
    <t>5112.856</t>
  </si>
  <si>
    <t>17493540.0</t>
  </si>
  <si>
    <t>6952386.0</t>
  </si>
  <si>
    <t>6859869.0</t>
  </si>
  <si>
    <t>4091002.0</t>
  </si>
  <si>
    <t>53771078.0</t>
  </si>
  <si>
    <t>31130.0</t>
  </si>
  <si>
    <t>5115.817</t>
  </si>
  <si>
    <t>27001.0</t>
  </si>
  <si>
    <t>17497155.0</t>
  </si>
  <si>
    <t>6952693.0</t>
  </si>
  <si>
    <t>6860362.0</t>
  </si>
  <si>
    <t>4093834.0</t>
  </si>
  <si>
    <t>166.74</t>
  </si>
  <si>
    <t>53800953.0</t>
  </si>
  <si>
    <t>5118.66</t>
  </si>
  <si>
    <t>17501236.0</t>
  </si>
  <si>
    <t>6952991.0</t>
  </si>
  <si>
    <t>6860855.0</t>
  </si>
  <si>
    <t>4097134.0</t>
  </si>
  <si>
    <t>166.77</t>
  </si>
  <si>
    <t>53828372.0</t>
  </si>
  <si>
    <t>5121.268</t>
  </si>
  <si>
    <t>26275.0</t>
  </si>
  <si>
    <t>17508490.0</t>
  </si>
  <si>
    <t>6953599.0</t>
  </si>
  <si>
    <t>6861615.0</t>
  </si>
  <si>
    <t>4103037.0</t>
  </si>
  <si>
    <t>166.84</t>
  </si>
  <si>
    <t>53841133.0</t>
  </si>
  <si>
    <t>12761.0</t>
  </si>
  <si>
    <t>5122.483</t>
  </si>
  <si>
    <t>26032.0</t>
  </si>
  <si>
    <t>17509447.0</t>
  </si>
  <si>
    <t>6953656.0</t>
  </si>
  <si>
    <t>6861700.0</t>
  </si>
  <si>
    <t>4103852.0</t>
  </si>
  <si>
    <t>166.85</t>
  </si>
  <si>
    <t>53850277.0</t>
  </si>
  <si>
    <t>5123.352</t>
  </si>
  <si>
    <t>17509658.0</t>
  </si>
  <si>
    <t>6953669.0</t>
  </si>
  <si>
    <t>6861729.0</t>
  </si>
  <si>
    <t>4104021.0</t>
  </si>
  <si>
    <t>41929.7</t>
  </si>
  <si>
    <t>3995.59176252312</t>
  </si>
  <si>
    <t>53881298.0</t>
  </si>
  <si>
    <t>31021.0</t>
  </si>
  <si>
    <t>5126.304</t>
  </si>
  <si>
    <t>25122.0</t>
  </si>
  <si>
    <t>17511943.0</t>
  </si>
  <si>
    <t>6953850.0</t>
  </si>
  <si>
    <t>6862012.0</t>
  </si>
  <si>
    <t>4105856.0</t>
  </si>
  <si>
    <t>53909859.0</t>
  </si>
  <si>
    <t>28561.0</t>
  </si>
  <si>
    <t>5129.021</t>
  </si>
  <si>
    <t>24273.0</t>
  </si>
  <si>
    <t>17513968.0</t>
  </si>
  <si>
    <t>6954041.0</t>
  </si>
  <si>
    <t>6862250.0</t>
  </si>
  <si>
    <t>4107469.0</t>
  </si>
  <si>
    <t>53935293.0</t>
  </si>
  <si>
    <t>25434.0</t>
  </si>
  <si>
    <t>5131.441</t>
  </si>
  <si>
    <t>23459.0</t>
  </si>
  <si>
    <t>17517269.0</t>
  </si>
  <si>
    <t>6954261.0</t>
  </si>
  <si>
    <t>6862597.0</t>
  </si>
  <si>
    <t>4110211.0</t>
  </si>
  <si>
    <t>166.93</t>
  </si>
  <si>
    <t>161.14</t>
  </si>
  <si>
    <t>53958683.0</t>
  </si>
  <si>
    <t>23390.0</t>
  </si>
  <si>
    <t>5133.666</t>
  </si>
  <si>
    <t>17520745.0</t>
  </si>
  <si>
    <t>6954485.0</t>
  </si>
  <si>
    <t>6863017.0</t>
  </si>
  <si>
    <t>4113049.0</t>
  </si>
  <si>
    <t>166.96</t>
  </si>
  <si>
    <t>53981270.0</t>
  </si>
  <si>
    <t>5135.815</t>
  </si>
  <si>
    <t>21843.0</t>
  </si>
  <si>
    <t>17527942.0</t>
  </si>
  <si>
    <t>6954940.0</t>
  </si>
  <si>
    <t>6863742.0</t>
  </si>
  <si>
    <t>4119088.0</t>
  </si>
  <si>
    <t>53992961.0</t>
  </si>
  <si>
    <t>5136.928</t>
  </si>
  <si>
    <t>21690.0</t>
  </si>
  <si>
    <t>17528598.0</t>
  </si>
  <si>
    <t>6955000.0</t>
  </si>
  <si>
    <t>6863814.0</t>
  </si>
  <si>
    <t>4119613.0</t>
  </si>
  <si>
    <t>54001001.0</t>
  </si>
  <si>
    <t>5137.692</t>
  </si>
  <si>
    <t>21532.0</t>
  </si>
  <si>
    <t>17528743.0</t>
  </si>
  <si>
    <t>6955014.0</t>
  </si>
  <si>
    <t>6863824.0</t>
  </si>
  <si>
    <t>4119734.0</t>
  </si>
  <si>
    <t>167.04</t>
  </si>
  <si>
    <t>42109.6</t>
  </si>
  <si>
    <t>4012.73490826654</t>
  </si>
  <si>
    <t>54026806.0</t>
  </si>
  <si>
    <t>25805.0</t>
  </si>
  <si>
    <t>5140.148</t>
  </si>
  <si>
    <t>20787.0</t>
  </si>
  <si>
    <t>17530981.0</t>
  </si>
  <si>
    <t>6955177.0</t>
  </si>
  <si>
    <t>6864056.0</t>
  </si>
  <si>
    <t>4121589.0</t>
  </si>
  <si>
    <t>136.84</t>
  </si>
  <si>
    <t>54050485.0</t>
  </si>
  <si>
    <t>23679.0</t>
  </si>
  <si>
    <t>5142.4</t>
  </si>
  <si>
    <t>20089.0</t>
  </si>
  <si>
    <t>17533421.0</t>
  </si>
  <si>
    <t>6955423.0</t>
  </si>
  <si>
    <t>6864357.0</t>
  </si>
  <si>
    <t>4123504.0</t>
  </si>
  <si>
    <t>167.08</t>
  </si>
  <si>
    <t>54071654.0</t>
  </si>
  <si>
    <t>21169.0</t>
  </si>
  <si>
    <t>5144.414</t>
  </si>
  <si>
    <t>19480.0</t>
  </si>
  <si>
    <t>17537133.0</t>
  </si>
  <si>
    <t>6955665.0</t>
  </si>
  <si>
    <t>6864711.0</t>
  </si>
  <si>
    <t>4126629.0</t>
  </si>
  <si>
    <t>54092271.0</t>
  </si>
  <si>
    <t>5146.376</t>
  </si>
  <si>
    <t>19084.0</t>
  </si>
  <si>
    <t>17541505.0</t>
  </si>
  <si>
    <t>6955928.0</t>
  </si>
  <si>
    <t>6865098.0</t>
  </si>
  <si>
    <t>4130358.0</t>
  </si>
  <si>
    <t>167.16</t>
  </si>
  <si>
    <t>54100386.0</t>
  </si>
  <si>
    <t>5147.148</t>
  </si>
  <si>
    <t>17541698.0</t>
  </si>
  <si>
    <t>6955944.0</t>
  </si>
  <si>
    <t>6865129.0</t>
  </si>
  <si>
    <t>4130504.0</t>
  </si>
  <si>
    <t>54106718.0</t>
  </si>
  <si>
    <t>5147.75</t>
  </si>
  <si>
    <t>17541969.0</t>
  </si>
  <si>
    <t>6955964.0</t>
  </si>
  <si>
    <t>6865164.0</t>
  </si>
  <si>
    <t>4130721.0</t>
  </si>
  <si>
    <t>54112612.0</t>
  </si>
  <si>
    <t>5894.0</t>
  </si>
  <si>
    <t>5148.311</t>
  </si>
  <si>
    <t>17542022.0</t>
  </si>
  <si>
    <t>6955965.0</t>
  </si>
  <si>
    <t>6865165.0</t>
  </si>
  <si>
    <t>4130772.0</t>
  </si>
  <si>
    <t>42222.9</t>
  </si>
  <si>
    <t>4023.53156425725</t>
  </si>
  <si>
    <t>54119289.0</t>
  </si>
  <si>
    <t>5148.946</t>
  </si>
  <si>
    <t>17542067.0</t>
  </si>
  <si>
    <t>6955981.0</t>
  </si>
  <si>
    <t>6865184.0</t>
  </si>
  <si>
    <t>4130783.0</t>
  </si>
  <si>
    <t>54141588.0</t>
  </si>
  <si>
    <t>5151.068</t>
  </si>
  <si>
    <t>17544329.0</t>
  </si>
  <si>
    <t>6956121.0</t>
  </si>
  <si>
    <t>6865524.0</t>
  </si>
  <si>
    <t>4132570.0</t>
  </si>
  <si>
    <t>167.18</t>
  </si>
  <si>
    <t>9.529</t>
  </si>
  <si>
    <t>97.484</t>
  </si>
  <si>
    <t>54161912.0</t>
  </si>
  <si>
    <t>5153.002</t>
  </si>
  <si>
    <t>12894.0</t>
  </si>
  <si>
    <t>17547433.0</t>
  </si>
  <si>
    <t>6956344.0</t>
  </si>
  <si>
    <t>6865914.0</t>
  </si>
  <si>
    <t>4135077.0</t>
  </si>
  <si>
    <t>167.21</t>
  </si>
  <si>
    <t>54178152.0</t>
  </si>
  <si>
    <t>16240.0</t>
  </si>
  <si>
    <t>5154.547</t>
  </si>
  <si>
    <t>17550479.0</t>
  </si>
  <si>
    <t>6956562.0</t>
  </si>
  <si>
    <t>6866338.0</t>
  </si>
  <si>
    <t>4137490.0</t>
  </si>
  <si>
    <t>167.24</t>
  </si>
  <si>
    <t>54194569.0</t>
  </si>
  <si>
    <t>5156.109</t>
  </si>
  <si>
    <t>17557353.0</t>
  </si>
  <si>
    <t>6957029.0</t>
  </si>
  <si>
    <t>6867166.0</t>
  </si>
  <si>
    <t>4143089.0</t>
  </si>
  <si>
    <t>167.31</t>
  </si>
  <si>
    <t>54203559.0</t>
  </si>
  <si>
    <t>5156.964</t>
  </si>
  <si>
    <t>17558252.0</t>
  </si>
  <si>
    <t>6957060.0</t>
  </si>
  <si>
    <t>6867245.0</t>
  </si>
  <si>
    <t>4143878.0</t>
  </si>
  <si>
    <t>167.32</t>
  </si>
  <si>
    <t>54209183.0</t>
  </si>
  <si>
    <t>5157.499</t>
  </si>
  <si>
    <t>17558397.0</t>
  </si>
  <si>
    <t>6957065.0</t>
  </si>
  <si>
    <t>6867256.0</t>
  </si>
  <si>
    <t>4144007.0</t>
  </si>
  <si>
    <t>42389.6</t>
  </si>
  <si>
    <t>4039.4168471668</t>
  </si>
  <si>
    <t>54226785.0</t>
  </si>
  <si>
    <t>5159.174</t>
  </si>
  <si>
    <t>15357.0</t>
  </si>
  <si>
    <t>17560599.0</t>
  </si>
  <si>
    <t>6957221.0</t>
  </si>
  <si>
    <t>6867466.0</t>
  </si>
  <si>
    <t>4145851.0</t>
  </si>
  <si>
    <t>54243857.0</t>
  </si>
  <si>
    <t>5160.798</t>
  </si>
  <si>
    <t>17562555.0</t>
  </si>
  <si>
    <t>6957361.0</t>
  </si>
  <si>
    <t>6867730.0</t>
  </si>
  <si>
    <t>4147420.0</t>
  </si>
  <si>
    <t>167.36</t>
  </si>
  <si>
    <t>54257999.0</t>
  </si>
  <si>
    <t>5162.143</t>
  </si>
  <si>
    <t>17565596.0</t>
  </si>
  <si>
    <t>6957630.0</t>
  </si>
  <si>
    <t>6868063.0</t>
  </si>
  <si>
    <t>4149867.0</t>
  </si>
  <si>
    <t>167.39</t>
  </si>
  <si>
    <t>54272318.0</t>
  </si>
  <si>
    <t>14319.0</t>
  </si>
  <si>
    <t>5163.506</t>
  </si>
  <si>
    <t>17568496.0</t>
  </si>
  <si>
    <t>6957824.0</t>
  </si>
  <si>
    <t>6868353.0</t>
  </si>
  <si>
    <t>4152290.0</t>
  </si>
  <si>
    <t>54285765.0</t>
  </si>
  <si>
    <t>5164.785</t>
  </si>
  <si>
    <t>17574277.0</t>
  </si>
  <si>
    <t>6958264.0</t>
  </si>
  <si>
    <t>6868943.0</t>
  </si>
  <si>
    <t>4157070.0</t>
  </si>
  <si>
    <t>167.47</t>
  </si>
  <si>
    <t>39.61</t>
  </si>
  <si>
    <t>54292716.0</t>
  </si>
  <si>
    <t>5165.446</t>
  </si>
  <si>
    <t>17574967.0</t>
  </si>
  <si>
    <t>6958310.0</t>
  </si>
  <si>
    <t>6869010.0</t>
  </si>
  <si>
    <t>4157647.0</t>
  </si>
  <si>
    <t>167.48</t>
  </si>
  <si>
    <t>54297434.0</t>
  </si>
  <si>
    <t>5165.895</t>
  </si>
  <si>
    <t>17575079.0</t>
  </si>
  <si>
    <t>6958315.0</t>
  </si>
  <si>
    <t>6869020.0</t>
  </si>
  <si>
    <t>4157744.0</t>
  </si>
  <si>
    <t>42448.1</t>
  </si>
  <si>
    <t>4044.99146654418</t>
  </si>
  <si>
    <t>54312534.0</t>
  </si>
  <si>
    <t>5167.332</t>
  </si>
  <si>
    <t>17576679.0</t>
  </si>
  <si>
    <t>6958455.0</t>
  </si>
  <si>
    <t>6869202.0</t>
  </si>
  <si>
    <t>4159029.0</t>
  </si>
  <si>
    <t>167.49</t>
  </si>
  <si>
    <t>54325677.0</t>
  </si>
  <si>
    <t>5168.582</t>
  </si>
  <si>
    <t>17578472.0</t>
  </si>
  <si>
    <t>6958612.0</t>
  </si>
  <si>
    <t>6869458.0</t>
  </si>
  <si>
    <t>4160423.0</t>
  </si>
  <si>
    <t>167.51</t>
  </si>
  <si>
    <t>54337367.0</t>
  </si>
  <si>
    <t>5169.695</t>
  </si>
  <si>
    <t>17581079.0</t>
  </si>
  <si>
    <t>6958818.0</t>
  </si>
  <si>
    <t>6869734.0</t>
  </si>
  <si>
    <t>4162552.0</t>
  </si>
  <si>
    <t>54347611.0</t>
  </si>
  <si>
    <t>5170.669</t>
  </si>
  <si>
    <t>17583699.0</t>
  </si>
  <si>
    <t>6959026.0</t>
  </si>
  <si>
    <t>6870026.0</t>
  </si>
  <si>
    <t>4164683.0</t>
  </si>
  <si>
    <t>167.56</t>
  </si>
  <si>
    <t>54357102.0</t>
  </si>
  <si>
    <t>5171.572</t>
  </si>
  <si>
    <t>17589340.0</t>
  </si>
  <si>
    <t>6959404.0</t>
  </si>
  <si>
    <t>6870368.0</t>
  </si>
  <si>
    <t>4169632.0</t>
  </si>
  <si>
    <t>167.61</t>
  </si>
  <si>
    <t>47.456</t>
  </si>
  <si>
    <t>54361387.0</t>
  </si>
  <si>
    <t>5171.98</t>
  </si>
  <si>
    <t>17589737.0</t>
  </si>
  <si>
    <t>6959431.0</t>
  </si>
  <si>
    <t>6870395.0</t>
  </si>
  <si>
    <t>4169975.0</t>
  </si>
  <si>
    <t>167.62</t>
  </si>
  <si>
    <t>54364752.0</t>
  </si>
  <si>
    <t>5172.3</t>
  </si>
  <si>
    <t>17589793.0</t>
  </si>
  <si>
    <t>6959433.0</t>
  </si>
  <si>
    <t>6870404.0</t>
  </si>
  <si>
    <t>4170020.0</t>
  </si>
  <si>
    <t>42605.4</t>
  </si>
  <si>
    <t>4059.9809986478</t>
  </si>
  <si>
    <t>54374340.0</t>
  </si>
  <si>
    <t>5173.212</t>
  </si>
  <si>
    <t>17591273.0</t>
  </si>
  <si>
    <t>6959541.0</t>
  </si>
  <si>
    <t>6870494.0</t>
  </si>
  <si>
    <t>4171308.0</t>
  </si>
  <si>
    <t>167.63</t>
  </si>
  <si>
    <t>54382930.0</t>
  </si>
  <si>
    <t>5174.029</t>
  </si>
  <si>
    <t>17593268.0</t>
  </si>
  <si>
    <t>6959696.0</t>
  </si>
  <si>
    <t>6870731.0</t>
  </si>
  <si>
    <t>4172923.0</t>
  </si>
  <si>
    <t>54390603.0</t>
  </si>
  <si>
    <t>5174.759</t>
  </si>
  <si>
    <t>7605.0</t>
  </si>
  <si>
    <t>17596062.0</t>
  </si>
  <si>
    <t>6959917.0</t>
  </si>
  <si>
    <t>6871000.0</t>
  </si>
  <si>
    <t>4175234.0</t>
  </si>
  <si>
    <t>54398512.0</t>
  </si>
  <si>
    <t>5175.512</t>
  </si>
  <si>
    <t>7272.0</t>
  </si>
  <si>
    <t>17598676.0</t>
  </si>
  <si>
    <t>6960127.0</t>
  </si>
  <si>
    <t>6871280.0</t>
  </si>
  <si>
    <t>4177364.0</t>
  </si>
  <si>
    <t>54406450.0</t>
  </si>
  <si>
    <t>5176.267</t>
  </si>
  <si>
    <t>17603710.0</t>
  </si>
  <si>
    <t>6960474.0</t>
  </si>
  <si>
    <t>6871782.0</t>
  </si>
  <si>
    <t>4181580.0</t>
  </si>
  <si>
    <t>167.75</t>
  </si>
  <si>
    <t>54409708.0</t>
  </si>
  <si>
    <t>5176.577</t>
  </si>
  <si>
    <t>17604377.0</t>
  </si>
  <si>
    <t>6960515.0</t>
  </si>
  <si>
    <t>6871822.0</t>
  </si>
  <si>
    <t>4182167.0</t>
  </si>
  <si>
    <t>167.76</t>
  </si>
  <si>
    <t>54412781.0</t>
  </si>
  <si>
    <t>5176.869</t>
  </si>
  <si>
    <t>17604505.0</t>
  </si>
  <si>
    <t>6960530.0</t>
  </si>
  <si>
    <t>6871833.0</t>
  </si>
  <si>
    <t>4182270.0</t>
  </si>
  <si>
    <t>42691.3</t>
  </si>
  <si>
    <t>4068.16663633184</t>
  </si>
  <si>
    <t>54420321.0</t>
  </si>
  <si>
    <t>5177.587</t>
  </si>
  <si>
    <t>17606065.0</t>
  </si>
  <si>
    <t>6960640.0</t>
  </si>
  <si>
    <t>6871953.0</t>
  </si>
  <si>
    <t>4183607.0</t>
  </si>
  <si>
    <t>54427369.0</t>
  </si>
  <si>
    <t>5178.257</t>
  </si>
  <si>
    <t>17607761.0</t>
  </si>
  <si>
    <t>6960782.0</t>
  </si>
  <si>
    <t>6872111.0</t>
  </si>
  <si>
    <t>4185020.0</t>
  </si>
  <si>
    <t>167.79</t>
  </si>
  <si>
    <t>20.679</t>
  </si>
  <si>
    <t>54433187.0</t>
  </si>
  <si>
    <t>5178.811</t>
  </si>
  <si>
    <t>17610333.0</t>
  </si>
  <si>
    <t>6961018.0</t>
  </si>
  <si>
    <t>6872444.0</t>
  </si>
  <si>
    <t>4187039.0</t>
  </si>
  <si>
    <t>54439523.0</t>
  </si>
  <si>
    <t>5179.414</t>
  </si>
  <si>
    <t>17612606.0</t>
  </si>
  <si>
    <t>6961213.0</t>
  </si>
  <si>
    <t>6872696.0</t>
  </si>
  <si>
    <t>4188872.0</t>
  </si>
  <si>
    <t>167.84</t>
  </si>
  <si>
    <t>54446937.0</t>
  </si>
  <si>
    <t>5180.119</t>
  </si>
  <si>
    <t>17617447.0</t>
  </si>
  <si>
    <t>6961518.0</t>
  </si>
  <si>
    <t>6873250.0</t>
  </si>
  <si>
    <t>4192888.0</t>
  </si>
  <si>
    <t>167.88</t>
  </si>
  <si>
    <t>54449928.0</t>
  </si>
  <si>
    <t>5180.404</t>
  </si>
  <si>
    <t>17617786.0</t>
  </si>
  <si>
    <t>6961557.0</t>
  </si>
  <si>
    <t>6873279.0</t>
  </si>
  <si>
    <t>4193160.0</t>
  </si>
  <si>
    <t>54452099.0</t>
  </si>
  <si>
    <t>5180.61</t>
  </si>
  <si>
    <t>17617947.0</t>
  </si>
  <si>
    <t>6961567.0</t>
  </si>
  <si>
    <t>6873288.0</t>
  </si>
  <si>
    <t>4193303.0</t>
  </si>
  <si>
    <t>42667.4</t>
  </si>
  <si>
    <t>-1.16</t>
  </si>
  <si>
    <t>4065.88914226143</t>
  </si>
  <si>
    <t>54459070.0</t>
  </si>
  <si>
    <t>5181.273</t>
  </si>
  <si>
    <t>17619544.0</t>
  </si>
  <si>
    <t>6961689.0</t>
  </si>
  <si>
    <t>6873443.0</t>
  </si>
  <si>
    <t>4194626.0</t>
  </si>
  <si>
    <t>54465378.0</t>
  </si>
  <si>
    <t>5181.874</t>
  </si>
  <si>
    <t>17621083.0</t>
  </si>
  <si>
    <t>6961820.0</t>
  </si>
  <si>
    <t>6873619.0</t>
  </si>
  <si>
    <t>4195876.0</t>
  </si>
  <si>
    <t>167.92</t>
  </si>
  <si>
    <t>54470424.0</t>
  </si>
  <si>
    <t>5182.354</t>
  </si>
  <si>
    <t>17623883.0</t>
  </si>
  <si>
    <t>6962002.0</t>
  </si>
  <si>
    <t>6873868.0</t>
  </si>
  <si>
    <t>4198248.0</t>
  </si>
  <si>
    <t>167.94</t>
  </si>
  <si>
    <t>15.247</t>
  </si>
  <si>
    <t>54476275.0</t>
  </si>
  <si>
    <t>5182.91</t>
  </si>
  <si>
    <t>17625917.0</t>
  </si>
  <si>
    <t>6962155.0</t>
  </si>
  <si>
    <t>6874094.0</t>
  </si>
  <si>
    <t>4199908.0</t>
  </si>
  <si>
    <t>167.96</t>
  </si>
  <si>
    <t>40.02</t>
  </si>
  <si>
    <t>54482727.0</t>
  </si>
  <si>
    <t>5183.524</t>
  </si>
  <si>
    <t>17630391.0</t>
  </si>
  <si>
    <t>6962427.0</t>
  </si>
  <si>
    <t>6874562.0</t>
  </si>
  <si>
    <t>4203665.0</t>
  </si>
  <si>
    <t>54486016.0</t>
  </si>
  <si>
    <t>5183.837</t>
  </si>
  <si>
    <t>17630868.0</t>
  </si>
  <si>
    <t>6962465.0</t>
  </si>
  <si>
    <t>6874611.0</t>
  </si>
  <si>
    <t>4204055.0</t>
  </si>
  <si>
    <t>54488354.0</t>
  </si>
  <si>
    <t>5184.06</t>
  </si>
  <si>
    <t>17630997.0</t>
  </si>
  <si>
    <t>6962474.0</t>
  </si>
  <si>
    <t>6874615.0</t>
  </si>
  <si>
    <t>4204171.0</t>
  </si>
  <si>
    <t>42495.5</t>
  </si>
  <si>
    <t>-8.35</t>
  </si>
  <si>
    <t>4049.50833762944</t>
  </si>
  <si>
    <t>54495333.0</t>
  </si>
  <si>
    <t>5184.724</t>
  </si>
  <si>
    <t>17632325.0</t>
  </si>
  <si>
    <t>6962566.0</t>
  </si>
  <si>
    <t>6874779.0</t>
  </si>
  <si>
    <t>4205250.0</t>
  </si>
  <si>
    <t>54500957.0</t>
  </si>
  <si>
    <t>5185.259</t>
  </si>
  <si>
    <t>17633910.0</t>
  </si>
  <si>
    <t>6962717.0</t>
  </si>
  <si>
    <t>6874979.0</t>
  </si>
  <si>
    <t>4206508.0</t>
  </si>
  <si>
    <t>54506562.0</t>
  </si>
  <si>
    <t>5605.0</t>
  </si>
  <si>
    <t>5185.792</t>
  </si>
  <si>
    <t>17635711.0</t>
  </si>
  <si>
    <t>6962857.0</t>
  </si>
  <si>
    <t>6875209.0</t>
  </si>
  <si>
    <t>4207944.0</t>
  </si>
  <si>
    <t>54510395.0</t>
  </si>
  <si>
    <t>5186.157</t>
  </si>
  <si>
    <t>17637427.0</t>
  </si>
  <si>
    <t>6962988.0</t>
  </si>
  <si>
    <t>6875454.0</t>
  </si>
  <si>
    <t>4209284.0</t>
  </si>
  <si>
    <t>168.07</t>
  </si>
  <si>
    <t>54516420.0</t>
  </si>
  <si>
    <t>6025.0</t>
  </si>
  <si>
    <t>5186.73</t>
  </si>
  <si>
    <t>17641045.0</t>
  </si>
  <si>
    <t>6963250.0</t>
  </si>
  <si>
    <t>6875914.0</t>
  </si>
  <si>
    <t>4212204.0</t>
  </si>
  <si>
    <t>168.11</t>
  </si>
  <si>
    <t>54518571.0</t>
  </si>
  <si>
    <t>5186.934</t>
  </si>
  <si>
    <t>17641521.0</t>
  </si>
  <si>
    <t>6963284.0</t>
  </si>
  <si>
    <t>6875954.0</t>
  </si>
  <si>
    <t>4212609.0</t>
  </si>
  <si>
    <t>54520233.0</t>
  </si>
  <si>
    <t>5187.093</t>
  </si>
  <si>
    <t>17641640.0</t>
  </si>
  <si>
    <t>6963291.0</t>
  </si>
  <si>
    <t>6875960.0</t>
  </si>
  <si>
    <t>4212715.0</t>
  </si>
  <si>
    <t>42426.8</t>
  </si>
  <si>
    <t>4042.96173333498</t>
  </si>
  <si>
    <t>54525497.0</t>
  </si>
  <si>
    <t>5187.593</t>
  </si>
  <si>
    <t>17642997.0</t>
  </si>
  <si>
    <t>6963385.0</t>
  </si>
  <si>
    <t>6876104.0</t>
  </si>
  <si>
    <t>4213835.0</t>
  </si>
  <si>
    <t>168.12</t>
  </si>
  <si>
    <t>54529962.0</t>
  </si>
  <si>
    <t>5188.018</t>
  </si>
  <si>
    <t>17644087.0</t>
  </si>
  <si>
    <t>6963472.0</t>
  </si>
  <si>
    <t>6876263.0</t>
  </si>
  <si>
    <t>4214694.0</t>
  </si>
  <si>
    <t>168.14</t>
  </si>
  <si>
    <t>54534784.0</t>
  </si>
  <si>
    <t>5188.477</t>
  </si>
  <si>
    <t>17645963.0</t>
  </si>
  <si>
    <t>6963608.0</t>
  </si>
  <si>
    <t>6876511.0</t>
  </si>
  <si>
    <t>4216189.0</t>
  </si>
  <si>
    <t>54539165.0</t>
  </si>
  <si>
    <t>5188.894</t>
  </si>
  <si>
    <t>17647469.0</t>
  </si>
  <si>
    <t>6963709.0</t>
  </si>
  <si>
    <t>6876713.0</t>
  </si>
  <si>
    <t>4217395.0</t>
  </si>
  <si>
    <t>168.17</t>
  </si>
  <si>
    <t>54544604.0</t>
  </si>
  <si>
    <t>5189.411</t>
  </si>
  <si>
    <t>17650267.0</t>
  </si>
  <si>
    <t>6963895.0</t>
  </si>
  <si>
    <t>6877054.0</t>
  </si>
  <si>
    <t>4219680.0</t>
  </si>
  <si>
    <t>168.19</t>
  </si>
  <si>
    <t>54546665.0</t>
  </si>
  <si>
    <t>5189.607</t>
  </si>
  <si>
    <t>17650498.0</t>
  </si>
  <si>
    <t>6963909.0</t>
  </si>
  <si>
    <t>6877093.0</t>
  </si>
  <si>
    <t>4219858.0</t>
  </si>
  <si>
    <t>54547910.0</t>
  </si>
  <si>
    <t>5189.726</t>
  </si>
  <si>
    <t>17650609.0</t>
  </si>
  <si>
    <t>6963915.0</t>
  </si>
  <si>
    <t>6877116.0</t>
  </si>
  <si>
    <t>4219940.0</t>
  </si>
  <si>
    <t>42453.1</t>
  </si>
  <si>
    <t>4045.46792973883</t>
  </si>
  <si>
    <t>54553337.0</t>
  </si>
  <si>
    <t>5190.242</t>
  </si>
  <si>
    <t>17651646.0</t>
  </si>
  <si>
    <t>6963980.0</t>
  </si>
  <si>
    <t>6877242.0</t>
  </si>
  <si>
    <t>4220789.0</t>
  </si>
  <si>
    <t>168.21</t>
  </si>
  <si>
    <t>54557728.0</t>
  </si>
  <si>
    <t>5190.66</t>
  </si>
  <si>
    <t>17652661.0</t>
  </si>
  <si>
    <t>6964060.0</t>
  </si>
  <si>
    <t>6877390.0</t>
  </si>
  <si>
    <t>4221591.0</t>
  </si>
  <si>
    <t>168.22</t>
  </si>
  <si>
    <t>54561499.0</t>
  </si>
  <si>
    <t>5191.019</t>
  </si>
  <si>
    <t>17654099.0</t>
  </si>
  <si>
    <t>6964144.0</t>
  </si>
  <si>
    <t>6877585.0</t>
  </si>
  <si>
    <t>4222755.0</t>
  </si>
  <si>
    <t>168.23</t>
  </si>
  <si>
    <t>54566374.0</t>
  </si>
  <si>
    <t>5191.482</t>
  </si>
  <si>
    <t>17655300.0</t>
  </si>
  <si>
    <t>6964210.0</t>
  </si>
  <si>
    <t>6877762.0</t>
  </si>
  <si>
    <t>4223714.0</t>
  </si>
  <si>
    <t>54571154.0</t>
  </si>
  <si>
    <t>5191.937</t>
  </si>
  <si>
    <t>17657890.0</t>
  </si>
  <si>
    <t>6964364.0</t>
  </si>
  <si>
    <t>6878050.0</t>
  </si>
  <si>
    <t>4225881.0</t>
  </si>
  <si>
    <t>168.27</t>
  </si>
  <si>
    <t>54573004.0</t>
  </si>
  <si>
    <t>5192.113</t>
  </si>
  <si>
    <t>17658051.0</t>
  </si>
  <si>
    <t>6964376.0</t>
  </si>
  <si>
    <t>6878089.0</t>
  </si>
  <si>
    <t>4225991.0</t>
  </si>
  <si>
    <t>54574214.0</t>
  </si>
  <si>
    <t>5192.228</t>
  </si>
  <si>
    <t>17658122.0</t>
  </si>
  <si>
    <t>6964380.0</t>
  </si>
  <si>
    <t>6878097.0</t>
  </si>
  <si>
    <t>4226050.0</t>
  </si>
  <si>
    <t>42391.4</t>
  </si>
  <si>
    <t>4039.58837391688</t>
  </si>
  <si>
    <t>54579092.0</t>
  </si>
  <si>
    <t>5192.692</t>
  </si>
  <si>
    <t>17659022.0</t>
  </si>
  <si>
    <t>6964446.0</t>
  </si>
  <si>
    <t>6878221.0</t>
  </si>
  <si>
    <t>4226767.0</t>
  </si>
  <si>
    <t>168.28</t>
  </si>
  <si>
    <t>54583458.0</t>
  </si>
  <si>
    <t>5193.108</t>
  </si>
  <si>
    <t>17659987.0</t>
  </si>
  <si>
    <t>6964509.0</t>
  </si>
  <si>
    <t>6878347.0</t>
  </si>
  <si>
    <t>4227546.0</t>
  </si>
  <si>
    <t>168.29</t>
  </si>
  <si>
    <t>40.29</t>
  </si>
  <si>
    <t>54587458.0</t>
  </si>
  <si>
    <t>5193.488</t>
  </si>
  <si>
    <t>17661395.0</t>
  </si>
  <si>
    <t>6964606.0</t>
  </si>
  <si>
    <t>6878531.0</t>
  </si>
  <si>
    <t>4228680.0</t>
  </si>
  <si>
    <t>17662616.0</t>
  </si>
  <si>
    <t>6964666.0</t>
  </si>
  <si>
    <t>6878701.0</t>
  </si>
  <si>
    <t>4229673.0</t>
  </si>
  <si>
    <t>168.31</t>
  </si>
  <si>
    <t>17665009.0</t>
  </si>
  <si>
    <t>6964828.0</t>
  </si>
  <si>
    <t>6879052.0</t>
  </si>
  <si>
    <t>4231576.0</t>
  </si>
  <si>
    <t>168.33</t>
  </si>
  <si>
    <t>17665431.0</t>
  </si>
  <si>
    <t>6964847.0</t>
  </si>
  <si>
    <t>6879105.0</t>
  </si>
  <si>
    <t>4231926.0</t>
  </si>
  <si>
    <t>168.34</t>
  </si>
  <si>
    <t>17665511.0</t>
  </si>
  <si>
    <t>6964849.0</t>
  </si>
  <si>
    <t>6879116.0</t>
  </si>
  <si>
    <t>4231993.0</t>
  </si>
  <si>
    <t>42341.1</t>
  </si>
  <si>
    <t>4034.79515417872</t>
  </si>
  <si>
    <t>17666520.0</t>
  </si>
  <si>
    <t>6964921.0</t>
  </si>
  <si>
    <t>6879232.0</t>
  </si>
  <si>
    <t>4232831.0</t>
  </si>
  <si>
    <t>168.35</t>
  </si>
  <si>
    <t>17667536.0</t>
  </si>
  <si>
    <t>6964997.0</t>
  </si>
  <si>
    <t>6879351.0</t>
  </si>
  <si>
    <t>4233654.0</t>
  </si>
  <si>
    <t>17669164.0</t>
  </si>
  <si>
    <t>6965121.0</t>
  </si>
  <si>
    <t>6879537.0</t>
  </si>
  <si>
    <t>4234983.0</t>
  </si>
  <si>
    <t>168.37</t>
  </si>
  <si>
    <t>17670601.0</t>
  </si>
  <si>
    <t>6965221.0</t>
  </si>
  <si>
    <t>6879694.0</t>
  </si>
  <si>
    <t>4236166.0</t>
  </si>
  <si>
    <t>17673074.0</t>
  </si>
  <si>
    <t>6965404.0</t>
  </si>
  <si>
    <t>6879944.0</t>
  </si>
  <si>
    <t>4238233.0</t>
  </si>
  <si>
    <t>17673236.0</t>
  </si>
  <si>
    <t>6965418.0</t>
  </si>
  <si>
    <t>6879951.0</t>
  </si>
  <si>
    <t>4238374.0</t>
  </si>
  <si>
    <t>17673315.0</t>
  </si>
  <si>
    <t>6965422.0</t>
  </si>
  <si>
    <t>6879961.0</t>
  </si>
  <si>
    <t>4238439.0</t>
  </si>
  <si>
    <t>42465.6</t>
  </si>
  <si>
    <t>4046.65908772545</t>
  </si>
  <si>
    <t>17674253.0</t>
  </si>
  <si>
    <t>6965508.0</t>
  </si>
  <si>
    <t>6880029.0</t>
  </si>
  <si>
    <t>4239232.0</t>
  </si>
  <si>
    <t>168.42</t>
  </si>
  <si>
    <t>17674305.0</t>
  </si>
  <si>
    <t>6965519.0</t>
  </si>
  <si>
    <t>6880031.0</t>
  </si>
  <si>
    <t>4239271.0</t>
  </si>
  <si>
    <t>17674359.0</t>
  </si>
  <si>
    <t>6965527.0</t>
  </si>
  <si>
    <t>6880039.0</t>
  </si>
  <si>
    <t>4239309.0</t>
  </si>
  <si>
    <t>17675551.0</t>
  </si>
  <si>
    <t>6965636.0</t>
  </si>
  <si>
    <t>6880142.0</t>
  </si>
  <si>
    <t>4240297.0</t>
  </si>
  <si>
    <t>17678033.0</t>
  </si>
  <si>
    <t>6965800.0</t>
  </si>
  <si>
    <t>6880338.0</t>
  </si>
  <si>
    <t>4242451.0</t>
  </si>
  <si>
    <t>168.46</t>
  </si>
  <si>
    <t>17678171.0</t>
  </si>
  <si>
    <t>6965810.0</t>
  </si>
  <si>
    <t>6880347.0</t>
  </si>
  <si>
    <t>4242571.0</t>
  </si>
  <si>
    <t>17678273.0</t>
  </si>
  <si>
    <t>6965814.0</t>
  </si>
  <si>
    <t>6880357.0</t>
  </si>
  <si>
    <t>4242659.0</t>
  </si>
  <si>
    <t>42273.5</t>
  </si>
  <si>
    <t>-9.35</t>
  </si>
  <si>
    <t>4028.35337178709</t>
  </si>
  <si>
    <t>17679563.0</t>
  </si>
  <si>
    <t>6965914.0</t>
  </si>
  <si>
    <t>6880449.0</t>
  </si>
  <si>
    <t>4243767.0</t>
  </si>
  <si>
    <t>168.47</t>
  </si>
  <si>
    <t>17680829.0</t>
  </si>
  <si>
    <t>6966019.0</t>
  </si>
  <si>
    <t>6880545.0</t>
  </si>
  <si>
    <t>4244837.0</t>
  </si>
  <si>
    <t>168.49</t>
  </si>
  <si>
    <t>17683020.0</t>
  </si>
  <si>
    <t>6966194.0</t>
  </si>
  <si>
    <t>6880674.0</t>
  </si>
  <si>
    <t>4246728.0</t>
  </si>
  <si>
    <t>168.51</t>
  </si>
  <si>
    <t>17684572.0</t>
  </si>
  <si>
    <t>6966328.0</t>
  </si>
  <si>
    <t>6880771.0</t>
  </si>
  <si>
    <t>4248055.0</t>
  </si>
  <si>
    <t>17688297.0</t>
  </si>
  <si>
    <t>6966587.0</t>
  </si>
  <si>
    <t>6880983.0</t>
  </si>
  <si>
    <t>4251336.0</t>
  </si>
  <si>
    <t>168.56</t>
  </si>
  <si>
    <t>17688770.0</t>
  </si>
  <si>
    <t>6966624.0</t>
  </si>
  <si>
    <t>6881015.0</t>
  </si>
  <si>
    <t>4251741.0</t>
  </si>
  <si>
    <t>17688880.0</t>
  </si>
  <si>
    <t>6966630.0</t>
  </si>
  <si>
    <t>6881022.0</t>
  </si>
  <si>
    <t>4251838.0</t>
  </si>
  <si>
    <t>42164.2</t>
  </si>
  <si>
    <t>-5.31</t>
  </si>
  <si>
    <t>4017.93788635209</t>
  </si>
  <si>
    <t>17692095.0</t>
  </si>
  <si>
    <t>6966768.0</t>
  </si>
  <si>
    <t>6881125.0</t>
  </si>
  <si>
    <t>4254825.0</t>
  </si>
  <si>
    <t>168.59</t>
  </si>
  <si>
    <t>17696301.0</t>
  </si>
  <si>
    <t>6966864.0</t>
  </si>
  <si>
    <t>6881194.0</t>
  </si>
  <si>
    <t>4258871.0</t>
  </si>
  <si>
    <t>168.63</t>
  </si>
  <si>
    <t>17702063.0</t>
  </si>
  <si>
    <t>6966968.0</t>
  </si>
  <si>
    <t>6881304.0</t>
  </si>
  <si>
    <t>4264423.0</t>
  </si>
  <si>
    <t>17707833.0</t>
  </si>
  <si>
    <t>6967087.0</t>
  </si>
  <si>
    <t>6881388.0</t>
  </si>
  <si>
    <t>4269990.0</t>
  </si>
  <si>
    <t>17718851.0</t>
  </si>
  <si>
    <t>6967298.0</t>
  </si>
  <si>
    <t>6881604.0</t>
  </si>
  <si>
    <t>4280606.0</t>
  </si>
  <si>
    <t>168.85</t>
  </si>
  <si>
    <t>84.906</t>
  </si>
  <si>
    <t>17719376.0</t>
  </si>
  <si>
    <t>6967322.0</t>
  </si>
  <si>
    <t>6881620.0</t>
  </si>
  <si>
    <t>4281092.0</t>
  </si>
  <si>
    <t>17719674.0</t>
  </si>
  <si>
    <t>6967327.0</t>
  </si>
  <si>
    <t>6881630.0</t>
  </si>
  <si>
    <t>4281375.0</t>
  </si>
  <si>
    <t>168.86</t>
  </si>
  <si>
    <t>42399.1</t>
  </si>
  <si>
    <t>4040.32212723664</t>
  </si>
  <si>
    <t>17724884.0</t>
  </si>
  <si>
    <t>6967421.0</t>
  </si>
  <si>
    <t>6881711.0</t>
  </si>
  <si>
    <t>4286419.0</t>
  </si>
  <si>
    <t>168.91</t>
  </si>
  <si>
    <t>17731638.0</t>
  </si>
  <si>
    <t>6967529.0</t>
  </si>
  <si>
    <t>6881786.0</t>
  </si>
  <si>
    <t>4292993.0</t>
  </si>
  <si>
    <t>17740007.0</t>
  </si>
  <si>
    <t>6967657.0</t>
  </si>
  <si>
    <t>6881876.0</t>
  </si>
  <si>
    <t>4301158.0</t>
  </si>
  <si>
    <t>169.05</t>
  </si>
  <si>
    <t>17747329.0</t>
  </si>
  <si>
    <t>6967776.0</t>
  </si>
  <si>
    <t>6882005.0</t>
  </si>
  <si>
    <t>4308241.0</t>
  </si>
  <si>
    <t>169.12</t>
  </si>
  <si>
    <t>124.071</t>
  </si>
  <si>
    <t>17756767.0</t>
  </si>
  <si>
    <t>6968018.0</t>
  </si>
  <si>
    <t>6882219.0</t>
  </si>
  <si>
    <t>4317244.0</t>
  </si>
  <si>
    <t>169.21</t>
  </si>
  <si>
    <t>17757692.0</t>
  </si>
  <si>
    <t>6968034.0</t>
  </si>
  <si>
    <t>6882234.0</t>
  </si>
  <si>
    <t>4318139.0</t>
  </si>
  <si>
    <t>169.22</t>
  </si>
  <si>
    <t>17757908.0</t>
  </si>
  <si>
    <t>6968047.0</t>
  </si>
  <si>
    <t>6882239.0</t>
  </si>
  <si>
    <t>4318338.0</t>
  </si>
  <si>
    <t>42465.8</t>
  </si>
  <si>
    <t>4046.67814625323</t>
  </si>
  <si>
    <t>17761678.0</t>
  </si>
  <si>
    <t>6968142.0</t>
  </si>
  <si>
    <t>6882331.0</t>
  </si>
  <si>
    <t>4321936.0</t>
  </si>
  <si>
    <t>17767183.0</t>
  </si>
  <si>
    <t>6968256.0</t>
  </si>
  <si>
    <t>6882419.0</t>
  </si>
  <si>
    <t>4327246.0</t>
  </si>
  <si>
    <t>169.31</t>
  </si>
  <si>
    <t>136.65</t>
  </si>
  <si>
    <t>17773328.0</t>
  </si>
  <si>
    <t>6968395.0</t>
  </si>
  <si>
    <t>6882557.0</t>
  </si>
  <si>
    <t>4333122.0</t>
  </si>
  <si>
    <t>169.37</t>
  </si>
  <si>
    <t>17780206.0</t>
  </si>
  <si>
    <t>6968541.0</t>
  </si>
  <si>
    <t>6882718.0</t>
  </si>
  <si>
    <t>4339706.0</t>
  </si>
  <si>
    <t>169.43</t>
  </si>
  <si>
    <t>17788316.0</t>
  </si>
  <si>
    <t>6968778.0</t>
  </si>
  <si>
    <t>6882970.0</t>
  </si>
  <si>
    <t>4347359.0</t>
  </si>
  <si>
    <t>17788885.0</t>
  </si>
  <si>
    <t>6968795.0</t>
  </si>
  <si>
    <t>6882998.0</t>
  </si>
  <si>
    <t>4347884.0</t>
  </si>
  <si>
    <t>17789041.0</t>
  </si>
  <si>
    <t>6968800.0</t>
  </si>
  <si>
    <t>6883002.0</t>
  </si>
  <si>
    <t>4348031.0</t>
  </si>
  <si>
    <t>42554.7</t>
  </si>
  <si>
    <t>4055.14966185407</t>
  </si>
  <si>
    <t>17792964.0</t>
  </si>
  <si>
    <t>6968901.0</t>
  </si>
  <si>
    <t>6883115.0</t>
  </si>
  <si>
    <t>4351747.0</t>
  </si>
  <si>
    <t>169.55</t>
  </si>
  <si>
    <t>129.026</t>
  </si>
  <si>
    <t>17798773.0</t>
  </si>
  <si>
    <t>6969010.0</t>
  </si>
  <si>
    <t>6883200.0</t>
  </si>
  <si>
    <t>4357367.0</t>
  </si>
  <si>
    <t>17804915.0</t>
  </si>
  <si>
    <t>6969134.0</t>
  </si>
  <si>
    <t>6883308.0</t>
  </si>
  <si>
    <t>4363281.0</t>
  </si>
  <si>
    <t>17811189.0</t>
  </si>
  <si>
    <t>6969241.0</t>
  </si>
  <si>
    <t>6883441.0</t>
  </si>
  <si>
    <t>4369320.0</t>
  </si>
  <si>
    <t>17818791.0</t>
  </si>
  <si>
    <t>6969386.0</t>
  </si>
  <si>
    <t>6883653.0</t>
  </si>
  <si>
    <t>4376577.0</t>
  </si>
  <si>
    <t>17819115.0</t>
  </si>
  <si>
    <t>6969401.0</t>
  </si>
  <si>
    <t>4376859.0</t>
  </si>
  <si>
    <t>126.93</t>
  </si>
  <si>
    <t>17819212.0</t>
  </si>
  <si>
    <t>6969404.0</t>
  </si>
  <si>
    <t>6883686.0</t>
  </si>
  <si>
    <t>4376949.0</t>
  </si>
  <si>
    <t>42594.6</t>
  </si>
  <si>
    <t>4058.95183814736</t>
  </si>
  <si>
    <t>17823293.0</t>
  </si>
  <si>
    <t>6969496.0</t>
  </si>
  <si>
    <t>6883805.0</t>
  </si>
  <si>
    <t>4380831.0</t>
  </si>
  <si>
    <t>169.84</t>
  </si>
  <si>
    <t>17828688.0</t>
  </si>
  <si>
    <t>6969593.0</t>
  </si>
  <si>
    <t>6883914.0</t>
  </si>
  <si>
    <t>4386037.0</t>
  </si>
  <si>
    <t>169.89</t>
  </si>
  <si>
    <t>17835311.0</t>
  </si>
  <si>
    <t>6969681.0</t>
  </si>
  <si>
    <t>6884041.0</t>
  </si>
  <si>
    <t>4392445.0</t>
  </si>
  <si>
    <t>169.96</t>
  </si>
  <si>
    <t>17842692.0</t>
  </si>
  <si>
    <t>6969789.0</t>
  </si>
  <si>
    <t>6884184.0</t>
  </si>
  <si>
    <t>4399583.0</t>
  </si>
  <si>
    <t>17851959.0</t>
  </si>
  <si>
    <t>6969965.0</t>
  </si>
  <si>
    <t>6884402.0</t>
  </si>
  <si>
    <t>4408467.0</t>
  </si>
  <si>
    <t>17853048.0</t>
  </si>
  <si>
    <t>6969976.0</t>
  </si>
  <si>
    <t>6884413.0</t>
  </si>
  <si>
    <t>4409534.0</t>
  </si>
  <si>
    <t>4848.0</t>
  </si>
  <si>
    <t>170.13</t>
  </si>
  <si>
    <t>85.859</t>
  </si>
  <si>
    <t>17853328.0</t>
  </si>
  <si>
    <t>6969979.0</t>
  </si>
  <si>
    <t>6884423.0</t>
  </si>
  <si>
    <t>4409801.0</t>
  </si>
  <si>
    <t>42628.3</t>
  </si>
  <si>
    <t>4062.16320007928</t>
  </si>
  <si>
    <t>17858099.0</t>
  </si>
  <si>
    <t>6970067.0</t>
  </si>
  <si>
    <t>6884527.0</t>
  </si>
  <si>
    <t>4414395.0</t>
  </si>
  <si>
    <t>170.17</t>
  </si>
  <si>
    <t>17863996.0</t>
  </si>
  <si>
    <t>6970199.0</t>
  </si>
  <si>
    <t>6884664.0</t>
  </si>
  <si>
    <t>4420026.0</t>
  </si>
  <si>
    <t>170.23</t>
  </si>
  <si>
    <t>17870724.0</t>
  </si>
  <si>
    <t>6970295.0</t>
  </si>
  <si>
    <t>6884798.0</t>
  </si>
  <si>
    <t>4426527.0</t>
  </si>
  <si>
    <t>170.29</t>
  </si>
  <si>
    <t>17878322.0</t>
  </si>
  <si>
    <t>6970411.0</t>
  </si>
  <si>
    <t>6884910.0</t>
  </si>
  <si>
    <t>4433905.0</t>
  </si>
  <si>
    <t>170.37</t>
  </si>
  <si>
    <t>17887098.0</t>
  </si>
  <si>
    <t>6970577.0</t>
  </si>
  <si>
    <t>6885143.0</t>
  </si>
  <si>
    <t>4442306.0</t>
  </si>
  <si>
    <t>17887732.0</t>
  </si>
  <si>
    <t>6970613.0</t>
  </si>
  <si>
    <t>6885172.0</t>
  </si>
  <si>
    <t>4442876.0</t>
  </si>
  <si>
    <t>170.46</t>
  </si>
  <si>
    <t>17887882.0</t>
  </si>
  <si>
    <t>6970621.0</t>
  </si>
  <si>
    <t>6885184.0</t>
  </si>
  <si>
    <t>4443006.0</t>
  </si>
  <si>
    <t>42666.0</t>
  </si>
  <si>
    <t>4065.75573256692</t>
  </si>
  <si>
    <t>85.573</t>
  </si>
  <si>
    <t>17892305.0</t>
  </si>
  <si>
    <t>6970697.0</t>
  </si>
  <si>
    <t>6885284.0</t>
  </si>
  <si>
    <t>4447265.0</t>
  </si>
  <si>
    <t>17898390.0</t>
  </si>
  <si>
    <t>6970791.0</t>
  </si>
  <si>
    <t>6885385.0</t>
  </si>
  <si>
    <t>4453161.0</t>
  </si>
  <si>
    <t>17904233.0</t>
  </si>
  <si>
    <t>6970913.0</t>
  </si>
  <si>
    <t>6885524.0</t>
  </si>
  <si>
    <t>4458744.0</t>
  </si>
  <si>
    <t>17911130.0</t>
  </si>
  <si>
    <t>6971023.0</t>
  </si>
  <si>
    <t>6885641.0</t>
  </si>
  <si>
    <t>4465422.0</t>
  </si>
  <si>
    <t>170.68</t>
  </si>
  <si>
    <t>17919035.0</t>
  </si>
  <si>
    <t>6971197.0</t>
  </si>
  <si>
    <t>6885836.0</t>
  </si>
  <si>
    <t>4472987.0</t>
  </si>
  <si>
    <t>60.511</t>
  </si>
  <si>
    <t>17919253.0</t>
  </si>
  <si>
    <t>6971212.0</t>
  </si>
  <si>
    <t>4473175.0</t>
  </si>
  <si>
    <t>17919325.0</t>
  </si>
  <si>
    <t>6971217.0</t>
  </si>
  <si>
    <t>6885853.0</t>
  </si>
  <si>
    <t>4473241.0</t>
  </si>
  <si>
    <t>42655.3</t>
  </si>
  <si>
    <t>4064.73610133038</t>
  </si>
  <si>
    <t>17924055.0</t>
  </si>
  <si>
    <t>6971294.0</t>
  </si>
  <si>
    <t>6885951.0</t>
  </si>
  <si>
    <t>4477807.0</t>
  </si>
  <si>
    <t>170.8</t>
  </si>
  <si>
    <t>17929703.0</t>
  </si>
  <si>
    <t>6971370.0</t>
  </si>
  <si>
    <t>6886043.0</t>
  </si>
  <si>
    <t>4483288.0</t>
  </si>
  <si>
    <t>170.86</t>
  </si>
  <si>
    <t>17936549.0</t>
  </si>
  <si>
    <t>6971450.0</t>
  </si>
  <si>
    <t>6886133.0</t>
  </si>
  <si>
    <t>4489965.0</t>
  </si>
  <si>
    <t>86.621</t>
  </si>
  <si>
    <t>17943695.0</t>
  </si>
  <si>
    <t>6971541.0</t>
  </si>
  <si>
    <t>6886229.0</t>
  </si>
  <si>
    <t>4496928.0</t>
  </si>
  <si>
    <t>170.99</t>
  </si>
  <si>
    <t>17950873.0</t>
  </si>
  <si>
    <t>6971690.0</t>
  </si>
  <si>
    <t>6886374.0</t>
  </si>
  <si>
    <t>4503826.0</t>
  </si>
  <si>
    <t>171.06</t>
  </si>
  <si>
    <t>66.038</t>
  </si>
  <si>
    <t>17951131.0</t>
  </si>
  <si>
    <t>6971701.0</t>
  </si>
  <si>
    <t>6886389.0</t>
  </si>
  <si>
    <t>4504058.0</t>
  </si>
  <si>
    <t>17951203.0</t>
  </si>
  <si>
    <t>6971709.0</t>
  </si>
  <si>
    <t>6886392.0</t>
  </si>
  <si>
    <t>4504119.0</t>
  </si>
  <si>
    <t>42771.0</t>
  </si>
  <si>
    <t>4075.76145965452</t>
  </si>
  <si>
    <t>17955360.0</t>
  </si>
  <si>
    <t>6971805.0</t>
  </si>
  <si>
    <t>6886489.0</t>
  </si>
  <si>
    <t>4508099.0</t>
  </si>
  <si>
    <t>171.1</t>
  </si>
  <si>
    <t>97.675</t>
  </si>
  <si>
    <t>17961505.0</t>
  </si>
  <si>
    <t>6971893.0</t>
  </si>
  <si>
    <t>6886582.0</t>
  </si>
  <si>
    <t>4514064.0</t>
  </si>
  <si>
    <t>171.16</t>
  </si>
  <si>
    <t>17968765.0</t>
  </si>
  <si>
    <t>6971988.0</t>
  </si>
  <si>
    <t>6886692.0</t>
  </si>
  <si>
    <t>4521129.0</t>
  </si>
  <si>
    <t>17977335.0</t>
  </si>
  <si>
    <t>6972091.0</t>
  </si>
  <si>
    <t>6886788.0</t>
  </si>
  <si>
    <t>4529506.0</t>
  </si>
  <si>
    <t>17988264.0</t>
  </si>
  <si>
    <t>6972241.0</t>
  </si>
  <si>
    <t>6886966.0</t>
  </si>
  <si>
    <t>4540125.0</t>
  </si>
  <si>
    <t>17989318.0</t>
  </si>
  <si>
    <t>6972249.0</t>
  </si>
  <si>
    <t>6886986.0</t>
  </si>
  <si>
    <t>4541153.0</t>
  </si>
  <si>
    <t>171.42</t>
  </si>
  <si>
    <t>17989641.0</t>
  </si>
  <si>
    <t>6972255.0</t>
  </si>
  <si>
    <t>6886995.0</t>
  </si>
  <si>
    <t>4541462.0</t>
  </si>
  <si>
    <t>171.43</t>
  </si>
  <si>
    <t>43.28</t>
  </si>
  <si>
    <t>42929.5</t>
  </si>
  <si>
    <t>4090.86534292485</t>
  </si>
  <si>
    <t>17995963.0</t>
  </si>
  <si>
    <t>6972319.0</t>
  </si>
  <si>
    <t>6887056.0</t>
  </si>
  <si>
    <t>4547667.0</t>
  </si>
  <si>
    <t>171.49</t>
  </si>
  <si>
    <t>43.34</t>
  </si>
  <si>
    <t>18005182.0</t>
  </si>
  <si>
    <t>6972410.0</t>
  </si>
  <si>
    <t>6887130.0</t>
  </si>
  <si>
    <t>4556722.0</t>
  </si>
  <si>
    <t>171.58</t>
  </si>
  <si>
    <t>93.196</t>
  </si>
  <si>
    <t>18015960.0</t>
  </si>
  <si>
    <t>6972495.0</t>
  </si>
  <si>
    <t>6887229.0</t>
  </si>
  <si>
    <t>4567316.0</t>
  </si>
  <si>
    <t>171.68</t>
  </si>
  <si>
    <t>18026428.0</t>
  </si>
  <si>
    <t>6972558.0</t>
  </si>
  <si>
    <t>6887320.0</t>
  </si>
  <si>
    <t>4577632.0</t>
  </si>
  <si>
    <t>102.058</t>
  </si>
  <si>
    <t>18038606.0</t>
  </si>
  <si>
    <t>6972680.0</t>
  </si>
  <si>
    <t>6887471.0</t>
  </si>
  <si>
    <t>4589554.0</t>
  </si>
  <si>
    <t>171.89</t>
  </si>
  <si>
    <t>18039094.0</t>
  </si>
  <si>
    <t>6972685.0</t>
  </si>
  <si>
    <t>6887487.0</t>
  </si>
  <si>
    <t>4590021.0</t>
  </si>
  <si>
    <t>18039267.0</t>
  </si>
  <si>
    <t>6972687.0</t>
  </si>
  <si>
    <t>6887488.0</t>
  </si>
  <si>
    <t>4590191.0</t>
  </si>
  <si>
    <t>43126.4</t>
  </si>
  <si>
    <t>4109.62846353008</t>
  </si>
  <si>
    <t>18046625.0</t>
  </si>
  <si>
    <t>6972720.0</t>
  </si>
  <si>
    <t>6887557.0</t>
  </si>
  <si>
    <t>4597451.0</t>
  </si>
  <si>
    <t>18056432.0</t>
  </si>
  <si>
    <t>6972799.0</t>
  </si>
  <si>
    <t>6887662.0</t>
  </si>
  <si>
    <t>4607078.0</t>
  </si>
  <si>
    <t>9807.0</t>
  </si>
  <si>
    <t>172.06</t>
  </si>
  <si>
    <t>18056517.0</t>
  </si>
  <si>
    <t>6972802.0</t>
  </si>
  <si>
    <t>6887663.0</t>
  </si>
  <si>
    <t>4607159.0</t>
  </si>
  <si>
    <t>198.59</t>
  </si>
  <si>
    <t>18066873.0</t>
  </si>
  <si>
    <t>6972863.0</t>
  </si>
  <si>
    <t>6887755.0</t>
  </si>
  <si>
    <t>4617365.0</t>
  </si>
  <si>
    <t>10356.0</t>
  </si>
  <si>
    <t>172.16</t>
  </si>
  <si>
    <t>18080033.0</t>
  </si>
  <si>
    <t>6972994.0</t>
  </si>
  <si>
    <t>6887923.0</t>
  </si>
  <si>
    <t>4630242.0</t>
  </si>
  <si>
    <t>18080711.0</t>
  </si>
  <si>
    <t>6973002.0</t>
  </si>
  <si>
    <t>6887934.0</t>
  </si>
  <si>
    <t>4630901.0</t>
  </si>
  <si>
    <t>18081328.0</t>
  </si>
  <si>
    <t>6973005.0</t>
  </si>
  <si>
    <t>6887935.0</t>
  </si>
  <si>
    <t>4631514.0</t>
  </si>
  <si>
    <t>43370.9</t>
  </si>
  <si>
    <t>4132.92751374834</t>
  </si>
  <si>
    <t>18090204.0</t>
  </si>
  <si>
    <t>6973094.0</t>
  </si>
  <si>
    <t>6888021.0</t>
  </si>
  <si>
    <t>4640228.0</t>
  </si>
  <si>
    <t>172.39</t>
  </si>
  <si>
    <t>213.36</t>
  </si>
  <si>
    <t>18101369.0</t>
  </si>
  <si>
    <t>6973175.0</t>
  </si>
  <si>
    <t>6888117.0</t>
  </si>
  <si>
    <t>4651221.0</t>
  </si>
  <si>
    <t>11165.0</t>
  </si>
  <si>
    <t>172.49</t>
  </si>
  <si>
    <t>18114437.0</t>
  </si>
  <si>
    <t>6973240.0</t>
  </si>
  <si>
    <t>6888208.0</t>
  </si>
  <si>
    <t>4664134.0</t>
  </si>
  <si>
    <t>172.62</t>
  </si>
  <si>
    <t>18129186.0</t>
  </si>
  <si>
    <t>6973332.0</t>
  </si>
  <si>
    <t>6888341.0</t>
  </si>
  <si>
    <t>4678663.0</t>
  </si>
  <si>
    <t>172.76</t>
  </si>
  <si>
    <t>18148020.0</t>
  </si>
  <si>
    <t>6973472.0</t>
  </si>
  <si>
    <t>6888502.0</t>
  </si>
  <si>
    <t>4697220.0</t>
  </si>
  <si>
    <t>18834.0</t>
  </si>
  <si>
    <t>172.94</t>
  </si>
  <si>
    <t>18149127.0</t>
  </si>
  <si>
    <t>6973488.0</t>
  </si>
  <si>
    <t>6888508.0</t>
  </si>
  <si>
    <t>4698305.0</t>
  </si>
  <si>
    <t>9774.0</t>
  </si>
  <si>
    <t>172.95</t>
  </si>
  <si>
    <t>18149311.0</t>
  </si>
  <si>
    <t>6888509.0</t>
  </si>
  <si>
    <t>4698488.0</t>
  </si>
  <si>
    <t>43557.8</t>
  </si>
  <si>
    <t>4150.73770796427</t>
  </si>
  <si>
    <t>209.644</t>
  </si>
  <si>
    <t>18159438.0</t>
  </si>
  <si>
    <t>6973532.0</t>
  </si>
  <si>
    <t>6888580.0</t>
  </si>
  <si>
    <t>4708503.0</t>
  </si>
  <si>
    <t>9891.0</t>
  </si>
  <si>
    <t>198.78</t>
  </si>
  <si>
    <t>18173386.0</t>
  </si>
  <si>
    <t>6973598.0</t>
  </si>
  <si>
    <t>6888681.0</t>
  </si>
  <si>
    <t>4722286.0</t>
  </si>
  <si>
    <t>13948.0</t>
  </si>
  <si>
    <t>173.18</t>
  </si>
  <si>
    <t>18188632.0</t>
  </si>
  <si>
    <t>6973695.0</t>
  </si>
  <si>
    <t>6888777.0</t>
  </si>
  <si>
    <t>4737339.0</t>
  </si>
  <si>
    <t>173.32</t>
  </si>
  <si>
    <t>18205063.0</t>
  </si>
  <si>
    <t>6973779.0</t>
  </si>
  <si>
    <t>6888874.0</t>
  </si>
  <si>
    <t>4753590.0</t>
  </si>
  <si>
    <t>16431.0</t>
  </si>
  <si>
    <t>10840.0</t>
  </si>
  <si>
    <t>18226022.0</t>
  </si>
  <si>
    <t>6973912.0</t>
  </si>
  <si>
    <t>6889019.0</t>
  </si>
  <si>
    <t>4774291.0</t>
  </si>
  <si>
    <t>173.68</t>
  </si>
  <si>
    <t>18227449.0</t>
  </si>
  <si>
    <t>6973927.0</t>
  </si>
  <si>
    <t>6889030.0</t>
  </si>
  <si>
    <t>4775692.0</t>
  </si>
  <si>
    <t>173.69</t>
  </si>
  <si>
    <t>18227656.0</t>
  </si>
  <si>
    <t>6973928.0</t>
  </si>
  <si>
    <t>6889033.0</t>
  </si>
  <si>
    <t>4775895.0</t>
  </si>
  <si>
    <t>43680.1</t>
  </si>
  <si>
    <t>4162.39199770535</t>
  </si>
  <si>
    <t>18237320.0</t>
  </si>
  <si>
    <t>6973982.0</t>
  </si>
  <si>
    <t>6889086.0</t>
  </si>
  <si>
    <t>4785457.0</t>
  </si>
  <si>
    <t>18251110.0</t>
  </si>
  <si>
    <t>6974045.0</t>
  </si>
  <si>
    <t>6889149.0</t>
  </si>
  <si>
    <t>4799124.0</t>
  </si>
  <si>
    <t>13790.0</t>
  </si>
  <si>
    <t>18265938.0</t>
  </si>
  <si>
    <t>6974098.0</t>
  </si>
  <si>
    <t>6889206.0</t>
  </si>
  <si>
    <t>4813844.0</t>
  </si>
  <si>
    <t>11044.0</t>
  </si>
  <si>
    <t>18282770.0</t>
  </si>
  <si>
    <t>6974165.0</t>
  </si>
  <si>
    <t>6889273.0</t>
  </si>
  <si>
    <t>4830542.0</t>
  </si>
  <si>
    <t>16832.0</t>
  </si>
  <si>
    <t>11101.0</t>
  </si>
  <si>
    <t>174.22</t>
  </si>
  <si>
    <t>18303587.0</t>
  </si>
  <si>
    <t>6974284.0</t>
  </si>
  <si>
    <t>6889382.0</t>
  </si>
  <si>
    <t>4851140.0</t>
  </si>
  <si>
    <t>174.42</t>
  </si>
  <si>
    <t>18305288.0</t>
  </si>
  <si>
    <t>6974301.0</t>
  </si>
  <si>
    <t>6889397.0</t>
  </si>
  <si>
    <t>4852810.0</t>
  </si>
  <si>
    <t>174.44</t>
  </si>
  <si>
    <t>18305484.0</t>
  </si>
  <si>
    <t>6974303.0</t>
  </si>
  <si>
    <t>6889401.0</t>
  </si>
  <si>
    <t>4853000.0</t>
  </si>
  <si>
    <t>11118.0</t>
  </si>
  <si>
    <t>43791.0</t>
  </si>
  <si>
    <t>4172.95995136264</t>
  </si>
  <si>
    <t>18315111.0</t>
  </si>
  <si>
    <t>6974334.0</t>
  </si>
  <si>
    <t>6889454.0</t>
  </si>
  <si>
    <t>4862546.0</t>
  </si>
  <si>
    <t>11113.0</t>
  </si>
  <si>
    <t>174.53</t>
  </si>
  <si>
    <t>46.34</t>
  </si>
  <si>
    <t>18328108.0</t>
  </si>
  <si>
    <t>6974400.0</t>
  </si>
  <si>
    <t>6889531.0</t>
  </si>
  <si>
    <t>4875402.0</t>
  </si>
  <si>
    <t>18341672.0</t>
  </si>
  <si>
    <t>6974455.0</t>
  </si>
  <si>
    <t>6889587.0</t>
  </si>
  <si>
    <t>4888858.0</t>
  </si>
  <si>
    <t>10819.0</t>
  </si>
  <si>
    <t>174.78</t>
  </si>
  <si>
    <t>106.918</t>
  </si>
  <si>
    <t>18356439.0</t>
  </si>
  <si>
    <t>6974489.0</t>
  </si>
  <si>
    <t>4903509.0</t>
  </si>
  <si>
    <t>174.92</t>
  </si>
  <si>
    <t>18356942.0</t>
  </si>
  <si>
    <t>6974491.0</t>
  </si>
  <si>
    <t>6889677.0</t>
  </si>
  <si>
    <t>4904006.0</t>
  </si>
  <si>
    <t>7622.0</t>
  </si>
  <si>
    <t>174.93</t>
  </si>
  <si>
    <t>18358003.0</t>
  </si>
  <si>
    <t>6974497.0</t>
  </si>
  <si>
    <t>6889692.0</t>
  </si>
  <si>
    <t>4905047.0</t>
  </si>
  <si>
    <t>174.94</t>
  </si>
  <si>
    <t>18358463.0</t>
  </si>
  <si>
    <t>6974500.0</t>
  </si>
  <si>
    <t>6889695.0</t>
  </si>
  <si>
    <t>4905501.0</t>
  </si>
  <si>
    <t>43855.3</t>
  </si>
  <si>
    <t>4179.0872680458</t>
  </si>
  <si>
    <t>18366157.0</t>
  </si>
  <si>
    <t>6974552.0</t>
  </si>
  <si>
    <t>6889784.0</t>
  </si>
  <si>
    <t>4913059.0</t>
  </si>
  <si>
    <t>18377191.0</t>
  </si>
  <si>
    <t>6974599.0</t>
  </si>
  <si>
    <t>6889837.0</t>
  </si>
  <si>
    <t>4923994.0</t>
  </si>
  <si>
    <t>18388904.0</t>
  </si>
  <si>
    <t>6974634.0</t>
  </si>
  <si>
    <t>6889914.0</t>
  </si>
  <si>
    <t>4935598.0</t>
  </si>
  <si>
    <t>175.23</t>
  </si>
  <si>
    <t>18401599.0</t>
  </si>
  <si>
    <t>6974676.0</t>
  </si>
  <si>
    <t>6889995.0</t>
  </si>
  <si>
    <t>4948173.0</t>
  </si>
  <si>
    <t>12695.0</t>
  </si>
  <si>
    <t>175.35</t>
  </si>
  <si>
    <t>18418491.0</t>
  </si>
  <si>
    <t>6974799.0</t>
  </si>
  <si>
    <t>6890143.0</t>
  </si>
  <si>
    <t>4964812.0</t>
  </si>
  <si>
    <t>175.51</t>
  </si>
  <si>
    <t>79.188</t>
  </si>
  <si>
    <t>18419432.0</t>
  </si>
  <si>
    <t>6974807.0</t>
  </si>
  <si>
    <t>6890154.0</t>
  </si>
  <si>
    <t>4965734.0</t>
  </si>
  <si>
    <t>18419590.0</t>
  </si>
  <si>
    <t>6974809.0</t>
  </si>
  <si>
    <t>4965890.0</t>
  </si>
  <si>
    <t>18426974.0</t>
  </si>
  <si>
    <t>6974847.0</t>
  </si>
  <si>
    <t>6890216.0</t>
  </si>
  <si>
    <t>4973179.0</t>
  </si>
  <si>
    <t>18437263.0</t>
  </si>
  <si>
    <t>6974895.0</t>
  </si>
  <si>
    <t>6890282.0</t>
  </si>
  <si>
    <t>4983355.0</t>
  </si>
  <si>
    <t>10289.0</t>
  </si>
  <si>
    <t>18446774.0</t>
  </si>
  <si>
    <t>6974941.0</t>
  </si>
  <si>
    <t>6890332.0</t>
  </si>
  <si>
    <t>4992771.0</t>
  </si>
  <si>
    <t>8267.0</t>
  </si>
  <si>
    <t>175.78</t>
  </si>
  <si>
    <t>18456713.0</t>
  </si>
  <si>
    <t>6974998.0</t>
  </si>
  <si>
    <t>6890397.0</t>
  </si>
  <si>
    <t>5002591.0</t>
  </si>
  <si>
    <t>175.88</t>
  </si>
  <si>
    <t>18468853.0</t>
  </si>
  <si>
    <t>6975090.0</t>
  </si>
  <si>
    <t>6890522.0</t>
  </si>
  <si>
    <t>5014530.0</t>
  </si>
  <si>
    <t>12140.0</t>
  </si>
  <si>
    <t>175.99</t>
  </si>
  <si>
    <t>18469140.0</t>
  </si>
  <si>
    <t>6975096.0</t>
  </si>
  <si>
    <t>6890529.0</t>
  </si>
  <si>
    <t>5014805.0</t>
  </si>
  <si>
    <t>18469263.0</t>
  </si>
  <si>
    <t>6975097.0</t>
  </si>
  <si>
    <t>6890531.0</t>
  </si>
  <si>
    <t>5014925.0</t>
  </si>
  <si>
    <t>18474724.0</t>
  </si>
  <si>
    <t>6975139.0</t>
  </si>
  <si>
    <t>6890584.0</t>
  </si>
  <si>
    <t>5020295.0</t>
  </si>
  <si>
    <t>176.05</t>
  </si>
  <si>
    <t>18482972.0</t>
  </si>
  <si>
    <t>6975194.0</t>
  </si>
  <si>
    <t>6890653.0</t>
  </si>
  <si>
    <t>5028423.0</t>
  </si>
  <si>
    <t>176.13</t>
  </si>
  <si>
    <t>18491849.0</t>
  </si>
  <si>
    <t>6975242.0</t>
  </si>
  <si>
    <t>6890729.0</t>
  </si>
  <si>
    <t>5037177.0</t>
  </si>
  <si>
    <t>176.21</t>
  </si>
  <si>
    <t>18492075.0</t>
  </si>
  <si>
    <t>6975243.0</t>
  </si>
  <si>
    <t>6890730.0</t>
  </si>
  <si>
    <t>5037401.0</t>
  </si>
  <si>
    <t>176.22</t>
  </si>
  <si>
    <t>18499040.0</t>
  </si>
  <si>
    <t>6975297.0</t>
  </si>
  <si>
    <t>6890777.0</t>
  </si>
  <si>
    <t>5044275.0</t>
  </si>
  <si>
    <t>18499386.0</t>
  </si>
  <si>
    <t>6975299.0</t>
  </si>
  <si>
    <t>6890780.0</t>
  </si>
  <si>
    <t>5044617.0</t>
  </si>
  <si>
    <t>176.29</t>
  </si>
  <si>
    <t>18499707.0</t>
  </si>
  <si>
    <t>6975302.0</t>
  </si>
  <si>
    <t>6890781.0</t>
  </si>
  <si>
    <t>5044934.0</t>
  </si>
  <si>
    <t>18504240.0</t>
  </si>
  <si>
    <t>6975344.0</t>
  </si>
  <si>
    <t>6890831.0</t>
  </si>
  <si>
    <t>5049379.0</t>
  </si>
  <si>
    <t>18510534.0</t>
  </si>
  <si>
    <t>6975385.0</t>
  </si>
  <si>
    <t>6890904.0</t>
  </si>
  <si>
    <t>5055565.0</t>
  </si>
  <si>
    <t>176.39</t>
  </si>
  <si>
    <t>18516809.0</t>
  </si>
  <si>
    <t>6975421.0</t>
  </si>
  <si>
    <t>6890945.0</t>
  </si>
  <si>
    <t>5061764.0</t>
  </si>
  <si>
    <t>176.45</t>
  </si>
  <si>
    <t>18524044.0</t>
  </si>
  <si>
    <t>6975465.0</t>
  </si>
  <si>
    <t>6890988.0</t>
  </si>
  <si>
    <t>5068916.0</t>
  </si>
  <si>
    <t>176.52</t>
  </si>
  <si>
    <t>18532996.0</t>
  </si>
  <si>
    <t>6975547.0</t>
  </si>
  <si>
    <t>6891092.0</t>
  </si>
  <si>
    <t>5077697.0</t>
  </si>
  <si>
    <t>176.61</t>
  </si>
  <si>
    <t>18533228.0</t>
  </si>
  <si>
    <t>6975551.0</t>
  </si>
  <si>
    <t>6891104.0</t>
  </si>
  <si>
    <t>5077913.0</t>
  </si>
  <si>
    <t>18533339.0</t>
  </si>
  <si>
    <t>6891105.0</t>
  </si>
  <si>
    <t>5078023.0</t>
  </si>
  <si>
    <t>18536579.0</t>
  </si>
  <si>
    <t>6975571.0</t>
  </si>
  <si>
    <t>6891136.0</t>
  </si>
  <si>
    <t>5081214.0</t>
  </si>
  <si>
    <t>176.64</t>
  </si>
  <si>
    <t>18541529.0</t>
  </si>
  <si>
    <t>6975603.0</t>
  </si>
  <si>
    <t>6891187.0</t>
  </si>
  <si>
    <t>5086082.0</t>
  </si>
  <si>
    <t>176.69</t>
  </si>
  <si>
    <t>18546346.0</t>
  </si>
  <si>
    <t>6975655.0</t>
  </si>
  <si>
    <t>6891239.0</t>
  </si>
  <si>
    <t>5090795.0</t>
  </si>
  <si>
    <t>176.73</t>
  </si>
  <si>
    <t>77.378</t>
  </si>
  <si>
    <t>18550747.0</t>
  </si>
  <si>
    <t>6975683.0</t>
  </si>
  <si>
    <t>6891269.0</t>
  </si>
  <si>
    <t>5095141.0</t>
  </si>
  <si>
    <t>176.77</t>
  </si>
  <si>
    <t>65.275</t>
  </si>
  <si>
    <t>18555773.0</t>
  </si>
  <si>
    <t>6975713.0</t>
  </si>
  <si>
    <t>6891316.0</t>
  </si>
  <si>
    <t>5100095.0</t>
  </si>
  <si>
    <t>176.82</t>
  </si>
  <si>
    <t>18556264.0</t>
  </si>
  <si>
    <t>6891330.0</t>
  </si>
  <si>
    <t>5100572.0</t>
  </si>
  <si>
    <t>176.83</t>
  </si>
  <si>
    <t>18556329.0</t>
  </si>
  <si>
    <t>6975715.0</t>
  </si>
  <si>
    <t>5100635.0</t>
  </si>
  <si>
    <t>18558630.0</t>
  </si>
  <si>
    <t>6975741.0</t>
  </si>
  <si>
    <t>6891357.0</t>
  </si>
  <si>
    <t>5102887.0</t>
  </si>
  <si>
    <t>176.85</t>
  </si>
  <si>
    <t>18562088.0</t>
  </si>
  <si>
    <t>6975759.0</t>
  </si>
  <si>
    <t>6891387.0</t>
  </si>
  <si>
    <t>5106298.0</t>
  </si>
  <si>
    <t>176.88</t>
  </si>
  <si>
    <t>18565932.0</t>
  </si>
  <si>
    <t>6975792.0</t>
  </si>
  <si>
    <t>6891435.0</t>
  </si>
  <si>
    <t>5110062.0</t>
  </si>
  <si>
    <t>176.92</t>
  </si>
  <si>
    <t>18569690.0</t>
  </si>
  <si>
    <t>6975819.0</t>
  </si>
  <si>
    <t>6891464.0</t>
  </si>
  <si>
    <t>5113767.0</t>
  </si>
  <si>
    <t>176.96</t>
  </si>
  <si>
    <t>18573468.0</t>
  </si>
  <si>
    <t>6975846.0</t>
  </si>
  <si>
    <t>6891507.0</t>
  </si>
  <si>
    <t>5117487.0</t>
  </si>
  <si>
    <t>18573568.0</t>
  </si>
  <si>
    <t>6975848.0</t>
  </si>
  <si>
    <t>6891509.0</t>
  </si>
  <si>
    <t>5117583.0</t>
  </si>
  <si>
    <t>18573626.0</t>
  </si>
  <si>
    <t>6975850.0</t>
  </si>
  <si>
    <t>6891511.0</t>
  </si>
  <si>
    <t>5117637.0</t>
  </si>
  <si>
    <t>18575136.0</t>
  </si>
  <si>
    <t>6975868.0</t>
  </si>
  <si>
    <t>6891553.0</t>
  </si>
  <si>
    <t>5119093.0</t>
  </si>
  <si>
    <t>177.01</t>
  </si>
  <si>
    <t>18577439.0</t>
  </si>
  <si>
    <t>6975898.0</t>
  </si>
  <si>
    <t>6891582.0</t>
  </si>
  <si>
    <t>5121338.0</t>
  </si>
  <si>
    <t>177.03</t>
  </si>
  <si>
    <t>18579765.0</t>
  </si>
  <si>
    <t>6975914.0</t>
  </si>
  <si>
    <t>6891611.0</t>
  </si>
  <si>
    <t>5123619.0</t>
  </si>
  <si>
    <t>177.05</t>
  </si>
  <si>
    <t>18582170.0</t>
  </si>
  <si>
    <t>6975930.0</t>
  </si>
  <si>
    <t>6891641.0</t>
  </si>
  <si>
    <t>5125978.0</t>
  </si>
  <si>
    <t>177.07</t>
  </si>
  <si>
    <t>18584768.0</t>
  </si>
  <si>
    <t>6975970.0</t>
  </si>
  <si>
    <t>6891691.0</t>
  </si>
  <si>
    <t>5128490.0</t>
  </si>
  <si>
    <t>177.1</t>
  </si>
  <si>
    <t>18584906.0</t>
  </si>
  <si>
    <t>6975971.0</t>
  </si>
  <si>
    <t>6891695.0</t>
  </si>
  <si>
    <t>5128623.0</t>
  </si>
  <si>
    <t>18584935.0</t>
  </si>
  <si>
    <t>5128652.0</t>
  </si>
  <si>
    <t>18586008.0</t>
  </si>
  <si>
    <t>6975989.0</t>
  </si>
  <si>
    <t>6891723.0</t>
  </si>
  <si>
    <t>5129684.0</t>
  </si>
  <si>
    <t>18587064.0</t>
  </si>
  <si>
    <t>6976004.0</t>
  </si>
  <si>
    <t>6891749.0</t>
  </si>
  <si>
    <t>5130701.0</t>
  </si>
  <si>
    <t>18588042.0</t>
  </si>
  <si>
    <t>6976024.0</t>
  </si>
  <si>
    <t>6891778.0</t>
  </si>
  <si>
    <t>5131636.0</t>
  </si>
  <si>
    <t>177.13</t>
  </si>
  <si>
    <t>18588742.0</t>
  </si>
  <si>
    <t>6976043.0</t>
  </si>
  <si>
    <t>6891805.0</t>
  </si>
  <si>
    <t>5132290.0</t>
  </si>
  <si>
    <t>18588949.0</t>
  </si>
  <si>
    <t>6976054.0</t>
  </si>
  <si>
    <t>6891824.0</t>
  </si>
  <si>
    <t>5132471.0</t>
  </si>
  <si>
    <t>18588950.0</t>
  </si>
  <si>
    <t>5132472.0</t>
  </si>
  <si>
    <t>18588951.0</t>
  </si>
  <si>
    <t>6976055.0</t>
  </si>
  <si>
    <t>6891825.0</t>
  </si>
  <si>
    <t>18589146.0</t>
  </si>
  <si>
    <t>6976056.0</t>
  </si>
  <si>
    <t>6891837.0</t>
  </si>
  <si>
    <t>5132654.0</t>
  </si>
  <si>
    <t>70.898</t>
  </si>
  <si>
    <t>18589563.0</t>
  </si>
  <si>
    <t>6976070.0</t>
  </si>
  <si>
    <t>6891853.0</t>
  </si>
  <si>
    <t>5133042.0</t>
  </si>
  <si>
    <t>18589869.0</t>
  </si>
  <si>
    <t>6976074.0</t>
  </si>
  <si>
    <t>6891865.0</t>
  </si>
  <si>
    <t>5133332.0</t>
  </si>
  <si>
    <t>177.15</t>
  </si>
  <si>
    <t>18590089.0</t>
  </si>
  <si>
    <t>6976083.0</t>
  </si>
  <si>
    <t>6891876.0</t>
  </si>
  <si>
    <t>5133533.0</t>
  </si>
  <si>
    <t>18590097.0</t>
  </si>
  <si>
    <t>6891878.0</t>
  </si>
  <si>
    <t>5133539.0</t>
  </si>
  <si>
    <t>18590102.0</t>
  </si>
  <si>
    <t>5133544.0</t>
  </si>
  <si>
    <t>18590549.0</t>
  </si>
  <si>
    <t>6976104.0</t>
  </si>
  <si>
    <t>6891896.0</t>
  </si>
  <si>
    <t>5133957.0</t>
  </si>
  <si>
    <t>18591091.0</t>
  </si>
  <si>
    <t>6976114.0</t>
  </si>
  <si>
    <t>6891928.0</t>
  </si>
  <si>
    <t>5134460.0</t>
  </si>
  <si>
    <t>177.16</t>
  </si>
  <si>
    <t>18591971.0</t>
  </si>
  <si>
    <t>6976137.0</t>
  </si>
  <si>
    <t>6891953.0</t>
  </si>
  <si>
    <t>5135294.0</t>
  </si>
  <si>
    <t>177.17</t>
  </si>
  <si>
    <t>18592898.0</t>
  </si>
  <si>
    <t>6976159.0</t>
  </si>
  <si>
    <t>6891970.0</t>
  </si>
  <si>
    <t>5136183.0</t>
  </si>
  <si>
    <t>177.18</t>
  </si>
  <si>
    <t>COD</t>
  </si>
  <si>
    <t>Democratic Republic of Congo</t>
  </si>
  <si>
    <t>8446.0</t>
  </si>
  <si>
    <t>11155.0</t>
  </si>
  <si>
    <t>59443.0</t>
  </si>
  <si>
    <t>73764.0</t>
  </si>
  <si>
    <t>79237.0</t>
  </si>
  <si>
    <t>76724.0</t>
  </si>
  <si>
    <t>81384.0</t>
  </si>
  <si>
    <t>78871.0</t>
  </si>
  <si>
    <t>86170.0</t>
  </si>
  <si>
    <t>81910.0</t>
  </si>
  <si>
    <t>86244.0</t>
  </si>
  <si>
    <t>82039.0</t>
  </si>
  <si>
    <t>93140.0</t>
  </si>
  <si>
    <t>111142.0</t>
  </si>
  <si>
    <t>83667.0</t>
  </si>
  <si>
    <t>120062.0</t>
  </si>
  <si>
    <t>85182.0</t>
  </si>
  <si>
    <t>130482.0</t>
  </si>
  <si>
    <t>134860.0</t>
  </si>
  <si>
    <t>134945.0</t>
  </si>
  <si>
    <t>136094.0</t>
  </si>
  <si>
    <t>99839.0</t>
  </si>
  <si>
    <t>36255.0</t>
  </si>
  <si>
    <t>140254.0</t>
  </si>
  <si>
    <t>102610.0</t>
  </si>
  <si>
    <t>144980.0</t>
  </si>
  <si>
    <t>108291.0</t>
  </si>
  <si>
    <t>147734.0</t>
  </si>
  <si>
    <t>109579.0</t>
  </si>
  <si>
    <t>38155.0</t>
  </si>
  <si>
    <t>148684.0</t>
  </si>
  <si>
    <t>38163.0</t>
  </si>
  <si>
    <t>151795.0</t>
  </si>
  <si>
    <t>112529.0</t>
  </si>
  <si>
    <t>153616.0</t>
  </si>
  <si>
    <t>113921.0</t>
  </si>
  <si>
    <t>118759.0</t>
  </si>
  <si>
    <t>44789.0</t>
  </si>
  <si>
    <t>166388.0</t>
  </si>
  <si>
    <t>120818.0</t>
  </si>
  <si>
    <t>167791.0</t>
  </si>
  <si>
    <t>124424.0</t>
  </si>
  <si>
    <t>46256.0</t>
  </si>
  <si>
    <t>186749.0</t>
  </si>
  <si>
    <t>137606.0</t>
  </si>
  <si>
    <t>53013.0</t>
  </si>
  <si>
    <t>193416.0</t>
  </si>
  <si>
    <t>142913.0</t>
  </si>
  <si>
    <t>56167.0</t>
  </si>
  <si>
    <t>196510.0</t>
  </si>
  <si>
    <t>145382.0</t>
  </si>
  <si>
    <t>219768.0</t>
  </si>
  <si>
    <t>162994.0</t>
  </si>
  <si>
    <t>68345.0</t>
  </si>
  <si>
    <t>246840.0</t>
  </si>
  <si>
    <t>186741.0</t>
  </si>
  <si>
    <t>76888.0</t>
  </si>
  <si>
    <t>256561.0</t>
  </si>
  <si>
    <t>195619.0</t>
  </si>
  <si>
    <t>202178.0</t>
  </si>
  <si>
    <t>85665.0</t>
  </si>
  <si>
    <t>3739.0</t>
  </si>
  <si>
    <t>282310.0</t>
  </si>
  <si>
    <t>217382.0</t>
  </si>
  <si>
    <t>97680.0</t>
  </si>
  <si>
    <t>226134.0</t>
  </si>
  <si>
    <t>333589.0</t>
  </si>
  <si>
    <t>257013.0</t>
  </si>
  <si>
    <t>117844.0</t>
  </si>
  <si>
    <t>340509.0</t>
  </si>
  <si>
    <t>270263.0</t>
  </si>
  <si>
    <t>131316.0</t>
  </si>
  <si>
    <t>386592.0</t>
  </si>
  <si>
    <t>307807.0</t>
  </si>
  <si>
    <t>160327.0</t>
  </si>
  <si>
    <t>393656.0</t>
  </si>
  <si>
    <t>314160.0</t>
  </si>
  <si>
    <t>166385.0</t>
  </si>
  <si>
    <t>457160.0</t>
  </si>
  <si>
    <t>371176.0</t>
  </si>
  <si>
    <t>209949.0</t>
  </si>
  <si>
    <t>468253.0</t>
  </si>
  <si>
    <t>372564.0</t>
  </si>
  <si>
    <t>211035.0</t>
  </si>
  <si>
    <t>528485.0</t>
  </si>
  <si>
    <t>440134.0</t>
  </si>
  <si>
    <t>253900.0</t>
  </si>
  <si>
    <t>9217.0</t>
  </si>
  <si>
    <t>15090.0</t>
  </si>
  <si>
    <t>18295.0</t>
  </si>
  <si>
    <t>21500.0</t>
  </si>
  <si>
    <t>21514.0</t>
  </si>
  <si>
    <t>695945.0</t>
  </si>
  <si>
    <t>606108.0</t>
  </si>
  <si>
    <t>339384.0</t>
  </si>
  <si>
    <t>25694.0</t>
  </si>
  <si>
    <t>24012.0</t>
  </si>
  <si>
    <t>23726.0</t>
  </si>
  <si>
    <t>22063.0</t>
  </si>
  <si>
    <t>21758.0</t>
  </si>
  <si>
    <t>16216.0</t>
  </si>
  <si>
    <t>15854.0</t>
  </si>
  <si>
    <t>795810.0</t>
  </si>
  <si>
    <t>703306.0</t>
  </si>
  <si>
    <t>420737.0</t>
  </si>
  <si>
    <t>14266.0</t>
  </si>
  <si>
    <t>12806.0</t>
  </si>
  <si>
    <t>850731.0</t>
  </si>
  <si>
    <t>754459.0</t>
  </si>
  <si>
    <t>442965.0</t>
  </si>
  <si>
    <t>962825.0</t>
  </si>
  <si>
    <t>969664.0</t>
  </si>
  <si>
    <t>971945.0</t>
  </si>
  <si>
    <t>10.136</t>
  </si>
  <si>
    <t>973976.0</t>
  </si>
  <si>
    <t>977184.0</t>
  </si>
  <si>
    <t>881240.0</t>
  </si>
  <si>
    <t>802182.0</t>
  </si>
  <si>
    <t>515732.0</t>
  </si>
  <si>
    <t>981781.0</t>
  </si>
  <si>
    <t>10.238</t>
  </si>
  <si>
    <t>14913.0</t>
  </si>
  <si>
    <t>10927.0</t>
  </si>
  <si>
    <t>983753.0</t>
  </si>
  <si>
    <t>10.259</t>
  </si>
  <si>
    <t>14139.0</t>
  </si>
  <si>
    <t>29002.0</t>
  </si>
  <si>
    <t>23776.0</t>
  </si>
  <si>
    <t>990414.0</t>
  </si>
  <si>
    <t>998040.0</t>
  </si>
  <si>
    <t>10.408</t>
  </si>
  <si>
    <t>1001759.0</t>
  </si>
  <si>
    <t>10.447</t>
  </si>
  <si>
    <t>1009674.0</t>
  </si>
  <si>
    <t>1014983.0</t>
  </si>
  <si>
    <t>10.584</t>
  </si>
  <si>
    <t>1064851.0</t>
  </si>
  <si>
    <t>1017870.0</t>
  </si>
  <si>
    <t>1018405.0</t>
  </si>
  <si>
    <t>1019521.0</t>
  </si>
  <si>
    <t>0.3693</t>
  </si>
  <si>
    <t>1020204.0</t>
  </si>
  <si>
    <t>0.2775</t>
  </si>
  <si>
    <t>2431360.0</t>
  </si>
  <si>
    <t>1895885.0</t>
  </si>
  <si>
    <t>1189412.0</t>
  </si>
  <si>
    <t>25693.0</t>
  </si>
  <si>
    <t>34698.0</t>
  </si>
  <si>
    <t>35198.0</t>
  </si>
  <si>
    <t>31445.0</t>
  </si>
  <si>
    <t>33363.0</t>
  </si>
  <si>
    <t>36698.0</t>
  </si>
  <si>
    <t>1026208.0</t>
  </si>
  <si>
    <t>37198.0</t>
  </si>
  <si>
    <t>1029321.0</t>
  </si>
  <si>
    <t>10.734</t>
  </si>
  <si>
    <t>1031020.0</t>
  </si>
  <si>
    <t>10.752</t>
  </si>
  <si>
    <t>0.2398</t>
  </si>
  <si>
    <t>2952125.0</t>
  </si>
  <si>
    <t>2416650.0</t>
  </si>
  <si>
    <t>1710177.0</t>
  </si>
  <si>
    <t>38046.0</t>
  </si>
  <si>
    <t>1033372.0</t>
  </si>
  <si>
    <t>10.776</t>
  </si>
  <si>
    <t>38471.0</t>
  </si>
  <si>
    <t>38895.0</t>
  </si>
  <si>
    <t>39319.0</t>
  </si>
  <si>
    <t>39744.0</t>
  </si>
  <si>
    <t>1036984.0</t>
  </si>
  <si>
    <t>40168.0</t>
  </si>
  <si>
    <t>1039170.0</t>
  </si>
  <si>
    <t>10.837</t>
  </si>
  <si>
    <t>3514480.0</t>
  </si>
  <si>
    <t>2979005.0</t>
  </si>
  <si>
    <t>1042911.0</t>
  </si>
  <si>
    <t>35609.0</t>
  </si>
  <si>
    <t>34430.0</t>
  </si>
  <si>
    <t>28692.0</t>
  </si>
  <si>
    <t>1045120.0</t>
  </si>
  <si>
    <t>10.899</t>
  </si>
  <si>
    <t>26492.0</t>
  </si>
  <si>
    <t>21933.0</t>
  </si>
  <si>
    <t>48109.0</t>
  </si>
  <si>
    <t>57731.0</t>
  </si>
  <si>
    <t>3745679.0</t>
  </si>
  <si>
    <t>3450478.0</t>
  </si>
  <si>
    <t>2262577.0</t>
  </si>
  <si>
    <t>67353.0</t>
  </si>
  <si>
    <t>10988.0</t>
  </si>
  <si>
    <t>12353.0</t>
  </si>
  <si>
    <t>31357.0</t>
  </si>
  <si>
    <t>16449.0</t>
  </si>
  <si>
    <t>24158.0</t>
  </si>
  <si>
    <t>17815.0</t>
  </si>
  <si>
    <t>16959.0</t>
  </si>
  <si>
    <t>4119787.0</t>
  </si>
  <si>
    <t>3806618.0</t>
  </si>
  <si>
    <t>2471211.0</t>
  </si>
  <si>
    <t>15746.0</t>
  </si>
  <si>
    <t>17428.0</t>
  </si>
  <si>
    <t>14533.0</t>
  </si>
  <si>
    <t>17041.0</t>
  </si>
  <si>
    <t>16654.0</t>
  </si>
  <si>
    <t>4235012.0</t>
  </si>
  <si>
    <t>3865896.0</t>
  </si>
  <si>
    <t>2527158.0</t>
  </si>
  <si>
    <t>16461.0</t>
  </si>
  <si>
    <t>8714.0</t>
  </si>
  <si>
    <t>4272120.0</t>
  </si>
  <si>
    <t>3931185.0</t>
  </si>
  <si>
    <t>2585690.0</t>
  </si>
  <si>
    <t>9327.0</t>
  </si>
  <si>
    <t>24220.0</t>
  </si>
  <si>
    <t>29185.0</t>
  </si>
  <si>
    <t>41608.0</t>
  </si>
  <si>
    <t>39113.0</t>
  </si>
  <si>
    <t>4605734.0</t>
  </si>
  <si>
    <t>4239729.0</t>
  </si>
  <si>
    <t>2842172.0</t>
  </si>
  <si>
    <t>47659.0</t>
  </si>
  <si>
    <t>44078.0</t>
  </si>
  <si>
    <t>43935.0</t>
  </si>
  <si>
    <t>40782.0</t>
  </si>
  <si>
    <t>40210.0</t>
  </si>
  <si>
    <t>37487.0</t>
  </si>
  <si>
    <t>34192.0</t>
  </si>
  <si>
    <t>30896.0</t>
  </si>
  <si>
    <t>29037.0</t>
  </si>
  <si>
    <t>27601.0</t>
  </si>
  <si>
    <t>25312.0</t>
  </si>
  <si>
    <t>4756847.0</t>
  </si>
  <si>
    <t>4386801.0</t>
  </si>
  <si>
    <t>2873726.0</t>
  </si>
  <si>
    <t>28554.0</t>
  </si>
  <si>
    <t>27237.0</t>
  </si>
  <si>
    <t>29313.0</t>
  </si>
  <si>
    <t>35520.0</t>
  </si>
  <si>
    <t>33464.0</t>
  </si>
  <si>
    <t>37842.0</t>
  </si>
  <si>
    <t>35539.0</t>
  </si>
  <si>
    <t>5286630.0</t>
  </si>
  <si>
    <t>4884351.0</t>
  </si>
  <si>
    <t>3072010.0</t>
  </si>
  <si>
    <t>39318.0</t>
  </si>
  <si>
    <t>40524.0</t>
  </si>
  <si>
    <t>45226.0</t>
  </si>
  <si>
    <t>43847.0</t>
  </si>
  <si>
    <t>46703.0</t>
  </si>
  <si>
    <t>48180.0</t>
  </si>
  <si>
    <t>5961143.0</t>
  </si>
  <si>
    <t>5544728.0</t>
  </si>
  <si>
    <t>3544139.0</t>
  </si>
  <si>
    <t>42507.0</t>
  </si>
  <si>
    <t>41487.0</t>
  </si>
  <si>
    <t>36835.0</t>
  </si>
  <si>
    <t>31162.0</t>
  </si>
  <si>
    <t>25490.0</t>
  </si>
  <si>
    <t>19818.0</t>
  </si>
  <si>
    <t>14145.0</t>
  </si>
  <si>
    <t>6020452.0</t>
  </si>
  <si>
    <t>5596451.0</t>
  </si>
  <si>
    <t>13188.0</t>
  </si>
  <si>
    <t>15223.0</t>
  </si>
  <si>
    <t>6134888.0</t>
  </si>
  <si>
    <t>5719214.0</t>
  </si>
  <si>
    <t>3720706.0</t>
  </si>
  <si>
    <t>16348.0</t>
  </si>
  <si>
    <t>17538.0</t>
  </si>
  <si>
    <t>69333.0</t>
  </si>
  <si>
    <t>95826.0</t>
  </si>
  <si>
    <t>35480.0</t>
  </si>
  <si>
    <t>122319.0</t>
  </si>
  <si>
    <t>41461.0</t>
  </si>
  <si>
    <t>148811.0</t>
  </si>
  <si>
    <t>47442.0</t>
  </si>
  <si>
    <t>175304.0</t>
  </si>
  <si>
    <t>53423.0</t>
  </si>
  <si>
    <t>201797.0</t>
  </si>
  <si>
    <t>17435502.0</t>
  </si>
  <si>
    <t>9045823.0</t>
  </si>
  <si>
    <t>6756571.0</t>
  </si>
  <si>
    <t>DNK</t>
  </si>
  <si>
    <t>Denmark</t>
  </si>
  <si>
    <t>-273.0</t>
  </si>
  <si>
    <t>-7.23</t>
  </si>
  <si>
    <t>-46.4107411795366</t>
  </si>
  <si>
    <t>-362.8</t>
  </si>
  <si>
    <t>-7.68</t>
  </si>
  <si>
    <t>-61.6769849814502</t>
  </si>
  <si>
    <t>-501.2</t>
  </si>
  <si>
    <t>-6.18</t>
  </si>
  <si>
    <t>-11.56</t>
  </si>
  <si>
    <t>-85.2053607296109</t>
  </si>
  <si>
    <t>-653.4</t>
  </si>
  <si>
    <t>-7.03</t>
  </si>
  <si>
    <t>-12.83</t>
  </si>
  <si>
    <t>-111.07977394399</t>
  </si>
  <si>
    <t>-840.8</t>
  </si>
  <si>
    <t>-8.01</t>
  </si>
  <si>
    <t>-15.46</t>
  </si>
  <si>
    <t>-142.938282724375</t>
  </si>
  <si>
    <t>-979.4</t>
  </si>
  <si>
    <t>-8.37</t>
  </si>
  <si>
    <t>-11.55</t>
  </si>
  <si>
    <t>-166.500659015524</t>
  </si>
  <si>
    <t>-1101.6</t>
  </si>
  <si>
    <t>-8.55</t>
  </si>
  <si>
    <t>-10.28</t>
  </si>
  <si>
    <t>-187.274990781603</t>
  </si>
  <si>
    <t>0.1527</t>
  </si>
  <si>
    <t>34.511</t>
  </si>
  <si>
    <t>40.801</t>
  </si>
  <si>
    <t>11145.0</t>
  </si>
  <si>
    <t>12323.0</t>
  </si>
  <si>
    <t>-1113.8</t>
  </si>
  <si>
    <t>-7.93</t>
  </si>
  <si>
    <t>-1.06</t>
  </si>
  <si>
    <t>-189.349023903912</t>
  </si>
  <si>
    <t>15704.0</t>
  </si>
  <si>
    <t>17075.0</t>
  </si>
  <si>
    <t>20793.0</t>
  </si>
  <si>
    <t>92.821</t>
  </si>
  <si>
    <t>22176.0</t>
  </si>
  <si>
    <t>-1117.0</t>
  </si>
  <si>
    <t>-7.37</t>
  </si>
  <si>
    <t>-189.893032591731</t>
  </si>
  <si>
    <t>26695.0</t>
  </si>
  <si>
    <t>29904.0</t>
  </si>
  <si>
    <t>33462.0</t>
  </si>
  <si>
    <t>45826.0</t>
  </si>
  <si>
    <t>7.828</t>
  </si>
  <si>
    <t>49511.0</t>
  </si>
  <si>
    <t>8.457</t>
  </si>
  <si>
    <t>51698.0</t>
  </si>
  <si>
    <t>8.831</t>
  </si>
  <si>
    <t>-1046.6</t>
  </si>
  <si>
    <t>-6.44</t>
  </si>
  <si>
    <t>-177.924841459718</t>
  </si>
  <si>
    <t>79.221</t>
  </si>
  <si>
    <t>64578.0</t>
  </si>
  <si>
    <t>70186.0</t>
  </si>
  <si>
    <t>11.989</t>
  </si>
  <si>
    <t>72708.0</t>
  </si>
  <si>
    <t>75011.0</t>
  </si>
  <si>
    <t>12.813</t>
  </si>
  <si>
    <t>45.391</t>
  </si>
  <si>
    <t>77221.0</t>
  </si>
  <si>
    <t>13.191</t>
  </si>
  <si>
    <t>44.031</t>
  </si>
  <si>
    <t>79339.0</t>
  </si>
  <si>
    <t>13.552</t>
  </si>
  <si>
    <t>-1002.2</t>
  </si>
  <si>
    <t>-170.376720916233</t>
  </si>
  <si>
    <t>81468.0</t>
  </si>
  <si>
    <t>13.916</t>
  </si>
  <si>
    <t>63.581</t>
  </si>
  <si>
    <t>38.591</t>
  </si>
  <si>
    <t>87654.0</t>
  </si>
  <si>
    <t>93254.0</t>
  </si>
  <si>
    <t>15.929</t>
  </si>
  <si>
    <t>98553.0</t>
  </si>
  <si>
    <t>57.291</t>
  </si>
  <si>
    <t>103326.0</t>
  </si>
  <si>
    <t>105597.0</t>
  </si>
  <si>
    <t>18.038</t>
  </si>
  <si>
    <t>107457.0</t>
  </si>
  <si>
    <t>18.355</t>
  </si>
  <si>
    <t>-979.6</t>
  </si>
  <si>
    <t>-166.534659558513</t>
  </si>
  <si>
    <t>123844.0</t>
  </si>
  <si>
    <t>9745.0</t>
  </si>
  <si>
    <t>21.155</t>
  </si>
  <si>
    <t>52.531</t>
  </si>
  <si>
    <t>135424.0</t>
  </si>
  <si>
    <t>37.231</t>
  </si>
  <si>
    <t>147883.0</t>
  </si>
  <si>
    <t>25.261</t>
  </si>
  <si>
    <t>162664.0</t>
  </si>
  <si>
    <t>14781.0</t>
  </si>
  <si>
    <t>27.786</t>
  </si>
  <si>
    <t>175080.0</t>
  </si>
  <si>
    <t>29.907</t>
  </si>
  <si>
    <t>46.411</t>
  </si>
  <si>
    <t>185381.0</t>
  </si>
  <si>
    <t>31.666</t>
  </si>
  <si>
    <t>-906.8</t>
  </si>
  <si>
    <t>-154.158461910637</t>
  </si>
  <si>
    <t>49.811</t>
  </si>
  <si>
    <t>202722.0</t>
  </si>
  <si>
    <t>17341.0</t>
  </si>
  <si>
    <t>34.628</t>
  </si>
  <si>
    <t>218984.0</t>
  </si>
  <si>
    <t>16262.0</t>
  </si>
  <si>
    <t>235042.0</t>
  </si>
  <si>
    <t>16058.0</t>
  </si>
  <si>
    <t>250977.0</t>
  </si>
  <si>
    <t>265409.0</t>
  </si>
  <si>
    <t>45.336</t>
  </si>
  <si>
    <t>276558.0</t>
  </si>
  <si>
    <t>47.241</t>
  </si>
  <si>
    <t>14497.0</t>
  </si>
  <si>
    <t>285559.0</t>
  </si>
  <si>
    <t>48.778</t>
  </si>
  <si>
    <t>14311.0</t>
  </si>
  <si>
    <t>-923.6</t>
  </si>
  <si>
    <t>-157.014507521685</t>
  </si>
  <si>
    <t>303389.0</t>
  </si>
  <si>
    <t>17830.0</t>
  </si>
  <si>
    <t>51.824</t>
  </si>
  <si>
    <t>319407.0</t>
  </si>
  <si>
    <t>16018.0</t>
  </si>
  <si>
    <t>2.451</t>
  </si>
  <si>
    <t>32.301</t>
  </si>
  <si>
    <t>333932.0</t>
  </si>
  <si>
    <t>57.041</t>
  </si>
  <si>
    <t>348346.0</t>
  </si>
  <si>
    <t>59.503</t>
  </si>
  <si>
    <t>13910.0</t>
  </si>
  <si>
    <t>356724.0</t>
  </si>
  <si>
    <t>60.934</t>
  </si>
  <si>
    <t>364974.0</t>
  </si>
  <si>
    <t>62.344</t>
  </si>
  <si>
    <t>371667.0</t>
  </si>
  <si>
    <t>-940.4</t>
  </si>
  <si>
    <t>-4.37</t>
  </si>
  <si>
    <t>-1.61</t>
  </si>
  <si>
    <t>-159.870553132734</t>
  </si>
  <si>
    <t>388116.0</t>
  </si>
  <si>
    <t>66.297</t>
  </si>
  <si>
    <t>402893.0</t>
  </si>
  <si>
    <t>14777.0</t>
  </si>
  <si>
    <t>68.821</t>
  </si>
  <si>
    <t>11927.0</t>
  </si>
  <si>
    <t>417606.0</t>
  </si>
  <si>
    <t>71.334</t>
  </si>
  <si>
    <t>11953.0</t>
  </si>
  <si>
    <t>430583.0</t>
  </si>
  <si>
    <t>73.551</t>
  </si>
  <si>
    <t>443233.0</t>
  </si>
  <si>
    <t>75.711</t>
  </si>
  <si>
    <t>450948.0</t>
  </si>
  <si>
    <t>77.029</t>
  </si>
  <si>
    <t>458042.0</t>
  </si>
  <si>
    <t>78.241</t>
  </si>
  <si>
    <t>12339.0</t>
  </si>
  <si>
    <t>-992.2</t>
  </si>
  <si>
    <t>-4.41</t>
  </si>
  <si>
    <t>-5.17</t>
  </si>
  <si>
    <t>-168.676693766799</t>
  </si>
  <si>
    <t>473304.0</t>
  </si>
  <si>
    <t>80.848</t>
  </si>
  <si>
    <t>187.2</t>
  </si>
  <si>
    <t>488210.0</t>
  </si>
  <si>
    <t>83.394</t>
  </si>
  <si>
    <t>502642.0</t>
  </si>
  <si>
    <t>511147.0</t>
  </si>
  <si>
    <t>87.312</t>
  </si>
  <si>
    <t>11509.0</t>
  </si>
  <si>
    <t>523463.0</t>
  </si>
  <si>
    <t>89.416</t>
  </si>
  <si>
    <t>182.8</t>
  </si>
  <si>
    <t>532267.0</t>
  </si>
  <si>
    <t>540954.0</t>
  </si>
  <si>
    <t>92.404</t>
  </si>
  <si>
    <t>191.5</t>
  </si>
  <si>
    <t>-996.4</t>
  </si>
  <si>
    <t>-4.24</t>
  </si>
  <si>
    <t>-169.390705169562</t>
  </si>
  <si>
    <t>559254.0</t>
  </si>
  <si>
    <t>18300.0</t>
  </si>
  <si>
    <t>575234.0</t>
  </si>
  <si>
    <t>15980.0</t>
  </si>
  <si>
    <t>98.259</t>
  </si>
  <si>
    <t>12432.0</t>
  </si>
  <si>
    <t>590015.0</t>
  </si>
  <si>
    <t>100.784</t>
  </si>
  <si>
    <t>240.7</t>
  </si>
  <si>
    <t>603156.0</t>
  </si>
  <si>
    <t>103.029</t>
  </si>
  <si>
    <t>278.8</t>
  </si>
  <si>
    <t>614942.0</t>
  </si>
  <si>
    <t>11786.0</t>
  </si>
  <si>
    <t>105.042</t>
  </si>
  <si>
    <t>622123.0</t>
  </si>
  <si>
    <t>106.269</t>
  </si>
  <si>
    <t>12837.0</t>
  </si>
  <si>
    <t>629771.0</t>
  </si>
  <si>
    <t>107.575</t>
  </si>
  <si>
    <t>287.4</t>
  </si>
  <si>
    <t>-1027.6</t>
  </si>
  <si>
    <t>-4.19</t>
  </si>
  <si>
    <t>-174.694789875794</t>
  </si>
  <si>
    <t>638516.0</t>
  </si>
  <si>
    <t>109.069</t>
  </si>
  <si>
    <t>654065.0</t>
  </si>
  <si>
    <t>111.725</t>
  </si>
  <si>
    <t>257.6</t>
  </si>
  <si>
    <t>667448.0</t>
  </si>
  <si>
    <t>114.011</t>
  </si>
  <si>
    <t>679312.0</t>
  </si>
  <si>
    <t>116.038</t>
  </si>
  <si>
    <t>254.7</t>
  </si>
  <si>
    <t>688991.0</t>
  </si>
  <si>
    <t>117.691</t>
  </si>
  <si>
    <t>10578.0</t>
  </si>
  <si>
    <t>696977.0</t>
  </si>
  <si>
    <t>119.055</t>
  </si>
  <si>
    <t>10693.0</t>
  </si>
  <si>
    <t>257.2</t>
  </si>
  <si>
    <t>704743.0</t>
  </si>
  <si>
    <t>7766.0</t>
  </si>
  <si>
    <t>120.382</t>
  </si>
  <si>
    <t>268.7</t>
  </si>
  <si>
    <t>-1067.0</t>
  </si>
  <si>
    <t>-3.93</t>
  </si>
  <si>
    <t>-181.392896844563</t>
  </si>
  <si>
    <t>721598.0</t>
  </si>
  <si>
    <t>123.261</t>
  </si>
  <si>
    <t>315.9</t>
  </si>
  <si>
    <t>737259.0</t>
  </si>
  <si>
    <t>125.936</t>
  </si>
  <si>
    <t>311.6</t>
  </si>
  <si>
    <t>752227.0</t>
  </si>
  <si>
    <t>128.493</t>
  </si>
  <si>
    <t>766840.0</t>
  </si>
  <si>
    <t>14613.0</t>
  </si>
  <si>
    <t>130.989</t>
  </si>
  <si>
    <t>390.8</t>
  </si>
  <si>
    <t>781720.0</t>
  </si>
  <si>
    <t>133.531</t>
  </si>
  <si>
    <t>791739.0</t>
  </si>
  <si>
    <t>135.242</t>
  </si>
  <si>
    <t>800808.0</t>
  </si>
  <si>
    <t>136.791</t>
  </si>
  <si>
    <t>392.1</t>
  </si>
  <si>
    <t>-1071.0</t>
  </si>
  <si>
    <t>-182.072907704336</t>
  </si>
  <si>
    <t>818532.0</t>
  </si>
  <si>
    <t>139.819</t>
  </si>
  <si>
    <t>380.1</t>
  </si>
  <si>
    <t>836741.0</t>
  </si>
  <si>
    <t>142.929</t>
  </si>
  <si>
    <t>399.5</t>
  </si>
  <si>
    <t>855965.0</t>
  </si>
  <si>
    <t>19224.0</t>
  </si>
  <si>
    <t>146.213</t>
  </si>
  <si>
    <t>373.2</t>
  </si>
  <si>
    <t>873476.0</t>
  </si>
  <si>
    <t>149.204</t>
  </si>
  <si>
    <t>890467.0</t>
  </si>
  <si>
    <t>16991.0</t>
  </si>
  <si>
    <t>152.106</t>
  </si>
  <si>
    <t>15535.0</t>
  </si>
  <si>
    <t>372.4</t>
  </si>
  <si>
    <t>902579.0</t>
  </si>
  <si>
    <t>12112.0</t>
  </si>
  <si>
    <t>154.175</t>
  </si>
  <si>
    <t>439.8</t>
  </si>
  <si>
    <t>914009.0</t>
  </si>
  <si>
    <t>156.128</t>
  </si>
  <si>
    <t>571.7</t>
  </si>
  <si>
    <t>-1122.8</t>
  </si>
  <si>
    <t>-5.18</t>
  </si>
  <si>
    <t>-190.879048338402</t>
  </si>
  <si>
    <t>935471.0</t>
  </si>
  <si>
    <t>21462.0</t>
  </si>
  <si>
    <t>159.794</t>
  </si>
  <si>
    <t>956384.0</t>
  </si>
  <si>
    <t>20913.0</t>
  </si>
  <si>
    <t>163.366</t>
  </si>
  <si>
    <t>384.7</t>
  </si>
  <si>
    <t>976459.0</t>
  </si>
  <si>
    <t>166.795</t>
  </si>
  <si>
    <t>993286.0</t>
  </si>
  <si>
    <t>410.3</t>
  </si>
  <si>
    <t>1009027.0</t>
  </si>
  <si>
    <t>172.358</t>
  </si>
  <si>
    <t>417.5</t>
  </si>
  <si>
    <t>1018515.0</t>
  </si>
  <si>
    <t>173.979</t>
  </si>
  <si>
    <t>408.2</t>
  </si>
  <si>
    <t>1027973.0</t>
  </si>
  <si>
    <t>175.595</t>
  </si>
  <si>
    <t>16281.0</t>
  </si>
  <si>
    <t>401.3</t>
  </si>
  <si>
    <t>-1098.6</t>
  </si>
  <si>
    <t>-3.86</t>
  </si>
  <si>
    <t>-186.764982636773</t>
  </si>
  <si>
    <t>1046695.0</t>
  </si>
  <si>
    <t>18722.0</t>
  </si>
  <si>
    <t>15889.0</t>
  </si>
  <si>
    <t>1064583.0</t>
  </si>
  <si>
    <t>17888.0</t>
  </si>
  <si>
    <t>181.848</t>
  </si>
  <si>
    <t>15457.0</t>
  </si>
  <si>
    <t>522.7</t>
  </si>
  <si>
    <t>1082199.0</t>
  </si>
  <si>
    <t>17616.0</t>
  </si>
  <si>
    <t>184.857</t>
  </si>
  <si>
    <t>590.7</t>
  </si>
  <si>
    <t>1097556.0</t>
  </si>
  <si>
    <t>187.481</t>
  </si>
  <si>
    <t>582.5</t>
  </si>
  <si>
    <t>189.927</t>
  </si>
  <si>
    <t>655.1</t>
  </si>
  <si>
    <t>1121546.0</t>
  </si>
  <si>
    <t>191.578</t>
  </si>
  <si>
    <t>656.2</t>
  </si>
  <si>
    <t>1131287.0</t>
  </si>
  <si>
    <t>193.242</t>
  </si>
  <si>
    <t>-1075.2</t>
  </si>
  <si>
    <t>-3.65</t>
  </si>
  <si>
    <t>-182.786919107098</t>
  </si>
  <si>
    <t>1149127.0</t>
  </si>
  <si>
    <t>196.29</t>
  </si>
  <si>
    <t>14633.0</t>
  </si>
  <si>
    <t>806.5</t>
  </si>
  <si>
    <t>1165640.0</t>
  </si>
  <si>
    <t>199.11</t>
  </si>
  <si>
    <t>842.2</t>
  </si>
  <si>
    <t>1181538.0</t>
  </si>
  <si>
    <t>201.826</t>
  </si>
  <si>
    <t>2.424</t>
  </si>
  <si>
    <t>937.1</t>
  </si>
  <si>
    <t>1195879.0</t>
  </si>
  <si>
    <t>204.276</t>
  </si>
  <si>
    <t>973.5</t>
  </si>
  <si>
    <t>1210063.0</t>
  </si>
  <si>
    <t>206.699</t>
  </si>
  <si>
    <t>14027.0</t>
  </si>
  <si>
    <t>861.3</t>
  </si>
  <si>
    <t>1219719.0</t>
  </si>
  <si>
    <t>208.348</t>
  </si>
  <si>
    <t>14025.0</t>
  </si>
  <si>
    <t>861.2</t>
  </si>
  <si>
    <t>1228850.0</t>
  </si>
  <si>
    <t>209.908</t>
  </si>
  <si>
    <t>855.8</t>
  </si>
  <si>
    <t>-1091.0</t>
  </si>
  <si>
    <t>-3.59</t>
  </si>
  <si>
    <t>-1.62</t>
  </si>
  <si>
    <t>-185.472962003203</t>
  </si>
  <si>
    <t>1247128.0</t>
  </si>
  <si>
    <t>18278.0</t>
  </si>
  <si>
    <t>1263846.0</t>
  </si>
  <si>
    <t>16718.0</t>
  </si>
  <si>
    <t>215.886</t>
  </si>
  <si>
    <t>14029.0</t>
  </si>
  <si>
    <t>567.7</t>
  </si>
  <si>
    <t>1280192.0</t>
  </si>
  <si>
    <t>16346.0</t>
  </si>
  <si>
    <t>218.678</t>
  </si>
  <si>
    <t>513.8</t>
  </si>
  <si>
    <t>1295373.0</t>
  </si>
  <si>
    <t>221.271</t>
  </si>
  <si>
    <t>478.3</t>
  </si>
  <si>
    <t>1309649.0</t>
  </si>
  <si>
    <t>223.709</t>
  </si>
  <si>
    <t>14227.0</t>
  </si>
  <si>
    <t>438.7</t>
  </si>
  <si>
    <t>1320320.0</t>
  </si>
  <si>
    <t>225.532</t>
  </si>
  <si>
    <t>443.2</t>
  </si>
  <si>
    <t>1331260.0</t>
  </si>
  <si>
    <t>227.401</t>
  </si>
  <si>
    <t>451.1</t>
  </si>
  <si>
    <t>-1053.0</t>
  </si>
  <si>
    <t>-3.35</t>
  </si>
  <si>
    <t>-179.012858835356</t>
  </si>
  <si>
    <t>1349471.0</t>
  </si>
  <si>
    <t>230.512</t>
  </si>
  <si>
    <t>14620.0</t>
  </si>
  <si>
    <t>454.8</t>
  </si>
  <si>
    <t>1366165.0</t>
  </si>
  <si>
    <t>16694.0</t>
  </si>
  <si>
    <t>233.363</t>
  </si>
  <si>
    <t>424.6</t>
  </si>
  <si>
    <t>1382808.0</t>
  </si>
  <si>
    <t>16643.0</t>
  </si>
  <si>
    <t>236.206</t>
  </si>
  <si>
    <t>14659.0</t>
  </si>
  <si>
    <t>397.7</t>
  </si>
  <si>
    <t>1398598.0</t>
  </si>
  <si>
    <t>238.903</t>
  </si>
  <si>
    <t>14746.0</t>
  </si>
  <si>
    <t>388.1</t>
  </si>
  <si>
    <t>1414706.0</t>
  </si>
  <si>
    <t>16108.0</t>
  </si>
  <si>
    <t>241.655</t>
  </si>
  <si>
    <t>15008.0</t>
  </si>
  <si>
    <t>396.4</t>
  </si>
  <si>
    <t>1426437.0</t>
  </si>
  <si>
    <t>243.659</t>
  </si>
  <si>
    <t>15160.0</t>
  </si>
  <si>
    <t>400.5</t>
  </si>
  <si>
    <t>1439242.0</t>
  </si>
  <si>
    <t>245.846</t>
  </si>
  <si>
    <t>2.635</t>
  </si>
  <si>
    <t>-1118.2</t>
  </si>
  <si>
    <t>-190.097035849663</t>
  </si>
  <si>
    <t>1459966.0</t>
  </si>
  <si>
    <t>249.386</t>
  </si>
  <si>
    <t>387.7</t>
  </si>
  <si>
    <t>1480342.0</t>
  </si>
  <si>
    <t>20376.0</t>
  </si>
  <si>
    <t>252.867</t>
  </si>
  <si>
    <t>16311.0</t>
  </si>
  <si>
    <t>415.2</t>
  </si>
  <si>
    <t>1500566.0</t>
  </si>
  <si>
    <t>20224.0</t>
  </si>
  <si>
    <t>256.321</t>
  </si>
  <si>
    <t>16823.0</t>
  </si>
  <si>
    <t>414.7</t>
  </si>
  <si>
    <t>1521107.0</t>
  </si>
  <si>
    <t>20541.0</t>
  </si>
  <si>
    <t>259.83</t>
  </si>
  <si>
    <t>17501.0</t>
  </si>
  <si>
    <t>365.7</t>
  </si>
  <si>
    <t>1541022.0</t>
  </si>
  <si>
    <t>19915.0</t>
  </si>
  <si>
    <t>263.232</t>
  </si>
  <si>
    <t>1555327.0</t>
  </si>
  <si>
    <t>265.675</t>
  </si>
  <si>
    <t>367.2</t>
  </si>
  <si>
    <t>1571043.0</t>
  </si>
  <si>
    <t>268.36</t>
  </si>
  <si>
    <t>18829.0</t>
  </si>
  <si>
    <t>375.5</t>
  </si>
  <si>
    <t>-1131.0</t>
  </si>
  <si>
    <t>-1.29</t>
  </si>
  <si>
    <t>-192.273070600937</t>
  </si>
  <si>
    <t>1594887.0</t>
  </si>
  <si>
    <t>272.433</t>
  </si>
  <si>
    <t>4.073</t>
  </si>
  <si>
    <t>19274.0</t>
  </si>
  <si>
    <t>300.5</t>
  </si>
  <si>
    <t>1619833.0</t>
  </si>
  <si>
    <t>276.694</t>
  </si>
  <si>
    <t>4.261</t>
  </si>
  <si>
    <t>19927.0</t>
  </si>
  <si>
    <t>281.2</t>
  </si>
  <si>
    <t>1644687.0</t>
  </si>
  <si>
    <t>24854.0</t>
  </si>
  <si>
    <t>280.939</t>
  </si>
  <si>
    <t>4.245</t>
  </si>
  <si>
    <t>20589.0</t>
  </si>
  <si>
    <t>261.6</t>
  </si>
  <si>
    <t>1671535.0</t>
  </si>
  <si>
    <t>285.526</t>
  </si>
  <si>
    <t>21490.0</t>
  </si>
  <si>
    <t>1698594.0</t>
  </si>
  <si>
    <t>290.148</t>
  </si>
  <si>
    <t>1719382.0</t>
  </si>
  <si>
    <t>293.699</t>
  </si>
  <si>
    <t>4.003</t>
  </si>
  <si>
    <t>251.2</t>
  </si>
  <si>
    <t>1740314.0</t>
  </si>
  <si>
    <t>297.274</t>
  </si>
  <si>
    <t>4.131</t>
  </si>
  <si>
    <t>-1160.4</t>
  </si>
  <si>
    <t>-3.37</t>
  </si>
  <si>
    <t>-197.271150420272</t>
  </si>
  <si>
    <t>1771267.0</t>
  </si>
  <si>
    <t>30953.0</t>
  </si>
  <si>
    <t>302.561</t>
  </si>
  <si>
    <t>25197.0</t>
  </si>
  <si>
    <t>4.304</t>
  </si>
  <si>
    <t>1804794.0</t>
  </si>
  <si>
    <t>308.288</t>
  </si>
  <si>
    <t>5.727</t>
  </si>
  <si>
    <t>26423.0</t>
  </si>
  <si>
    <t>1839521.0</t>
  </si>
  <si>
    <t>34727.0</t>
  </si>
  <si>
    <t>314.22</t>
  </si>
  <si>
    <t>5.932</t>
  </si>
  <si>
    <t>1873317.0</t>
  </si>
  <si>
    <t>33796.0</t>
  </si>
  <si>
    <t>319.993</t>
  </si>
  <si>
    <t>28826.0</t>
  </si>
  <si>
    <t>4.924</t>
  </si>
  <si>
    <t>1905880.0</t>
  </si>
  <si>
    <t>32563.0</t>
  </si>
  <si>
    <t>325.555</t>
  </si>
  <si>
    <t>29612.0</t>
  </si>
  <si>
    <t>1931130.0</t>
  </si>
  <si>
    <t>25250.0</t>
  </si>
  <si>
    <t>329.869</t>
  </si>
  <si>
    <t>30250.0</t>
  </si>
  <si>
    <t>203.4</t>
  </si>
  <si>
    <t>1956729.0</t>
  </si>
  <si>
    <t>334.241</t>
  </si>
  <si>
    <t>5.281</t>
  </si>
  <si>
    <t>-1141.6</t>
  </si>
  <si>
    <t>-3.23</t>
  </si>
  <si>
    <t>-194.075099379337</t>
  </si>
  <si>
    <t>1992308.0</t>
  </si>
  <si>
    <t>340.319</t>
  </si>
  <si>
    <t>31577.0</t>
  </si>
  <si>
    <t>2030189.0</t>
  </si>
  <si>
    <t>37881.0</t>
  </si>
  <si>
    <t>346.79</t>
  </si>
  <si>
    <t>32199.0</t>
  </si>
  <si>
    <t>2069256.0</t>
  </si>
  <si>
    <t>39067.0</t>
  </si>
  <si>
    <t>353.463</t>
  </si>
  <si>
    <t>6.673</t>
  </si>
  <si>
    <t>32819.0</t>
  </si>
  <si>
    <t>264.1</t>
  </si>
  <si>
    <t>2107267.0</t>
  </si>
  <si>
    <t>38011.0</t>
  </si>
  <si>
    <t>359.956</t>
  </si>
  <si>
    <t>6.493</t>
  </si>
  <si>
    <t>33421.0</t>
  </si>
  <si>
    <t>2142976.0</t>
  </si>
  <si>
    <t>366.055</t>
  </si>
  <si>
    <t>5.786</t>
  </si>
  <si>
    <t>2171611.0</t>
  </si>
  <si>
    <t>370.947</t>
  </si>
  <si>
    <t>2199172.0</t>
  </si>
  <si>
    <t>27561.0</t>
  </si>
  <si>
    <t>375.655</t>
  </si>
  <si>
    <t>346.3</t>
  </si>
  <si>
    <t>-1145.8</t>
  </si>
  <si>
    <t>-3.15</t>
  </si>
  <si>
    <t>-194.789110782099</t>
  </si>
  <si>
    <t>2238508.0</t>
  </si>
  <si>
    <t>39336.0</t>
  </si>
  <si>
    <t>382.374</t>
  </si>
  <si>
    <t>35171.0</t>
  </si>
  <si>
    <t>374.7</t>
  </si>
  <si>
    <t>2278322.0</t>
  </si>
  <si>
    <t>389.175</t>
  </si>
  <si>
    <t>35448.0</t>
  </si>
  <si>
    <t>2318376.0</t>
  </si>
  <si>
    <t>396.017</t>
  </si>
  <si>
    <t>6.079</t>
  </si>
  <si>
    <t>417.3</t>
  </si>
  <si>
    <t>2357051.0</t>
  </si>
  <si>
    <t>38675.0</t>
  </si>
  <si>
    <t>402.623</t>
  </si>
  <si>
    <t>35683.0</t>
  </si>
  <si>
    <t>6.095</t>
  </si>
  <si>
    <t>2392480.0</t>
  </si>
  <si>
    <t>408.675</t>
  </si>
  <si>
    <t>6.052</t>
  </si>
  <si>
    <t>6.088</t>
  </si>
  <si>
    <t>2417664.0</t>
  </si>
  <si>
    <t>25184.0</t>
  </si>
  <si>
    <t>412.977</t>
  </si>
  <si>
    <t>35150.0</t>
  </si>
  <si>
    <t>455.6</t>
  </si>
  <si>
    <t>2442908.0</t>
  </si>
  <si>
    <t>25244.0</t>
  </si>
  <si>
    <t>417.289</t>
  </si>
  <si>
    <t>4.312</t>
  </si>
  <si>
    <t>-1163.8</t>
  </si>
  <si>
    <t>-197.84915965108</t>
  </si>
  <si>
    <t>2482545.0</t>
  </si>
  <si>
    <t>424.059</t>
  </si>
  <si>
    <t>6.771</t>
  </si>
  <si>
    <t>34862.0</t>
  </si>
  <si>
    <t>2521798.0</t>
  </si>
  <si>
    <t>39253.0</t>
  </si>
  <si>
    <t>430.764</t>
  </si>
  <si>
    <t>34782.0</t>
  </si>
  <si>
    <t>5.941</t>
  </si>
  <si>
    <t>403.1</t>
  </si>
  <si>
    <t>2561817.0</t>
  </si>
  <si>
    <t>34777.0</t>
  </si>
  <si>
    <t>2600626.0</t>
  </si>
  <si>
    <t>444.229</t>
  </si>
  <si>
    <t>34796.0</t>
  </si>
  <si>
    <t>2640764.0</t>
  </si>
  <si>
    <t>451.086</t>
  </si>
  <si>
    <t>6.856</t>
  </si>
  <si>
    <t>293.1</t>
  </si>
  <si>
    <t>2669740.0</t>
  </si>
  <si>
    <t>456.035</t>
  </si>
  <si>
    <t>36011.0</t>
  </si>
  <si>
    <t>263.4</t>
  </si>
  <si>
    <t>2699494.0</t>
  </si>
  <si>
    <t>461.118</t>
  </si>
  <si>
    <t>5.082</t>
  </si>
  <si>
    <t>36655.0</t>
  </si>
  <si>
    <t>-1150.8</t>
  </si>
  <si>
    <t>-195.639124356816</t>
  </si>
  <si>
    <t>2747387.0</t>
  </si>
  <si>
    <t>47893.0</t>
  </si>
  <si>
    <t>469.299</t>
  </si>
  <si>
    <t>37835.0</t>
  </si>
  <si>
    <t>2795741.0</t>
  </si>
  <si>
    <t>48354.0</t>
  </si>
  <si>
    <t>477.558</t>
  </si>
  <si>
    <t>2844581.0</t>
  </si>
  <si>
    <t>485.901</t>
  </si>
  <si>
    <t>8.343</t>
  </si>
  <si>
    <t>40395.0</t>
  </si>
  <si>
    <t>2896752.0</t>
  </si>
  <si>
    <t>52171.0</t>
  </si>
  <si>
    <t>494.813</t>
  </si>
  <si>
    <t>8.912</t>
  </si>
  <si>
    <t>7.226</t>
  </si>
  <si>
    <t>2947327.0</t>
  </si>
  <si>
    <t>50575.0</t>
  </si>
  <si>
    <t>503.452</t>
  </si>
  <si>
    <t>8.639</t>
  </si>
  <si>
    <t>2989045.0</t>
  </si>
  <si>
    <t>41718.0</t>
  </si>
  <si>
    <t>510.578</t>
  </si>
  <si>
    <t>7.126</t>
  </si>
  <si>
    <t>45615.0</t>
  </si>
  <si>
    <t>7.792</t>
  </si>
  <si>
    <t>175.3</t>
  </si>
  <si>
    <t>13.26</t>
  </si>
  <si>
    <t>3030945.0</t>
  </si>
  <si>
    <t>41900.0</t>
  </si>
  <si>
    <t>517.735</t>
  </si>
  <si>
    <t>7.157</t>
  </si>
  <si>
    <t>47350.0</t>
  </si>
  <si>
    <t>8.088</t>
  </si>
  <si>
    <t>-1147.0</t>
  </si>
  <si>
    <t>-194.993114040031</t>
  </si>
  <si>
    <t>3086730.0</t>
  </si>
  <si>
    <t>55785.0</t>
  </si>
  <si>
    <t>527.264</t>
  </si>
  <si>
    <t>48478.0</t>
  </si>
  <si>
    <t>3142887.0</t>
  </si>
  <si>
    <t>56157.0</t>
  </si>
  <si>
    <t>536.857</t>
  </si>
  <si>
    <t>9.593</t>
  </si>
  <si>
    <t>3199586.0</t>
  </si>
  <si>
    <t>56699.0</t>
  </si>
  <si>
    <t>546.542</t>
  </si>
  <si>
    <t>9.685</t>
  </si>
  <si>
    <t>3251648.0</t>
  </si>
  <si>
    <t>52062.0</t>
  </si>
  <si>
    <t>555.435</t>
  </si>
  <si>
    <t>50699.0</t>
  </si>
  <si>
    <t>3303220.0</t>
  </si>
  <si>
    <t>51572.0</t>
  </si>
  <si>
    <t>564.244</t>
  </si>
  <si>
    <t>8.809</t>
  </si>
  <si>
    <t>50842.0</t>
  </si>
  <si>
    <t>3343645.0</t>
  </si>
  <si>
    <t>40425.0</t>
  </si>
  <si>
    <t>571.149</t>
  </si>
  <si>
    <t>8.653</t>
  </si>
  <si>
    <t>3384614.0</t>
  </si>
  <si>
    <t>578.147</t>
  </si>
  <si>
    <t>6.998</t>
  </si>
  <si>
    <t>-1060.2</t>
  </si>
  <si>
    <t>-180.236878382948</t>
  </si>
  <si>
    <t>3438803.0</t>
  </si>
  <si>
    <t>54189.0</t>
  </si>
  <si>
    <t>587.404</t>
  </si>
  <si>
    <t>9.256</t>
  </si>
  <si>
    <t>3495436.0</t>
  </si>
  <si>
    <t>56633.0</t>
  </si>
  <si>
    <t>597.078</t>
  </si>
  <si>
    <t>9.674</t>
  </si>
  <si>
    <t>50364.0</t>
  </si>
  <si>
    <t>8.603</t>
  </si>
  <si>
    <t>3551119.0</t>
  </si>
  <si>
    <t>606.589</t>
  </si>
  <si>
    <t>9.512</t>
  </si>
  <si>
    <t>50219.0</t>
  </si>
  <si>
    <t>3605051.0</t>
  </si>
  <si>
    <t>615.802</t>
  </si>
  <si>
    <t>8.624</t>
  </si>
  <si>
    <t>3656645.0</t>
  </si>
  <si>
    <t>624.615</t>
  </si>
  <si>
    <t>8.813</t>
  </si>
  <si>
    <t>50489.0</t>
  </si>
  <si>
    <t>3696629.0</t>
  </si>
  <si>
    <t>631.445</t>
  </si>
  <si>
    <t>50426.0</t>
  </si>
  <si>
    <t>8.614</t>
  </si>
  <si>
    <t>3736252.0</t>
  </si>
  <si>
    <t>39623.0</t>
  </si>
  <si>
    <t>638.213</t>
  </si>
  <si>
    <t>6.768</t>
  </si>
  <si>
    <t>8.581</t>
  </si>
  <si>
    <t>-1095.2</t>
  </si>
  <si>
    <t>-3.47</t>
  </si>
  <si>
    <t>-186.186973405965</t>
  </si>
  <si>
    <t>3790255.0</t>
  </si>
  <si>
    <t>54003.0</t>
  </si>
  <si>
    <t>647.438</t>
  </si>
  <si>
    <t>3841072.0</t>
  </si>
  <si>
    <t>50817.0</t>
  </si>
  <si>
    <t>656.118</t>
  </si>
  <si>
    <t>49377.0</t>
  </si>
  <si>
    <t>8.434</t>
  </si>
  <si>
    <t>3889048.0</t>
  </si>
  <si>
    <t>664.313</t>
  </si>
  <si>
    <t>48276.0</t>
  </si>
  <si>
    <t>3933646.0</t>
  </si>
  <si>
    <t>44598.0</t>
  </si>
  <si>
    <t>671.931</t>
  </si>
  <si>
    <t>7.618</t>
  </si>
  <si>
    <t>46942.0</t>
  </si>
  <si>
    <t>8.018</t>
  </si>
  <si>
    <t>3976829.0</t>
  </si>
  <si>
    <t>43183.0</t>
  </si>
  <si>
    <t>679.307</t>
  </si>
  <si>
    <t>45741.0</t>
  </si>
  <si>
    <t>4010810.0</t>
  </si>
  <si>
    <t>685.112</t>
  </si>
  <si>
    <t>7.667</t>
  </si>
  <si>
    <t>4044765.0</t>
  </si>
  <si>
    <t>690.912</t>
  </si>
  <si>
    <t>44073.0</t>
  </si>
  <si>
    <t>-1099.6</t>
  </si>
  <si>
    <t>-2.6</t>
  </si>
  <si>
    <t>-186.934985351716</t>
  </si>
  <si>
    <t>4097407.0</t>
  </si>
  <si>
    <t>52642.0</t>
  </si>
  <si>
    <t>699.904</t>
  </si>
  <si>
    <t>8.992</t>
  </si>
  <si>
    <t>43879.0</t>
  </si>
  <si>
    <t>4151034.0</t>
  </si>
  <si>
    <t>53627.0</t>
  </si>
  <si>
    <t>709.065</t>
  </si>
  <si>
    <t>4201520.0</t>
  </si>
  <si>
    <t>717.688</t>
  </si>
  <si>
    <t>44639.0</t>
  </si>
  <si>
    <t>4249644.0</t>
  </si>
  <si>
    <t>48124.0</t>
  </si>
  <si>
    <t>725.909</t>
  </si>
  <si>
    <t>7.711</t>
  </si>
  <si>
    <t>4289350.0</t>
  </si>
  <si>
    <t>39706.0</t>
  </si>
  <si>
    <t>732.691</t>
  </si>
  <si>
    <t>6.782</t>
  </si>
  <si>
    <t>44646.0</t>
  </si>
  <si>
    <t>7.626</t>
  </si>
  <si>
    <t>4316819.0</t>
  </si>
  <si>
    <t>737.383</t>
  </si>
  <si>
    <t>43716.0</t>
  </si>
  <si>
    <t>7.467</t>
  </si>
  <si>
    <t>4343589.0</t>
  </si>
  <si>
    <t>741.956</t>
  </si>
  <si>
    <t>4.573</t>
  </si>
  <si>
    <t>42689.0</t>
  </si>
  <si>
    <t>-1183.4</t>
  </si>
  <si>
    <t>-201.181212863969</t>
  </si>
  <si>
    <t>4384190.0</t>
  </si>
  <si>
    <t>40601.0</t>
  </si>
  <si>
    <t>748.891</t>
  </si>
  <si>
    <t>4420479.0</t>
  </si>
  <si>
    <t>36289.0</t>
  </si>
  <si>
    <t>755.09</t>
  </si>
  <si>
    <t>38492.0</t>
  </si>
  <si>
    <t>4456606.0</t>
  </si>
  <si>
    <t>36127.0</t>
  </si>
  <si>
    <t>761.261</t>
  </si>
  <si>
    <t>4492062.0</t>
  </si>
  <si>
    <t>35456.0</t>
  </si>
  <si>
    <t>767.318</t>
  </si>
  <si>
    <t>4526835.0</t>
  </si>
  <si>
    <t>34773.0</t>
  </si>
  <si>
    <t>773.258</t>
  </si>
  <si>
    <t>4553988.0</t>
  </si>
  <si>
    <t>27153.0</t>
  </si>
  <si>
    <t>777.896</t>
  </si>
  <si>
    <t>33881.0</t>
  </si>
  <si>
    <t>5.787</t>
  </si>
  <si>
    <t>4584262.0</t>
  </si>
  <si>
    <t>783.067</t>
  </si>
  <si>
    <t>5.873</t>
  </si>
  <si>
    <t>-1188.2</t>
  </si>
  <si>
    <t>-201.997225895698</t>
  </si>
  <si>
    <t>4632572.0</t>
  </si>
  <si>
    <t>48310.0</t>
  </si>
  <si>
    <t>791.319</t>
  </si>
  <si>
    <t>8.252</t>
  </si>
  <si>
    <t>35483.0</t>
  </si>
  <si>
    <t>4677250.0</t>
  </si>
  <si>
    <t>798.951</t>
  </si>
  <si>
    <t>7.632</t>
  </si>
  <si>
    <t>6.266</t>
  </si>
  <si>
    <t>4724783.0</t>
  </si>
  <si>
    <t>47533.0</t>
  </si>
  <si>
    <t>807.07</t>
  </si>
  <si>
    <t>8.119</t>
  </si>
  <si>
    <t>4774438.0</t>
  </si>
  <si>
    <t>49655.0</t>
  </si>
  <si>
    <t>815.552</t>
  </si>
  <si>
    <t>8.482</t>
  </si>
  <si>
    <t>40339.0</t>
  </si>
  <si>
    <t>4825029.0</t>
  </si>
  <si>
    <t>50591.0</t>
  </si>
  <si>
    <t>824.194</t>
  </si>
  <si>
    <t>4870830.0</t>
  </si>
  <si>
    <t>45801.0</t>
  </si>
  <si>
    <t>832.017</t>
  </si>
  <si>
    <t>7.824</t>
  </si>
  <si>
    <t>7.732</t>
  </si>
  <si>
    <t>4922756.0</t>
  </si>
  <si>
    <t>51926.0</t>
  </si>
  <si>
    <t>840.887</t>
  </si>
  <si>
    <t>48356.0</t>
  </si>
  <si>
    <t>-1106.0</t>
  </si>
  <si>
    <t>-2.44</t>
  </si>
  <si>
    <t>-188.023002727354</t>
  </si>
  <si>
    <t>4988896.0</t>
  </si>
  <si>
    <t>66140.0</t>
  </si>
  <si>
    <t>852.185</t>
  </si>
  <si>
    <t>5062391.0</t>
  </si>
  <si>
    <t>864.739</t>
  </si>
  <si>
    <t>12.554</t>
  </si>
  <si>
    <t>55020.0</t>
  </si>
  <si>
    <t>9.398</t>
  </si>
  <si>
    <t>31.621</t>
  </si>
  <si>
    <t>5132849.0</t>
  </si>
  <si>
    <t>876.775</t>
  </si>
  <si>
    <t>12.035</t>
  </si>
  <si>
    <t>5200972.0</t>
  </si>
  <si>
    <t>68123.0</t>
  </si>
  <si>
    <t>888.411</t>
  </si>
  <si>
    <t>60933.0</t>
  </si>
  <si>
    <t>5265078.0</t>
  </si>
  <si>
    <t>64106.0</t>
  </si>
  <si>
    <t>899.361</t>
  </si>
  <si>
    <t>62864.0</t>
  </si>
  <si>
    <t>5316364.0</t>
  </si>
  <si>
    <t>51286.0</t>
  </si>
  <si>
    <t>908.122</t>
  </si>
  <si>
    <t>40.971</t>
  </si>
  <si>
    <t>5368199.0</t>
  </si>
  <si>
    <t>916.976</t>
  </si>
  <si>
    <t>8.854</t>
  </si>
  <si>
    <t>63635.0</t>
  </si>
  <si>
    <t>-1143.6</t>
  </si>
  <si>
    <t>-194.415104809224</t>
  </si>
  <si>
    <t>5438712.0</t>
  </si>
  <si>
    <t>70513.0</t>
  </si>
  <si>
    <t>929.021</t>
  </si>
  <si>
    <t>12.045</t>
  </si>
  <si>
    <t>10.976</t>
  </si>
  <si>
    <t>5512470.0</t>
  </si>
  <si>
    <t>73758.0</t>
  </si>
  <si>
    <t>941.62</t>
  </si>
  <si>
    <t>64297.0</t>
  </si>
  <si>
    <t>5584103.0</t>
  </si>
  <si>
    <t>71633.0</t>
  </si>
  <si>
    <t>953.856</t>
  </si>
  <si>
    <t>12.236</t>
  </si>
  <si>
    <t>64465.0</t>
  </si>
  <si>
    <t>11.012</t>
  </si>
  <si>
    <t>5655588.0</t>
  </si>
  <si>
    <t>71485.0</t>
  </si>
  <si>
    <t>966.067</t>
  </si>
  <si>
    <t>12.211</t>
  </si>
  <si>
    <t>64945.0</t>
  </si>
  <si>
    <t>48.791</t>
  </si>
  <si>
    <t>5725074.0</t>
  </si>
  <si>
    <t>69486.0</t>
  </si>
  <si>
    <t>977.936</t>
  </si>
  <si>
    <t>11.869</t>
  </si>
  <si>
    <t>65714.0</t>
  </si>
  <si>
    <t>11.225</t>
  </si>
  <si>
    <t>5784113.0</t>
  </si>
  <si>
    <t>59039.0</t>
  </si>
  <si>
    <t>988.021</t>
  </si>
  <si>
    <t>10.085</t>
  </si>
  <si>
    <t>66821.0</t>
  </si>
  <si>
    <t>11.414</t>
  </si>
  <si>
    <t>5842288.0</t>
  </si>
  <si>
    <t>997.958</t>
  </si>
  <si>
    <t>11.569</t>
  </si>
  <si>
    <t>-1144.0</t>
  </si>
  <si>
    <t>-0.04</t>
  </si>
  <si>
    <t>-194.483105895201</t>
  </si>
  <si>
    <t>33.321</t>
  </si>
  <si>
    <t>5923618.0</t>
  </si>
  <si>
    <t>81330.0</t>
  </si>
  <si>
    <t>1011.851</t>
  </si>
  <si>
    <t>13.892</t>
  </si>
  <si>
    <t>69272.0</t>
  </si>
  <si>
    <t>11.833</t>
  </si>
  <si>
    <t>35.871</t>
  </si>
  <si>
    <t>6004400.0</t>
  </si>
  <si>
    <t>80782.0</t>
  </si>
  <si>
    <t>1025.65</t>
  </si>
  <si>
    <t>13.799</t>
  </si>
  <si>
    <t>6080643.0</t>
  </si>
  <si>
    <t>1038.673</t>
  </si>
  <si>
    <t>13.024</t>
  </si>
  <si>
    <t>70934.0</t>
  </si>
  <si>
    <t>12.117</t>
  </si>
  <si>
    <t>6154872.0</t>
  </si>
  <si>
    <t>74229.0</t>
  </si>
  <si>
    <t>1051.353</t>
  </si>
  <si>
    <t>71326.0</t>
  </si>
  <si>
    <t>6226913.0</t>
  </si>
  <si>
    <t>72041.0</t>
  </si>
  <si>
    <t>1063.659</t>
  </si>
  <si>
    <t>12.306</t>
  </si>
  <si>
    <t>71691.0</t>
  </si>
  <si>
    <t>6283037.0</t>
  </si>
  <si>
    <t>56124.0</t>
  </si>
  <si>
    <t>1073.246</t>
  </si>
  <si>
    <t>9.587</t>
  </si>
  <si>
    <t>71275.0</t>
  </si>
  <si>
    <t>12.175</t>
  </si>
  <si>
    <t>6338343.0</t>
  </si>
  <si>
    <t>55306.0</t>
  </si>
  <si>
    <t>1082.693</t>
  </si>
  <si>
    <t>70865.0</t>
  </si>
  <si>
    <t>12.105</t>
  </si>
  <si>
    <t>6417657.0</t>
  </si>
  <si>
    <t>79314.0</t>
  </si>
  <si>
    <t>1096.241</t>
  </si>
  <si>
    <t>13.548</t>
  </si>
  <si>
    <t>70577.0</t>
  </si>
  <si>
    <t>12.056</t>
  </si>
  <si>
    <t>6500199.0</t>
  </si>
  <si>
    <t>82542.0</t>
  </si>
  <si>
    <t>1110.34</t>
  </si>
  <si>
    <t>70828.0</t>
  </si>
  <si>
    <t>12.099</t>
  </si>
  <si>
    <t>6580130.0</t>
  </si>
  <si>
    <t>1123.994</t>
  </si>
  <si>
    <t>13.654</t>
  </si>
  <si>
    <t>71355.0</t>
  </si>
  <si>
    <t>6655531.0</t>
  </si>
  <si>
    <t>75401.0</t>
  </si>
  <si>
    <t>1136.874</t>
  </si>
  <si>
    <t>6728126.0</t>
  </si>
  <si>
    <t>72595.0</t>
  </si>
  <si>
    <t>1149.274</t>
  </si>
  <si>
    <t>12.231</t>
  </si>
  <si>
    <t>6785862.0</t>
  </si>
  <si>
    <t>1159.136</t>
  </si>
  <si>
    <t>9.862</t>
  </si>
  <si>
    <t>6846850.0</t>
  </si>
  <si>
    <t>60988.0</t>
  </si>
  <si>
    <t>1169.554</t>
  </si>
  <si>
    <t>10.418</t>
  </si>
  <si>
    <t>72644.0</t>
  </si>
  <si>
    <t>-1062.4</t>
  </si>
  <si>
    <t>-2.15</t>
  </si>
  <si>
    <t>-180.610884355823</t>
  </si>
  <si>
    <t>6924266.0</t>
  </si>
  <si>
    <t>77416.0</t>
  </si>
  <si>
    <t>1182.778</t>
  </si>
  <si>
    <t>13.224</t>
  </si>
  <si>
    <t>72373.0</t>
  </si>
  <si>
    <t>12.362</t>
  </si>
  <si>
    <t>7008014.0</t>
  </si>
  <si>
    <t>1197.083</t>
  </si>
  <si>
    <t>14.306</t>
  </si>
  <si>
    <t>72545.0</t>
  </si>
  <si>
    <t>12.392</t>
  </si>
  <si>
    <t>7088287.0</t>
  </si>
  <si>
    <t>80273.0</t>
  </si>
  <si>
    <t>1210.795</t>
  </si>
  <si>
    <t>13.712</t>
  </si>
  <si>
    <t>72594.0</t>
  </si>
  <si>
    <t>7168687.0</t>
  </si>
  <si>
    <t>80400.0</t>
  </si>
  <si>
    <t>1224.529</t>
  </si>
  <si>
    <t>13.734</t>
  </si>
  <si>
    <t>73308.0</t>
  </si>
  <si>
    <t>12.522</t>
  </si>
  <si>
    <t>7240859.0</t>
  </si>
  <si>
    <t>72172.0</t>
  </si>
  <si>
    <t>1236.857</t>
  </si>
  <si>
    <t>73248.0</t>
  </si>
  <si>
    <t>12.512</t>
  </si>
  <si>
    <t>7297470.0</t>
  </si>
  <si>
    <t>1246.527</t>
  </si>
  <si>
    <t>12.484</t>
  </si>
  <si>
    <t>7355539.0</t>
  </si>
  <si>
    <t>58069.0</t>
  </si>
  <si>
    <t>1256.446</t>
  </si>
  <si>
    <t>72670.0</t>
  </si>
  <si>
    <t>12.413</t>
  </si>
  <si>
    <t>-1037.2</t>
  </si>
  <si>
    <t>-176.326815939251</t>
  </si>
  <si>
    <t>7436334.0</t>
  </si>
  <si>
    <t>1270.248</t>
  </si>
  <si>
    <t>13.801</t>
  </si>
  <si>
    <t>73153.0</t>
  </si>
  <si>
    <t>7518894.0</t>
  </si>
  <si>
    <t>82560.0</t>
  </si>
  <si>
    <t>1284.35</t>
  </si>
  <si>
    <t>72983.0</t>
  </si>
  <si>
    <t>7603776.0</t>
  </si>
  <si>
    <t>1298.849</t>
  </si>
  <si>
    <t>73641.0</t>
  </si>
  <si>
    <t>49.641</t>
  </si>
  <si>
    <t>7692200.0</t>
  </si>
  <si>
    <t>88424.0</t>
  </si>
  <si>
    <t>1313.954</t>
  </si>
  <si>
    <t>15.104</t>
  </si>
  <si>
    <t>12.775</t>
  </si>
  <si>
    <t>7774078.0</t>
  </si>
  <si>
    <t>81878.0</t>
  </si>
  <si>
    <t>1327.94</t>
  </si>
  <si>
    <t>13.986</t>
  </si>
  <si>
    <t>76174.0</t>
  </si>
  <si>
    <t>7837475.0</t>
  </si>
  <si>
    <t>63397.0</t>
  </si>
  <si>
    <t>1338.769</t>
  </si>
  <si>
    <t>10.829</t>
  </si>
  <si>
    <t>77144.0</t>
  </si>
  <si>
    <t>13.177</t>
  </si>
  <si>
    <t>7906662.0</t>
  </si>
  <si>
    <t>69187.0</t>
  </si>
  <si>
    <t>1350.587</t>
  </si>
  <si>
    <t>11.818</t>
  </si>
  <si>
    <t>78732.0</t>
  </si>
  <si>
    <t>13.449</t>
  </si>
  <si>
    <t>-1043.0</t>
  </si>
  <si>
    <t>-177.312831685922</t>
  </si>
  <si>
    <t>8005047.0</t>
  </si>
  <si>
    <t>98385.0</t>
  </si>
  <si>
    <t>1367.393</t>
  </si>
  <si>
    <t>81245.0</t>
  </si>
  <si>
    <t>13.878</t>
  </si>
  <si>
    <t>60.181</t>
  </si>
  <si>
    <t>8115577.0</t>
  </si>
  <si>
    <t>110530.0</t>
  </si>
  <si>
    <t>1386.273</t>
  </si>
  <si>
    <t>59.331</t>
  </si>
  <si>
    <t>8225230.0</t>
  </si>
  <si>
    <t>109653.0</t>
  </si>
  <si>
    <t>1405.004</t>
  </si>
  <si>
    <t>18.731</t>
  </si>
  <si>
    <t>88779.0</t>
  </si>
  <si>
    <t>15.165</t>
  </si>
  <si>
    <t>58.141</t>
  </si>
  <si>
    <t>8334902.0</t>
  </si>
  <si>
    <t>109672.0</t>
  </si>
  <si>
    <t>1423.738</t>
  </si>
  <si>
    <t>91815.0</t>
  </si>
  <si>
    <t>15.684</t>
  </si>
  <si>
    <t>8437277.0</t>
  </si>
  <si>
    <t>102375.0</t>
  </si>
  <si>
    <t>1441.225</t>
  </si>
  <si>
    <t>17.487</t>
  </si>
  <si>
    <t>94743.0</t>
  </si>
  <si>
    <t>16.184</t>
  </si>
  <si>
    <t>63.071</t>
  </si>
  <si>
    <t>8522829.0</t>
  </si>
  <si>
    <t>85552.0</t>
  </si>
  <si>
    <t>1455.839</t>
  </si>
  <si>
    <t>14.614</t>
  </si>
  <si>
    <t>97908.0</t>
  </si>
  <si>
    <t>16.724</t>
  </si>
  <si>
    <t>8609684.0</t>
  </si>
  <si>
    <t>86855.0</t>
  </si>
  <si>
    <t>1470.675</t>
  </si>
  <si>
    <t>100432.0</t>
  </si>
  <si>
    <t>17.155</t>
  </si>
  <si>
    <t>-1048.6</t>
  </si>
  <si>
    <t>-178.264846889605</t>
  </si>
  <si>
    <t>109.312</t>
  </si>
  <si>
    <t>8732279.0</t>
  </si>
  <si>
    <t>1491.616</t>
  </si>
  <si>
    <t>20.941</t>
  </si>
  <si>
    <t>103890.0</t>
  </si>
  <si>
    <t>17.746</t>
  </si>
  <si>
    <t>8866779.0</t>
  </si>
  <si>
    <t>134500.0</t>
  </si>
  <si>
    <t>1514.591</t>
  </si>
  <si>
    <t>22.975</t>
  </si>
  <si>
    <t>107315.0</t>
  </si>
  <si>
    <t>18.331</t>
  </si>
  <si>
    <t>83.811</t>
  </si>
  <si>
    <t>9003382.0</t>
  </si>
  <si>
    <t>136603.0</t>
  </si>
  <si>
    <t>1537.925</t>
  </si>
  <si>
    <t>23.334</t>
  </si>
  <si>
    <t>111165.0</t>
  </si>
  <si>
    <t>18.989</t>
  </si>
  <si>
    <t>9137269.0</t>
  </si>
  <si>
    <t>133887.0</t>
  </si>
  <si>
    <t>1560.795</t>
  </si>
  <si>
    <t>114624.0</t>
  </si>
  <si>
    <t>9267514.0</t>
  </si>
  <si>
    <t>130245.0</t>
  </si>
  <si>
    <t>1583.043</t>
  </si>
  <si>
    <t>22.248</t>
  </si>
  <si>
    <t>118605.0</t>
  </si>
  <si>
    <t>103.022</t>
  </si>
  <si>
    <t>9382629.0</t>
  </si>
  <si>
    <t>115115.0</t>
  </si>
  <si>
    <t>1602.707</t>
  </si>
  <si>
    <t>19.664</t>
  </si>
  <si>
    <t>122829.0</t>
  </si>
  <si>
    <t>20.981</t>
  </si>
  <si>
    <t>9503557.0</t>
  </si>
  <si>
    <t>120928.0</t>
  </si>
  <si>
    <t>1623.363</t>
  </si>
  <si>
    <t>20.656</t>
  </si>
  <si>
    <t>127696.0</t>
  </si>
  <si>
    <t>-861.6</t>
  </si>
  <si>
    <t>-146.474339195197</t>
  </si>
  <si>
    <t>9671850.0</t>
  </si>
  <si>
    <t>168293.0</t>
  </si>
  <si>
    <t>1652.11</t>
  </si>
  <si>
    <t>28.747</t>
  </si>
  <si>
    <t>134224.0</t>
  </si>
  <si>
    <t>22.928</t>
  </si>
  <si>
    <t>9835376.0</t>
  </si>
  <si>
    <t>163526.0</t>
  </si>
  <si>
    <t>1680.043</t>
  </si>
  <si>
    <t>27.933</t>
  </si>
  <si>
    <t>138371.0</t>
  </si>
  <si>
    <t>23.636</t>
  </si>
  <si>
    <t>179.693</t>
  </si>
  <si>
    <t>9955968.0</t>
  </si>
  <si>
    <t>1700.642</t>
  </si>
  <si>
    <t>20.599</t>
  </si>
  <si>
    <t>136084.0</t>
  </si>
  <si>
    <t>23.245</t>
  </si>
  <si>
    <t>9994835.0</t>
  </si>
  <si>
    <t>38867.0</t>
  </si>
  <si>
    <t>1707.281</t>
  </si>
  <si>
    <t>6.639</t>
  </si>
  <si>
    <t>20.927</t>
  </si>
  <si>
    <t>10034217.0</t>
  </si>
  <si>
    <t>1714.008</t>
  </si>
  <si>
    <t>109529.0</t>
  </si>
  <si>
    <t>18.709</t>
  </si>
  <si>
    <t>10097067.0</t>
  </si>
  <si>
    <t>62850.0</t>
  </si>
  <si>
    <t>1724.744</t>
  </si>
  <si>
    <t>10.736</t>
  </si>
  <si>
    <t>102063.0</t>
  </si>
  <si>
    <t>17.434</t>
  </si>
  <si>
    <t>10164224.0</t>
  </si>
  <si>
    <t>67157.0</t>
  </si>
  <si>
    <t>1736.216</t>
  </si>
  <si>
    <t>94381.0</t>
  </si>
  <si>
    <t>-743.8</t>
  </si>
  <si>
    <t>-126.448019374869</t>
  </si>
  <si>
    <t>10276485.0</t>
  </si>
  <si>
    <t>112261.0</t>
  </si>
  <si>
    <t>1755.392</t>
  </si>
  <si>
    <t>19.176</t>
  </si>
  <si>
    <t>86376.0</t>
  </si>
  <si>
    <t>14.754</t>
  </si>
  <si>
    <t>10394374.0</t>
  </si>
  <si>
    <t>117889.0</t>
  </si>
  <si>
    <t>1775.529</t>
  </si>
  <si>
    <t>20.137</t>
  </si>
  <si>
    <t>79857.0</t>
  </si>
  <si>
    <t>13.641</t>
  </si>
  <si>
    <t>14924.0</t>
  </si>
  <si>
    <t>10505754.0</t>
  </si>
  <si>
    <t>111380.0</t>
  </si>
  <si>
    <t>1794.555</t>
  </si>
  <si>
    <t>19.026</t>
  </si>
  <si>
    <t>78541.0</t>
  </si>
  <si>
    <t>24845.0</t>
  </si>
  <si>
    <t>10540209.0</t>
  </si>
  <si>
    <t>34455.0</t>
  </si>
  <si>
    <t>1800.44</t>
  </si>
  <si>
    <t>5.885</t>
  </si>
  <si>
    <t>77911.0</t>
  </si>
  <si>
    <t>13.308</t>
  </si>
  <si>
    <t>29886.0</t>
  </si>
  <si>
    <t>29885.0</t>
  </si>
  <si>
    <t>10572230.0</t>
  </si>
  <si>
    <t>32021.0</t>
  </si>
  <si>
    <t>1805.91</t>
  </si>
  <si>
    <t>76859.0</t>
  </si>
  <si>
    <t>13.129</t>
  </si>
  <si>
    <t>31781.0</t>
  </si>
  <si>
    <t>31780.0</t>
  </si>
  <si>
    <t>10645683.0</t>
  </si>
  <si>
    <t>73453.0</t>
  </si>
  <si>
    <t>1818.457</t>
  </si>
  <si>
    <t>78374.0</t>
  </si>
  <si>
    <t>13.388</t>
  </si>
  <si>
    <t>38918.0</t>
  </si>
  <si>
    <t>10711306.0</t>
  </si>
  <si>
    <t>65623.0</t>
  </si>
  <si>
    <t>1829.666</t>
  </si>
  <si>
    <t>11.209</t>
  </si>
  <si>
    <t>78155.0</t>
  </si>
  <si>
    <t>-579.0</t>
  </si>
  <si>
    <t>-98.4315719522041</t>
  </si>
  <si>
    <t>10818667.0</t>
  </si>
  <si>
    <t>107361.0</t>
  </si>
  <si>
    <t>1848.005</t>
  </si>
  <si>
    <t>18.339</t>
  </si>
  <si>
    <t>77455.0</t>
  </si>
  <si>
    <t>45758.0</t>
  </si>
  <si>
    <t>45757.0</t>
  </si>
  <si>
    <t>10924244.0</t>
  </si>
  <si>
    <t>105577.0</t>
  </si>
  <si>
    <t>1866.04</t>
  </si>
  <si>
    <t>18.034</t>
  </si>
  <si>
    <t>75696.0</t>
  </si>
  <si>
    <t>57075.0</t>
  </si>
  <si>
    <t>11021279.0</t>
  </si>
  <si>
    <t>97035.0</t>
  </si>
  <si>
    <t>1882.615</t>
  </si>
  <si>
    <t>73646.0</t>
  </si>
  <si>
    <t>73209.0</t>
  </si>
  <si>
    <t>73208.0</t>
  </si>
  <si>
    <t>146.372</t>
  </si>
  <si>
    <t>11107700.0</t>
  </si>
  <si>
    <t>86421.0</t>
  </si>
  <si>
    <t>1897.377</t>
  </si>
  <si>
    <t>14.762</t>
  </si>
  <si>
    <t>81070.0</t>
  </si>
  <si>
    <t>13.848</t>
  </si>
  <si>
    <t>87489.0</t>
  </si>
  <si>
    <t>11184270.0</t>
  </si>
  <si>
    <t>76570.0</t>
  </si>
  <si>
    <t>1910.456</t>
  </si>
  <si>
    <t>13.079</t>
  </si>
  <si>
    <t>87434.0</t>
  </si>
  <si>
    <t>14.935</t>
  </si>
  <si>
    <t>94431.0</t>
  </si>
  <si>
    <t>94428.0</t>
  </si>
  <si>
    <t>141.612</t>
  </si>
  <si>
    <t>11237791.0</t>
  </si>
  <si>
    <t>53521.0</t>
  </si>
  <si>
    <t>1919.599</t>
  </si>
  <si>
    <t>14.449</t>
  </si>
  <si>
    <t>96206.0</t>
  </si>
  <si>
    <t>96201.0</t>
  </si>
  <si>
    <t>11286545.0</t>
  </si>
  <si>
    <t>1927.927</t>
  </si>
  <si>
    <t>82177.0</t>
  </si>
  <si>
    <t>14.037</t>
  </si>
  <si>
    <t>97025.0</t>
  </si>
  <si>
    <t>97020.0</t>
  </si>
  <si>
    <t>-506.5</t>
  </si>
  <si>
    <t>-86.1063751188107</t>
  </si>
  <si>
    <t>11369256.0</t>
  </si>
  <si>
    <t>1942.055</t>
  </si>
  <si>
    <t>78656.0</t>
  </si>
  <si>
    <t>97690.0</t>
  </si>
  <si>
    <t>97685.0</t>
  </si>
  <si>
    <t>11455447.0</t>
  </si>
  <si>
    <t>86191.0</t>
  </si>
  <si>
    <t>1956.778</t>
  </si>
  <si>
    <t>14.723</t>
  </si>
  <si>
    <t>75886.0</t>
  </si>
  <si>
    <t>12.963</t>
  </si>
  <si>
    <t>98158.0</t>
  </si>
  <si>
    <t>98151.0</t>
  </si>
  <si>
    <t>11534307.0</t>
  </si>
  <si>
    <t>78860.0</t>
  </si>
  <si>
    <t>1970.248</t>
  </si>
  <si>
    <t>73290.0</t>
  </si>
  <si>
    <t>12.519</t>
  </si>
  <si>
    <t>109495.0</t>
  </si>
  <si>
    <t>128.012</t>
  </si>
  <si>
    <t>11641044.0</t>
  </si>
  <si>
    <t>106737.0</t>
  </si>
  <si>
    <t>1988.481</t>
  </si>
  <si>
    <t>18.232</t>
  </si>
  <si>
    <t>76192.0</t>
  </si>
  <si>
    <t>13.015</t>
  </si>
  <si>
    <t>125038.0</t>
  </si>
  <si>
    <t>125024.0</t>
  </si>
  <si>
    <t>15530.0</t>
  </si>
  <si>
    <t>11741952.0</t>
  </si>
  <si>
    <t>100908.0</t>
  </si>
  <si>
    <t>2005.718</t>
  </si>
  <si>
    <t>17.237</t>
  </si>
  <si>
    <t>79669.0</t>
  </si>
  <si>
    <t>13.609</t>
  </si>
  <si>
    <t>138042.0</t>
  </si>
  <si>
    <t>138023.0</t>
  </si>
  <si>
    <t>13004.0</t>
  </si>
  <si>
    <t>11819311.0</t>
  </si>
  <si>
    <t>77359.0</t>
  </si>
  <si>
    <t>2018.932</t>
  </si>
  <si>
    <t>83074.0</t>
  </si>
  <si>
    <t>141916.0</t>
  </si>
  <si>
    <t>114.752</t>
  </si>
  <si>
    <t>11894584.0</t>
  </si>
  <si>
    <t>75273.0</t>
  </si>
  <si>
    <t>2031.79</t>
  </si>
  <si>
    <t>14.838</t>
  </si>
  <si>
    <t>144459.0</t>
  </si>
  <si>
    <t>143881.0</t>
  </si>
  <si>
    <t>-448.6</t>
  </si>
  <si>
    <t>-76.2632179235903</t>
  </si>
  <si>
    <t>12005979.0</t>
  </si>
  <si>
    <t>2050.818</t>
  </si>
  <si>
    <t>19.028</t>
  </si>
  <si>
    <t>90960.0</t>
  </si>
  <si>
    <t>15.537</t>
  </si>
  <si>
    <t>149457.0</t>
  </si>
  <si>
    <t>147140.0</t>
  </si>
  <si>
    <t>12131166.0</t>
  </si>
  <si>
    <t>125187.0</t>
  </si>
  <si>
    <t>2072.202</t>
  </si>
  <si>
    <t>21.384</t>
  </si>
  <si>
    <t>96531.0</t>
  </si>
  <si>
    <t>16.489</t>
  </si>
  <si>
    <t>99.1</t>
  </si>
  <si>
    <t>153304.0</t>
  </si>
  <si>
    <t>149296.0</t>
  </si>
  <si>
    <t>12247844.0</t>
  </si>
  <si>
    <t>116678.0</t>
  </si>
  <si>
    <t>2092.132</t>
  </si>
  <si>
    <t>19.931</t>
  </si>
  <si>
    <t>101934.0</t>
  </si>
  <si>
    <t>17.412</t>
  </si>
  <si>
    <t>156151.0</t>
  </si>
  <si>
    <t>150613.0</t>
  </si>
  <si>
    <t>12374573.0</t>
  </si>
  <si>
    <t>126729.0</t>
  </si>
  <si>
    <t>2113.78</t>
  </si>
  <si>
    <t>104790.0</t>
  </si>
  <si>
    <t>159443.0</t>
  </si>
  <si>
    <t>151963.0</t>
  </si>
  <si>
    <t>12487725.0</t>
  </si>
  <si>
    <t>113152.0</t>
  </si>
  <si>
    <t>2133.108</t>
  </si>
  <si>
    <t>106539.0</t>
  </si>
  <si>
    <t>18.199</t>
  </si>
  <si>
    <t>164776.0</t>
  </si>
  <si>
    <t>152563.0</t>
  </si>
  <si>
    <t>12213.0</t>
  </si>
  <si>
    <t>119.512</t>
  </si>
  <si>
    <t>12569508.0</t>
  </si>
  <si>
    <t>81783.0</t>
  </si>
  <si>
    <t>2147.078</t>
  </si>
  <si>
    <t>107171.0</t>
  </si>
  <si>
    <t>170936.0</t>
  </si>
  <si>
    <t>153169.0</t>
  </si>
  <si>
    <t>12649562.0</t>
  </si>
  <si>
    <t>80054.0</t>
  </si>
  <si>
    <t>2160.752</t>
  </si>
  <si>
    <t>107854.0</t>
  </si>
  <si>
    <t>18.423</t>
  </si>
  <si>
    <t>176489.0</t>
  </si>
  <si>
    <t>153676.0</t>
  </si>
  <si>
    <t>-321.1</t>
  </si>
  <si>
    <t>-54.5878717683122</t>
  </si>
  <si>
    <t>125.462</t>
  </si>
  <si>
    <t>12776544.0</t>
  </si>
  <si>
    <t>126982.0</t>
  </si>
  <si>
    <t>2182.443</t>
  </si>
  <si>
    <t>21.691</t>
  </si>
  <si>
    <t>110081.0</t>
  </si>
  <si>
    <t>18.804</t>
  </si>
  <si>
    <t>178804.0</t>
  </si>
  <si>
    <t>153945.0</t>
  </si>
  <si>
    <t>12900445.0</t>
  </si>
  <si>
    <t>123901.0</t>
  </si>
  <si>
    <t>2203.607</t>
  </si>
  <si>
    <t>21.164</t>
  </si>
  <si>
    <t>109897.0</t>
  </si>
  <si>
    <t>18.772</t>
  </si>
  <si>
    <t>180473.0</t>
  </si>
  <si>
    <t>154151.0</t>
  </si>
  <si>
    <t>26322.0</t>
  </si>
  <si>
    <t>13018089.0</t>
  </si>
  <si>
    <t>117644.0</t>
  </si>
  <si>
    <t>2223.703</t>
  </si>
  <si>
    <t>20.096</t>
  </si>
  <si>
    <t>110035.0</t>
  </si>
  <si>
    <t>18.796</t>
  </si>
  <si>
    <t>184388.0</t>
  </si>
  <si>
    <t>154363.0</t>
  </si>
  <si>
    <t>13156826.0</t>
  </si>
  <si>
    <t>138737.0</t>
  </si>
  <si>
    <t>2247.401</t>
  </si>
  <si>
    <t>23.699</t>
  </si>
  <si>
    <t>111750.0</t>
  </si>
  <si>
    <t>19.089</t>
  </si>
  <si>
    <t>158.3</t>
  </si>
  <si>
    <t>191983.0</t>
  </si>
  <si>
    <t>154599.0</t>
  </si>
  <si>
    <t>13275001.0</t>
  </si>
  <si>
    <t>118175.0</t>
  </si>
  <si>
    <t>2267.587</t>
  </si>
  <si>
    <t>20.186</t>
  </si>
  <si>
    <t>112468.0</t>
  </si>
  <si>
    <t>19.211</t>
  </si>
  <si>
    <t>170.2</t>
  </si>
  <si>
    <t>208617.0</t>
  </si>
  <si>
    <t>155566.0</t>
  </si>
  <si>
    <t>53051.0</t>
  </si>
  <si>
    <t>13358170.0</t>
  </si>
  <si>
    <t>83169.0</t>
  </si>
  <si>
    <t>2281.794</t>
  </si>
  <si>
    <t>14.207</t>
  </si>
  <si>
    <t>112666.0</t>
  </si>
  <si>
    <t>19.245</t>
  </si>
  <si>
    <t>220210.0</t>
  </si>
  <si>
    <t>156593.0</t>
  </si>
  <si>
    <t>63617.0</t>
  </si>
  <si>
    <t>13435713.0</t>
  </si>
  <si>
    <t>77543.0</t>
  </si>
  <si>
    <t>2295.04</t>
  </si>
  <si>
    <t>19.184</t>
  </si>
  <si>
    <t>206.8</t>
  </si>
  <si>
    <t>231172.0</t>
  </si>
  <si>
    <t>157654.0</t>
  </si>
  <si>
    <t>73518.0</t>
  </si>
  <si>
    <t>-243.2</t>
  </si>
  <si>
    <t>-41.3446602742246</t>
  </si>
  <si>
    <t>13563811.0</t>
  </si>
  <si>
    <t>128098.0</t>
  </si>
  <si>
    <t>2316.921</t>
  </si>
  <si>
    <t>21.881</t>
  </si>
  <si>
    <t>112467.0</t>
  </si>
  <si>
    <t>238871.0</t>
  </si>
  <si>
    <t>158346.0</t>
  </si>
  <si>
    <t>80525.0</t>
  </si>
  <si>
    <t>13683335.0</t>
  </si>
  <si>
    <t>119524.0</t>
  </si>
  <si>
    <t>2337.338</t>
  </si>
  <si>
    <t>20.417</t>
  </si>
  <si>
    <t>111841.0</t>
  </si>
  <si>
    <t>19.104</t>
  </si>
  <si>
    <t>243176.0</t>
  </si>
  <si>
    <t>83176.0</t>
  </si>
  <si>
    <t>13798505.0</t>
  </si>
  <si>
    <t>115170.0</t>
  </si>
  <si>
    <t>2357.01</t>
  </si>
  <si>
    <t>19.673</t>
  </si>
  <si>
    <t>111488.0</t>
  </si>
  <si>
    <t>19.044</t>
  </si>
  <si>
    <t>249888.0</t>
  </si>
  <si>
    <t>161177.0</t>
  </si>
  <si>
    <t>88711.0</t>
  </si>
  <si>
    <t>13946942.0</t>
  </si>
  <si>
    <t>148437.0</t>
  </si>
  <si>
    <t>2382.366</t>
  </si>
  <si>
    <t>25.355</t>
  </si>
  <si>
    <t>112874.0</t>
  </si>
  <si>
    <t>19.281</t>
  </si>
  <si>
    <t>260673.0</t>
  </si>
  <si>
    <t>162335.0</t>
  </si>
  <si>
    <t>98338.0</t>
  </si>
  <si>
    <t>68.851</t>
  </si>
  <si>
    <t>14079747.0</t>
  </si>
  <si>
    <t>132805.0</t>
  </si>
  <si>
    <t>2405.051</t>
  </si>
  <si>
    <t>22.685</t>
  </si>
  <si>
    <t>114964.0</t>
  </si>
  <si>
    <t>19.638</t>
  </si>
  <si>
    <t>273728.0</t>
  </si>
  <si>
    <t>163732.0</t>
  </si>
  <si>
    <t>14171021.0</t>
  </si>
  <si>
    <t>91274.0</t>
  </si>
  <si>
    <t>2420.642</t>
  </si>
  <si>
    <t>116122.0</t>
  </si>
  <si>
    <t>19.836</t>
  </si>
  <si>
    <t>280400.0</t>
  </si>
  <si>
    <t>164606.0</t>
  </si>
  <si>
    <t>115794.0</t>
  </si>
  <si>
    <t>14249981.0</t>
  </si>
  <si>
    <t>78960.0</t>
  </si>
  <si>
    <t>2434.13</t>
  </si>
  <si>
    <t>13.488</t>
  </si>
  <si>
    <t>116324.0</t>
  </si>
  <si>
    <t>258.6</t>
  </si>
  <si>
    <t>285070.0</t>
  </si>
  <si>
    <t>118902.0</t>
  </si>
  <si>
    <t>-226.5</t>
  </si>
  <si>
    <t>-38.5056149346705</t>
  </si>
  <si>
    <t>14378793.0</t>
  </si>
  <si>
    <t>128812.0</t>
  </si>
  <si>
    <t>2456.133</t>
  </si>
  <si>
    <t>22.003</t>
  </si>
  <si>
    <t>19.887</t>
  </si>
  <si>
    <t>263.7</t>
  </si>
  <si>
    <t>293401.0</t>
  </si>
  <si>
    <t>168280.0</t>
  </si>
  <si>
    <t>125121.0</t>
  </si>
  <si>
    <t>7790.0</t>
  </si>
  <si>
    <t>14497521.0</t>
  </si>
  <si>
    <t>118728.0</t>
  </si>
  <si>
    <t>2476.414</t>
  </si>
  <si>
    <t>116312.0</t>
  </si>
  <si>
    <t>300730.0</t>
  </si>
  <si>
    <t>171352.0</t>
  </si>
  <si>
    <t>129378.0</t>
  </si>
  <si>
    <t>14620481.0</t>
  </si>
  <si>
    <t>122960.0</t>
  </si>
  <si>
    <t>2497.417</t>
  </si>
  <si>
    <t>21.004</t>
  </si>
  <si>
    <t>117425.0</t>
  </si>
  <si>
    <t>264.7</t>
  </si>
  <si>
    <t>307214.0</t>
  </si>
  <si>
    <t>132812.0</t>
  </si>
  <si>
    <t>14773421.0</t>
  </si>
  <si>
    <t>152940.0</t>
  </si>
  <si>
    <t>2523.542</t>
  </si>
  <si>
    <t>26.125</t>
  </si>
  <si>
    <t>118068.0</t>
  </si>
  <si>
    <t>20.168</t>
  </si>
  <si>
    <t>272.8</t>
  </si>
  <si>
    <t>314876.0</t>
  </si>
  <si>
    <t>179834.0</t>
  </si>
  <si>
    <t>135042.0</t>
  </si>
  <si>
    <t>14904986.0</t>
  </si>
  <si>
    <t>131565.0</t>
  </si>
  <si>
    <t>2546.016</t>
  </si>
  <si>
    <t>22.473</t>
  </si>
  <si>
    <t>117891.0</t>
  </si>
  <si>
    <t>20.138</t>
  </si>
  <si>
    <t>273.3</t>
  </si>
  <si>
    <t>333532.0</t>
  </si>
  <si>
    <t>191152.0</t>
  </si>
  <si>
    <t>142380.0</t>
  </si>
  <si>
    <t>5.67</t>
  </si>
  <si>
    <t>14995090.0</t>
  </si>
  <si>
    <t>90104.0</t>
  </si>
  <si>
    <t>2561.407</t>
  </si>
  <si>
    <t>15.391</t>
  </si>
  <si>
    <t>117724.0</t>
  </si>
  <si>
    <t>20.109</t>
  </si>
  <si>
    <t>340315.0</t>
  </si>
  <si>
    <t>143207.0</t>
  </si>
  <si>
    <t>15080036.0</t>
  </si>
  <si>
    <t>84946.0</t>
  </si>
  <si>
    <t>2575.917</t>
  </si>
  <si>
    <t>118579.0</t>
  </si>
  <si>
    <t>20.255</t>
  </si>
  <si>
    <t>346544.0</t>
  </si>
  <si>
    <t>202795.0</t>
  </si>
  <si>
    <t>143749.0</t>
  </si>
  <si>
    <t>-291.4</t>
  </si>
  <si>
    <t>-49.5387911344945</t>
  </si>
  <si>
    <t>15210727.0</t>
  </si>
  <si>
    <t>130691.0</t>
  </si>
  <si>
    <t>2598.241</t>
  </si>
  <si>
    <t>22.324</t>
  </si>
  <si>
    <t>118848.0</t>
  </si>
  <si>
    <t>20.301</t>
  </si>
  <si>
    <t>302.7</t>
  </si>
  <si>
    <t>361838.0</t>
  </si>
  <si>
    <t>215099.0</t>
  </si>
  <si>
    <t>146739.0</t>
  </si>
  <si>
    <t>15335327.0</t>
  </si>
  <si>
    <t>124600.0</t>
  </si>
  <si>
    <t>2619.525</t>
  </si>
  <si>
    <t>21.284</t>
  </si>
  <si>
    <t>119687.0</t>
  </si>
  <si>
    <t>20.444</t>
  </si>
  <si>
    <t>302.9</t>
  </si>
  <si>
    <t>374972.0</t>
  </si>
  <si>
    <t>226992.0</t>
  </si>
  <si>
    <t>147980.0</t>
  </si>
  <si>
    <t>7949.0</t>
  </si>
  <si>
    <t>47.601</t>
  </si>
  <si>
    <t>15459462.0</t>
  </si>
  <si>
    <t>124135.0</t>
  </si>
  <si>
    <t>2640.729</t>
  </si>
  <si>
    <t>21.204</t>
  </si>
  <si>
    <t>119854.0</t>
  </si>
  <si>
    <t>384806.0</t>
  </si>
  <si>
    <t>236455.0</t>
  </si>
  <si>
    <t>148351.0</t>
  </si>
  <si>
    <t>9834.0</t>
  </si>
  <si>
    <t>15613270.0</t>
  </si>
  <si>
    <t>153808.0</t>
  </si>
  <si>
    <t>2667.002</t>
  </si>
  <si>
    <t>26.273</t>
  </si>
  <si>
    <t>119978.0</t>
  </si>
  <si>
    <t>311.1</t>
  </si>
  <si>
    <t>395801.0</t>
  </si>
  <si>
    <t>247148.0</t>
  </si>
  <si>
    <t>148653.0</t>
  </si>
  <si>
    <t>15742061.0</t>
  </si>
  <si>
    <t>2689.002</t>
  </si>
  <si>
    <t>119582.0</t>
  </si>
  <si>
    <t>20.427</t>
  </si>
  <si>
    <t>409608.0</t>
  </si>
  <si>
    <t>260078.0</t>
  </si>
  <si>
    <t>149530.0</t>
  </si>
  <si>
    <t>10868.0</t>
  </si>
  <si>
    <t>15839685.0</t>
  </si>
  <si>
    <t>97624.0</t>
  </si>
  <si>
    <t>2705.677</t>
  </si>
  <si>
    <t>120656.0</t>
  </si>
  <si>
    <t>280.2</t>
  </si>
  <si>
    <t>419542.0</t>
  </si>
  <si>
    <t>269509.0</t>
  </si>
  <si>
    <t>150033.0</t>
  </si>
  <si>
    <t>15936604.0</t>
  </si>
  <si>
    <t>96919.0</t>
  </si>
  <si>
    <t>2722.233</t>
  </si>
  <si>
    <t>122367.0</t>
  </si>
  <si>
    <t>20.902</t>
  </si>
  <si>
    <t>266.4</t>
  </si>
  <si>
    <t>429654.0</t>
  </si>
  <si>
    <t>279296.0</t>
  </si>
  <si>
    <t>150358.0</t>
  </si>
  <si>
    <t>11873.0</t>
  </si>
  <si>
    <t>-436.9</t>
  </si>
  <si>
    <t>-0.68</t>
  </si>
  <si>
    <t>-74.274186158753</t>
  </si>
  <si>
    <t>16085429.0</t>
  </si>
  <si>
    <t>148825.0</t>
  </si>
  <si>
    <t>2747.655</t>
  </si>
  <si>
    <t>25.422</t>
  </si>
  <si>
    <t>124957.0</t>
  </si>
  <si>
    <t>21.345</t>
  </si>
  <si>
    <t>443264.0</t>
  </si>
  <si>
    <t>291869.0</t>
  </si>
  <si>
    <t>151395.0</t>
  </si>
  <si>
    <t>11632.0</t>
  </si>
  <si>
    <t>16225055.0</t>
  </si>
  <si>
    <t>139626.0</t>
  </si>
  <si>
    <t>2771.505</t>
  </si>
  <si>
    <t>127104.0</t>
  </si>
  <si>
    <t>21.711</t>
  </si>
  <si>
    <t>263.8</t>
  </si>
  <si>
    <t>458484.0</t>
  </si>
  <si>
    <t>305351.0</t>
  </si>
  <si>
    <t>153132.0</t>
  </si>
  <si>
    <t>15220.0</t>
  </si>
  <si>
    <t>16360955.0</t>
  </si>
  <si>
    <t>135900.0</t>
  </si>
  <si>
    <t>2794.719</t>
  </si>
  <si>
    <t>23.214</t>
  </si>
  <si>
    <t>128785.0</t>
  </si>
  <si>
    <t>21.999</t>
  </si>
  <si>
    <t>472912.0</t>
  </si>
  <si>
    <t>318182.0</t>
  </si>
  <si>
    <t>154728.0</t>
  </si>
  <si>
    <t>16529584.0</t>
  </si>
  <si>
    <t>168629.0</t>
  </si>
  <si>
    <t>2823.523</t>
  </si>
  <si>
    <t>28.805</t>
  </si>
  <si>
    <t>130902.0</t>
  </si>
  <si>
    <t>487522.0</t>
  </si>
  <si>
    <t>332245.0</t>
  </si>
  <si>
    <t>155274.0</t>
  </si>
  <si>
    <t>13103.0</t>
  </si>
  <si>
    <t>12157.0</t>
  </si>
  <si>
    <t>16682950.0</t>
  </si>
  <si>
    <t>2849.721</t>
  </si>
  <si>
    <t>26.197</t>
  </si>
  <si>
    <t>134413.0</t>
  </si>
  <si>
    <t>522889.0</t>
  </si>
  <si>
    <t>366632.0</t>
  </si>
  <si>
    <t>156253.0</t>
  </si>
  <si>
    <t>16183.0</t>
  </si>
  <si>
    <t>15222.0</t>
  </si>
  <si>
    <t>16803238.0</t>
  </si>
  <si>
    <t>120288.0</t>
  </si>
  <si>
    <t>2870.268</t>
  </si>
  <si>
    <t>20.547</t>
  </si>
  <si>
    <t>137650.0</t>
  </si>
  <si>
    <t>23.513</t>
  </si>
  <si>
    <t>263.9</t>
  </si>
  <si>
    <t>530264.0</t>
  </si>
  <si>
    <t>372842.0</t>
  </si>
  <si>
    <t>157417.0</t>
  </si>
  <si>
    <t>15817.0</t>
  </si>
  <si>
    <t>14762.0</t>
  </si>
  <si>
    <t>34.341</t>
  </si>
  <si>
    <t>16921380.0</t>
  </si>
  <si>
    <t>118142.0</t>
  </si>
  <si>
    <t>2890.449</t>
  </si>
  <si>
    <t>140682.0</t>
  </si>
  <si>
    <t>24.031</t>
  </si>
  <si>
    <t>272.2</t>
  </si>
  <si>
    <t>541572.0</t>
  </si>
  <si>
    <t>382985.0</t>
  </si>
  <si>
    <t>158580.0</t>
  </si>
  <si>
    <t>15988.0</t>
  </si>
  <si>
    <t>-663.2</t>
  </si>
  <si>
    <t>-1.01</t>
  </si>
  <si>
    <t>-18.92</t>
  </si>
  <si>
    <t>-112.745800550435</t>
  </si>
  <si>
    <t>17090297.0</t>
  </si>
  <si>
    <t>168917.0</t>
  </si>
  <si>
    <t>2919.302</t>
  </si>
  <si>
    <t>28.854</t>
  </si>
  <si>
    <t>143553.0</t>
  </si>
  <si>
    <t>24.521</t>
  </si>
  <si>
    <t>560969.0</t>
  </si>
  <si>
    <t>401433.0</t>
  </si>
  <si>
    <t>159527.0</t>
  </si>
  <si>
    <t>15652.0</t>
  </si>
  <si>
    <t>17251456.0</t>
  </si>
  <si>
    <t>161159.0</t>
  </si>
  <si>
    <t>2946.831</t>
  </si>
  <si>
    <t>27.529</t>
  </si>
  <si>
    <t>146629.0</t>
  </si>
  <si>
    <t>25.047</t>
  </si>
  <si>
    <t>279.8</t>
  </si>
  <si>
    <t>578129.0</t>
  </si>
  <si>
    <t>417443.0</t>
  </si>
  <si>
    <t>160676.0</t>
  </si>
  <si>
    <t>17407996.0</t>
  </si>
  <si>
    <t>156540.0</t>
  </si>
  <si>
    <t>2973.571</t>
  </si>
  <si>
    <t>149577.0</t>
  </si>
  <si>
    <t>591615.0</t>
  </si>
  <si>
    <t>430026.0</t>
  </si>
  <si>
    <t>161578.0</t>
  </si>
  <si>
    <t>17595075.0</t>
  </si>
  <si>
    <t>187079.0</t>
  </si>
  <si>
    <t>3005.527</t>
  </si>
  <si>
    <t>31.956</t>
  </si>
  <si>
    <t>152213.0</t>
  </si>
  <si>
    <t>610181.0</t>
  </si>
  <si>
    <t>446922.0</t>
  </si>
  <si>
    <t>163247.0</t>
  </si>
  <si>
    <t>18566.0</t>
  </si>
  <si>
    <t>16382.0</t>
  </si>
  <si>
    <t>17750322.0</t>
  </si>
  <si>
    <t>155247.0</t>
  </si>
  <si>
    <t>3032.045</t>
  </si>
  <si>
    <t>26.519</t>
  </si>
  <si>
    <t>152482.0</t>
  </si>
  <si>
    <t>26.046</t>
  </si>
  <si>
    <t>630994.0</t>
  </si>
  <si>
    <t>462683.0</t>
  </si>
  <si>
    <t>168299.0</t>
  </si>
  <si>
    <t>13722.0</t>
  </si>
  <si>
    <t>17865804.0</t>
  </si>
  <si>
    <t>115482.0</t>
  </si>
  <si>
    <t>3051.772</t>
  </si>
  <si>
    <t>25.929</t>
  </si>
  <si>
    <t>648361.0</t>
  </si>
  <si>
    <t>476608.0</t>
  </si>
  <si>
    <t>171741.0</t>
  </si>
  <si>
    <t>17367.0</t>
  </si>
  <si>
    <t>16871.0</t>
  </si>
  <si>
    <t>17987447.0</t>
  </si>
  <si>
    <t>3072.55</t>
  </si>
  <si>
    <t>663341.0</t>
  </si>
  <si>
    <t>487870.0</t>
  </si>
  <si>
    <t>175459.0</t>
  </si>
  <si>
    <t>17396.0</t>
  </si>
  <si>
    <t>-911.7</t>
  </si>
  <si>
    <t>-20.33</t>
  </si>
  <si>
    <t>-154.991475213859</t>
  </si>
  <si>
    <t>18157885.0</t>
  </si>
  <si>
    <t>170438.0</t>
  </si>
  <si>
    <t>3101.664</t>
  </si>
  <si>
    <t>29.114</t>
  </si>
  <si>
    <t>298.9</t>
  </si>
  <si>
    <t>678128.0</t>
  </si>
  <si>
    <t>496952.0</t>
  </si>
  <si>
    <t>181164.0</t>
  </si>
  <si>
    <t>16737.0</t>
  </si>
  <si>
    <t>13646.0</t>
  </si>
  <si>
    <t>18313380.0</t>
  </si>
  <si>
    <t>155495.0</t>
  </si>
  <si>
    <t>3128.225</t>
  </si>
  <si>
    <t>151703.0</t>
  </si>
  <si>
    <t>297.7</t>
  </si>
  <si>
    <t>694734.0</t>
  </si>
  <si>
    <t>507361.0</t>
  </si>
  <si>
    <t>187350.0</t>
  </si>
  <si>
    <t>16606.0</t>
  </si>
  <si>
    <t>18466981.0</t>
  </si>
  <si>
    <t>153601.0</t>
  </si>
  <si>
    <t>3154.463</t>
  </si>
  <si>
    <t>25.842</t>
  </si>
  <si>
    <t>712581.0</t>
  </si>
  <si>
    <t>518913.0</t>
  </si>
  <si>
    <t>193643.0</t>
  </si>
  <si>
    <t>17847.0</t>
  </si>
  <si>
    <t>17281.0</t>
  </si>
  <si>
    <t>18653521.0</t>
  </si>
  <si>
    <t>186540.0</t>
  </si>
  <si>
    <t>3186.327</t>
  </si>
  <si>
    <t>151207.0</t>
  </si>
  <si>
    <t>198.1</t>
  </si>
  <si>
    <t>723702.0</t>
  </si>
  <si>
    <t>523084.0</t>
  </si>
  <si>
    <t>200592.0</t>
  </si>
  <si>
    <t>16217.0</t>
  </si>
  <si>
    <t>18814745.0</t>
  </si>
  <si>
    <t>161224.0</t>
  </si>
  <si>
    <t>3213.866</t>
  </si>
  <si>
    <t>152060.0</t>
  </si>
  <si>
    <t>736035.0</t>
  </si>
  <si>
    <t>526117.0</t>
  </si>
  <si>
    <t>209892.0</t>
  </si>
  <si>
    <t>12333.0</t>
  </si>
  <si>
    <t>18946268.0</t>
  </si>
  <si>
    <t>131523.0</t>
  </si>
  <si>
    <t>3236.333</t>
  </si>
  <si>
    <t>22.466</t>
  </si>
  <si>
    <t>154352.0</t>
  </si>
  <si>
    <t>26.366</t>
  </si>
  <si>
    <t>745489.0</t>
  </si>
  <si>
    <t>530384.0</t>
  </si>
  <si>
    <t>215078.0</t>
  </si>
  <si>
    <t>13875.0</t>
  </si>
  <si>
    <t>19081005.0</t>
  </si>
  <si>
    <t>134737.0</t>
  </si>
  <si>
    <t>3259.348</t>
  </si>
  <si>
    <t>23.015</t>
  </si>
  <si>
    <t>156223.0</t>
  </si>
  <si>
    <t>26.685</t>
  </si>
  <si>
    <t>755104.0</t>
  </si>
  <si>
    <t>531521.0</t>
  </si>
  <si>
    <t>223555.0</t>
  </si>
  <si>
    <t>9615.0</t>
  </si>
  <si>
    <t>-1069.4</t>
  </si>
  <si>
    <t>-13.04</t>
  </si>
  <si>
    <t>-181.800903360427</t>
  </si>
  <si>
    <t>19269326.0</t>
  </si>
  <si>
    <t>188321.0</t>
  </si>
  <si>
    <t>3291.516</t>
  </si>
  <si>
    <t>158777.0</t>
  </si>
  <si>
    <t>27.122</t>
  </si>
  <si>
    <t>766703.0</t>
  </si>
  <si>
    <t>534155.0</t>
  </si>
  <si>
    <t>232519.0</t>
  </si>
  <si>
    <t>19449231.0</t>
  </si>
  <si>
    <t>179905.0</t>
  </si>
  <si>
    <t>3322.247</t>
  </si>
  <si>
    <t>30.731</t>
  </si>
  <si>
    <t>162264.0</t>
  </si>
  <si>
    <t>27.717</t>
  </si>
  <si>
    <t>187.7</t>
  </si>
  <si>
    <t>781540.0</t>
  </si>
  <si>
    <t>540491.0</t>
  </si>
  <si>
    <t>19617047.0</t>
  </si>
  <si>
    <t>167816.0</t>
  </si>
  <si>
    <t>3350.913</t>
  </si>
  <si>
    <t>28.666</t>
  </si>
  <si>
    <t>28.064</t>
  </si>
  <si>
    <t>799912.0</t>
  </si>
  <si>
    <t>550644.0</t>
  </si>
  <si>
    <t>249239.0</t>
  </si>
  <si>
    <t>18372.0</t>
  </si>
  <si>
    <t>19810893.0</t>
  </si>
  <si>
    <t>193846.0</t>
  </si>
  <si>
    <t>3384.025</t>
  </si>
  <si>
    <t>33.112</t>
  </si>
  <si>
    <t>28.243</t>
  </si>
  <si>
    <t>820273.0</t>
  </si>
  <si>
    <t>564451.0</t>
  </si>
  <si>
    <t>255793.0</t>
  </si>
  <si>
    <t>19975690.0</t>
  </si>
  <si>
    <t>164797.0</t>
  </si>
  <si>
    <t>3412.175</t>
  </si>
  <si>
    <t>165849.0</t>
  </si>
  <si>
    <t>838396.0</t>
  </si>
  <si>
    <t>571828.0</t>
  </si>
  <si>
    <t>266539.0</t>
  </si>
  <si>
    <t>14623.0</t>
  </si>
  <si>
    <t>20106349.0</t>
  </si>
  <si>
    <t>130659.0</t>
  </si>
  <si>
    <t>3434.493</t>
  </si>
  <si>
    <t>22.319</t>
  </si>
  <si>
    <t>165726.0</t>
  </si>
  <si>
    <t>28.309</t>
  </si>
  <si>
    <t>845681.0</t>
  </si>
  <si>
    <t>574711.0</t>
  </si>
  <si>
    <t>270941.0</t>
  </si>
  <si>
    <t>20241817.0</t>
  </si>
  <si>
    <t>135468.0</t>
  </si>
  <si>
    <t>3457.634</t>
  </si>
  <si>
    <t>165830.0</t>
  </si>
  <si>
    <t>28.326</t>
  </si>
  <si>
    <t>854784.0</t>
  </si>
  <si>
    <t>579464.0</t>
  </si>
  <si>
    <t>275291.0</t>
  </si>
  <si>
    <t>14240.0</t>
  </si>
  <si>
    <t>-1299.7</t>
  </si>
  <si>
    <t>-19.22</t>
  </si>
  <si>
    <t>-220.952528611882</t>
  </si>
  <si>
    <t>20429597.0</t>
  </si>
  <si>
    <t>187780.0</t>
  </si>
  <si>
    <t>3489.71</t>
  </si>
  <si>
    <t>32.076</t>
  </si>
  <si>
    <t>165753.0</t>
  </si>
  <si>
    <t>28.313</t>
  </si>
  <si>
    <t>203.3</t>
  </si>
  <si>
    <t>865846.0</t>
  </si>
  <si>
    <t>583411.0</t>
  </si>
  <si>
    <t>282406.0</t>
  </si>
  <si>
    <t>20610505.0</t>
  </si>
  <si>
    <t>180908.0</t>
  </si>
  <si>
    <t>3520.612</t>
  </si>
  <si>
    <t>30.902</t>
  </si>
  <si>
    <t>165896.0</t>
  </si>
  <si>
    <t>28.338</t>
  </si>
  <si>
    <t>878632.0</t>
  </si>
  <si>
    <t>589156.0</t>
  </si>
  <si>
    <t>289445.0</t>
  </si>
  <si>
    <t>20784172.0</t>
  </si>
  <si>
    <t>173667.0</t>
  </si>
  <si>
    <t>3550.277</t>
  </si>
  <si>
    <t>29.665</t>
  </si>
  <si>
    <t>166732.0</t>
  </si>
  <si>
    <t>28.481</t>
  </si>
  <si>
    <t>900413.0</t>
  </si>
  <si>
    <t>598493.0</t>
  </si>
  <si>
    <t>301888.0</t>
  </si>
  <si>
    <t>14357.0</t>
  </si>
  <si>
    <t>20976037.0</t>
  </si>
  <si>
    <t>191865.0</t>
  </si>
  <si>
    <t>3583.05</t>
  </si>
  <si>
    <t>32.774</t>
  </si>
  <si>
    <t>166449.0</t>
  </si>
  <si>
    <t>28.432</t>
  </si>
  <si>
    <t>915558.0</t>
  </si>
  <si>
    <t>605846.0</t>
  </si>
  <si>
    <t>309678.0</t>
  </si>
  <si>
    <t>21151090.0</t>
  </si>
  <si>
    <t>175053.0</t>
  </si>
  <si>
    <t>3612.952</t>
  </si>
  <si>
    <t>29.902</t>
  </si>
  <si>
    <t>167914.0</t>
  </si>
  <si>
    <t>28.682</t>
  </si>
  <si>
    <t>268.6</t>
  </si>
  <si>
    <t>928664.0</t>
  </si>
  <si>
    <t>611699.0</t>
  </si>
  <si>
    <t>316931.0</t>
  </si>
  <si>
    <t>21271439.0</t>
  </si>
  <si>
    <t>120349.0</t>
  </si>
  <si>
    <t>3633.51</t>
  </si>
  <si>
    <t>20.558</t>
  </si>
  <si>
    <t>166441.0</t>
  </si>
  <si>
    <t>277.3</t>
  </si>
  <si>
    <t>941087.0</t>
  </si>
  <si>
    <t>621220.0</t>
  </si>
  <si>
    <t>319833.0</t>
  </si>
  <si>
    <t>21394897.0</t>
  </si>
  <si>
    <t>123458.0</t>
  </si>
  <si>
    <t>3654.599</t>
  </si>
  <si>
    <t>21.089</t>
  </si>
  <si>
    <t>164726.0</t>
  </si>
  <si>
    <t>28.138</t>
  </si>
  <si>
    <t>954023.0</t>
  </si>
  <si>
    <t>631544.0</t>
  </si>
  <si>
    <t>322444.0</t>
  </si>
  <si>
    <t>12936.0</t>
  </si>
  <si>
    <t>-1428.0</t>
  </si>
  <si>
    <t>-11.04</t>
  </si>
  <si>
    <t>-242.763876939115</t>
  </si>
  <si>
    <t>21582477.0</t>
  </si>
  <si>
    <t>187580.0</t>
  </si>
  <si>
    <t>3686.64</t>
  </si>
  <si>
    <t>164697.0</t>
  </si>
  <si>
    <t>28.133</t>
  </si>
  <si>
    <t>294.4</t>
  </si>
  <si>
    <t>976901.0</t>
  </si>
  <si>
    <t>648723.0</t>
  </si>
  <si>
    <t>328142.0</t>
  </si>
  <si>
    <t>22878.0</t>
  </si>
  <si>
    <t>15865.0</t>
  </si>
  <si>
    <t>9330.0</t>
  </si>
  <si>
    <t>21777209.0</t>
  </si>
  <si>
    <t>194732.0</t>
  </si>
  <si>
    <t>3719.904</t>
  </si>
  <si>
    <t>33.263</t>
  </si>
  <si>
    <t>166672.0</t>
  </si>
  <si>
    <t>239.5</t>
  </si>
  <si>
    <t>1003247.0</t>
  </si>
  <si>
    <t>669471.0</t>
  </si>
  <si>
    <t>333736.0</t>
  </si>
  <si>
    <t>17802.0</t>
  </si>
  <si>
    <t>11474.0</t>
  </si>
  <si>
    <t>21972072.0</t>
  </si>
  <si>
    <t>194863.0</t>
  </si>
  <si>
    <t>3753.189</t>
  </si>
  <si>
    <t>33.286</t>
  </si>
  <si>
    <t>169700.0</t>
  </si>
  <si>
    <t>28.988</t>
  </si>
  <si>
    <t>213.2</t>
  </si>
  <si>
    <t>1024788.0</t>
  </si>
  <si>
    <t>682076.0</t>
  </si>
  <si>
    <t>342672.0</t>
  </si>
  <si>
    <t>21541.0</t>
  </si>
  <si>
    <t>11940.0</t>
  </si>
  <si>
    <t>22111725.0</t>
  </si>
  <si>
    <t>139653.0</t>
  </si>
  <si>
    <t>3777.045</t>
  </si>
  <si>
    <t>23.855</t>
  </si>
  <si>
    <t>27.713</t>
  </si>
  <si>
    <t>1035306.0</t>
  </si>
  <si>
    <t>686188.0</t>
  </si>
  <si>
    <t>349077.0</t>
  </si>
  <si>
    <t>22225588.0</t>
  </si>
  <si>
    <t>3796.494</t>
  </si>
  <si>
    <t>153500.0</t>
  </si>
  <si>
    <t>26.22</t>
  </si>
  <si>
    <t>201.2</t>
  </si>
  <si>
    <t>1046539.0</t>
  </si>
  <si>
    <t>690964.0</t>
  </si>
  <si>
    <t>355534.0</t>
  </si>
  <si>
    <t>16839.0</t>
  </si>
  <si>
    <t>22354266.0</t>
  </si>
  <si>
    <t>128678.0</t>
  </si>
  <si>
    <t>3818.474</t>
  </si>
  <si>
    <t>154690.0</t>
  </si>
  <si>
    <t>1060236.0</t>
  </si>
  <si>
    <t>702619.0</t>
  </si>
  <si>
    <t>357575.0</t>
  </si>
  <si>
    <t>44.711</t>
  </si>
  <si>
    <t>22520610.0</t>
  </si>
  <si>
    <t>3846.889</t>
  </si>
  <si>
    <t>28.414</t>
  </si>
  <si>
    <t>160816.0</t>
  </si>
  <si>
    <t>1073206.0</t>
  </si>
  <si>
    <t>713923.0</t>
  </si>
  <si>
    <t>359241.0</t>
  </si>
  <si>
    <t>17026.0</t>
  </si>
  <si>
    <t>-1580.3</t>
  </si>
  <si>
    <t>-13.53</t>
  </si>
  <si>
    <t>-268.655290424988</t>
  </si>
  <si>
    <t>22700009.0</t>
  </si>
  <si>
    <t>179399.0</t>
  </si>
  <si>
    <t>3877.533</t>
  </si>
  <si>
    <t>30.644</t>
  </si>
  <si>
    <t>159647.0</t>
  </si>
  <si>
    <t>218.9</t>
  </si>
  <si>
    <t>1086431.0</t>
  </si>
  <si>
    <t>725904.0</t>
  </si>
  <si>
    <t>360485.0</t>
  </si>
  <si>
    <t>11026.0</t>
  </si>
  <si>
    <t>22908217.0</t>
  </si>
  <si>
    <t>208208.0</t>
  </si>
  <si>
    <t>3913.098</t>
  </si>
  <si>
    <t>27.599</t>
  </si>
  <si>
    <t>256.2</t>
  </si>
  <si>
    <t>1107659.0</t>
  </si>
  <si>
    <t>741500.0</t>
  </si>
  <si>
    <t>366111.0</t>
  </si>
  <si>
    <t>23084831.0</t>
  </si>
  <si>
    <t>176614.0</t>
  </si>
  <si>
    <t>3943.267</t>
  </si>
  <si>
    <t>30.169</t>
  </si>
  <si>
    <t>158966.0</t>
  </si>
  <si>
    <t>757693.0</t>
  </si>
  <si>
    <t>373667.0</t>
  </si>
  <si>
    <t>23277691.0</t>
  </si>
  <si>
    <t>192860.0</t>
  </si>
  <si>
    <t>3976.211</t>
  </si>
  <si>
    <t>32.944</t>
  </si>
  <si>
    <t>28.452</t>
  </si>
  <si>
    <t>1152694.0</t>
  </si>
  <si>
    <t>771140.0</t>
  </si>
  <si>
    <t>381504.0</t>
  </si>
  <si>
    <t>21284.0</t>
  </si>
  <si>
    <t>23450389.0</t>
  </si>
  <si>
    <t>172698.0</t>
  </si>
  <si>
    <t>4005.71</t>
  </si>
  <si>
    <t>174972.0</t>
  </si>
  <si>
    <t>29.888</t>
  </si>
  <si>
    <t>280.1</t>
  </si>
  <si>
    <t>1176810.0</t>
  </si>
  <si>
    <t>787178.0</t>
  </si>
  <si>
    <t>389579.0</t>
  </si>
  <si>
    <t>24116.0</t>
  </si>
  <si>
    <t>20.01</t>
  </si>
  <si>
    <t>23601948.0</t>
  </si>
  <si>
    <t>151559.0</t>
  </si>
  <si>
    <t>4031.599</t>
  </si>
  <si>
    <t>25.889</t>
  </si>
  <si>
    <t>178240.0</t>
  </si>
  <si>
    <t>30.446</t>
  </si>
  <si>
    <t>284.7</t>
  </si>
  <si>
    <t>1198330.0</t>
  </si>
  <si>
    <t>803551.0</t>
  </si>
  <si>
    <t>394726.0</t>
  </si>
  <si>
    <t>21520.0</t>
  </si>
  <si>
    <t>23756011.0</t>
  </si>
  <si>
    <t>154063.0</t>
  </si>
  <si>
    <t>4057.915</t>
  </si>
  <si>
    <t>26.316</t>
  </si>
  <si>
    <t>176486.0</t>
  </si>
  <si>
    <t>276.1</t>
  </si>
  <si>
    <t>1216685.0</t>
  </si>
  <si>
    <t>818177.0</t>
  </si>
  <si>
    <t>398455.0</t>
  </si>
  <si>
    <t>18355.0</t>
  </si>
  <si>
    <t>-1701.0</t>
  </si>
  <si>
    <t>-2.35</t>
  </si>
  <si>
    <t>-11.02</t>
  </si>
  <si>
    <t>-289.174618118651</t>
  </si>
  <si>
    <t>23960547.0</t>
  </si>
  <si>
    <t>4092.854</t>
  </si>
  <si>
    <t>34.938</t>
  </si>
  <si>
    <t>180077.0</t>
  </si>
  <si>
    <t>279.6</t>
  </si>
  <si>
    <t>1319734.0</t>
  </si>
  <si>
    <t>910216.0</t>
  </si>
  <si>
    <t>409464.0</t>
  </si>
  <si>
    <t>103049.0</t>
  </si>
  <si>
    <t>33329.0</t>
  </si>
  <si>
    <t>26330.0</t>
  </si>
  <si>
    <t>24151397.0</t>
  </si>
  <si>
    <t>190850.0</t>
  </si>
  <si>
    <t>4125.454</t>
  </si>
  <si>
    <t>177597.0</t>
  </si>
  <si>
    <t>30.336</t>
  </si>
  <si>
    <t>273.1</t>
  </si>
  <si>
    <t>1343755.0</t>
  </si>
  <si>
    <t>928405.0</t>
  </si>
  <si>
    <t>415295.0</t>
  </si>
  <si>
    <t>24021.0</t>
  </si>
  <si>
    <t>33728.0</t>
  </si>
  <si>
    <t>24334074.0</t>
  </si>
  <si>
    <t>182677.0</t>
  </si>
  <si>
    <t>4156.658</t>
  </si>
  <si>
    <t>31.204</t>
  </si>
  <si>
    <t>178463.0</t>
  </si>
  <si>
    <t>30.484</t>
  </si>
  <si>
    <t>271.5</t>
  </si>
  <si>
    <t>1365532.0</t>
  </si>
  <si>
    <t>939633.0</t>
  </si>
  <si>
    <t>425840.0</t>
  </si>
  <si>
    <t>33446.0</t>
  </si>
  <si>
    <t>25991.0</t>
  </si>
  <si>
    <t>24535356.0</t>
  </si>
  <si>
    <t>201282.0</t>
  </si>
  <si>
    <t>4191.04</t>
  </si>
  <si>
    <t>34.382</t>
  </si>
  <si>
    <t>179666.0</t>
  </si>
  <si>
    <t>1389174.0</t>
  </si>
  <si>
    <t>954679.0</t>
  </si>
  <si>
    <t>434433.0</t>
  </si>
  <si>
    <t>24703155.0</t>
  </si>
  <si>
    <t>167799.0</t>
  </si>
  <si>
    <t>4219.703</t>
  </si>
  <si>
    <t>28.663</t>
  </si>
  <si>
    <t>178967.0</t>
  </si>
  <si>
    <t>268.8</t>
  </si>
  <si>
    <t>1413967.0</t>
  </si>
  <si>
    <t>971736.0</t>
  </si>
  <si>
    <t>442167.0</t>
  </si>
  <si>
    <t>24793.0</t>
  </si>
  <si>
    <t>33880.0</t>
  </si>
  <si>
    <t>26365.0</t>
  </si>
  <si>
    <t>24845659.0</t>
  </si>
  <si>
    <t>142504.0</t>
  </si>
  <si>
    <t>4244.045</t>
  </si>
  <si>
    <t>24.342</t>
  </si>
  <si>
    <t>177673.0</t>
  </si>
  <si>
    <t>30.349</t>
  </si>
  <si>
    <t>1435063.0</t>
  </si>
  <si>
    <t>990198.0</t>
  </si>
  <si>
    <t>444801.0</t>
  </si>
  <si>
    <t>21096.0</t>
  </si>
  <si>
    <t>24997725.0</t>
  </si>
  <si>
    <t>152066.0</t>
  </si>
  <si>
    <t>4270.021</t>
  </si>
  <si>
    <t>25.975</t>
  </si>
  <si>
    <t>177388.0</t>
  </si>
  <si>
    <t>30.301</t>
  </si>
  <si>
    <t>1454238.0</t>
  </si>
  <si>
    <t>1004475.0</t>
  </si>
  <si>
    <t>449699.0</t>
  </si>
  <si>
    <t>26614.0</t>
  </si>
  <si>
    <t>-1780.7</t>
  </si>
  <si>
    <t>-7.19</t>
  </si>
  <si>
    <t>-302.723834499637</t>
  </si>
  <si>
    <t>25197880.0</t>
  </si>
  <si>
    <t>200155.0</t>
  </si>
  <si>
    <t>4304.21</t>
  </si>
  <si>
    <t>176762.0</t>
  </si>
  <si>
    <t>30.194</t>
  </si>
  <si>
    <t>1492366.0</t>
  </si>
  <si>
    <t>1028865.0</t>
  </si>
  <si>
    <t>38128.0</t>
  </si>
  <si>
    <t>16950.0</t>
  </si>
  <si>
    <t>25387056.0</t>
  </si>
  <si>
    <t>189176.0</t>
  </si>
  <si>
    <t>4336.525</t>
  </si>
  <si>
    <t>32.314</t>
  </si>
  <si>
    <t>176523.0</t>
  </si>
  <si>
    <t>30.153</t>
  </si>
  <si>
    <t>237.8</t>
  </si>
  <si>
    <t>1530225.0</t>
  </si>
  <si>
    <t>1050546.0</t>
  </si>
  <si>
    <t>479612.0</t>
  </si>
  <si>
    <t>37859.0</t>
  </si>
  <si>
    <t>26639.0</t>
  </si>
  <si>
    <t>25574509.0</t>
  </si>
  <si>
    <t>187453.0</t>
  </si>
  <si>
    <t>4368.545</t>
  </si>
  <si>
    <t>177205.0</t>
  </si>
  <si>
    <t>1564619.0</t>
  </si>
  <si>
    <t>1072718.0</t>
  </si>
  <si>
    <t>491833.0</t>
  </si>
  <si>
    <t>34394.0</t>
  </si>
  <si>
    <t>25798984.0</t>
  </si>
  <si>
    <t>224475.0</t>
  </si>
  <si>
    <t>4406.889</t>
  </si>
  <si>
    <t>38.344</t>
  </si>
  <si>
    <t>180518.0</t>
  </si>
  <si>
    <t>30.835</t>
  </si>
  <si>
    <t>232.7</t>
  </si>
  <si>
    <t>1597627.0</t>
  </si>
  <si>
    <t>1100550.0</t>
  </si>
  <si>
    <t>497005.0</t>
  </si>
  <si>
    <t>33008.0</t>
  </si>
  <si>
    <t>29779.0</t>
  </si>
  <si>
    <t>25979545.0</t>
  </si>
  <si>
    <t>180561.0</t>
  </si>
  <si>
    <t>4437.731</t>
  </si>
  <si>
    <t>30.843</t>
  </si>
  <si>
    <t>182341.0</t>
  </si>
  <si>
    <t>31.147</t>
  </si>
  <si>
    <t>233.9</t>
  </si>
  <si>
    <t>1630293.0</t>
  </si>
  <si>
    <t>1122386.0</t>
  </si>
  <si>
    <t>507833.0</t>
  </si>
  <si>
    <t>32666.0</t>
  </si>
  <si>
    <t>26119124.0</t>
  </si>
  <si>
    <t>139579.0</t>
  </si>
  <si>
    <t>4461.574</t>
  </si>
  <si>
    <t>23.842</t>
  </si>
  <si>
    <t>181924.0</t>
  </si>
  <si>
    <t>1652297.0</t>
  </si>
  <si>
    <t>1137060.0</t>
  </si>
  <si>
    <t>515163.0</t>
  </si>
  <si>
    <t>22004.0</t>
  </si>
  <si>
    <t>31033.0</t>
  </si>
  <si>
    <t>20980.0</t>
  </si>
  <si>
    <t>26271756.0</t>
  </si>
  <si>
    <t>152632.0</t>
  </si>
  <si>
    <t>4487.646</t>
  </si>
  <si>
    <t>26.072</t>
  </si>
  <si>
    <t>182004.0</t>
  </si>
  <si>
    <t>31.089</t>
  </si>
  <si>
    <t>255.4</t>
  </si>
  <si>
    <t>1672460.0</t>
  </si>
  <si>
    <t>1152083.0</t>
  </si>
  <si>
    <t>520302.0</t>
  </si>
  <si>
    <t>31175.0</t>
  </si>
  <si>
    <t>-1786.2</t>
  </si>
  <si>
    <t>-303.658849431825</t>
  </si>
  <si>
    <t>26465496.0</t>
  </si>
  <si>
    <t>193740.0</t>
  </si>
  <si>
    <t>4520.74</t>
  </si>
  <si>
    <t>33.094</t>
  </si>
  <si>
    <t>181088.0</t>
  </si>
  <si>
    <t>30.933</t>
  </si>
  <si>
    <t>1711187.0</t>
  </si>
  <si>
    <t>1183187.0</t>
  </si>
  <si>
    <t>527921.0</t>
  </si>
  <si>
    <t>38727.0</t>
  </si>
  <si>
    <t>31260.0</t>
  </si>
  <si>
    <t>26644617.0</t>
  </si>
  <si>
    <t>179121.0</t>
  </si>
  <si>
    <t>4551.337</t>
  </si>
  <si>
    <t>30.597</t>
  </si>
  <si>
    <t>257.4</t>
  </si>
  <si>
    <t>1757543.0</t>
  </si>
  <si>
    <t>1209301.0</t>
  </si>
  <si>
    <t>548153.0</t>
  </si>
  <si>
    <t>46356.0</t>
  </si>
  <si>
    <t>26829882.0</t>
  </si>
  <si>
    <t>185265.0</t>
  </si>
  <si>
    <t>4582.983</t>
  </si>
  <si>
    <t>31.646</t>
  </si>
  <si>
    <t>179339.0</t>
  </si>
  <si>
    <t>30.634</t>
  </si>
  <si>
    <t>1801279.0</t>
  </si>
  <si>
    <t>1233090.0</t>
  </si>
  <si>
    <t>568092.0</t>
  </si>
  <si>
    <t>43736.0</t>
  </si>
  <si>
    <t>33809.0</t>
  </si>
  <si>
    <t>22910.0</t>
  </si>
  <si>
    <t>27056734.0</t>
  </si>
  <si>
    <t>226852.0</t>
  </si>
  <si>
    <t>4621.733</t>
  </si>
  <si>
    <t>30.692</t>
  </si>
  <si>
    <t>1844273.0</t>
  </si>
  <si>
    <t>1258625.0</t>
  </si>
  <si>
    <t>585548.0</t>
  </si>
  <si>
    <t>35235.0</t>
  </si>
  <si>
    <t>27192934.0</t>
  </si>
  <si>
    <t>136200.0</t>
  </si>
  <si>
    <t>4644.998</t>
  </si>
  <si>
    <t>23.265</t>
  </si>
  <si>
    <t>173341.0</t>
  </si>
  <si>
    <t>29.609</t>
  </si>
  <si>
    <t>296.6</t>
  </si>
  <si>
    <t>1861425.0</t>
  </si>
  <si>
    <t>1271925.0</t>
  </si>
  <si>
    <t>589400.0</t>
  </si>
  <si>
    <t>33019.0</t>
  </si>
  <si>
    <t>27323806.0</t>
  </si>
  <si>
    <t>130872.0</t>
  </si>
  <si>
    <t>4667.353</t>
  </si>
  <si>
    <t>22.355</t>
  </si>
  <si>
    <t>172097.0</t>
  </si>
  <si>
    <t>29.397</t>
  </si>
  <si>
    <t>239.3</t>
  </si>
  <si>
    <t>1874649.0</t>
  </si>
  <si>
    <t>1279184.0</t>
  </si>
  <si>
    <t>595361.0</t>
  </si>
  <si>
    <t>20303.0</t>
  </si>
  <si>
    <t>27475200.0</t>
  </si>
  <si>
    <t>151394.0</t>
  </si>
  <si>
    <t>4693.214</t>
  </si>
  <si>
    <t>25.861</t>
  </si>
  <si>
    <t>171921.0</t>
  </si>
  <si>
    <t>29.367</t>
  </si>
  <si>
    <t>1904652.0</t>
  </si>
  <si>
    <t>1295664.0</t>
  </si>
  <si>
    <t>608883.0</t>
  </si>
  <si>
    <t>30003.0</t>
  </si>
  <si>
    <t>33170.0</t>
  </si>
  <si>
    <t>20512.0</t>
  </si>
  <si>
    <t>-1795.5</t>
  </si>
  <si>
    <t>-2.37</t>
  </si>
  <si>
    <t>-0.91</t>
  </si>
  <si>
    <t>-305.239874680799</t>
  </si>
  <si>
    <t>27665835.0</t>
  </si>
  <si>
    <t>190635.0</t>
  </si>
  <si>
    <t>4725.777</t>
  </si>
  <si>
    <t>32.564</t>
  </si>
  <si>
    <t>171477.0</t>
  </si>
  <si>
    <t>29.291</t>
  </si>
  <si>
    <t>1969699.0</t>
  </si>
  <si>
    <t>1315931.0</t>
  </si>
  <si>
    <t>653656.0</t>
  </si>
  <si>
    <t>65047.0</t>
  </si>
  <si>
    <t>36930.0</t>
  </si>
  <si>
    <t>27843351.0</t>
  </si>
  <si>
    <t>177516.0</t>
  </si>
  <si>
    <t>4756.1</t>
  </si>
  <si>
    <t>171248.0</t>
  </si>
  <si>
    <t>29.252</t>
  </si>
  <si>
    <t>2021321.0</t>
  </si>
  <si>
    <t>1343268.0</t>
  </si>
  <si>
    <t>677933.0</t>
  </si>
  <si>
    <t>51622.0</t>
  </si>
  <si>
    <t>19138.0</t>
  </si>
  <si>
    <t>28039718.0</t>
  </si>
  <si>
    <t>196367.0</t>
  </si>
  <si>
    <t>4789.643</t>
  </si>
  <si>
    <t>33.543</t>
  </si>
  <si>
    <t>172834.0</t>
  </si>
  <si>
    <t>2076546.0</t>
  </si>
  <si>
    <t>1369813.0</t>
  </si>
  <si>
    <t>706613.0</t>
  </si>
  <si>
    <t>55225.0</t>
  </si>
  <si>
    <t>19532.0</t>
  </si>
  <si>
    <t>28274260.0</t>
  </si>
  <si>
    <t>234542.0</t>
  </si>
  <si>
    <t>4829.706</t>
  </si>
  <si>
    <t>40.064</t>
  </si>
  <si>
    <t>173932.0</t>
  </si>
  <si>
    <t>2123008.0</t>
  </si>
  <si>
    <t>1391140.0</t>
  </si>
  <si>
    <t>731742.0</t>
  </si>
  <si>
    <t>46462.0</t>
  </si>
  <si>
    <t>39819.0</t>
  </si>
  <si>
    <t>28474410.0</t>
  </si>
  <si>
    <t>200150.0</t>
  </si>
  <si>
    <t>4863.895</t>
  </si>
  <si>
    <t>34.189</t>
  </si>
  <si>
    <t>183068.0</t>
  </si>
  <si>
    <t>31.271</t>
  </si>
  <si>
    <t>2163484.0</t>
  </si>
  <si>
    <t>1407463.0</t>
  </si>
  <si>
    <t>755894.0</t>
  </si>
  <si>
    <t>40476.0</t>
  </si>
  <si>
    <t>19363.0</t>
  </si>
  <si>
    <t>28619348.0</t>
  </si>
  <si>
    <t>144938.0</t>
  </si>
  <si>
    <t>4888.653</t>
  </si>
  <si>
    <t>24.758</t>
  </si>
  <si>
    <t>185077.0</t>
  </si>
  <si>
    <t>31.614</t>
  </si>
  <si>
    <t>2203209.0</t>
  </si>
  <si>
    <t>1416909.0</t>
  </si>
  <si>
    <t>786172.0</t>
  </si>
  <si>
    <t>39725.0</t>
  </si>
  <si>
    <t>46937.0</t>
  </si>
  <si>
    <t>37.46</t>
  </si>
  <si>
    <t>19675.0</t>
  </si>
  <si>
    <t>28782208.0</t>
  </si>
  <si>
    <t>162860.0</t>
  </si>
  <si>
    <t>4916.472</t>
  </si>
  <si>
    <t>27.819</t>
  </si>
  <si>
    <t>186715.0</t>
  </si>
  <si>
    <t>31.894</t>
  </si>
  <si>
    <t>2235445.0</t>
  </si>
  <si>
    <t>1432726.0</t>
  </si>
  <si>
    <t>802591.0</t>
  </si>
  <si>
    <t>32236.0</t>
  </si>
  <si>
    <t>47256.0</t>
  </si>
  <si>
    <t>19580.0</t>
  </si>
  <si>
    <t>-1750.4</t>
  </si>
  <si>
    <t>-2.28</t>
  </si>
  <si>
    <t>-297.572752236853</t>
  </si>
  <si>
    <t>28992057.0</t>
  </si>
  <si>
    <t>209849.0</t>
  </si>
  <si>
    <t>4952.318</t>
  </si>
  <si>
    <t>35.846</t>
  </si>
  <si>
    <t>189460.0</t>
  </si>
  <si>
    <t>32.363</t>
  </si>
  <si>
    <t>2297298.0</t>
  </si>
  <si>
    <t>1459075.0</t>
  </si>
  <si>
    <t>838090.0</t>
  </si>
  <si>
    <t>61853.0</t>
  </si>
  <si>
    <t>20449.0</t>
  </si>
  <si>
    <t>29189743.0</t>
  </si>
  <si>
    <t>197686.0</t>
  </si>
  <si>
    <t>4986.086</t>
  </si>
  <si>
    <t>33.768</t>
  </si>
  <si>
    <t>192342.0</t>
  </si>
  <si>
    <t>32.855</t>
  </si>
  <si>
    <t>209.4</t>
  </si>
  <si>
    <t>2352593.0</t>
  </si>
  <si>
    <t>1488525.0</t>
  </si>
  <si>
    <t>863933.0</t>
  </si>
  <si>
    <t>55295.0</t>
  </si>
  <si>
    <t>29411036.0</t>
  </si>
  <si>
    <t>221293.0</t>
  </si>
  <si>
    <t>5023.886</t>
  </si>
  <si>
    <t>195903.0</t>
  </si>
  <si>
    <t>2405180.0</t>
  </si>
  <si>
    <t>1514524.0</t>
  </si>
  <si>
    <t>890518.0</t>
  </si>
  <si>
    <t>52587.0</t>
  </si>
  <si>
    <t>7981.0</t>
  </si>
  <si>
    <t>20673.0</t>
  </si>
  <si>
    <t>29589573.0</t>
  </si>
  <si>
    <t>178537.0</t>
  </si>
  <si>
    <t>5054.383</t>
  </si>
  <si>
    <t>30.497</t>
  </si>
  <si>
    <t>187902.0</t>
  </si>
  <si>
    <t>32.097</t>
  </si>
  <si>
    <t>2444154.0</t>
  </si>
  <si>
    <t>1534087.0</t>
  </si>
  <si>
    <t>909928.0</t>
  </si>
  <si>
    <t>38974.0</t>
  </si>
  <si>
    <t>45878.0</t>
  </si>
  <si>
    <t>29757002.0</t>
  </si>
  <si>
    <t>167429.0</t>
  </si>
  <si>
    <t>5082.983</t>
  </si>
  <si>
    <t>183227.0</t>
  </si>
  <si>
    <t>31.298</t>
  </si>
  <si>
    <t>2494962.0</t>
  </si>
  <si>
    <t>1554593.0</t>
  </si>
  <si>
    <t>940225.0</t>
  </si>
  <si>
    <t>50808.0</t>
  </si>
  <si>
    <t>47354.0</t>
  </si>
  <si>
    <t>21019.0</t>
  </si>
  <si>
    <t>29896423.0</t>
  </si>
  <si>
    <t>139421.0</t>
  </si>
  <si>
    <t>5106.798</t>
  </si>
  <si>
    <t>23.815</t>
  </si>
  <si>
    <t>182439.0</t>
  </si>
  <si>
    <t>31.164</t>
  </si>
  <si>
    <t>2529388.0</t>
  </si>
  <si>
    <t>1569935.0</t>
  </si>
  <si>
    <t>959308.0</t>
  </si>
  <si>
    <t>30064721.0</t>
  </si>
  <si>
    <t>168298.0</t>
  </si>
  <si>
    <t>5135.546</t>
  </si>
  <si>
    <t>183216.0</t>
  </si>
  <si>
    <t>31.296</t>
  </si>
  <si>
    <t>172.2</t>
  </si>
  <si>
    <t>2563134.0</t>
  </si>
  <si>
    <t>1589804.0</t>
  </si>
  <si>
    <t>973183.0</t>
  </si>
  <si>
    <t>46813.0</t>
  </si>
  <si>
    <t>22440.0</t>
  </si>
  <si>
    <t>-1758.3</t>
  </si>
  <si>
    <t>-298.915773684906</t>
  </si>
  <si>
    <t>30267866.0</t>
  </si>
  <si>
    <t>203145.0</t>
  </si>
  <si>
    <t>5170.247</t>
  </si>
  <si>
    <t>182258.0</t>
  </si>
  <si>
    <t>31.133</t>
  </si>
  <si>
    <t>2623751.0</t>
  </si>
  <si>
    <t>1620659.0</t>
  </si>
  <si>
    <t>1002943.0</t>
  </si>
  <si>
    <t>60617.0</t>
  </si>
  <si>
    <t>46636.0</t>
  </si>
  <si>
    <t>23083.0</t>
  </si>
  <si>
    <t>30446893.0</t>
  </si>
  <si>
    <t>179027.0</t>
  </si>
  <si>
    <t>5200.828</t>
  </si>
  <si>
    <t>30.581</t>
  </si>
  <si>
    <t>179593.0</t>
  </si>
  <si>
    <t>30.677</t>
  </si>
  <si>
    <t>2683451.0</t>
  </si>
  <si>
    <t>1650037.0</t>
  </si>
  <si>
    <t>1033262.0</t>
  </si>
  <si>
    <t>59700.0</t>
  </si>
  <si>
    <t>47265.0</t>
  </si>
  <si>
    <t>8035.0</t>
  </si>
  <si>
    <t>23073.0</t>
  </si>
  <si>
    <t>30622683.0</t>
  </si>
  <si>
    <t>175790.0</t>
  </si>
  <si>
    <t>5230.855</t>
  </si>
  <si>
    <t>173092.0</t>
  </si>
  <si>
    <t>2737353.0</t>
  </si>
  <si>
    <t>1681621.0</t>
  </si>
  <si>
    <t>1055578.0</t>
  </si>
  <si>
    <t>53902.0</t>
  </si>
  <si>
    <t>23871.0</t>
  </si>
  <si>
    <t>30837062.0</t>
  </si>
  <si>
    <t>214379.0</t>
  </si>
  <si>
    <t>5267.475</t>
  </si>
  <si>
    <t>36.619</t>
  </si>
  <si>
    <t>178213.0</t>
  </si>
  <si>
    <t>30.442</t>
  </si>
  <si>
    <t>2791712.0</t>
  </si>
  <si>
    <t>1713956.0</t>
  </si>
  <si>
    <t>1077600.0</t>
  </si>
  <si>
    <t>31022293.0</t>
  </si>
  <si>
    <t>185231.0</t>
  </si>
  <si>
    <t>5299.115</t>
  </si>
  <si>
    <t>180756.0</t>
  </si>
  <si>
    <t>30.876</t>
  </si>
  <si>
    <t>2845879.0</t>
  </si>
  <si>
    <t>1096664.0</t>
  </si>
  <si>
    <t>29.73</t>
  </si>
  <si>
    <t>8522.0</t>
  </si>
  <si>
    <t>27781.0</t>
  </si>
  <si>
    <t>31134906.0</t>
  </si>
  <si>
    <t>112613.0</t>
  </si>
  <si>
    <t>5318.351</t>
  </si>
  <si>
    <t>19.236</t>
  </si>
  <si>
    <t>176926.0</t>
  </si>
  <si>
    <t>30.222</t>
  </si>
  <si>
    <t>173.9</t>
  </si>
  <si>
    <t>2883478.0</t>
  </si>
  <si>
    <t>1774906.0</t>
  </si>
  <si>
    <t>1108413.0</t>
  </si>
  <si>
    <t>37599.0</t>
  </si>
  <si>
    <t>50584.0</t>
  </si>
  <si>
    <t>29282.0</t>
  </si>
  <si>
    <t>31268315.0</t>
  </si>
  <si>
    <t>133409.0</t>
  </si>
  <si>
    <t>5341.14</t>
  </si>
  <si>
    <t>22.788</t>
  </si>
  <si>
    <t>171942.0</t>
  </si>
  <si>
    <t>29.371</t>
  </si>
  <si>
    <t>2912068.0</t>
  </si>
  <si>
    <t>1797357.0</t>
  </si>
  <si>
    <t>1114551.0</t>
  </si>
  <si>
    <t>28590.0</t>
  </si>
  <si>
    <t>49848.0</t>
  </si>
  <si>
    <t>29650.0</t>
  </si>
  <si>
    <t>-1722.2</t>
  </si>
  <si>
    <t>-292.778675675451</t>
  </si>
  <si>
    <t>31416335.0</t>
  </si>
  <si>
    <t>148020.0</t>
  </si>
  <si>
    <t>5366.424</t>
  </si>
  <si>
    <t>25.284</t>
  </si>
  <si>
    <t>164067.0</t>
  </si>
  <si>
    <t>28.025</t>
  </si>
  <si>
    <t>2945027.0</t>
  </si>
  <si>
    <t>1820698.0</t>
  </si>
  <si>
    <t>32959.0</t>
  </si>
  <si>
    <t>45897.0</t>
  </si>
  <si>
    <t>28577.0</t>
  </si>
  <si>
    <t>31587458.0</t>
  </si>
  <si>
    <t>171123.0</t>
  </si>
  <si>
    <t>5395.655</t>
  </si>
  <si>
    <t>29.231</t>
  </si>
  <si>
    <t>162938.0</t>
  </si>
  <si>
    <t>3001028.0</t>
  </si>
  <si>
    <t>1863928.0</t>
  </si>
  <si>
    <t>1136935.0</t>
  </si>
  <si>
    <t>56001.0</t>
  </si>
  <si>
    <t>45368.0</t>
  </si>
  <si>
    <t>30556.0</t>
  </si>
  <si>
    <t>31738978.0</t>
  </si>
  <si>
    <t>5421.537</t>
  </si>
  <si>
    <t>25.882</t>
  </si>
  <si>
    <t>159471.0</t>
  </si>
  <si>
    <t>3060274.0</t>
  </si>
  <si>
    <t>1911136.0</t>
  </si>
  <si>
    <t>1148969.0</t>
  </si>
  <si>
    <t>59246.0</t>
  </si>
  <si>
    <t>46132.0</t>
  </si>
  <si>
    <t>31939611.0</t>
  </si>
  <si>
    <t>200633.0</t>
  </si>
  <si>
    <t>5455.808</t>
  </si>
  <si>
    <t>34.271</t>
  </si>
  <si>
    <t>157507.0</t>
  </si>
  <si>
    <t>26.905</t>
  </si>
  <si>
    <t>1960199.0</t>
  </si>
  <si>
    <t>1161660.0</t>
  </si>
  <si>
    <t>61236.0</t>
  </si>
  <si>
    <t>47114.0</t>
  </si>
  <si>
    <t>35178.0</t>
  </si>
  <si>
    <t>32092124.0</t>
  </si>
  <si>
    <t>5481.86</t>
  </si>
  <si>
    <t>152833.0</t>
  </si>
  <si>
    <t>26.106</t>
  </si>
  <si>
    <t>3171729.0</t>
  </si>
  <si>
    <t>2001035.0</t>
  </si>
  <si>
    <t>1171301.0</t>
  </si>
  <si>
    <t>46550.0</t>
  </si>
  <si>
    <t>35997.0</t>
  </si>
  <si>
    <t>32186316.0</t>
  </si>
  <si>
    <t>94192.0</t>
  </si>
  <si>
    <t>5497.95</t>
  </si>
  <si>
    <t>150201.0</t>
  </si>
  <si>
    <t>25.657</t>
  </si>
  <si>
    <t>3206412.0</t>
  </si>
  <si>
    <t>2030714.0</t>
  </si>
  <si>
    <t>1176303.0</t>
  </si>
  <si>
    <t>46133.0</t>
  </si>
  <si>
    <t>36544.0</t>
  </si>
  <si>
    <t>32309076.0</t>
  </si>
  <si>
    <t>122760.0</t>
  </si>
  <si>
    <t>5518.919</t>
  </si>
  <si>
    <t>20.969</t>
  </si>
  <si>
    <t>148680.0</t>
  </si>
  <si>
    <t>25.397</t>
  </si>
  <si>
    <t>3238818.0</t>
  </si>
  <si>
    <t>2056426.0</t>
  </si>
  <si>
    <t>1182996.0</t>
  </si>
  <si>
    <t>46679.0</t>
  </si>
  <si>
    <t>-1698.5</t>
  </si>
  <si>
    <t>-2.13</t>
  </si>
  <si>
    <t>-288.749611331293</t>
  </si>
  <si>
    <t>32458592.0</t>
  </si>
  <si>
    <t>149516.0</t>
  </si>
  <si>
    <t>5544.459</t>
  </si>
  <si>
    <t>148894.0</t>
  </si>
  <si>
    <t>3295661.0</t>
  </si>
  <si>
    <t>2092409.0</t>
  </si>
  <si>
    <t>1204762.0</t>
  </si>
  <si>
    <t>56843.0</t>
  </si>
  <si>
    <t>50091.0</t>
  </si>
  <si>
    <t>32587737.0</t>
  </si>
  <si>
    <t>129145.0</t>
  </si>
  <si>
    <t>5566.519</t>
  </si>
  <si>
    <t>142897.0</t>
  </si>
  <si>
    <t>24.409</t>
  </si>
  <si>
    <t>3352077.0</t>
  </si>
  <si>
    <t>2132037.0</t>
  </si>
  <si>
    <t>1222279.0</t>
  </si>
  <si>
    <t>56416.0</t>
  </si>
  <si>
    <t>32727103.0</t>
  </si>
  <si>
    <t>139366.0</t>
  </si>
  <si>
    <t>5590.325</t>
  </si>
  <si>
    <t>141161.0</t>
  </si>
  <si>
    <t>24.113</t>
  </si>
  <si>
    <t>3411088.0</t>
  </si>
  <si>
    <t>2174549.0</t>
  </si>
  <si>
    <t>1239546.0</t>
  </si>
  <si>
    <t>50116.0</t>
  </si>
  <si>
    <t>37630.0</t>
  </si>
  <si>
    <t>32916329.0</t>
  </si>
  <si>
    <t>189226.0</t>
  </si>
  <si>
    <t>5622.648</t>
  </si>
  <si>
    <t>139531.0</t>
  </si>
  <si>
    <t>145.4</t>
  </si>
  <si>
    <t>3468741.0</t>
  </si>
  <si>
    <t>2210607.0</t>
  </si>
  <si>
    <t>1263088.0</t>
  </si>
  <si>
    <t>57653.0</t>
  </si>
  <si>
    <t>49604.0</t>
  </si>
  <si>
    <t>8433.0</t>
  </si>
  <si>
    <t>35773.0</t>
  </si>
  <si>
    <t>33058182.0</t>
  </si>
  <si>
    <t>141853.0</t>
  </si>
  <si>
    <t>5646.879</t>
  </si>
  <si>
    <t>24.231</t>
  </si>
  <si>
    <t>138008.0</t>
  </si>
  <si>
    <t>23.574</t>
  </si>
  <si>
    <t>3522167.0</t>
  </si>
  <si>
    <t>2251804.0</t>
  </si>
  <si>
    <t>1275315.0</t>
  </si>
  <si>
    <t>53426.0</t>
  </si>
  <si>
    <t>50063.0</t>
  </si>
  <si>
    <t>35824.0</t>
  </si>
  <si>
    <t>33136815.0</t>
  </si>
  <si>
    <t>5660.31</t>
  </si>
  <si>
    <t>135786.0</t>
  </si>
  <si>
    <t>23.194</t>
  </si>
  <si>
    <t>3562633.0</t>
  </si>
  <si>
    <t>2286595.0</t>
  </si>
  <si>
    <t>1283009.0</t>
  </si>
  <si>
    <t>50889.0</t>
  </si>
  <si>
    <t>33245992.0</t>
  </si>
  <si>
    <t>109177.0</t>
  </si>
  <si>
    <t>5678.96</t>
  </si>
  <si>
    <t>18.649</t>
  </si>
  <si>
    <t>133845.0</t>
  </si>
  <si>
    <t>22.863</t>
  </si>
  <si>
    <t>153.4</t>
  </si>
  <si>
    <t>3605353.0</t>
  </si>
  <si>
    <t>2316400.0</t>
  </si>
  <si>
    <t>1299922.0</t>
  </si>
  <si>
    <t>42720.0</t>
  </si>
  <si>
    <t>37139.0</t>
  </si>
  <si>
    <t>-1676.8</t>
  </si>
  <si>
    <t>-285.060552417022</t>
  </si>
  <si>
    <t>33373200.0</t>
  </si>
  <si>
    <t>127208.0</t>
  </si>
  <si>
    <t>5700.689</t>
  </si>
  <si>
    <t>21.729</t>
  </si>
  <si>
    <t>130658.0</t>
  </si>
  <si>
    <t>3677552.0</t>
  </si>
  <si>
    <t>2369708.0</t>
  </si>
  <si>
    <t>1321670.0</t>
  </si>
  <si>
    <t>72199.0</t>
  </si>
  <si>
    <t>39614.0</t>
  </si>
  <si>
    <t>33479368.0</t>
  </si>
  <si>
    <t>106168.0</t>
  </si>
  <si>
    <t>5718.824</t>
  </si>
  <si>
    <t>127376.0</t>
  </si>
  <si>
    <t>21.758</t>
  </si>
  <si>
    <t>3753016.0</t>
  </si>
  <si>
    <t>2423076.0</t>
  </si>
  <si>
    <t>1346064.0</t>
  </si>
  <si>
    <t>57277.0</t>
  </si>
  <si>
    <t>41577.0</t>
  </si>
  <si>
    <t>33588665.0</t>
  </si>
  <si>
    <t>109297.0</t>
  </si>
  <si>
    <t>5737.494</t>
  </si>
  <si>
    <t>123080.0</t>
  </si>
  <si>
    <t>21.024</t>
  </si>
  <si>
    <t>3827645.0</t>
  </si>
  <si>
    <t>2475644.0</t>
  </si>
  <si>
    <t>1370239.0</t>
  </si>
  <si>
    <t>74629.0</t>
  </si>
  <si>
    <t>59508.0</t>
  </si>
  <si>
    <t>43014.0</t>
  </si>
  <si>
    <t>33742917.0</t>
  </si>
  <si>
    <t>154252.0</t>
  </si>
  <si>
    <t>5763.842</t>
  </si>
  <si>
    <t>118084.0</t>
  </si>
  <si>
    <t>20.171</t>
  </si>
  <si>
    <t>180.2</t>
  </si>
  <si>
    <t>3900458.0</t>
  </si>
  <si>
    <t>2534160.0</t>
  </si>
  <si>
    <t>1387665.0</t>
  </si>
  <si>
    <t>61674.0</t>
  </si>
  <si>
    <t>33848505.0</t>
  </si>
  <si>
    <t>105588.0</t>
  </si>
  <si>
    <t>5781.879</t>
  </si>
  <si>
    <t>18.036</t>
  </si>
  <si>
    <t>112903.0</t>
  </si>
  <si>
    <t>19.286</t>
  </si>
  <si>
    <t>193.8</t>
  </si>
  <si>
    <t>3963880.0</t>
  </si>
  <si>
    <t>2582343.0</t>
  </si>
  <si>
    <t>1405936.0</t>
  </si>
  <si>
    <t>63422.0</t>
  </si>
  <si>
    <t>63102.0</t>
  </si>
  <si>
    <t>47220.0</t>
  </si>
  <si>
    <t>33906301.0</t>
  </si>
  <si>
    <t>57796.0</t>
  </si>
  <si>
    <t>5791.751</t>
  </si>
  <si>
    <t>109927.0</t>
  </si>
  <si>
    <t>18.777</t>
  </si>
  <si>
    <t>196.1</t>
  </si>
  <si>
    <t>4007227.0</t>
  </si>
  <si>
    <t>2615573.0</t>
  </si>
  <si>
    <t>1416053.0</t>
  </si>
  <si>
    <t>63513.0</t>
  </si>
  <si>
    <t>33986775.0</t>
  </si>
  <si>
    <t>80474.0</t>
  </si>
  <si>
    <t>5805.497</t>
  </si>
  <si>
    <t>13.746</t>
  </si>
  <si>
    <t>105826.0</t>
  </si>
  <si>
    <t>18.077</t>
  </si>
  <si>
    <t>218.8</t>
  </si>
  <si>
    <t>4050692.0</t>
  </si>
  <si>
    <t>2648900.0</t>
  </si>
  <si>
    <t>1428952.0</t>
  </si>
  <si>
    <t>43465.0</t>
  </si>
  <si>
    <t>45.03</t>
  </si>
  <si>
    <t>47500.0</t>
  </si>
  <si>
    <t>-1635.3</t>
  </si>
  <si>
    <t>-278.005439746873</t>
  </si>
  <si>
    <t>34081591.0</t>
  </si>
  <si>
    <t>5821.694</t>
  </si>
  <si>
    <t>16.196</t>
  </si>
  <si>
    <t>101199.0</t>
  </si>
  <si>
    <t>17.286</t>
  </si>
  <si>
    <t>4121813.0</t>
  </si>
  <si>
    <t>2701059.0</t>
  </si>
  <si>
    <t>1454190.0</t>
  </si>
  <si>
    <t>71121.0</t>
  </si>
  <si>
    <t>63466.0</t>
  </si>
  <si>
    <t>34168713.0</t>
  </si>
  <si>
    <t>87122.0</t>
  </si>
  <si>
    <t>5836.575</t>
  </si>
  <si>
    <t>16.822</t>
  </si>
  <si>
    <t>4198633.0</t>
  </si>
  <si>
    <t>2761091.0</t>
  </si>
  <si>
    <t>1472721.0</t>
  </si>
  <si>
    <t>76820.0</t>
  </si>
  <si>
    <t>63660.0</t>
  </si>
  <si>
    <t>34258586.0</t>
  </si>
  <si>
    <t>89873.0</t>
  </si>
  <si>
    <t>5851.927</t>
  </si>
  <si>
    <t>15.352</t>
  </si>
  <si>
    <t>95703.0</t>
  </si>
  <si>
    <t>16.348</t>
  </si>
  <si>
    <t>272.7</t>
  </si>
  <si>
    <t>4274667.0</t>
  </si>
  <si>
    <t>2812703.0</t>
  </si>
  <si>
    <t>1497142.0</t>
  </si>
  <si>
    <t>63860.0</t>
  </si>
  <si>
    <t>48151.0</t>
  </si>
  <si>
    <t>34372368.0</t>
  </si>
  <si>
    <t>113782.0</t>
  </si>
  <si>
    <t>5871.363</t>
  </si>
  <si>
    <t>19.436</t>
  </si>
  <si>
    <t>89922.0</t>
  </si>
  <si>
    <t>272.1</t>
  </si>
  <si>
    <t>4345937.0</t>
  </si>
  <si>
    <t>2863411.0</t>
  </si>
  <si>
    <t>1519509.0</t>
  </si>
  <si>
    <t>71270.0</t>
  </si>
  <si>
    <t>47036.0</t>
  </si>
  <si>
    <t>34454948.0</t>
  </si>
  <si>
    <t>82580.0</t>
  </si>
  <si>
    <t>5885.469</t>
  </si>
  <si>
    <t>14.106</t>
  </si>
  <si>
    <t>14.799</t>
  </si>
  <si>
    <t>289.1</t>
  </si>
  <si>
    <t>4406774.0</t>
  </si>
  <si>
    <t>2898170.0</t>
  </si>
  <si>
    <t>1545584.0</t>
  </si>
  <si>
    <t>63271.0</t>
  </si>
  <si>
    <t>34505871.0</t>
  </si>
  <si>
    <t>50923.0</t>
  </si>
  <si>
    <t>5894.167</t>
  </si>
  <si>
    <t>8.698</t>
  </si>
  <si>
    <t>14.631</t>
  </si>
  <si>
    <t>314.9</t>
  </si>
  <si>
    <t>4447434.0</t>
  </si>
  <si>
    <t>2921710.0</t>
  </si>
  <si>
    <t>1564377.0</t>
  </si>
  <si>
    <t>62887.0</t>
  </si>
  <si>
    <t>34579371.0</t>
  </si>
  <si>
    <t>73500.0</t>
  </si>
  <si>
    <t>5906.722</t>
  </si>
  <si>
    <t>12.555</t>
  </si>
  <si>
    <t>84657.0</t>
  </si>
  <si>
    <t>14.461</t>
  </si>
  <si>
    <t>4491180.0</t>
  </si>
  <si>
    <t>2950670.0</t>
  </si>
  <si>
    <t>1580348.0</t>
  </si>
  <si>
    <t>43746.0</t>
  </si>
  <si>
    <t>62927.0</t>
  </si>
  <si>
    <t>43110.0</t>
  </si>
  <si>
    <t>-1649.4</t>
  </si>
  <si>
    <t>-280.402478027574</t>
  </si>
  <si>
    <t>34656979.0</t>
  </si>
  <si>
    <t>77608.0</t>
  </si>
  <si>
    <t>5919.979</t>
  </si>
  <si>
    <t>13.257</t>
  </si>
  <si>
    <t>82198.0</t>
  </si>
  <si>
    <t>14.041</t>
  </si>
  <si>
    <t>340.5</t>
  </si>
  <si>
    <t>4555596.0</t>
  </si>
  <si>
    <t>2989897.0</t>
  </si>
  <si>
    <t>1606716.0</t>
  </si>
  <si>
    <t>64416.0</t>
  </si>
  <si>
    <t>61969.0</t>
  </si>
  <si>
    <t>41263.0</t>
  </si>
  <si>
    <t>34727885.0</t>
  </si>
  <si>
    <t>70906.0</t>
  </si>
  <si>
    <t>5932.091</t>
  </si>
  <si>
    <t>12.112</t>
  </si>
  <si>
    <t>344.5</t>
  </si>
  <si>
    <t>4628151.0</t>
  </si>
  <si>
    <t>3036147.0</t>
  </si>
  <si>
    <t>1633634.0</t>
  </si>
  <si>
    <t>61360.0</t>
  </si>
  <si>
    <t>34803938.0</t>
  </si>
  <si>
    <t>76053.0</t>
  </si>
  <si>
    <t>5945.082</t>
  </si>
  <si>
    <t>77907.0</t>
  </si>
  <si>
    <t>365.3</t>
  </si>
  <si>
    <t>4698306.0</t>
  </si>
  <si>
    <t>3074428.0</t>
  </si>
  <si>
    <t>1666137.0</t>
  </si>
  <si>
    <t>70155.0</t>
  </si>
  <si>
    <t>60520.0</t>
  </si>
  <si>
    <t>79.87</t>
  </si>
  <si>
    <t>37389.0</t>
  </si>
  <si>
    <t>34920804.0</t>
  </si>
  <si>
    <t>116866.0</t>
  </si>
  <si>
    <t>5965.045</t>
  </si>
  <si>
    <t>19.963</t>
  </si>
  <si>
    <t>78348.0</t>
  </si>
  <si>
    <t>13.383</t>
  </si>
  <si>
    <t>410.8</t>
  </si>
  <si>
    <t>4765809.0</t>
  </si>
  <si>
    <t>3108140.0</t>
  </si>
  <si>
    <t>1700398.0</t>
  </si>
  <si>
    <t>67503.0</t>
  </si>
  <si>
    <t>59982.0</t>
  </si>
  <si>
    <t>34961.0</t>
  </si>
  <si>
    <t>35007818.0</t>
  </si>
  <si>
    <t>5979.908</t>
  </si>
  <si>
    <t>14.863</t>
  </si>
  <si>
    <t>78981.0</t>
  </si>
  <si>
    <t>408.3</t>
  </si>
  <si>
    <t>4826854.0</t>
  </si>
  <si>
    <t>3137060.0</t>
  </si>
  <si>
    <t>1732935.0</t>
  </si>
  <si>
    <t>61045.0</t>
  </si>
  <si>
    <t>60011.0</t>
  </si>
  <si>
    <t>10202.0</t>
  </si>
  <si>
    <t>34127.0</t>
  </si>
  <si>
    <t>35060237.0</t>
  </si>
  <si>
    <t>52419.0</t>
  </si>
  <si>
    <t>5988.862</t>
  </si>
  <si>
    <t>13.528</t>
  </si>
  <si>
    <t>424.5</t>
  </si>
  <si>
    <t>4867914.0</t>
  </si>
  <si>
    <t>3155998.0</t>
  </si>
  <si>
    <t>1755519.0</t>
  </si>
  <si>
    <t>41060.0</t>
  </si>
  <si>
    <t>60069.0</t>
  </si>
  <si>
    <t>33470.0</t>
  </si>
  <si>
    <t>35124434.0</t>
  </si>
  <si>
    <t>64197.0</t>
  </si>
  <si>
    <t>5999.828</t>
  </si>
  <si>
    <t>10.966</t>
  </si>
  <si>
    <t>77866.0</t>
  </si>
  <si>
    <t>13.301</t>
  </si>
  <si>
    <t>422.2</t>
  </si>
  <si>
    <t>4907758.0</t>
  </si>
  <si>
    <t>3172020.0</t>
  </si>
  <si>
    <t>1779657.0</t>
  </si>
  <si>
    <t>39844.0</t>
  </si>
  <si>
    <t>59511.0</t>
  </si>
  <si>
    <t>31621.0</t>
  </si>
  <si>
    <t>-1653.3</t>
  </si>
  <si>
    <t>-281.065488615853</t>
  </si>
  <si>
    <t>35202919.0</t>
  </si>
  <si>
    <t>78485.0</t>
  </si>
  <si>
    <t>6013.235</t>
  </si>
  <si>
    <t>77991.0</t>
  </si>
  <si>
    <t>4971958.0</t>
  </si>
  <si>
    <t>3202513.0</t>
  </si>
  <si>
    <t>1813827.0</t>
  </si>
  <si>
    <t>64200.0</t>
  </si>
  <si>
    <t>30374.0</t>
  </si>
  <si>
    <t>35278826.0</t>
  </si>
  <si>
    <t>75907.0</t>
  </si>
  <si>
    <t>6026.201</t>
  </si>
  <si>
    <t>78706.0</t>
  </si>
  <si>
    <t>13.444</t>
  </si>
  <si>
    <t>398.9</t>
  </si>
  <si>
    <t>5044221.0</t>
  </si>
  <si>
    <t>3233032.0</t>
  </si>
  <si>
    <t>1855847.0</t>
  </si>
  <si>
    <t>72263.0</t>
  </si>
  <si>
    <t>59439.0</t>
  </si>
  <si>
    <t>35368797.0</t>
  </si>
  <si>
    <t>89971.0</t>
  </si>
  <si>
    <t>6041.569</t>
  </si>
  <si>
    <t>80694.0</t>
  </si>
  <si>
    <t>377.1</t>
  </si>
  <si>
    <t>5115162.0</t>
  </si>
  <si>
    <t>3265735.0</t>
  </si>
  <si>
    <t>1894372.0</t>
  </si>
  <si>
    <t>70941.0</t>
  </si>
  <si>
    <t>59551.0</t>
  </si>
  <si>
    <t>35501173.0</t>
  </si>
  <si>
    <t>132376.0</t>
  </si>
  <si>
    <t>6064.181</t>
  </si>
  <si>
    <t>22.612</t>
  </si>
  <si>
    <t>14.162</t>
  </si>
  <si>
    <t>322.4</t>
  </si>
  <si>
    <t>5187058.0</t>
  </si>
  <si>
    <t>3297277.0</t>
  </si>
  <si>
    <t>1934835.0</t>
  </si>
  <si>
    <t>71896.0</t>
  </si>
  <si>
    <t>60178.0</t>
  </si>
  <si>
    <t>27020.0</t>
  </si>
  <si>
    <t>35611719.0</t>
  </si>
  <si>
    <t>110546.0</t>
  </si>
  <si>
    <t>6083.064</t>
  </si>
  <si>
    <t>18.883</t>
  </si>
  <si>
    <t>86272.0</t>
  </si>
  <si>
    <t>14.737</t>
  </si>
  <si>
    <t>317.2</t>
  </si>
  <si>
    <t>5250288.0</t>
  </si>
  <si>
    <t>3316808.0</t>
  </si>
  <si>
    <t>1978639.0</t>
  </si>
  <si>
    <t>63230.0</t>
  </si>
  <si>
    <t>25678.0</t>
  </si>
  <si>
    <t>35680507.0</t>
  </si>
  <si>
    <t>6094.815</t>
  </si>
  <si>
    <t>88610.0</t>
  </si>
  <si>
    <t>15.136</t>
  </si>
  <si>
    <t>287.7</t>
  </si>
  <si>
    <t>5294264.0</t>
  </si>
  <si>
    <t>3328370.0</t>
  </si>
  <si>
    <t>2011264.0</t>
  </si>
  <si>
    <t>60907.0</t>
  </si>
  <si>
    <t>24625.0</t>
  </si>
  <si>
    <t>35760435.0</t>
  </si>
  <si>
    <t>79928.0</t>
  </si>
  <si>
    <t>6108.468</t>
  </si>
  <si>
    <t>90857.0</t>
  </si>
  <si>
    <t>5336134.0</t>
  </si>
  <si>
    <t>3341148.0</t>
  </si>
  <si>
    <t>2040493.0</t>
  </si>
  <si>
    <t>41870.0</t>
  </si>
  <si>
    <t>61197.0</t>
  </si>
  <si>
    <t>10404.0</t>
  </si>
  <si>
    <t>24161.0</t>
  </si>
  <si>
    <t>-1562.2</t>
  </si>
  <si>
    <t>-265.578241284513</t>
  </si>
  <si>
    <t>35854294.0</t>
  </si>
  <si>
    <t>93859.0</t>
  </si>
  <si>
    <t>6124.5</t>
  </si>
  <si>
    <t>16.033</t>
  </si>
  <si>
    <t>15.895</t>
  </si>
  <si>
    <t>5411332.0</t>
  </si>
  <si>
    <t>3373541.0</t>
  </si>
  <si>
    <t>2083394.0</t>
  </si>
  <si>
    <t>75198.0</t>
  </si>
  <si>
    <t>62768.0</t>
  </si>
  <si>
    <t>24433.0</t>
  </si>
  <si>
    <t>35942342.0</t>
  </si>
  <si>
    <t>88048.0</t>
  </si>
  <si>
    <t>6139.54</t>
  </si>
  <si>
    <t>94788.0</t>
  </si>
  <si>
    <t>16.191</t>
  </si>
  <si>
    <t>5493535.0</t>
  </si>
  <si>
    <t>3413612.0</t>
  </si>
  <si>
    <t>2125519.0</t>
  </si>
  <si>
    <t>82203.0</t>
  </si>
  <si>
    <t>64188.0</t>
  </si>
  <si>
    <t>25797.0</t>
  </si>
  <si>
    <t>36034611.0</t>
  </si>
  <si>
    <t>92269.0</t>
  </si>
  <si>
    <t>6155.301</t>
  </si>
  <si>
    <t>15.761</t>
  </si>
  <si>
    <t>95116.0</t>
  </si>
  <si>
    <t>16.247</t>
  </si>
  <si>
    <t>5579110.0</t>
  </si>
  <si>
    <t>3459754.0</t>
  </si>
  <si>
    <t>2165056.0</t>
  </si>
  <si>
    <t>85575.0</t>
  </si>
  <si>
    <t>66278.0</t>
  </si>
  <si>
    <t>36154014.0</t>
  </si>
  <si>
    <t>119403.0</t>
  </si>
  <si>
    <t>6175.697</t>
  </si>
  <si>
    <t>20.396</t>
  </si>
  <si>
    <t>93263.0</t>
  </si>
  <si>
    <t>15.931</t>
  </si>
  <si>
    <t>192.5</t>
  </si>
  <si>
    <t>5662736.0</t>
  </si>
  <si>
    <t>3506726.0</t>
  </si>
  <si>
    <t>2201834.0</t>
  </si>
  <si>
    <t>67954.0</t>
  </si>
  <si>
    <t>29921.0</t>
  </si>
  <si>
    <t>36263007.0</t>
  </si>
  <si>
    <t>108993.0</t>
  </si>
  <si>
    <t>6194.315</t>
  </si>
  <si>
    <t>18.618</t>
  </si>
  <si>
    <t>93041.0</t>
  </si>
  <si>
    <t>15.893</t>
  </si>
  <si>
    <t>5740533.0</t>
  </si>
  <si>
    <t>3551487.0</t>
  </si>
  <si>
    <t>2234906.0</t>
  </si>
  <si>
    <t>70035.0</t>
  </si>
  <si>
    <t>33526.0</t>
  </si>
  <si>
    <t>36337724.0</t>
  </si>
  <si>
    <t>74717.0</t>
  </si>
  <si>
    <t>6207.078</t>
  </si>
  <si>
    <t>12.763</t>
  </si>
  <si>
    <t>93888.0</t>
  </si>
  <si>
    <t>16.038</t>
  </si>
  <si>
    <t>5792680.0</t>
  </si>
  <si>
    <t>3581951.0</t>
  </si>
  <si>
    <t>2256586.0</t>
  </si>
  <si>
    <t>52147.0</t>
  </si>
  <si>
    <t>71202.0</t>
  </si>
  <si>
    <t>36226.0</t>
  </si>
  <si>
    <t>36414109.0</t>
  </si>
  <si>
    <t>76385.0</t>
  </si>
  <si>
    <t>6220.126</t>
  </si>
  <si>
    <t>13.048</t>
  </si>
  <si>
    <t>93382.0</t>
  </si>
  <si>
    <t>15.951</t>
  </si>
  <si>
    <t>167.4</t>
  </si>
  <si>
    <t>5848862.0</t>
  </si>
  <si>
    <t>3616215.0</t>
  </si>
  <si>
    <t>2278504.0</t>
  </si>
  <si>
    <t>56182.0</t>
  </si>
  <si>
    <t>73247.0</t>
  </si>
  <si>
    <t>99.43</t>
  </si>
  <si>
    <t>39295.0</t>
  </si>
  <si>
    <t>-1588.9</t>
  </si>
  <si>
    <t>-2.72</t>
  </si>
  <si>
    <t>-270.117313773501</t>
  </si>
  <si>
    <t>36499369.0</t>
  </si>
  <si>
    <t>85260.0</t>
  </si>
  <si>
    <t>6234.69</t>
  </si>
  <si>
    <t>14.564</t>
  </si>
  <si>
    <t>92154.0</t>
  </si>
  <si>
    <t>15.741</t>
  </si>
  <si>
    <t>5938520.0</t>
  </si>
  <si>
    <t>3651554.0</t>
  </si>
  <si>
    <t>2332820.0</t>
  </si>
  <si>
    <t>89658.0</t>
  </si>
  <si>
    <t>75313.0</t>
  </si>
  <si>
    <t>39716.0</t>
  </si>
  <si>
    <t>36579314.0</t>
  </si>
  <si>
    <t>6248.345</t>
  </si>
  <si>
    <t>13.656</t>
  </si>
  <si>
    <t>90996.0</t>
  </si>
  <si>
    <t>15.544</t>
  </si>
  <si>
    <t>6028496.0</t>
  </si>
  <si>
    <t>3692033.0</t>
  </si>
  <si>
    <t>2382460.0</t>
  </si>
  <si>
    <t>89976.0</t>
  </si>
  <si>
    <t>76423.0</t>
  </si>
  <si>
    <t>102.49</t>
  </si>
  <si>
    <t>39774.0</t>
  </si>
  <si>
    <t>36665885.0</t>
  </si>
  <si>
    <t>86571.0</t>
  </si>
  <si>
    <t>6263.133</t>
  </si>
  <si>
    <t>14.788</t>
  </si>
  <si>
    <t>90182.0</t>
  </si>
  <si>
    <t>6115901.0</t>
  </si>
  <si>
    <t>3734833.0</t>
  </si>
  <si>
    <t>2427098.0</t>
  </si>
  <si>
    <t>76684.0</t>
  </si>
  <si>
    <t>103.97</t>
  </si>
  <si>
    <t>39297.0</t>
  </si>
  <si>
    <t>36775564.0</t>
  </si>
  <si>
    <t>109679.0</t>
  </si>
  <si>
    <t>6281.868</t>
  </si>
  <si>
    <t>15.167</t>
  </si>
  <si>
    <t>6202094.0</t>
  </si>
  <si>
    <t>3767729.0</t>
  </si>
  <si>
    <t>2480388.0</t>
  </si>
  <si>
    <t>86193.0</t>
  </si>
  <si>
    <t>77051.0</t>
  </si>
  <si>
    <t>13099.0</t>
  </si>
  <si>
    <t>37286.0</t>
  </si>
  <si>
    <t>36875172.0</t>
  </si>
  <si>
    <t>99608.0</t>
  </si>
  <si>
    <t>6298.883</t>
  </si>
  <si>
    <t>17.015</t>
  </si>
  <si>
    <t>87452.0</t>
  </si>
  <si>
    <t>14.938</t>
  </si>
  <si>
    <t>6275269.0</t>
  </si>
  <si>
    <t>3797604.0</t>
  </si>
  <si>
    <t>2523697.0</t>
  </si>
  <si>
    <t>73175.0</t>
  </si>
  <si>
    <t>106.68</t>
  </si>
  <si>
    <t>36948318.0</t>
  </si>
  <si>
    <t>73146.0</t>
  </si>
  <si>
    <t>6311.377</t>
  </si>
  <si>
    <t>12.495</t>
  </si>
  <si>
    <t>87228.0</t>
  </si>
  <si>
    <t>6325735.0</t>
  </si>
  <si>
    <t>3821791.0</t>
  </si>
  <si>
    <t>2549971.0</t>
  </si>
  <si>
    <t>50466.0</t>
  </si>
  <si>
    <t>76151.0</t>
  </si>
  <si>
    <t>12946.0</t>
  </si>
  <si>
    <t>37025303.0</t>
  </si>
  <si>
    <t>76985.0</t>
  </si>
  <si>
    <t>6324.528</t>
  </si>
  <si>
    <t>87313.0</t>
  </si>
  <si>
    <t>14.914</t>
  </si>
  <si>
    <t>6379723.0</t>
  </si>
  <si>
    <t>3842042.0</t>
  </si>
  <si>
    <t>2583705.0</t>
  </si>
  <si>
    <t>75837.0</t>
  </si>
  <si>
    <t>108.46</t>
  </si>
  <si>
    <t>-1496.8</t>
  </si>
  <si>
    <t>-1.73</t>
  </si>
  <si>
    <t>-254.460063727218</t>
  </si>
  <si>
    <t>37106879.0</t>
  </si>
  <si>
    <t>81576.0</t>
  </si>
  <si>
    <t>6338.462</t>
  </si>
  <si>
    <t>13.935</t>
  </si>
  <si>
    <t>86787.0</t>
  </si>
  <si>
    <t>14.825</t>
  </si>
  <si>
    <t>6466532.0</t>
  </si>
  <si>
    <t>3874490.0</t>
  </si>
  <si>
    <t>2638118.0</t>
  </si>
  <si>
    <t>86809.0</t>
  </si>
  <si>
    <t>75430.0</t>
  </si>
  <si>
    <t>37177111.0</t>
  </si>
  <si>
    <t>70232.0</t>
  </si>
  <si>
    <t>6350.459</t>
  </si>
  <si>
    <t>11.997</t>
  </si>
  <si>
    <t>85400.0</t>
  </si>
  <si>
    <t>14.588</t>
  </si>
  <si>
    <t>6555677.0</t>
  </si>
  <si>
    <t>3907384.0</t>
  </si>
  <si>
    <t>2694390.0</t>
  </si>
  <si>
    <t>89145.0</t>
  </si>
  <si>
    <t>75312.0</t>
  </si>
  <si>
    <t>30764.0</t>
  </si>
  <si>
    <t>37248717.0</t>
  </si>
  <si>
    <t>71606.0</t>
  </si>
  <si>
    <t>6362.69</t>
  </si>
  <si>
    <t>83262.0</t>
  </si>
  <si>
    <t>14.223</t>
  </si>
  <si>
    <t>6640516.0</t>
  </si>
  <si>
    <t>3937370.0</t>
  </si>
  <si>
    <t>2749244.0</t>
  </si>
  <si>
    <t>84839.0</t>
  </si>
  <si>
    <t>74945.0</t>
  </si>
  <si>
    <t>28934.0</t>
  </si>
  <si>
    <t>37331399.0</t>
  </si>
  <si>
    <t>6376.814</t>
  </si>
  <si>
    <t>14.123</t>
  </si>
  <si>
    <t>6716365.0</t>
  </si>
  <si>
    <t>3961632.0</t>
  </si>
  <si>
    <t>2800829.0</t>
  </si>
  <si>
    <t>73467.0</t>
  </si>
  <si>
    <t>114.18</t>
  </si>
  <si>
    <t>27700.0</t>
  </si>
  <si>
    <t>37407017.0</t>
  </si>
  <si>
    <t>6389.731</t>
  </si>
  <si>
    <t>12.917</t>
  </si>
  <si>
    <t>75978.0</t>
  </si>
  <si>
    <t>12.978</t>
  </si>
  <si>
    <t>6784496.0</t>
  </si>
  <si>
    <t>3986276.0</t>
  </si>
  <si>
    <t>2844305.0</t>
  </si>
  <si>
    <t>68131.0</t>
  </si>
  <si>
    <t>72747.0</t>
  </si>
  <si>
    <t>115.34</t>
  </si>
  <si>
    <t>37459958.0</t>
  </si>
  <si>
    <t>52941.0</t>
  </si>
  <si>
    <t>6398.774</t>
  </si>
  <si>
    <t>73091.0</t>
  </si>
  <si>
    <t>6825489.0</t>
  </si>
  <si>
    <t>4003734.0</t>
  </si>
  <si>
    <t>2867839.0</t>
  </si>
  <si>
    <t>40993.0</t>
  </si>
  <si>
    <t>71393.0</t>
  </si>
  <si>
    <t>116.04</t>
  </si>
  <si>
    <t>12137.0</t>
  </si>
  <si>
    <t>37521445.0</t>
  </si>
  <si>
    <t>61487.0</t>
  </si>
  <si>
    <t>6409.277</t>
  </si>
  <si>
    <t>10.503</t>
  </si>
  <si>
    <t>70877.0</t>
  </si>
  <si>
    <t>6870358.0</t>
  </si>
  <si>
    <t>4017101.0</t>
  </si>
  <si>
    <t>2899397.0</t>
  </si>
  <si>
    <t>70091.0</t>
  </si>
  <si>
    <t>25008.0</t>
  </si>
  <si>
    <t>-1443.9</t>
  </si>
  <si>
    <t>-245.466920106714</t>
  </si>
  <si>
    <t>37588690.0</t>
  </si>
  <si>
    <t>67245.0</t>
  </si>
  <si>
    <t>6420.763</t>
  </si>
  <si>
    <t>11.487</t>
  </si>
  <si>
    <t>68830.0</t>
  </si>
  <si>
    <t>6937269.0</t>
  </si>
  <si>
    <t>4042020.0</t>
  </si>
  <si>
    <t>2941397.0</t>
  </si>
  <si>
    <t>66911.0</t>
  </si>
  <si>
    <t>67248.0</t>
  </si>
  <si>
    <t>117.94</t>
  </si>
  <si>
    <t>23933.0</t>
  </si>
  <si>
    <t>37646769.0</t>
  </si>
  <si>
    <t>58079.0</t>
  </si>
  <si>
    <t>6430.684</t>
  </si>
  <si>
    <t>9.921</t>
  </si>
  <si>
    <t>67094.0</t>
  </si>
  <si>
    <t>7004978.0</t>
  </si>
  <si>
    <t>4065076.0</t>
  </si>
  <si>
    <t>2986045.0</t>
  </si>
  <si>
    <t>67709.0</t>
  </si>
  <si>
    <t>64186.0</t>
  </si>
  <si>
    <t>119.09</t>
  </si>
  <si>
    <t>37710184.0</t>
  </si>
  <si>
    <t>63415.0</t>
  </si>
  <si>
    <t>6441.517</t>
  </si>
  <si>
    <t>10.832</t>
  </si>
  <si>
    <t>65924.0</t>
  </si>
  <si>
    <t>11.261</t>
  </si>
  <si>
    <t>7067116.0</t>
  </si>
  <si>
    <t>4084056.0</t>
  </si>
  <si>
    <t>3029202.0</t>
  </si>
  <si>
    <t>62138.0</t>
  </si>
  <si>
    <t>37783714.0</t>
  </si>
  <si>
    <t>73530.0</t>
  </si>
  <si>
    <t>6454.077</t>
  </si>
  <si>
    <t>64616.0</t>
  </si>
  <si>
    <t>7124980.0</t>
  </si>
  <si>
    <t>4102855.0</t>
  </si>
  <si>
    <t>3068256.0</t>
  </si>
  <si>
    <t>57864.0</t>
  </si>
  <si>
    <t>121.13</t>
  </si>
  <si>
    <t>37853665.0</t>
  </si>
  <si>
    <t>6466.025</t>
  </si>
  <si>
    <t>11.949</t>
  </si>
  <si>
    <t>63807.0</t>
  </si>
  <si>
    <t>7173781.0</t>
  </si>
  <si>
    <t>4117006.0</t>
  </si>
  <si>
    <t>3102893.0</t>
  </si>
  <si>
    <t>121.96</t>
  </si>
  <si>
    <t>37907347.0</t>
  </si>
  <si>
    <t>6475.195</t>
  </si>
  <si>
    <t>63913.0</t>
  </si>
  <si>
    <t>7200206.0</t>
  </si>
  <si>
    <t>4123462.0</t>
  </si>
  <si>
    <t>3122862.0</t>
  </si>
  <si>
    <t>37962981.0</t>
  </si>
  <si>
    <t>6484.698</t>
  </si>
  <si>
    <t>9.503</t>
  </si>
  <si>
    <t>63077.0</t>
  </si>
  <si>
    <t>10.775</t>
  </si>
  <si>
    <t>7228090.0</t>
  </si>
  <si>
    <t>4132240.0</t>
  </si>
  <si>
    <t>3141965.0</t>
  </si>
  <si>
    <t>51105.0</t>
  </si>
  <si>
    <t>16448.0</t>
  </si>
  <si>
    <t>-1406.2</t>
  </si>
  <si>
    <t>-239.05781775335</t>
  </si>
  <si>
    <t>38019872.0</t>
  </si>
  <si>
    <t>6494.416</t>
  </si>
  <si>
    <t>9.718</t>
  </si>
  <si>
    <t>61597.0</t>
  </si>
  <si>
    <t>7284916.0</t>
  </si>
  <si>
    <t>4148554.0</t>
  </si>
  <si>
    <t>3182429.0</t>
  </si>
  <si>
    <t>56826.0</t>
  </si>
  <si>
    <t>49664.0</t>
  </si>
  <si>
    <t>123.85</t>
  </si>
  <si>
    <t>38069569.0</t>
  </si>
  <si>
    <t>49697.0</t>
  </si>
  <si>
    <t>6502.905</t>
  </si>
  <si>
    <t>8.489</t>
  </si>
  <si>
    <t>7341355.0</t>
  </si>
  <si>
    <t>4162064.0</t>
  </si>
  <si>
    <t>3225339.0</t>
  </si>
  <si>
    <t>56439.0</t>
  </si>
  <si>
    <t>124.81</t>
  </si>
  <si>
    <t>8169.0</t>
  </si>
  <si>
    <t>38124357.0</t>
  </si>
  <si>
    <t>54788.0</t>
  </si>
  <si>
    <t>6512.264</t>
  </si>
  <si>
    <t>9.359</t>
  </si>
  <si>
    <t>59168.0</t>
  </si>
  <si>
    <t>10.107</t>
  </si>
  <si>
    <t>7397111.0</t>
  </si>
  <si>
    <t>4173478.0</t>
  </si>
  <si>
    <t>3269677.0</t>
  </si>
  <si>
    <t>47142.0</t>
  </si>
  <si>
    <t>125.75</t>
  </si>
  <si>
    <t>38191074.0</t>
  </si>
  <si>
    <t>66717.0</t>
  </si>
  <si>
    <t>6523.66</t>
  </si>
  <si>
    <t>11.396</t>
  </si>
  <si>
    <t>58194.0</t>
  </si>
  <si>
    <t>7448279.0</t>
  </si>
  <si>
    <t>4184920.0</t>
  </si>
  <si>
    <t>3309400.0</t>
  </si>
  <si>
    <t>51168.0</t>
  </si>
  <si>
    <t>126.62</t>
  </si>
  <si>
    <t>38262229.0</t>
  </si>
  <si>
    <t>71155.0</t>
  </si>
  <si>
    <t>6535.815</t>
  </si>
  <si>
    <t>12.154</t>
  </si>
  <si>
    <t>58366.0</t>
  </si>
  <si>
    <t>7497970.0</t>
  </si>
  <si>
    <t>4194874.0</t>
  </si>
  <si>
    <t>3349122.0</t>
  </si>
  <si>
    <t>49691.0</t>
  </si>
  <si>
    <t>46313.0</t>
  </si>
  <si>
    <t>71.31</t>
  </si>
  <si>
    <t>38320048.0</t>
  </si>
  <si>
    <t>57819.0</t>
  </si>
  <si>
    <t>6545.691</t>
  </si>
  <si>
    <t>58957.0</t>
  </si>
  <si>
    <t>7532348.0</t>
  </si>
  <si>
    <t>4202598.0</t>
  </si>
  <si>
    <t>3375793.0</t>
  </si>
  <si>
    <t>47449.0</t>
  </si>
  <si>
    <t>38380984.0</t>
  </si>
  <si>
    <t>60936.0</t>
  </si>
  <si>
    <t>6556.1</t>
  </si>
  <si>
    <t>10.409</t>
  </si>
  <si>
    <t>59715.0</t>
  </si>
  <si>
    <t>7571995.0</t>
  </si>
  <si>
    <t>4206704.0</t>
  </si>
  <si>
    <t>3411341.0</t>
  </si>
  <si>
    <t>39647.0</t>
  </si>
  <si>
    <t>49129.0</t>
  </si>
  <si>
    <t>-1278.1</t>
  </si>
  <si>
    <t>-1.42</t>
  </si>
  <si>
    <t>-217.280469969105</t>
  </si>
  <si>
    <t>38440729.0</t>
  </si>
  <si>
    <t>59745.0</t>
  </si>
  <si>
    <t>6566.306</t>
  </si>
  <si>
    <t>10.205</t>
  </si>
  <si>
    <t>7637063.0</t>
  </si>
  <si>
    <t>4216669.0</t>
  </si>
  <si>
    <t>3466438.0</t>
  </si>
  <si>
    <t>38493566.0</t>
  </si>
  <si>
    <t>52837.0</t>
  </si>
  <si>
    <t>6575.331</t>
  </si>
  <si>
    <t>60571.0</t>
  </si>
  <si>
    <t>7701305.0</t>
  </si>
  <si>
    <t>4226534.0</t>
  </si>
  <si>
    <t>3520787.0</t>
  </si>
  <si>
    <t>64242.0</t>
  </si>
  <si>
    <t>38547902.0</t>
  </si>
  <si>
    <t>54336.0</t>
  </si>
  <si>
    <t>6584.613</t>
  </si>
  <si>
    <t>60506.0</t>
  </si>
  <si>
    <t>10.335</t>
  </si>
  <si>
    <t>7764789.0</t>
  </si>
  <si>
    <t>4232822.0</t>
  </si>
  <si>
    <t>3577992.0</t>
  </si>
  <si>
    <t>63484.0</t>
  </si>
  <si>
    <t>52525.0</t>
  </si>
  <si>
    <t>38617902.0</t>
  </si>
  <si>
    <t>6596.57</t>
  </si>
  <si>
    <t>60975.0</t>
  </si>
  <si>
    <t>7820678.0</t>
  </si>
  <si>
    <t>4238895.0</t>
  </si>
  <si>
    <t>3627808.0</t>
  </si>
  <si>
    <t>55889.0</t>
  </si>
  <si>
    <t>53200.0</t>
  </si>
  <si>
    <t>38684916.0</t>
  </si>
  <si>
    <t>67014.0</t>
  </si>
  <si>
    <t>6608.017</t>
  </si>
  <si>
    <t>11.447</t>
  </si>
  <si>
    <t>10.315</t>
  </si>
  <si>
    <t>7873666.0</t>
  </si>
  <si>
    <t>4245336.0</t>
  </si>
  <si>
    <t>3674356.0</t>
  </si>
  <si>
    <t>53671.0</t>
  </si>
  <si>
    <t>38730241.0</t>
  </si>
  <si>
    <t>45325.0</t>
  </si>
  <si>
    <t>6615.759</t>
  </si>
  <si>
    <t>7.742</t>
  </si>
  <si>
    <t>58599.0</t>
  </si>
  <si>
    <t>7912927.0</t>
  </si>
  <si>
    <t>4249639.0</t>
  </si>
  <si>
    <t>3709317.0</t>
  </si>
  <si>
    <t>54368.0</t>
  </si>
  <si>
    <t>134.52</t>
  </si>
  <si>
    <t>38789273.0</t>
  </si>
  <si>
    <t>59032.0</t>
  </si>
  <si>
    <t>6625.843</t>
  </si>
  <si>
    <t>58327.0</t>
  </si>
  <si>
    <t>9.963</t>
  </si>
  <si>
    <t>7954545.0</t>
  </si>
  <si>
    <t>4254120.0</t>
  </si>
  <si>
    <t>3746456.0</t>
  </si>
  <si>
    <t>41618.0</t>
  </si>
  <si>
    <t>135.23</t>
  </si>
  <si>
    <t>-1189.6</t>
  </si>
  <si>
    <t>-1.31</t>
  </si>
  <si>
    <t>-202.235229696618</t>
  </si>
  <si>
    <t>38857695.0</t>
  </si>
  <si>
    <t>6637.53</t>
  </si>
  <si>
    <t>11.688</t>
  </si>
  <si>
    <t>59567.0</t>
  </si>
  <si>
    <t>10.175</t>
  </si>
  <si>
    <t>8006542.0</t>
  </si>
  <si>
    <t>4261336.0</t>
  </si>
  <si>
    <t>3791203.0</t>
  </si>
  <si>
    <t>52783.0</t>
  </si>
  <si>
    <t>38924240.0</t>
  </si>
  <si>
    <t>6648.897</t>
  </si>
  <si>
    <t>11.367</t>
  </si>
  <si>
    <t>8051151.0</t>
  </si>
  <si>
    <t>4268478.0</t>
  </si>
  <si>
    <t>3828670.0</t>
  </si>
  <si>
    <t>44609.0</t>
  </si>
  <si>
    <t>49978.0</t>
  </si>
  <si>
    <t>136.87</t>
  </si>
  <si>
    <t>38993665.0</t>
  </si>
  <si>
    <t>69425.0</t>
  </si>
  <si>
    <t>6660.756</t>
  </si>
  <si>
    <t>10.878</t>
  </si>
  <si>
    <t>8093047.0</t>
  </si>
  <si>
    <t>4274021.0</t>
  </si>
  <si>
    <t>3865023.0</t>
  </si>
  <si>
    <t>41896.0</t>
  </si>
  <si>
    <t>137.58</t>
  </si>
  <si>
    <t>39077311.0</t>
  </si>
  <si>
    <t>83646.0</t>
  </si>
  <si>
    <t>6675.044</t>
  </si>
  <si>
    <t>65630.0</t>
  </si>
  <si>
    <t>11.211</t>
  </si>
  <si>
    <t>8125679.0</t>
  </si>
  <si>
    <t>4280231.0</t>
  </si>
  <si>
    <t>3891434.0</t>
  </si>
  <si>
    <t>138.14</t>
  </si>
  <si>
    <t>39152073.0</t>
  </si>
  <si>
    <t>74762.0</t>
  </si>
  <si>
    <t>6687.815</t>
  </si>
  <si>
    <t>12.771</t>
  </si>
  <si>
    <t>66737.0</t>
  </si>
  <si>
    <t>8159255.0</t>
  </si>
  <si>
    <t>4285184.0</t>
  </si>
  <si>
    <t>3920051.0</t>
  </si>
  <si>
    <t>40798.0</t>
  </si>
  <si>
    <t>39200493.0</t>
  </si>
  <si>
    <t>6696.086</t>
  </si>
  <si>
    <t>11.475</t>
  </si>
  <si>
    <t>8183307.0</t>
  </si>
  <si>
    <t>4289697.0</t>
  </si>
  <si>
    <t>3939595.0</t>
  </si>
  <si>
    <t>39262078.0</t>
  </si>
  <si>
    <t>6706.605</t>
  </si>
  <si>
    <t>67544.0</t>
  </si>
  <si>
    <t>11.538</t>
  </si>
  <si>
    <t>8202432.0</t>
  </si>
  <si>
    <t>4292728.0</t>
  </si>
  <si>
    <t>3955689.0</t>
  </si>
  <si>
    <t>139.44</t>
  </si>
  <si>
    <t>-1125.9</t>
  </si>
  <si>
    <t>-191.406056754726</t>
  </si>
  <si>
    <t>39341331.0</t>
  </si>
  <si>
    <t>79253.0</t>
  </si>
  <si>
    <t>6720.143</t>
  </si>
  <si>
    <t>13.538</t>
  </si>
  <si>
    <t>69091.0</t>
  </si>
  <si>
    <t>11.802</t>
  </si>
  <si>
    <t>8238256.0</t>
  </si>
  <si>
    <t>4298357.0</t>
  </si>
  <si>
    <t>3985863.0</t>
  </si>
  <si>
    <t>39415068.0</t>
  </si>
  <si>
    <t>73737.0</t>
  </si>
  <si>
    <t>6732.739</t>
  </si>
  <si>
    <t>70118.0</t>
  </si>
  <si>
    <t>11.977</t>
  </si>
  <si>
    <t>8272590.0</t>
  </si>
  <si>
    <t>4304163.0</t>
  </si>
  <si>
    <t>4014390.0</t>
  </si>
  <si>
    <t>140.64</t>
  </si>
  <si>
    <t>5378.0</t>
  </si>
  <si>
    <t>39495684.0</t>
  </si>
  <si>
    <t>6746.509</t>
  </si>
  <si>
    <t>13.771</t>
  </si>
  <si>
    <t>71717.0</t>
  </si>
  <si>
    <t>8296237.0</t>
  </si>
  <si>
    <t>4033084.0</t>
  </si>
  <si>
    <t>23647.0</t>
  </si>
  <si>
    <t>39585032.0</t>
  </si>
  <si>
    <t>89348.0</t>
  </si>
  <si>
    <t>6761.771</t>
  </si>
  <si>
    <t>15.262</t>
  </si>
  <si>
    <t>72532.0</t>
  </si>
  <si>
    <t>8319043.0</t>
  </si>
  <si>
    <t>4313563.0</t>
  </si>
  <si>
    <t>4051427.0</t>
  </si>
  <si>
    <t>22806.0</t>
  </si>
  <si>
    <t>27623.0</t>
  </si>
  <si>
    <t>39661064.0</t>
  </si>
  <si>
    <t>76032.0</t>
  </si>
  <si>
    <t>6774.759</t>
  </si>
  <si>
    <t>12.988</t>
  </si>
  <si>
    <t>72713.0</t>
  </si>
  <si>
    <t>8343940.0</t>
  </si>
  <si>
    <t>4318151.0</t>
  </si>
  <si>
    <t>4071738.0</t>
  </si>
  <si>
    <t>26384.0</t>
  </si>
  <si>
    <t>39708550.0</t>
  </si>
  <si>
    <t>47486.0</t>
  </si>
  <si>
    <t>6782.87</t>
  </si>
  <si>
    <t>72580.0</t>
  </si>
  <si>
    <t>12.398</t>
  </si>
  <si>
    <t>8356638.0</t>
  </si>
  <si>
    <t>4320843.0</t>
  </si>
  <si>
    <t>4081747.0</t>
  </si>
  <si>
    <t>142.07</t>
  </si>
  <si>
    <t>4449.0</t>
  </si>
  <si>
    <t>39766206.0</t>
  </si>
  <si>
    <t>57656.0</t>
  </si>
  <si>
    <t>6792.719</t>
  </si>
  <si>
    <t>72018.0</t>
  </si>
  <si>
    <t>8370674.0</t>
  </si>
  <si>
    <t>4323230.0</t>
  </si>
  <si>
    <t>4093399.0</t>
  </si>
  <si>
    <t>24035.0</t>
  </si>
  <si>
    <t>-1071.2</t>
  </si>
  <si>
    <t>-1.15</t>
  </si>
  <si>
    <t>-182.106908247325</t>
  </si>
  <si>
    <t>39835909.0</t>
  </si>
  <si>
    <t>69703.0</t>
  </si>
  <si>
    <t>6804.625</t>
  </si>
  <si>
    <t>11.906</t>
  </si>
  <si>
    <t>70654.0</t>
  </si>
  <si>
    <t>12.069</t>
  </si>
  <si>
    <t>8399175.0</t>
  </si>
  <si>
    <t>4327303.0</t>
  </si>
  <si>
    <t>4117802.0</t>
  </si>
  <si>
    <t>28501.0</t>
  </si>
  <si>
    <t>22988.0</t>
  </si>
  <si>
    <t>39900808.0</t>
  </si>
  <si>
    <t>64899.0</t>
  </si>
  <si>
    <t>6815.711</t>
  </si>
  <si>
    <t>11.086</t>
  </si>
  <si>
    <t>69391.0</t>
  </si>
  <si>
    <t>11.853</t>
  </si>
  <si>
    <t>8419879.0</t>
  </si>
  <si>
    <t>4330940.0</t>
  </si>
  <si>
    <t>4134835.0</t>
  </si>
  <si>
    <t>20704.0</t>
  </si>
  <si>
    <t>21041.0</t>
  </si>
  <si>
    <t>143.14</t>
  </si>
  <si>
    <t>39961399.0</t>
  </si>
  <si>
    <t>60591.0</t>
  </si>
  <si>
    <t>6826.061</t>
  </si>
  <si>
    <t>66531.0</t>
  </si>
  <si>
    <t>11.365</t>
  </si>
  <si>
    <t>8433425.0</t>
  </si>
  <si>
    <t>4333904.0</t>
  </si>
  <si>
    <t>4145372.0</t>
  </si>
  <si>
    <t>19598.0</t>
  </si>
  <si>
    <t>143.37</t>
  </si>
  <si>
    <t>40030962.0</t>
  </si>
  <si>
    <t>69563.0</t>
  </si>
  <si>
    <t>6837.943</t>
  </si>
  <si>
    <t>10.882</t>
  </si>
  <si>
    <t>8446401.0</t>
  </si>
  <si>
    <t>4336809.0</t>
  </si>
  <si>
    <t>4155412.0</t>
  </si>
  <si>
    <t>18194.0</t>
  </si>
  <si>
    <t>143.59</t>
  </si>
  <si>
    <t>40086002.0</t>
  </si>
  <si>
    <t>55040.0</t>
  </si>
  <si>
    <t>6847.345</t>
  </si>
  <si>
    <t>9.402</t>
  </si>
  <si>
    <t>60705.0</t>
  </si>
  <si>
    <t>8457862.0</t>
  </si>
  <si>
    <t>4339454.0</t>
  </si>
  <si>
    <t>4164200.0</t>
  </si>
  <si>
    <t>143.79</t>
  </si>
  <si>
    <t>40120195.0</t>
  </si>
  <si>
    <t>6853.186</t>
  </si>
  <si>
    <t>5.841</t>
  </si>
  <si>
    <t>58806.0</t>
  </si>
  <si>
    <t>8466916.0</t>
  </si>
  <si>
    <t>4341269.0</t>
  </si>
  <si>
    <t>4171431.0</t>
  </si>
  <si>
    <t>15754.0</t>
  </si>
  <si>
    <t>40163967.0</t>
  </si>
  <si>
    <t>43772.0</t>
  </si>
  <si>
    <t>6860.663</t>
  </si>
  <si>
    <t>7.477</t>
  </si>
  <si>
    <t>56823.0</t>
  </si>
  <si>
    <t>8474964.0</t>
  </si>
  <si>
    <t>4343364.0</t>
  </si>
  <si>
    <t>4177377.0</t>
  </si>
  <si>
    <t>14899.0</t>
  </si>
  <si>
    <t>144.08</t>
  </si>
  <si>
    <t>-1000.3</t>
  </si>
  <si>
    <t>-1.07</t>
  </si>
  <si>
    <t>-170.053715757841</t>
  </si>
  <si>
    <t>40223290.0</t>
  </si>
  <si>
    <t>6870.796</t>
  </si>
  <si>
    <t>10.133</t>
  </si>
  <si>
    <t>55340.0</t>
  </si>
  <si>
    <t>9.453</t>
  </si>
  <si>
    <t>8486553.0</t>
  </si>
  <si>
    <t>4345513.0</t>
  </si>
  <si>
    <t>4186715.0</t>
  </si>
  <si>
    <t>11589.0</t>
  </si>
  <si>
    <t>12483.0</t>
  </si>
  <si>
    <t>40275170.0</t>
  </si>
  <si>
    <t>6879.658</t>
  </si>
  <si>
    <t>53480.0</t>
  </si>
  <si>
    <t>9.135</t>
  </si>
  <si>
    <t>8496796.0</t>
  </si>
  <si>
    <t>4347755.0</t>
  </si>
  <si>
    <t>4194695.0</t>
  </si>
  <si>
    <t>40324094.0</t>
  </si>
  <si>
    <t>6888.015</t>
  </si>
  <si>
    <t>51814.0</t>
  </si>
  <si>
    <t>8.851</t>
  </si>
  <si>
    <t>8505937.0</t>
  </si>
  <si>
    <t>4350063.0</t>
  </si>
  <si>
    <t>4201497.0</t>
  </si>
  <si>
    <t>10359.0</t>
  </si>
  <si>
    <t>40379112.0</t>
  </si>
  <si>
    <t>6897.413</t>
  </si>
  <si>
    <t>49736.0</t>
  </si>
  <si>
    <t>8.496</t>
  </si>
  <si>
    <t>8514207.0</t>
  </si>
  <si>
    <t>4352003.0</t>
  </si>
  <si>
    <t>4207689.0</t>
  </si>
  <si>
    <t>144.74</t>
  </si>
  <si>
    <t>40424528.0</t>
  </si>
  <si>
    <t>6905.171</t>
  </si>
  <si>
    <t>7.758</t>
  </si>
  <si>
    <t>48361.0</t>
  </si>
  <si>
    <t>8.261</t>
  </si>
  <si>
    <t>8524783.0</t>
  </si>
  <si>
    <t>4354109.0</t>
  </si>
  <si>
    <t>4215273.0</t>
  </si>
  <si>
    <t>40453269.0</t>
  </si>
  <si>
    <t>6910.08</t>
  </si>
  <si>
    <t>47582.0</t>
  </si>
  <si>
    <t>8.128</t>
  </si>
  <si>
    <t>8534738.0</t>
  </si>
  <si>
    <t>4355909.0</t>
  </si>
  <si>
    <t>4221024.0</t>
  </si>
  <si>
    <t>40488091.0</t>
  </si>
  <si>
    <t>6916.029</t>
  </si>
  <si>
    <t>8542694.0</t>
  </si>
  <si>
    <t>4357258.0</t>
  </si>
  <si>
    <t>4225912.0</t>
  </si>
  <si>
    <t>145.23</t>
  </si>
  <si>
    <t>-889.4</t>
  </si>
  <si>
    <t>-0.94</t>
  </si>
  <si>
    <t>-151.200414670622</t>
  </si>
  <si>
    <t>40534271.0</t>
  </si>
  <si>
    <t>46180.0</t>
  </si>
  <si>
    <t>6923.917</t>
  </si>
  <si>
    <t>7.888</t>
  </si>
  <si>
    <t>7.589</t>
  </si>
  <si>
    <t>8555703.0</t>
  </si>
  <si>
    <t>4359140.0</t>
  </si>
  <si>
    <t>4232579.0</t>
  </si>
  <si>
    <t>13009.0</t>
  </si>
  <si>
    <t>145.45</t>
  </si>
  <si>
    <t>40575669.0</t>
  </si>
  <si>
    <t>41398.0</t>
  </si>
  <si>
    <t>6930.988</t>
  </si>
  <si>
    <t>7.071</t>
  </si>
  <si>
    <t>8566877.0</t>
  </si>
  <si>
    <t>4360898.0</t>
  </si>
  <si>
    <t>4238053.0</t>
  </si>
  <si>
    <t>145.64</t>
  </si>
  <si>
    <t>40615912.0</t>
  </si>
  <si>
    <t>40243.0</t>
  </si>
  <si>
    <t>6937.862</t>
  </si>
  <si>
    <t>41688.0</t>
  </si>
  <si>
    <t>8578811.0</t>
  </si>
  <si>
    <t>4362619.0</t>
  </si>
  <si>
    <t>4243706.0</t>
  </si>
  <si>
    <t>18877.0</t>
  </si>
  <si>
    <t>40663113.0</t>
  </si>
  <si>
    <t>47201.0</t>
  </si>
  <si>
    <t>6945.925</t>
  </si>
  <si>
    <t>8.063</t>
  </si>
  <si>
    <t>8589361.0</t>
  </si>
  <si>
    <t>4364265.0</t>
  </si>
  <si>
    <t>4248399.0</t>
  </si>
  <si>
    <t>40699834.0</t>
  </si>
  <si>
    <t>36721.0</t>
  </si>
  <si>
    <t>6952.198</t>
  </si>
  <si>
    <t>6.273</t>
  </si>
  <si>
    <t>8599476.0</t>
  </si>
  <si>
    <t>4365866.0</t>
  </si>
  <si>
    <t>4253258.0</t>
  </si>
  <si>
    <t>26737.0</t>
  </si>
  <si>
    <t>146.19</t>
  </si>
  <si>
    <t>40723086.0</t>
  </si>
  <si>
    <t>6956.17</t>
  </si>
  <si>
    <t>38545.0</t>
  </si>
  <si>
    <t>6.584</t>
  </si>
  <si>
    <t>109.9</t>
  </si>
  <si>
    <t>8605241.0</t>
  </si>
  <si>
    <t>4366977.0</t>
  </si>
  <si>
    <t>4256913.0</t>
  </si>
  <si>
    <t>27737.0</t>
  </si>
  <si>
    <t>40752129.0</t>
  </si>
  <si>
    <t>6961.131</t>
  </si>
  <si>
    <t>4.961</t>
  </si>
  <si>
    <t>6.443</t>
  </si>
  <si>
    <t>8609997.0</t>
  </si>
  <si>
    <t>4367969.0</t>
  </si>
  <si>
    <t>4259997.0</t>
  </si>
  <si>
    <t>28417.0</t>
  </si>
  <si>
    <t>146.37</t>
  </si>
  <si>
    <t>-829.7</t>
  </si>
  <si>
    <t>-141.051252588504</t>
  </si>
  <si>
    <t>40793303.0</t>
  </si>
  <si>
    <t>41174.0</t>
  </si>
  <si>
    <t>6968.164</t>
  </si>
  <si>
    <t>8621911.0</t>
  </si>
  <si>
    <t>4369671.0</t>
  </si>
  <si>
    <t>4266120.0</t>
  </si>
  <si>
    <t>146.57</t>
  </si>
  <si>
    <t>40830701.0</t>
  </si>
  <si>
    <t>37398.0</t>
  </si>
  <si>
    <t>6974.552</t>
  </si>
  <si>
    <t>36433.0</t>
  </si>
  <si>
    <t>8632151.0</t>
  </si>
  <si>
    <t>4371112.0</t>
  </si>
  <si>
    <t>4270757.0</t>
  </si>
  <si>
    <t>36637.0</t>
  </si>
  <si>
    <t>10240.0</t>
  </si>
  <si>
    <t>9325.0</t>
  </si>
  <si>
    <t>146.75</t>
  </si>
  <si>
    <t>40868535.0</t>
  </si>
  <si>
    <t>37834.0</t>
  </si>
  <si>
    <t>6981.015</t>
  </si>
  <si>
    <t>36089.0</t>
  </si>
  <si>
    <t>8641942.0</t>
  </si>
  <si>
    <t>4372563.0</t>
  </si>
  <si>
    <t>4274748.0</t>
  </si>
  <si>
    <t>40982.0</t>
  </si>
  <si>
    <t>146.92</t>
  </si>
  <si>
    <t>40910208.0</t>
  </si>
  <si>
    <t>41673.0</t>
  </si>
  <si>
    <t>6988.133</t>
  </si>
  <si>
    <t>35299.0</t>
  </si>
  <si>
    <t>8650281.0</t>
  </si>
  <si>
    <t>4373752.0</t>
  </si>
  <si>
    <t>4278237.0</t>
  </si>
  <si>
    <t>8703.0</t>
  </si>
  <si>
    <t>40944672.0</t>
  </si>
  <si>
    <t>6994.02</t>
  </si>
  <si>
    <t>5.887</t>
  </si>
  <si>
    <t>34977.0</t>
  </si>
  <si>
    <t>5.975</t>
  </si>
  <si>
    <t>8657902.0</t>
  </si>
  <si>
    <t>4374913.0</t>
  </si>
  <si>
    <t>4281786.0</t>
  </si>
  <si>
    <t>40966179.0</t>
  </si>
  <si>
    <t>21507.0</t>
  </si>
  <si>
    <t>6997.694</t>
  </si>
  <si>
    <t>8661744.0</t>
  </si>
  <si>
    <t>4375785.0</t>
  </si>
  <si>
    <t>4284096.0</t>
  </si>
  <si>
    <t>40994717.0</t>
  </si>
  <si>
    <t>28538.0</t>
  </si>
  <si>
    <t>7002.569</t>
  </si>
  <si>
    <t>34655.0</t>
  </si>
  <si>
    <t>8665996.0</t>
  </si>
  <si>
    <t>4376617.0</t>
  </si>
  <si>
    <t>4286862.0</t>
  </si>
  <si>
    <t>48863.0</t>
  </si>
  <si>
    <t>147.32</t>
  </si>
  <si>
    <t>-784.0</t>
  </si>
  <si>
    <t>-133.282128515592</t>
  </si>
  <si>
    <t>41034935.0</t>
  </si>
  <si>
    <t>7009.438</t>
  </si>
  <si>
    <t>34519.0</t>
  </si>
  <si>
    <t>5.896</t>
  </si>
  <si>
    <t>8673115.0</t>
  </si>
  <si>
    <t>4377692.0</t>
  </si>
  <si>
    <t>4290139.0</t>
  </si>
  <si>
    <t>41072632.0</t>
  </si>
  <si>
    <t>37697.0</t>
  </si>
  <si>
    <t>7015.878</t>
  </si>
  <si>
    <t>34562.0</t>
  </si>
  <si>
    <t>5.904</t>
  </si>
  <si>
    <t>8680320.0</t>
  </si>
  <si>
    <t>4378887.0</t>
  </si>
  <si>
    <t>4293463.0</t>
  </si>
  <si>
    <t>147.57</t>
  </si>
  <si>
    <t>41110882.0</t>
  </si>
  <si>
    <t>7022.411</t>
  </si>
  <si>
    <t>6.534</t>
  </si>
  <si>
    <t>34621.0</t>
  </si>
  <si>
    <t>8687188.0</t>
  </si>
  <si>
    <t>4380147.0</t>
  </si>
  <si>
    <t>4296750.0</t>
  </si>
  <si>
    <t>56626.0</t>
  </si>
  <si>
    <t>41153353.0</t>
  </si>
  <si>
    <t>42471.0</t>
  </si>
  <si>
    <t>7029.666</t>
  </si>
  <si>
    <t>34735.0</t>
  </si>
  <si>
    <t>5.933</t>
  </si>
  <si>
    <t>8692515.0</t>
  </si>
  <si>
    <t>4381247.0</t>
  </si>
  <si>
    <t>4299612.0</t>
  </si>
  <si>
    <t>147.78</t>
  </si>
  <si>
    <t>41187575.0</t>
  </si>
  <si>
    <t>34222.0</t>
  </si>
  <si>
    <t>7035.512</t>
  </si>
  <si>
    <t>5.927</t>
  </si>
  <si>
    <t>8698568.0</t>
  </si>
  <si>
    <t>4382286.0</t>
  </si>
  <si>
    <t>4302582.0</t>
  </si>
  <si>
    <t>147.88</t>
  </si>
  <si>
    <t>41210385.0</t>
  </si>
  <si>
    <t>22810.0</t>
  </si>
  <si>
    <t>7039.408</t>
  </si>
  <si>
    <t>8702638.0</t>
  </si>
  <si>
    <t>4382981.0</t>
  </si>
  <si>
    <t>4305005.0</t>
  </si>
  <si>
    <t>60979.0</t>
  </si>
  <si>
    <t>147.95</t>
  </si>
  <si>
    <t>41239871.0</t>
  </si>
  <si>
    <t>29486.0</t>
  </si>
  <si>
    <t>7044.445</t>
  </si>
  <si>
    <t>35022.0</t>
  </si>
  <si>
    <t>8705302.0</t>
  </si>
  <si>
    <t>4383422.0</t>
  </si>
  <si>
    <t>4306632.0</t>
  </si>
  <si>
    <t>61566.0</t>
  </si>
  <si>
    <t>147.99</t>
  </si>
  <si>
    <t>-664.1</t>
  </si>
  <si>
    <t>-112.898802993884</t>
  </si>
  <si>
    <t>41281727.0</t>
  </si>
  <si>
    <t>41856.0</t>
  </si>
  <si>
    <t>7051.595</t>
  </si>
  <si>
    <t>35256.0</t>
  </si>
  <si>
    <t>6.022</t>
  </si>
  <si>
    <t>8711008.0</t>
  </si>
  <si>
    <t>4384199.0</t>
  </si>
  <si>
    <t>4309154.0</t>
  </si>
  <si>
    <t>41320804.0</t>
  </si>
  <si>
    <t>39077.0</t>
  </si>
  <si>
    <t>7058.27</t>
  </si>
  <si>
    <t>6.675</t>
  </si>
  <si>
    <t>8719191.0</t>
  </si>
  <si>
    <t>4385393.0</t>
  </si>
  <si>
    <t>4312659.0</t>
  </si>
  <si>
    <t>148.23</t>
  </si>
  <si>
    <t>41358880.0</t>
  </si>
  <si>
    <t>7064.774</t>
  </si>
  <si>
    <t>35428.0</t>
  </si>
  <si>
    <t>8729089.0</t>
  </si>
  <si>
    <t>4386726.0</t>
  </si>
  <si>
    <t>4316172.0</t>
  </si>
  <si>
    <t>72498.0</t>
  </si>
  <si>
    <t>148.4</t>
  </si>
  <si>
    <t>41405196.0</t>
  </si>
  <si>
    <t>7072.685</t>
  </si>
  <si>
    <t>7.912</t>
  </si>
  <si>
    <t>8736966.0</t>
  </si>
  <si>
    <t>4387636.0</t>
  </si>
  <si>
    <t>4318903.0</t>
  </si>
  <si>
    <t>76725.0</t>
  </si>
  <si>
    <t>41444096.0</t>
  </si>
  <si>
    <t>7079.33</t>
  </si>
  <si>
    <t>8744533.0</t>
  </si>
  <si>
    <t>4388698.0</t>
  </si>
  <si>
    <t>4321622.0</t>
  </si>
  <si>
    <t>80511.0</t>
  </si>
  <si>
    <t>41471540.0</t>
  </si>
  <si>
    <t>27444.0</t>
  </si>
  <si>
    <t>7084.018</t>
  </si>
  <si>
    <t>8749415.0</t>
  </si>
  <si>
    <t>4389424.0</t>
  </si>
  <si>
    <t>4323902.0</t>
  </si>
  <si>
    <t>148.74</t>
  </si>
  <si>
    <t>41508597.0</t>
  </si>
  <si>
    <t>7090.348</t>
  </si>
  <si>
    <t>38389.0</t>
  </si>
  <si>
    <t>8752061.0</t>
  </si>
  <si>
    <t>4389864.0</t>
  </si>
  <si>
    <t>4324941.0</t>
  </si>
  <si>
    <t>83554.0</t>
  </si>
  <si>
    <t>148.79</t>
  </si>
  <si>
    <t>-610.6</t>
  </si>
  <si>
    <t>-103.803657744414</t>
  </si>
  <si>
    <t>41563002.0</t>
  </si>
  <si>
    <t>7099.641</t>
  </si>
  <si>
    <t>9.293</t>
  </si>
  <si>
    <t>40182.0</t>
  </si>
  <si>
    <t>6.864</t>
  </si>
  <si>
    <t>8758518.0</t>
  </si>
  <si>
    <t>4390612.0</t>
  </si>
  <si>
    <t>4326786.0</t>
  </si>
  <si>
    <t>87420.0</t>
  </si>
  <si>
    <t>41616795.0</t>
  </si>
  <si>
    <t>53793.0</t>
  </si>
  <si>
    <t>7108.83</t>
  </si>
  <si>
    <t>9.189</t>
  </si>
  <si>
    <t>42284.0</t>
  </si>
  <si>
    <t>7.223</t>
  </si>
  <si>
    <t>8768177.0</t>
  </si>
  <si>
    <t>4391740.0</t>
  </si>
  <si>
    <t>4329842.0</t>
  </si>
  <si>
    <t>92889.0</t>
  </si>
  <si>
    <t>149.06</t>
  </si>
  <si>
    <t>41672892.0</t>
  </si>
  <si>
    <t>56097.0</t>
  </si>
  <si>
    <t>7118.412</t>
  </si>
  <si>
    <t>7.663</t>
  </si>
  <si>
    <t>8777896.0</t>
  </si>
  <si>
    <t>4392870.0</t>
  </si>
  <si>
    <t>4332480.0</t>
  </si>
  <si>
    <t>98839.0</t>
  </si>
  <si>
    <t>149.23</t>
  </si>
  <si>
    <t>41743080.0</t>
  </si>
  <si>
    <t>70188.0</t>
  </si>
  <si>
    <t>7130.401</t>
  </si>
  <si>
    <t>48269.0</t>
  </si>
  <si>
    <t>8.245</t>
  </si>
  <si>
    <t>8785183.0</t>
  </si>
  <si>
    <t>4393696.0</t>
  </si>
  <si>
    <t>4334598.0</t>
  </si>
  <si>
    <t>6888.0</t>
  </si>
  <si>
    <t>41799914.0</t>
  </si>
  <si>
    <t>56834.0</t>
  </si>
  <si>
    <t>7140.109</t>
  </si>
  <si>
    <t>50831.0</t>
  </si>
  <si>
    <t>8.683</t>
  </si>
  <si>
    <t>8792926.0</t>
  </si>
  <si>
    <t>4394739.0</t>
  </si>
  <si>
    <t>4336787.0</t>
  </si>
  <si>
    <t>107696.0</t>
  </si>
  <si>
    <t>149.48</t>
  </si>
  <si>
    <t>41839588.0</t>
  </si>
  <si>
    <t>39674.0</t>
  </si>
  <si>
    <t>7146.886</t>
  </si>
  <si>
    <t>52578.0</t>
  </si>
  <si>
    <t>8.981</t>
  </si>
  <si>
    <t>8799534.0</t>
  </si>
  <si>
    <t>4395398.0</t>
  </si>
  <si>
    <t>4338275.0</t>
  </si>
  <si>
    <t>112157.0</t>
  </si>
  <si>
    <t>6608.0</t>
  </si>
  <si>
    <t>41880317.0</t>
  </si>
  <si>
    <t>40729.0</t>
  </si>
  <si>
    <t>7153.844</t>
  </si>
  <si>
    <t>53103.0</t>
  </si>
  <si>
    <t>9.071</t>
  </si>
  <si>
    <t>8805421.0</t>
  </si>
  <si>
    <t>4395757.0</t>
  </si>
  <si>
    <t>4339074.0</t>
  </si>
  <si>
    <t>116885.0</t>
  </si>
  <si>
    <t>149.69</t>
  </si>
  <si>
    <t>-481.5</t>
  </si>
  <si>
    <t>-81.8563072452268</t>
  </si>
  <si>
    <t>41934471.0</t>
  </si>
  <si>
    <t>54154.0</t>
  </si>
  <si>
    <t>7163.094</t>
  </si>
  <si>
    <t>8818027.0</t>
  </si>
  <si>
    <t>4396534.0</t>
  </si>
  <si>
    <t>4340470.0</t>
  </si>
  <si>
    <t>127318.0</t>
  </si>
  <si>
    <t>149.91</t>
  </si>
  <si>
    <t>41989994.0</t>
  </si>
  <si>
    <t>7172.578</t>
  </si>
  <si>
    <t>53314.0</t>
  </si>
  <si>
    <t>8835896.0</t>
  </si>
  <si>
    <t>4397671.0</t>
  </si>
  <si>
    <t>4342778.0</t>
  </si>
  <si>
    <t>141740.0</t>
  </si>
  <si>
    <t>150.21</t>
  </si>
  <si>
    <t>42060879.0</t>
  </si>
  <si>
    <t>70885.0</t>
  </si>
  <si>
    <t>7184.686</t>
  </si>
  <si>
    <t>12.108</t>
  </si>
  <si>
    <t>55427.0</t>
  </si>
  <si>
    <t>9.468</t>
  </si>
  <si>
    <t>8855151.0</t>
  </si>
  <si>
    <t>4398858.0</t>
  </si>
  <si>
    <t>4344939.0</t>
  </si>
  <si>
    <t>157655.0</t>
  </si>
  <si>
    <t>19255.0</t>
  </si>
  <si>
    <t>11036.0</t>
  </si>
  <si>
    <t>150.54</t>
  </si>
  <si>
    <t>42151706.0</t>
  </si>
  <si>
    <t>90827.0</t>
  </si>
  <si>
    <t>7200.201</t>
  </si>
  <si>
    <t>15.515</t>
  </si>
  <si>
    <t>58375.0</t>
  </si>
  <si>
    <t>9.971</t>
  </si>
  <si>
    <t>8871475.0</t>
  </si>
  <si>
    <t>4399989.0</t>
  </si>
  <si>
    <t>4346635.0</t>
  </si>
  <si>
    <t>171156.0</t>
  </si>
  <si>
    <t>42222131.0</t>
  </si>
  <si>
    <t>70425.0</t>
  </si>
  <si>
    <t>7212.231</t>
  </si>
  <si>
    <t>60317.0</t>
  </si>
  <si>
    <t>10.303</t>
  </si>
  <si>
    <t>8886712.0</t>
  </si>
  <si>
    <t>4401199.0</t>
  </si>
  <si>
    <t>4348406.0</t>
  </si>
  <si>
    <t>183412.0</t>
  </si>
  <si>
    <t>151.08</t>
  </si>
  <si>
    <t>42276955.0</t>
  </si>
  <si>
    <t>54824.0</t>
  </si>
  <si>
    <t>7221.596</t>
  </si>
  <si>
    <t>8894747.0</t>
  </si>
  <si>
    <t>4401874.0</t>
  </si>
  <si>
    <t>4349656.0</t>
  </si>
  <si>
    <t>189522.0</t>
  </si>
  <si>
    <t>13602.0</t>
  </si>
  <si>
    <t>151.21</t>
  </si>
  <si>
    <t>42348380.0</t>
  </si>
  <si>
    <t>71425.0</t>
  </si>
  <si>
    <t>7233.796</t>
  </si>
  <si>
    <t>12.201</t>
  </si>
  <si>
    <t>8899728.0</t>
  </si>
  <si>
    <t>4402399.0</t>
  </si>
  <si>
    <t>4350330.0</t>
  </si>
  <si>
    <t>193307.0</t>
  </si>
  <si>
    <t>-374.4</t>
  </si>
  <si>
    <t>-63.6490164747932</t>
  </si>
  <si>
    <t>42435915.0</t>
  </si>
  <si>
    <t>87535.0</t>
  </si>
  <si>
    <t>7248.749</t>
  </si>
  <si>
    <t>14.952</t>
  </si>
  <si>
    <t>8914826.0</t>
  </si>
  <si>
    <t>4403513.0</t>
  </si>
  <si>
    <t>4351847.0</t>
  </si>
  <si>
    <t>205755.0</t>
  </si>
  <si>
    <t>13828.0</t>
  </si>
  <si>
    <t>42522869.0</t>
  </si>
  <si>
    <t>7263.602</t>
  </si>
  <si>
    <t>14.853</t>
  </si>
  <si>
    <t>13.003</t>
  </si>
  <si>
    <t>8932264.0</t>
  </si>
  <si>
    <t>4405062.0</t>
  </si>
  <si>
    <t>4353875.0</t>
  </si>
  <si>
    <t>219618.0</t>
  </si>
  <si>
    <t>151.85</t>
  </si>
  <si>
    <t>42612082.0</t>
  </si>
  <si>
    <t>89213.0</t>
  </si>
  <si>
    <t>7278.841</t>
  </si>
  <si>
    <t>78743.0</t>
  </si>
  <si>
    <t>13.451</t>
  </si>
  <si>
    <t>8951862.0</t>
  </si>
  <si>
    <t>4406797.0</t>
  </si>
  <si>
    <t>4356014.0</t>
  </si>
  <si>
    <t>235349.0</t>
  </si>
  <si>
    <t>42723855.0</t>
  </si>
  <si>
    <t>111773.0</t>
  </si>
  <si>
    <t>7297.934</t>
  </si>
  <si>
    <t>19.093</t>
  </si>
  <si>
    <t>13.962</t>
  </si>
  <si>
    <t>8969213.0</t>
  </si>
  <si>
    <t>4408434.0</t>
  </si>
  <si>
    <t>4357777.0</t>
  </si>
  <si>
    <t>249305.0</t>
  </si>
  <si>
    <t>152.48</t>
  </si>
  <si>
    <t>42822495.0</t>
  </si>
  <si>
    <t>98640.0</t>
  </si>
  <si>
    <t>7314.783</t>
  </si>
  <si>
    <t>16.849</t>
  </si>
  <si>
    <t>8984579.0</t>
  </si>
  <si>
    <t>4410006.0</t>
  </si>
  <si>
    <t>4359612.0</t>
  </si>
  <si>
    <t>261264.0</t>
  </si>
  <si>
    <t>152.74</t>
  </si>
  <si>
    <t>42892296.0</t>
  </si>
  <si>
    <t>69801.0</t>
  </si>
  <si>
    <t>7326.706</t>
  </si>
  <si>
    <t>87906.0</t>
  </si>
  <si>
    <t>15.016</t>
  </si>
  <si>
    <t>8990836.0</t>
  </si>
  <si>
    <t>4411053.0</t>
  </si>
  <si>
    <t>4360639.0</t>
  </si>
  <si>
    <t>265447.0</t>
  </si>
  <si>
    <t>152.85</t>
  </si>
  <si>
    <t>42977589.0</t>
  </si>
  <si>
    <t>85293.0</t>
  </si>
  <si>
    <t>7341.276</t>
  </si>
  <si>
    <t>14.569</t>
  </si>
  <si>
    <t>89887.0</t>
  </si>
  <si>
    <t>8995174.0</t>
  </si>
  <si>
    <t>4411673.0</t>
  </si>
  <si>
    <t>4361311.0</t>
  </si>
  <si>
    <t>268495.0</t>
  </si>
  <si>
    <t>13635.0</t>
  </si>
  <si>
    <t>152.92</t>
  </si>
  <si>
    <t>-260.3</t>
  </si>
  <si>
    <t>-44.2517066997561</t>
  </si>
  <si>
    <t>43098618.0</t>
  </si>
  <si>
    <t>121029.0</t>
  </si>
  <si>
    <t>7361.949</t>
  </si>
  <si>
    <t>20.674</t>
  </si>
  <si>
    <t>94672.0</t>
  </si>
  <si>
    <t>9011669.0</t>
  </si>
  <si>
    <t>4413381.0</t>
  </si>
  <si>
    <t>4362937.0</t>
  </si>
  <si>
    <t>281660.0</t>
  </si>
  <si>
    <t>13835.0</t>
  </si>
  <si>
    <t>43218874.0</t>
  </si>
  <si>
    <t>120256.0</t>
  </si>
  <si>
    <t>7382.491</t>
  </si>
  <si>
    <t>20.542</t>
  </si>
  <si>
    <t>99429.0</t>
  </si>
  <si>
    <t>16.984</t>
  </si>
  <si>
    <t>9026689.0</t>
  </si>
  <si>
    <t>4415298.0</t>
  </si>
  <si>
    <t>4364622.0</t>
  </si>
  <si>
    <t>293042.0</t>
  </si>
  <si>
    <t>15020.0</t>
  </si>
  <si>
    <t>13489.0</t>
  </si>
  <si>
    <t>153.46</t>
  </si>
  <si>
    <t>43333432.0</t>
  </si>
  <si>
    <t>114558.0</t>
  </si>
  <si>
    <t>7402.059</t>
  </si>
  <si>
    <t>19.568</t>
  </si>
  <si>
    <t>103050.0</t>
  </si>
  <si>
    <t>17.603</t>
  </si>
  <si>
    <t>9046360.0</t>
  </si>
  <si>
    <t>4417530.0</t>
  </si>
  <si>
    <t>4366514.0</t>
  </si>
  <si>
    <t>308596.0</t>
  </si>
  <si>
    <t>13500.0</t>
  </si>
  <si>
    <t>153.79</t>
  </si>
  <si>
    <t>43478501.0</t>
  </si>
  <si>
    <t>145069.0</t>
  </si>
  <si>
    <t>7426.84</t>
  </si>
  <si>
    <t>107807.0</t>
  </si>
  <si>
    <t>9061851.0</t>
  </si>
  <si>
    <t>4419248.0</t>
  </si>
  <si>
    <t>4367973.0</t>
  </si>
  <si>
    <t>320925.0</t>
  </si>
  <si>
    <t>154.05</t>
  </si>
  <si>
    <t>43606483.0</t>
  </si>
  <si>
    <t>127982.0</t>
  </si>
  <si>
    <t>7448.701</t>
  </si>
  <si>
    <t>21.861</t>
  </si>
  <si>
    <t>111998.0</t>
  </si>
  <si>
    <t>19.131</t>
  </si>
  <si>
    <t>9077092.0</t>
  </si>
  <si>
    <t>4421440.0</t>
  </si>
  <si>
    <t>4369739.0</t>
  </si>
  <si>
    <t>332208.0</t>
  </si>
  <si>
    <t>154.31</t>
  </si>
  <si>
    <t>43695426.0</t>
  </si>
  <si>
    <t>88943.0</t>
  </si>
  <si>
    <t>7463.894</t>
  </si>
  <si>
    <t>114733.0</t>
  </si>
  <si>
    <t>19.598</t>
  </si>
  <si>
    <t>9083535.0</t>
  </si>
  <si>
    <t>4422969.0</t>
  </si>
  <si>
    <t>4370748.0</t>
  </si>
  <si>
    <t>336113.0</t>
  </si>
  <si>
    <t>13243.0</t>
  </si>
  <si>
    <t>154.42</t>
  </si>
  <si>
    <t>43808405.0</t>
  </si>
  <si>
    <t>112979.0</t>
  </si>
  <si>
    <t>7483.193</t>
  </si>
  <si>
    <t>19.299</t>
  </si>
  <si>
    <t>118688.0</t>
  </si>
  <si>
    <t>20.274</t>
  </si>
  <si>
    <t>9087538.0</t>
  </si>
  <si>
    <t>4423839.0</t>
  </si>
  <si>
    <t>4371255.0</t>
  </si>
  <si>
    <t>338745.0</t>
  </si>
  <si>
    <t>154.49</t>
  </si>
  <si>
    <t>-146.0</t>
  </si>
  <si>
    <t>-0.14</t>
  </si>
  <si>
    <t>-24.8203963817303</t>
  </si>
  <si>
    <t>43959818.0</t>
  </si>
  <si>
    <t>151413.0</t>
  </si>
  <si>
    <t>7509.056</t>
  </si>
  <si>
    <t>25.864</t>
  </si>
  <si>
    <t>123029.0</t>
  </si>
  <si>
    <t>21.015</t>
  </si>
  <si>
    <t>9103132.0</t>
  </si>
  <si>
    <t>4426278.0</t>
  </si>
  <si>
    <t>4372921.0</t>
  </si>
  <si>
    <t>350245.0</t>
  </si>
  <si>
    <t>13066.0</t>
  </si>
  <si>
    <t>154.76</t>
  </si>
  <si>
    <t>44128759.0</t>
  </si>
  <si>
    <t>168941.0</t>
  </si>
  <si>
    <t>7537.914</t>
  </si>
  <si>
    <t>28.858</t>
  </si>
  <si>
    <t>129984.0</t>
  </si>
  <si>
    <t>9124307.0</t>
  </si>
  <si>
    <t>4431163.0</t>
  </si>
  <si>
    <t>4375160.0</t>
  </si>
  <si>
    <t>364306.0</t>
  </si>
  <si>
    <t>44285565.0</t>
  </si>
  <si>
    <t>156806.0</t>
  </si>
  <si>
    <t>7564.699</t>
  </si>
  <si>
    <t>136019.0</t>
  </si>
  <si>
    <t>23.234</t>
  </si>
  <si>
    <t>9151102.0</t>
  </si>
  <si>
    <t>4436433.0</t>
  </si>
  <si>
    <t>4377642.0</t>
  </si>
  <si>
    <t>383362.0</t>
  </si>
  <si>
    <t>26795.0</t>
  </si>
  <si>
    <t>14963.0</t>
  </si>
  <si>
    <t>44476994.0</t>
  </si>
  <si>
    <t>191429.0</t>
  </si>
  <si>
    <t>7597.398</t>
  </si>
  <si>
    <t>32.699</t>
  </si>
  <si>
    <t>142642.0</t>
  </si>
  <si>
    <t>24.366</t>
  </si>
  <si>
    <t>9172743.0</t>
  </si>
  <si>
    <t>4440674.0</t>
  </si>
  <si>
    <t>4379730.0</t>
  </si>
  <si>
    <t>398683.0</t>
  </si>
  <si>
    <t>155.94</t>
  </si>
  <si>
    <t>44632507.0</t>
  </si>
  <si>
    <t>155513.0</t>
  </si>
  <si>
    <t>7623.963</t>
  </si>
  <si>
    <t>26.564</t>
  </si>
  <si>
    <t>146575.0</t>
  </si>
  <si>
    <t>25.037</t>
  </si>
  <si>
    <t>9192796.0</t>
  </si>
  <si>
    <t>4444954.0</t>
  </si>
  <si>
    <t>4381938.0</t>
  </si>
  <si>
    <t>412248.0</t>
  </si>
  <si>
    <t>156.28</t>
  </si>
  <si>
    <t>44748116.0</t>
  </si>
  <si>
    <t>115609.0</t>
  </si>
  <si>
    <t>7643.711</t>
  </si>
  <si>
    <t>19.748</t>
  </si>
  <si>
    <t>150384.0</t>
  </si>
  <si>
    <t>25.688</t>
  </si>
  <si>
    <t>9202475.0</t>
  </si>
  <si>
    <t>4448117.0</t>
  </si>
  <si>
    <t>4383250.0</t>
  </si>
  <si>
    <t>417452.0</t>
  </si>
  <si>
    <t>44875675.0</t>
  </si>
  <si>
    <t>127559.0</t>
  </si>
  <si>
    <t>7665.5</t>
  </si>
  <si>
    <t>21.789</t>
  </si>
  <si>
    <t>152467.0</t>
  </si>
  <si>
    <t>26.044</t>
  </si>
  <si>
    <t>9210197.0</t>
  </si>
  <si>
    <t>4450470.0</t>
  </si>
  <si>
    <t>4384110.0</t>
  </si>
  <si>
    <t>421979.0</t>
  </si>
  <si>
    <t>-40.5000000000004</t>
  </si>
  <si>
    <t>-6.88510995520605</t>
  </si>
  <si>
    <t>45046807.0</t>
  </si>
  <si>
    <t>171132.0</t>
  </si>
  <si>
    <t>7694.732</t>
  </si>
  <si>
    <t>29.232</t>
  </si>
  <si>
    <t>155284.0</t>
  </si>
  <si>
    <t>9233014.0</t>
  </si>
  <si>
    <t>4455661.0</t>
  </si>
  <si>
    <t>4386492.0</t>
  </si>
  <si>
    <t>437236.0</t>
  </si>
  <si>
    <t>156.96</t>
  </si>
  <si>
    <t>45217479.0</t>
  </si>
  <si>
    <t>170672.0</t>
  </si>
  <si>
    <t>7723.885</t>
  </si>
  <si>
    <t>29.154</t>
  </si>
  <si>
    <t>155531.0</t>
  </si>
  <si>
    <t>9254238.0</t>
  </si>
  <si>
    <t>4460099.0</t>
  </si>
  <si>
    <t>4388671.0</t>
  </si>
  <si>
    <t>451847.0</t>
  </si>
  <si>
    <t>21224.0</t>
  </si>
  <si>
    <t>157.32</t>
  </si>
  <si>
    <t>45382665.0</t>
  </si>
  <si>
    <t>165186.0</t>
  </si>
  <si>
    <t>7752.102</t>
  </si>
  <si>
    <t>28.216</t>
  </si>
  <si>
    <t>156729.0</t>
  </si>
  <si>
    <t>26.772</t>
  </si>
  <si>
    <t>9284211.0</t>
  </si>
  <si>
    <t>4464247.0</t>
  </si>
  <si>
    <t>4390921.0</t>
  </si>
  <si>
    <t>475432.0</t>
  </si>
  <si>
    <t>19016.0</t>
  </si>
  <si>
    <t>61.541</t>
  </si>
  <si>
    <t>45579112.0</t>
  </si>
  <si>
    <t>196447.0</t>
  </si>
  <si>
    <t>7785.658</t>
  </si>
  <si>
    <t>33.556</t>
  </si>
  <si>
    <t>157445.0</t>
  </si>
  <si>
    <t>9312632.0</t>
  </si>
  <si>
    <t>4467702.0</t>
  </si>
  <si>
    <t>4392897.0</t>
  </si>
  <si>
    <t>498438.0</t>
  </si>
  <si>
    <t>28421.0</t>
  </si>
  <si>
    <t>19984.0</t>
  </si>
  <si>
    <t>158.32</t>
  </si>
  <si>
    <t>45754627.0</t>
  </si>
  <si>
    <t>175515.0</t>
  </si>
  <si>
    <t>7815.639</t>
  </si>
  <si>
    <t>29.981</t>
  </si>
  <si>
    <t>160303.0</t>
  </si>
  <si>
    <t>27.382</t>
  </si>
  <si>
    <t>9339160.0</t>
  </si>
  <si>
    <t>4470891.0</t>
  </si>
  <si>
    <t>4394784.0</t>
  </si>
  <si>
    <t>519890.0</t>
  </si>
  <si>
    <t>158.77</t>
  </si>
  <si>
    <t>45885759.0</t>
  </si>
  <si>
    <t>131132.0</t>
  </si>
  <si>
    <t>7838.039</t>
  </si>
  <si>
    <t>22.399</t>
  </si>
  <si>
    <t>162520.0</t>
  </si>
  <si>
    <t>27.761</t>
  </si>
  <si>
    <t>9355988.0</t>
  </si>
  <si>
    <t>4473122.0</t>
  </si>
  <si>
    <t>4396113.0</t>
  </si>
  <si>
    <t>533158.0</t>
  </si>
  <si>
    <t>159.05</t>
  </si>
  <si>
    <t>70.381</t>
  </si>
  <si>
    <t>46025791.0</t>
  </si>
  <si>
    <t>140032.0</t>
  </si>
  <si>
    <t>7861.958</t>
  </si>
  <si>
    <t>164302.0</t>
  </si>
  <si>
    <t>28.065</t>
  </si>
  <si>
    <t>9365682.0</t>
  </si>
  <si>
    <t>4474441.0</t>
  </si>
  <si>
    <t>4396940.0</t>
  </si>
  <si>
    <t>540706.0</t>
  </si>
  <si>
    <t>33.1999999999996</t>
  </si>
  <si>
    <t>5.64409013611941</t>
  </si>
  <si>
    <t>46206487.0</t>
  </si>
  <si>
    <t>180696.0</t>
  </si>
  <si>
    <t>7892.824</t>
  </si>
  <si>
    <t>30.866</t>
  </si>
  <si>
    <t>165669.0</t>
  </si>
  <si>
    <t>28.299</t>
  </si>
  <si>
    <t>9399021.0</t>
  </si>
  <si>
    <t>4477515.0</t>
  </si>
  <si>
    <t>4399185.0</t>
  </si>
  <si>
    <t>568759.0</t>
  </si>
  <si>
    <t>23715.0</t>
  </si>
  <si>
    <t>159.79</t>
  </si>
  <si>
    <t>46391285.0</t>
  </si>
  <si>
    <t>184798.0</t>
  </si>
  <si>
    <t>7924.391</t>
  </si>
  <si>
    <t>31.567</t>
  </si>
  <si>
    <t>167687.0</t>
  </si>
  <si>
    <t>28.644</t>
  </si>
  <si>
    <t>9436380.0</t>
  </si>
  <si>
    <t>4480612.0</t>
  </si>
  <si>
    <t>4401428.0</t>
  </si>
  <si>
    <t>600810.0</t>
  </si>
  <si>
    <t>160.42</t>
  </si>
  <si>
    <t>46572182.0</t>
  </si>
  <si>
    <t>180897.0</t>
  </si>
  <si>
    <t>7955.291</t>
  </si>
  <si>
    <t>169931.0</t>
  </si>
  <si>
    <t>29.027</t>
  </si>
  <si>
    <t>9476304.0</t>
  </si>
  <si>
    <t>4483404.0</t>
  </si>
  <si>
    <t>4403878.0</t>
  </si>
  <si>
    <t>635517.0</t>
  </si>
  <si>
    <t>39924.0</t>
  </si>
  <si>
    <t>46787288.0</t>
  </si>
  <si>
    <t>215106.0</t>
  </si>
  <si>
    <t>7992.034</t>
  </si>
  <si>
    <t>36.744</t>
  </si>
  <si>
    <t>172597.0</t>
  </si>
  <si>
    <t>29.482</t>
  </si>
  <si>
    <t>9514514.0</t>
  </si>
  <si>
    <t>4486158.0</t>
  </si>
  <si>
    <t>4405993.0</t>
  </si>
  <si>
    <t>668873.0</t>
  </si>
  <si>
    <t>38210.0</t>
  </si>
  <si>
    <t>28840.0</t>
  </si>
  <si>
    <t>161.75</t>
  </si>
  <si>
    <t>46968055.0</t>
  </si>
  <si>
    <t>8022.912</t>
  </si>
  <si>
    <t>30.878</t>
  </si>
  <si>
    <t>173347.0</t>
  </si>
  <si>
    <t>29.611</t>
  </si>
  <si>
    <t>9545225.0</t>
  </si>
  <si>
    <t>4488874.0</t>
  </si>
  <si>
    <t>4408302.0</t>
  </si>
  <si>
    <t>694559.0</t>
  </si>
  <si>
    <t>162.27</t>
  </si>
  <si>
    <t>47103042.0</t>
  </si>
  <si>
    <t>134987.0</t>
  </si>
  <si>
    <t>8045.97</t>
  </si>
  <si>
    <t>23.058</t>
  </si>
  <si>
    <t>173898.0</t>
  </si>
  <si>
    <t>29.705</t>
  </si>
  <si>
    <t>9566778.0</t>
  </si>
  <si>
    <t>4491078.0</t>
  </si>
  <si>
    <t>4409952.0</t>
  </si>
  <si>
    <t>712258.0</t>
  </si>
  <si>
    <t>21553.0</t>
  </si>
  <si>
    <t>30113.0</t>
  </si>
  <si>
    <t>47251660.0</t>
  </si>
  <si>
    <t>8071.357</t>
  </si>
  <si>
    <t>25.386</t>
  </si>
  <si>
    <t>175124.0</t>
  </si>
  <si>
    <t>29.914</t>
  </si>
  <si>
    <t>9588247.0</t>
  </si>
  <si>
    <t>4494325.0</t>
  </si>
  <si>
    <t>4411389.0</t>
  </si>
  <si>
    <t>729069.0</t>
  </si>
  <si>
    <t>21469.0</t>
  </si>
  <si>
    <t>31.09349656314</t>
  </si>
  <si>
    <t>47448440.0</t>
  </si>
  <si>
    <t>196780.0</t>
  </si>
  <si>
    <t>8104.97</t>
  </si>
  <si>
    <t>33.613</t>
  </si>
  <si>
    <t>177422.0</t>
  </si>
  <si>
    <t>30.307</t>
  </si>
  <si>
    <t>9624312.0</t>
  </si>
  <si>
    <t>4498365.0</t>
  </si>
  <si>
    <t>4414367.0</t>
  </si>
  <si>
    <t>758129.0</t>
  </si>
  <si>
    <t>32184.0</t>
  </si>
  <si>
    <t>163.62</t>
  </si>
  <si>
    <t>47645290.0</t>
  </si>
  <si>
    <t>196850.0</t>
  </si>
  <si>
    <t>8138.595</t>
  </si>
  <si>
    <t>33.625</t>
  </si>
  <si>
    <t>179144.0</t>
  </si>
  <si>
    <t>9662794.0</t>
  </si>
  <si>
    <t>4503240.0</t>
  </si>
  <si>
    <t>4417976.0</t>
  </si>
  <si>
    <t>788146.0</t>
  </si>
  <si>
    <t>38482.0</t>
  </si>
  <si>
    <t>47830664.0</t>
  </si>
  <si>
    <t>185374.0</t>
  </si>
  <si>
    <t>8170.26</t>
  </si>
  <si>
    <t>31.665</t>
  </si>
  <si>
    <t>179783.0</t>
  </si>
  <si>
    <t>9705131.0</t>
  </si>
  <si>
    <t>4508296.0</t>
  </si>
  <si>
    <t>4421899.0</t>
  </si>
  <si>
    <t>821526.0</t>
  </si>
  <si>
    <t>42337.0</t>
  </si>
  <si>
    <t>32690.0</t>
  </si>
  <si>
    <t>164.99</t>
  </si>
  <si>
    <t>48044165.0</t>
  </si>
  <si>
    <t>213501.0</t>
  </si>
  <si>
    <t>8206.73</t>
  </si>
  <si>
    <t>36.469</t>
  </si>
  <si>
    <t>179554.0</t>
  </si>
  <si>
    <t>30.671</t>
  </si>
  <si>
    <t>9746557.0</t>
  </si>
  <si>
    <t>4513855.0</t>
  </si>
  <si>
    <t>4425334.0</t>
  </si>
  <si>
    <t>853980.0</t>
  </si>
  <si>
    <t>41426.0</t>
  </si>
  <si>
    <t>33149.0</t>
  </si>
  <si>
    <t>48232209.0</t>
  </si>
  <si>
    <t>188044.0</t>
  </si>
  <si>
    <t>8238.851</t>
  </si>
  <si>
    <t>32.121</t>
  </si>
  <si>
    <t>30.848</t>
  </si>
  <si>
    <t>9783090.0</t>
  </si>
  <si>
    <t>4518979.0</t>
  </si>
  <si>
    <t>4428903.0</t>
  </si>
  <si>
    <t>881820.0</t>
  </si>
  <si>
    <t>36533.0</t>
  </si>
  <si>
    <t>166.32</t>
  </si>
  <si>
    <t>48373002.0</t>
  </si>
  <si>
    <t>140793.0</t>
  </si>
  <si>
    <t>8262.9</t>
  </si>
  <si>
    <t>181423.0</t>
  </si>
  <si>
    <t>9809380.0</t>
  </si>
  <si>
    <t>4525156.0</t>
  </si>
  <si>
    <t>4431474.0</t>
  </si>
  <si>
    <t>899362.0</t>
  </si>
  <si>
    <t>26290.0</t>
  </si>
  <si>
    <t>166.76</t>
  </si>
  <si>
    <t>48520725.0</t>
  </si>
  <si>
    <t>147723.0</t>
  </si>
  <si>
    <t>8288.134</t>
  </si>
  <si>
    <t>25.234</t>
  </si>
  <si>
    <t>181295.0</t>
  </si>
  <si>
    <t>30.968</t>
  </si>
  <si>
    <t>9834876.0</t>
  </si>
  <si>
    <t>4534608.0</t>
  </si>
  <si>
    <t>4433454.0</t>
  </si>
  <si>
    <t>913443.0</t>
  </si>
  <si>
    <t>25496.0</t>
  </si>
  <si>
    <t>35233.0</t>
  </si>
  <si>
    <t>167.2</t>
  </si>
  <si>
    <t>53.7208579221009</t>
  </si>
  <si>
    <t>48730166.0</t>
  </si>
  <si>
    <t>209441.0</t>
  </si>
  <si>
    <t>8323.91</t>
  </si>
  <si>
    <t>183104.0</t>
  </si>
  <si>
    <t>9881659.0</t>
  </si>
  <si>
    <t>4542196.0</t>
  </si>
  <si>
    <t>4438249.0</t>
  </si>
  <si>
    <t>947863.0</t>
  </si>
  <si>
    <t>46783.0</t>
  </si>
  <si>
    <t>6250.0</t>
  </si>
  <si>
    <t>48938154.0</t>
  </si>
  <si>
    <t>207988.0</t>
  </si>
  <si>
    <t>8359.438</t>
  </si>
  <si>
    <t>35.528</t>
  </si>
  <si>
    <t>184695.0</t>
  </si>
  <si>
    <t>31.549</t>
  </si>
  <si>
    <t>9934030.0</t>
  </si>
  <si>
    <t>4552296.0</t>
  </si>
  <si>
    <t>4442931.0</t>
  </si>
  <si>
    <t>985466.0</t>
  </si>
  <si>
    <t>52371.0</t>
  </si>
  <si>
    <t>49143421.0</t>
  </si>
  <si>
    <t>205267.0</t>
  </si>
  <si>
    <t>8394.501</t>
  </si>
  <si>
    <t>35.063</t>
  </si>
  <si>
    <t>187537.0</t>
  </si>
  <si>
    <t>32.034</t>
  </si>
  <si>
    <t>9996376.0</t>
  </si>
  <si>
    <t>4563115.0</t>
  </si>
  <si>
    <t>4448133.0</t>
  </si>
  <si>
    <t>1031809.0</t>
  </si>
  <si>
    <t>62346.0</t>
  </si>
  <si>
    <t>169.94</t>
  </si>
  <si>
    <t>7831.0</t>
  </si>
  <si>
    <t>49386515.0</t>
  </si>
  <si>
    <t>243094.0</t>
  </si>
  <si>
    <t>8436.025</t>
  </si>
  <si>
    <t>191764.0</t>
  </si>
  <si>
    <t>10058785.0</t>
  </si>
  <si>
    <t>4574169.0</t>
  </si>
  <si>
    <t>4452270.0</t>
  </si>
  <si>
    <t>1079043.0</t>
  </si>
  <si>
    <t>62409.0</t>
  </si>
  <si>
    <t>49597274.0</t>
  </si>
  <si>
    <t>210759.0</t>
  </si>
  <si>
    <t>8472.026</t>
  </si>
  <si>
    <t>195009.0</t>
  </si>
  <si>
    <t>10121971.0</t>
  </si>
  <si>
    <t>4584414.0</t>
  </si>
  <si>
    <t>4456195.0</t>
  </si>
  <si>
    <t>1128059.0</t>
  </si>
  <si>
    <t>63186.0</t>
  </si>
  <si>
    <t>48412.0</t>
  </si>
  <si>
    <t>49751272.0</t>
  </si>
  <si>
    <t>153998.0</t>
  </si>
  <si>
    <t>8498.331</t>
  </si>
  <si>
    <t>26.305</t>
  </si>
  <si>
    <t>196896.0</t>
  </si>
  <si>
    <t>33.633</t>
  </si>
  <si>
    <t>10167336.0</t>
  </si>
  <si>
    <t>4593746.0</t>
  </si>
  <si>
    <t>4458525.0</t>
  </si>
  <si>
    <t>1161762.0</t>
  </si>
  <si>
    <t>172.85</t>
  </si>
  <si>
    <t>49916746.0</t>
  </si>
  <si>
    <t>165474.0</t>
  </si>
  <si>
    <t>8526.597</t>
  </si>
  <si>
    <t>28.266</t>
  </si>
  <si>
    <t>199432.0</t>
  </si>
  <si>
    <t>10214016.0</t>
  </si>
  <si>
    <t>4606159.0</t>
  </si>
  <si>
    <t>4460478.0</t>
  </si>
  <si>
    <t>1194087.0</t>
  </si>
  <si>
    <t>46680.0</t>
  </si>
  <si>
    <t>54163.0</t>
  </si>
  <si>
    <t>9208.0</t>
  </si>
  <si>
    <t>78.3882518603821</t>
  </si>
  <si>
    <t>50146702.0</t>
  </si>
  <si>
    <t>229956.0</t>
  </si>
  <si>
    <t>8565.877</t>
  </si>
  <si>
    <t>202362.0</t>
  </si>
  <si>
    <t>34.567</t>
  </si>
  <si>
    <t>10309816.0</t>
  </si>
  <si>
    <t>4615065.0</t>
  </si>
  <si>
    <t>4464716.0</t>
  </si>
  <si>
    <t>1276758.0</t>
  </si>
  <si>
    <t>95800.0</t>
  </si>
  <si>
    <t>61165.0</t>
  </si>
  <si>
    <t>50368648.0</t>
  </si>
  <si>
    <t>221946.0</t>
  </si>
  <si>
    <t>8603.789</t>
  </si>
  <si>
    <t>37.912</t>
  </si>
  <si>
    <t>204356.0</t>
  </si>
  <si>
    <t>34.907</t>
  </si>
  <si>
    <t>10432957.0</t>
  </si>
  <si>
    <t>4626020.0</t>
  </si>
  <si>
    <t>4469002.0</t>
  </si>
  <si>
    <t>1384662.0</t>
  </si>
  <si>
    <t>123141.0</t>
  </si>
  <si>
    <t>12117.0</t>
  </si>
  <si>
    <t>50585657.0</t>
  </si>
  <si>
    <t>217009.0</t>
  </si>
  <si>
    <t>8640.858</t>
  </si>
  <si>
    <t>206034.0</t>
  </si>
  <si>
    <t>35.194</t>
  </si>
  <si>
    <t>10584547.0</t>
  </si>
  <si>
    <t>4640279.0</t>
  </si>
  <si>
    <t>4473530.0</t>
  </si>
  <si>
    <t>1517465.0</t>
  </si>
  <si>
    <t>84024.0</t>
  </si>
  <si>
    <t>179.94</t>
  </si>
  <si>
    <t>50840344.0</t>
  </si>
  <si>
    <t>8684.363</t>
  </si>
  <si>
    <t>43.505</t>
  </si>
  <si>
    <t>207690.0</t>
  </si>
  <si>
    <t>35.477</t>
  </si>
  <si>
    <t>10750428.0</t>
  </si>
  <si>
    <t>4655162.0</t>
  </si>
  <si>
    <t>4477476.0</t>
  </si>
  <si>
    <t>1664549.0</t>
  </si>
  <si>
    <t>165881.0</t>
  </si>
  <si>
    <t>98806.0</t>
  </si>
  <si>
    <t>182.76</t>
  </si>
  <si>
    <t>51073964.0</t>
  </si>
  <si>
    <t>233620.0</t>
  </si>
  <si>
    <t>8724.269</t>
  </si>
  <si>
    <t>39.906</t>
  </si>
  <si>
    <t>210956.0</t>
  </si>
  <si>
    <t>36.035</t>
  </si>
  <si>
    <t>10912604.0</t>
  </si>
  <si>
    <t>4668123.0</t>
  </si>
  <si>
    <t>4481532.0</t>
  </si>
  <si>
    <t>1809708.0</t>
  </si>
  <si>
    <t>162176.0</t>
  </si>
  <si>
    <t>112948.0</t>
  </si>
  <si>
    <t>19201.0</t>
  </si>
  <si>
    <t>11958.0</t>
  </si>
  <si>
    <t>51248134.0</t>
  </si>
  <si>
    <t>174170.0</t>
  </si>
  <si>
    <t>8754.02</t>
  </si>
  <si>
    <t>29.751</t>
  </si>
  <si>
    <t>213837.0</t>
  </si>
  <si>
    <t>36.527</t>
  </si>
  <si>
    <t>11008429.0</t>
  </si>
  <si>
    <t>4678827.0</t>
  </si>
  <si>
    <t>4484326.0</t>
  </si>
  <si>
    <t>1892035.0</t>
  </si>
  <si>
    <t>95825.0</t>
  </si>
  <si>
    <t>120156.0</t>
  </si>
  <si>
    <t>187.15</t>
  </si>
  <si>
    <t>20427.0</t>
  </si>
  <si>
    <t>51428437.0</t>
  </si>
  <si>
    <t>180303.0</t>
  </si>
  <si>
    <t>8784.819</t>
  </si>
  <si>
    <t>30.799</t>
  </si>
  <si>
    <t>215956.0</t>
  </si>
  <si>
    <t>36.889</t>
  </si>
  <si>
    <t>11091732.0</t>
  </si>
  <si>
    <t>4688516.0</t>
  </si>
  <si>
    <t>4487312.0</t>
  </si>
  <si>
    <t>1962683.0</t>
  </si>
  <si>
    <t>83303.0</t>
  </si>
  <si>
    <t>125388.0</t>
  </si>
  <si>
    <t>188.56</t>
  </si>
  <si>
    <t>21316.0</t>
  </si>
  <si>
    <t>611.4</t>
  </si>
  <si>
    <t>103.939659916369</t>
  </si>
  <si>
    <t>51695702.0</t>
  </si>
  <si>
    <t>267265.0</t>
  </si>
  <si>
    <t>8830.472</t>
  </si>
  <si>
    <t>221286.0</t>
  </si>
  <si>
    <t>37.799</t>
  </si>
  <si>
    <t>11240638.0</t>
  </si>
  <si>
    <t>4698948.0</t>
  </si>
  <si>
    <t>4493498.0</t>
  </si>
  <si>
    <t>2094982.0</t>
  </si>
  <si>
    <t>132975.0</t>
  </si>
  <si>
    <t>191.09</t>
  </si>
  <si>
    <t>51950592.0</t>
  </si>
  <si>
    <t>254890.0</t>
  </si>
  <si>
    <t>8874.011</t>
  </si>
  <si>
    <t>43.539</t>
  </si>
  <si>
    <t>225992.0</t>
  </si>
  <si>
    <t>38.603</t>
  </si>
  <si>
    <t>11363632.0</t>
  </si>
  <si>
    <t>4708247.0</t>
  </si>
  <si>
    <t>4499062.0</t>
  </si>
  <si>
    <t>2203118.0</t>
  </si>
  <si>
    <t>122994.0</t>
  </si>
  <si>
    <t>132954.0</t>
  </si>
  <si>
    <t>193.18</t>
  </si>
  <si>
    <t>52219734.0</t>
  </si>
  <si>
    <t>269142.0</t>
  </si>
  <si>
    <t>8919.985</t>
  </si>
  <si>
    <t>45.974</t>
  </si>
  <si>
    <t>233440.0</t>
  </si>
  <si>
    <t>39.875</t>
  </si>
  <si>
    <t>11468459.0</t>
  </si>
  <si>
    <t>4715161.0</t>
  </si>
  <si>
    <t>4504293.0</t>
  </si>
  <si>
    <t>2295806.0</t>
  </si>
  <si>
    <t>104827.0</t>
  </si>
  <si>
    <t>126273.0</t>
  </si>
  <si>
    <t>194.97</t>
  </si>
  <si>
    <t>52462876.0</t>
  </si>
  <si>
    <t>243142.0</t>
  </si>
  <si>
    <t>8961.518</t>
  </si>
  <si>
    <t>41.533</t>
  </si>
  <si>
    <t>231790.0</t>
  </si>
  <si>
    <t>11549667.0</t>
  </si>
  <si>
    <t>4718071.0</t>
  </si>
  <si>
    <t>4507294.0</t>
  </si>
  <si>
    <t>2371103.0</t>
  </si>
  <si>
    <t>81208.0</t>
  </si>
  <si>
    <t>114177.0</t>
  </si>
  <si>
    <t>52534339.0</t>
  </si>
  <si>
    <t>71463.0</t>
  </si>
  <si>
    <t>8973.725</t>
  </si>
  <si>
    <t>208625.0</t>
  </si>
  <si>
    <t>35.637</t>
  </si>
  <si>
    <t>11559504.0</t>
  </si>
  <si>
    <t>4718348.0</t>
  </si>
  <si>
    <t>4507521.0</t>
  </si>
  <si>
    <t>2380438.0</t>
  </si>
  <si>
    <t>92414.0</t>
  </si>
  <si>
    <t>196.51</t>
  </si>
  <si>
    <t>52605841.0</t>
  </si>
  <si>
    <t>71502.0</t>
  </si>
  <si>
    <t>8985.939</t>
  </si>
  <si>
    <t>12.214</t>
  </si>
  <si>
    <t>193958.0</t>
  </si>
  <si>
    <t>33.131</t>
  </si>
  <si>
    <t>11578470.0</t>
  </si>
  <si>
    <t>4718964.0</t>
  </si>
  <si>
    <t>4507969.0</t>
  </si>
  <si>
    <t>2398340.0</t>
  </si>
  <si>
    <t>196.84</t>
  </si>
  <si>
    <t>52685434.0</t>
  </si>
  <si>
    <t>8999.534</t>
  </si>
  <si>
    <t>13.596</t>
  </si>
  <si>
    <t>179571.0</t>
  </si>
  <si>
    <t>11608924.0</t>
  </si>
  <si>
    <t>4720492.0</t>
  </si>
  <si>
    <t>4509394.0</t>
  </si>
  <si>
    <t>2425843.0</t>
  </si>
  <si>
    <t>197.35</t>
  </si>
  <si>
    <t>801.3</t>
  </si>
  <si>
    <t>136.223175484112</t>
  </si>
  <si>
    <t>52868327.0</t>
  </si>
  <si>
    <t>182893.0</t>
  </si>
  <si>
    <t>9030.775</t>
  </si>
  <si>
    <t>167518.0</t>
  </si>
  <si>
    <t>28.615</t>
  </si>
  <si>
    <t>11718421.0</t>
  </si>
  <si>
    <t>4726777.0</t>
  </si>
  <si>
    <t>4521806.0</t>
  </si>
  <si>
    <t>2516651.0</t>
  </si>
  <si>
    <t>109497.0</t>
  </si>
  <si>
    <t>68255.0</t>
  </si>
  <si>
    <t>53059552.0</t>
  </si>
  <si>
    <t>191225.0</t>
  </si>
  <si>
    <t>9063.44</t>
  </si>
  <si>
    <t>32.664</t>
  </si>
  <si>
    <t>158423.0</t>
  </si>
  <si>
    <t>27.061</t>
  </si>
  <si>
    <t>11818561.0</t>
  </si>
  <si>
    <t>4731975.0</t>
  </si>
  <si>
    <t>4532034.0</t>
  </si>
  <si>
    <t>2601374.0</t>
  </si>
  <si>
    <t>100140.0</t>
  </si>
  <si>
    <t>64990.0</t>
  </si>
  <si>
    <t>200.92</t>
  </si>
  <si>
    <t>53273138.0</t>
  </si>
  <si>
    <t>213586.0</t>
  </si>
  <si>
    <t>9099.924</t>
  </si>
  <si>
    <t>25.705</t>
  </si>
  <si>
    <t>11907978.0</t>
  </si>
  <si>
    <t>4737318.0</t>
  </si>
  <si>
    <t>4542047.0</t>
  </si>
  <si>
    <t>2675442.0</t>
  </si>
  <si>
    <t>89417.0</t>
  </si>
  <si>
    <t>202.44</t>
  </si>
  <si>
    <t>53498669.0</t>
  </si>
  <si>
    <t>225531.0</t>
  </si>
  <si>
    <t>9138.448</t>
  </si>
  <si>
    <t>38.524</t>
  </si>
  <si>
    <t>147970.0</t>
  </si>
  <si>
    <t>25.276</t>
  </si>
  <si>
    <t>11960782.0</t>
  </si>
  <si>
    <t>4740221.0</t>
  </si>
  <si>
    <t>4548523.0</t>
  </si>
  <si>
    <t>2718869.0</t>
  </si>
  <si>
    <t>58731.0</t>
  </si>
  <si>
    <t>203.34</t>
  </si>
  <si>
    <t>53569800.0</t>
  </si>
  <si>
    <t>71131.0</t>
  </si>
  <si>
    <t>9150.599</t>
  </si>
  <si>
    <t>147923.0</t>
  </si>
  <si>
    <t>25.268</t>
  </si>
  <si>
    <t>11966445.0</t>
  </si>
  <si>
    <t>4740506.0</t>
  </si>
  <si>
    <t>4549076.0</t>
  </si>
  <si>
    <t>2723694.0</t>
  </si>
  <si>
    <t>58134.0</t>
  </si>
  <si>
    <t>203.43</t>
  </si>
  <si>
    <t>53643132.0</t>
  </si>
  <si>
    <t>73332.0</t>
  </si>
  <si>
    <t>9163.125</t>
  </si>
  <si>
    <t>148184.0</t>
  </si>
  <si>
    <t>11974582.0</t>
  </si>
  <si>
    <t>4740856.0</t>
  </si>
  <si>
    <t>4549978.0</t>
  </si>
  <si>
    <t>2730579.0</t>
  </si>
  <si>
    <t>56587.0</t>
  </si>
  <si>
    <t>203.57</t>
  </si>
  <si>
    <t>9620.0</t>
  </si>
  <si>
    <t>53795964.0</t>
  </si>
  <si>
    <t>152832.0</t>
  </si>
  <si>
    <t>9189.231</t>
  </si>
  <si>
    <t>158647.0</t>
  </si>
  <si>
    <t>12016952.0</t>
  </si>
  <si>
    <t>4742964.0</t>
  </si>
  <si>
    <t>4557522.0</t>
  </si>
  <si>
    <t>2763298.0</t>
  </si>
  <si>
    <t>42370.0</t>
  </si>
  <si>
    <t>58290.0</t>
  </si>
  <si>
    <t>204.29</t>
  </si>
  <si>
    <t>165.242638924944</t>
  </si>
  <si>
    <t>54015103.0</t>
  </si>
  <si>
    <t>219139.0</t>
  </si>
  <si>
    <t>9226.664</t>
  </si>
  <si>
    <t>37.433</t>
  </si>
  <si>
    <t>163825.0</t>
  </si>
  <si>
    <t>27.984</t>
  </si>
  <si>
    <t>12091280.0</t>
  </si>
  <si>
    <t>4746809.0</t>
  </si>
  <si>
    <t>4571416.0</t>
  </si>
  <si>
    <t>2819863.0</t>
  </si>
  <si>
    <t>74328.0</t>
  </si>
  <si>
    <t>53266.0</t>
  </si>
  <si>
    <t>210.973</t>
  </si>
  <si>
    <t>54219246.0</t>
  </si>
  <si>
    <t>204143.0</t>
  </si>
  <si>
    <t>9261.535</t>
  </si>
  <si>
    <t>34.871</t>
  </si>
  <si>
    <t>165671.0</t>
  </si>
  <si>
    <t>12159601.0</t>
  </si>
  <si>
    <t>4750266.0</t>
  </si>
  <si>
    <t>4583141.0</t>
  </si>
  <si>
    <t>2873002.0</t>
  </si>
  <si>
    <t>48720.0</t>
  </si>
  <si>
    <t>8283.0</t>
  </si>
  <si>
    <t>54402426.0</t>
  </si>
  <si>
    <t>183180.0</t>
  </si>
  <si>
    <t>9292.825</t>
  </si>
  <si>
    <t>161327.0</t>
  </si>
  <si>
    <t>27.557</t>
  </si>
  <si>
    <t>12220095.0</t>
  </si>
  <si>
    <t>4752973.0</t>
  </si>
  <si>
    <t>4594354.0</t>
  </si>
  <si>
    <t>2919590.0</t>
  </si>
  <si>
    <t>44588.0</t>
  </si>
  <si>
    <t>207.74</t>
  </si>
  <si>
    <t>54612133.0</t>
  </si>
  <si>
    <t>209707.0</t>
  </si>
  <si>
    <t>9328.646</t>
  </si>
  <si>
    <t>35.821</t>
  </si>
  <si>
    <t>159066.0</t>
  </si>
  <si>
    <t>27.171</t>
  </si>
  <si>
    <t>12276984.0</t>
  </si>
  <si>
    <t>4755534.0</t>
  </si>
  <si>
    <t>4605526.0</t>
  </si>
  <si>
    <t>2962771.0</t>
  </si>
  <si>
    <t>56889.0</t>
  </si>
  <si>
    <t>45172.0</t>
  </si>
  <si>
    <t>208.71</t>
  </si>
  <si>
    <t>54794342.0</t>
  </si>
  <si>
    <t>182209.0</t>
  </si>
  <si>
    <t>9359.77</t>
  </si>
  <si>
    <t>31.124</t>
  </si>
  <si>
    <t>174935.0</t>
  </si>
  <si>
    <t>29.882</t>
  </si>
  <si>
    <t>12337307.0</t>
  </si>
  <si>
    <t>4758559.0</t>
  </si>
  <si>
    <t>4617446.0</t>
  </si>
  <si>
    <t>3008149.0</t>
  </si>
  <si>
    <t>60323.0</t>
  </si>
  <si>
    <t>209.74</t>
  </si>
  <si>
    <t>9007.0</t>
  </si>
  <si>
    <t>54928456.0</t>
  </si>
  <si>
    <t>134114.0</t>
  </si>
  <si>
    <t>9382.679</t>
  </si>
  <si>
    <t>22.909</t>
  </si>
  <si>
    <t>183618.0</t>
  </si>
  <si>
    <t>31.365</t>
  </si>
  <si>
    <t>12374819.0</t>
  </si>
  <si>
    <t>4760807.0</t>
  </si>
  <si>
    <t>4628521.0</t>
  </si>
  <si>
    <t>3032338.0</t>
  </si>
  <si>
    <t>57177.0</t>
  </si>
  <si>
    <t>55076374.0</t>
  </si>
  <si>
    <t>147918.0</t>
  </si>
  <si>
    <t>9407.946</t>
  </si>
  <si>
    <t>25.267</t>
  </si>
  <si>
    <t>182916.0</t>
  </si>
  <si>
    <t>31.245</t>
  </si>
  <si>
    <t>12406947.0</t>
  </si>
  <si>
    <t>4762270.0</t>
  </si>
  <si>
    <t>4637474.0</t>
  </si>
  <si>
    <t>3054069.0</t>
  </si>
  <si>
    <t>55714.0</t>
  </si>
  <si>
    <t>210.92</t>
  </si>
  <si>
    <t>195.588123542333</t>
  </si>
  <si>
    <t>55284418.0</t>
  </si>
  <si>
    <t>208044.0</t>
  </si>
  <si>
    <t>9443.483</t>
  </si>
  <si>
    <t>35.537</t>
  </si>
  <si>
    <t>181331.0</t>
  </si>
  <si>
    <t>30.974</t>
  </si>
  <si>
    <t>12452340.0</t>
  </si>
  <si>
    <t>4764153.0</t>
  </si>
  <si>
    <t>4646244.0</t>
  </si>
  <si>
    <t>3088816.0</t>
  </si>
  <si>
    <t>45393.0</t>
  </si>
  <si>
    <t>51580.0</t>
  </si>
  <si>
    <t>211.69</t>
  </si>
  <si>
    <t>55477946.0</t>
  </si>
  <si>
    <t>193528.0</t>
  </si>
  <si>
    <t>9476.541</t>
  </si>
  <si>
    <t>33.058</t>
  </si>
  <si>
    <t>179814.0</t>
  </si>
  <si>
    <t>30.715</t>
  </si>
  <si>
    <t>12490251.0</t>
  </si>
  <si>
    <t>4765932.0</t>
  </si>
  <si>
    <t>4654646.0</t>
  </si>
  <si>
    <t>3116560.0</t>
  </si>
  <si>
    <t>37911.0</t>
  </si>
  <si>
    <t>212.34</t>
  </si>
  <si>
    <t>52.98</t>
  </si>
  <si>
    <t>55663399.0</t>
  </si>
  <si>
    <t>185453.0</t>
  </si>
  <si>
    <t>9508.22</t>
  </si>
  <si>
    <t>180139.0</t>
  </si>
  <si>
    <t>30.771</t>
  </si>
  <si>
    <t>12531420.0</t>
  </si>
  <si>
    <t>4767644.0</t>
  </si>
  <si>
    <t>4662717.0</t>
  </si>
  <si>
    <t>3147957.0</t>
  </si>
  <si>
    <t>41169.0</t>
  </si>
  <si>
    <t>213.04</t>
  </si>
  <si>
    <t>55884566.0</t>
  </si>
  <si>
    <t>221167.0</t>
  </si>
  <si>
    <t>9545.998</t>
  </si>
  <si>
    <t>37.779</t>
  </si>
  <si>
    <t>181776.0</t>
  </si>
  <si>
    <t>12575188.0</t>
  </si>
  <si>
    <t>4769304.0</t>
  </si>
  <si>
    <t>4669158.0</t>
  </si>
  <si>
    <t>3183630.0</t>
  </si>
  <si>
    <t>43768.0</t>
  </si>
  <si>
    <t>42601.0</t>
  </si>
  <si>
    <t>56087835.0</t>
  </si>
  <si>
    <t>203269.0</t>
  </si>
  <si>
    <t>9580.72</t>
  </si>
  <si>
    <t>34.722</t>
  </si>
  <si>
    <t>184785.0</t>
  </si>
  <si>
    <t>31.564</t>
  </si>
  <si>
    <t>12618492.0</t>
  </si>
  <si>
    <t>4771137.0</t>
  </si>
  <si>
    <t>4674715.0</t>
  </si>
  <si>
    <t>3219544.0</t>
  </si>
  <si>
    <t>43304.0</t>
  </si>
  <si>
    <t>214.52</t>
  </si>
  <si>
    <t>56242677.0</t>
  </si>
  <si>
    <t>154842.0</t>
  </si>
  <si>
    <t>9607.17</t>
  </si>
  <si>
    <t>187746.0</t>
  </si>
  <si>
    <t>32.07</t>
  </si>
  <si>
    <t>12643259.0</t>
  </si>
  <si>
    <t>4772337.0</t>
  </si>
  <si>
    <t>4678885.0</t>
  </si>
  <si>
    <t>3238941.0</t>
  </si>
  <si>
    <t>24767.0</t>
  </si>
  <si>
    <t>38349.0</t>
  </si>
  <si>
    <t>214.94</t>
  </si>
  <si>
    <t>56413660.0</t>
  </si>
  <si>
    <t>170983.0</t>
  </si>
  <si>
    <t>9636.376</t>
  </si>
  <si>
    <t>29.207</t>
  </si>
  <si>
    <t>191041.0</t>
  </si>
  <si>
    <t>32.633</t>
  </si>
  <si>
    <t>12668227.0</t>
  </si>
  <si>
    <t>4773065.0</t>
  </si>
  <si>
    <t>4682577.0</t>
  </si>
  <si>
    <t>3259511.0</t>
  </si>
  <si>
    <t>24968.0</t>
  </si>
  <si>
    <t>215.36</t>
  </si>
  <si>
    <t>1195.4</t>
  </si>
  <si>
    <t>203.22124544329</t>
  </si>
  <si>
    <t>56659415.0</t>
  </si>
  <si>
    <t>245755.0</t>
  </si>
  <si>
    <t>9678.355</t>
  </si>
  <si>
    <t>41.979</t>
  </si>
  <si>
    <t>196428.0</t>
  </si>
  <si>
    <t>33.553</t>
  </si>
  <si>
    <t>12706784.0</t>
  </si>
  <si>
    <t>4774205.0</t>
  </si>
  <si>
    <t>4687065.0</t>
  </si>
  <si>
    <t>3292442.0</t>
  </si>
  <si>
    <t>56895085.0</t>
  </si>
  <si>
    <t>235670.0</t>
  </si>
  <si>
    <t>9718.612</t>
  </si>
  <si>
    <t>40.256</t>
  </si>
  <si>
    <t>202448.0</t>
  </si>
  <si>
    <t>34.581</t>
  </si>
  <si>
    <t>12738149.0</t>
  </si>
  <si>
    <t>4775259.0</t>
  </si>
  <si>
    <t>4691283.0</t>
  </si>
  <si>
    <t>3318556.0</t>
  </si>
  <si>
    <t>31365.0</t>
  </si>
  <si>
    <t>57119831.0</t>
  </si>
  <si>
    <t>224746.0</t>
  </si>
  <si>
    <t>9757.002</t>
  </si>
  <si>
    <t>208062.0</t>
  </si>
  <si>
    <t>12766393.0</t>
  </si>
  <si>
    <t>4776347.0</t>
  </si>
  <si>
    <t>4695607.0</t>
  </si>
  <si>
    <t>3341403.0</t>
  </si>
  <si>
    <t>33568.0</t>
  </si>
  <si>
    <t>217.03</t>
  </si>
  <si>
    <t>57371768.0</t>
  </si>
  <si>
    <t>251937.0</t>
  </si>
  <si>
    <t>9800.037</t>
  </si>
  <si>
    <t>43.035</t>
  </si>
  <si>
    <t>212457.0</t>
  </si>
  <si>
    <t>12790249.0</t>
  </si>
  <si>
    <t>4777256.0</t>
  </si>
  <si>
    <t>4699482.0</t>
  </si>
  <si>
    <t>3360483.0</t>
  </si>
  <si>
    <t>23856.0</t>
  </si>
  <si>
    <t>30723.0</t>
  </si>
  <si>
    <t>57598784.0</t>
  </si>
  <si>
    <t>227016.0</t>
  </si>
  <si>
    <t>9838.815</t>
  </si>
  <si>
    <t>38.778</t>
  </si>
  <si>
    <t>215850.0</t>
  </si>
  <si>
    <t>36.871</t>
  </si>
  <si>
    <t>12816059.0</t>
  </si>
  <si>
    <t>4778337.0</t>
  </si>
  <si>
    <t>4703067.0</t>
  </si>
  <si>
    <t>3381627.0</t>
  </si>
  <si>
    <t>25810.0</t>
  </si>
  <si>
    <t>28224.0</t>
  </si>
  <si>
    <t>57771630.0</t>
  </si>
  <si>
    <t>172846.0</t>
  </si>
  <si>
    <t>9868.34</t>
  </si>
  <si>
    <t>29.525</t>
  </si>
  <si>
    <t>218422.0</t>
  </si>
  <si>
    <t>12829246.0</t>
  </si>
  <si>
    <t>4778964.0</t>
  </si>
  <si>
    <t>4705610.0</t>
  </si>
  <si>
    <t>3391644.0</t>
  </si>
  <si>
    <t>26570.0</t>
  </si>
  <si>
    <t>57954498.0</t>
  </si>
  <si>
    <t>182868.0</t>
  </si>
  <si>
    <t>9899.577</t>
  </si>
  <si>
    <t>31.237</t>
  </si>
  <si>
    <t>220120.0</t>
  </si>
  <si>
    <t>12841942.0</t>
  </si>
  <si>
    <t>4779349.0</t>
  </si>
  <si>
    <t>4707772.0</t>
  </si>
  <si>
    <t>3401813.0</t>
  </si>
  <si>
    <t>218.32</t>
  </si>
  <si>
    <t>1221.9</t>
  </si>
  <si>
    <t>207.726317389289</t>
  </si>
  <si>
    <t>58214375.0</t>
  </si>
  <si>
    <t>259877.0</t>
  </si>
  <si>
    <t>9943.968</t>
  </si>
  <si>
    <t>44.391</t>
  </si>
  <si>
    <t>222137.0</t>
  </si>
  <si>
    <t>37.945</t>
  </si>
  <si>
    <t>12861109.0</t>
  </si>
  <si>
    <t>4779859.0</t>
  </si>
  <si>
    <t>4710372.0</t>
  </si>
  <si>
    <t>3417880.0</t>
  </si>
  <si>
    <t>218.64</t>
  </si>
  <si>
    <t>58443201.0</t>
  </si>
  <si>
    <t>228826.0</t>
  </si>
  <si>
    <t>9983.055</t>
  </si>
  <si>
    <t>39.087</t>
  </si>
  <si>
    <t>221159.0</t>
  </si>
  <si>
    <t>37.778</t>
  </si>
  <si>
    <t>12876941.0</t>
  </si>
  <si>
    <t>4780379.0</t>
  </si>
  <si>
    <t>4713045.0</t>
  </si>
  <si>
    <t>3430527.0</t>
  </si>
  <si>
    <t>19827.0</t>
  </si>
  <si>
    <t>218.91</t>
  </si>
  <si>
    <t>58644978.0</t>
  </si>
  <si>
    <t>201777.0</t>
  </si>
  <si>
    <t>10017.522</t>
  </si>
  <si>
    <t>34.467</t>
  </si>
  <si>
    <t>217878.0</t>
  </si>
  <si>
    <t>37.217</t>
  </si>
  <si>
    <t>12890680.0</t>
  </si>
  <si>
    <t>4780843.0</t>
  </si>
  <si>
    <t>4715487.0</t>
  </si>
  <si>
    <t>3441374.0</t>
  </si>
  <si>
    <t>58853333.0</t>
  </si>
  <si>
    <t>208355.0</t>
  </si>
  <si>
    <t>10053.112</t>
  </si>
  <si>
    <t>211652.0</t>
  </si>
  <si>
    <t>36.154</t>
  </si>
  <si>
    <t>12902838.0</t>
  </si>
  <si>
    <t>4781266.0</t>
  </si>
  <si>
    <t>4717752.0</t>
  </si>
  <si>
    <t>3450850.0</t>
  </si>
  <si>
    <t>16084.0</t>
  </si>
  <si>
    <t>59026934.0</t>
  </si>
  <si>
    <t>173601.0</t>
  </si>
  <si>
    <t>10082.766</t>
  </si>
  <si>
    <t>29.654</t>
  </si>
  <si>
    <t>204021.0</t>
  </si>
  <si>
    <t>12916111.0</t>
  </si>
  <si>
    <t>4781757.0</t>
  </si>
  <si>
    <t>4720401.0</t>
  </si>
  <si>
    <t>3460983.0</t>
  </si>
  <si>
    <t>219.58</t>
  </si>
  <si>
    <t>59142041.0</t>
  </si>
  <si>
    <t>115107.0</t>
  </si>
  <si>
    <t>10102.428</t>
  </si>
  <si>
    <t>19.662</t>
  </si>
  <si>
    <t>195773.0</t>
  </si>
  <si>
    <t>33.441</t>
  </si>
  <si>
    <t>12922947.0</t>
  </si>
  <si>
    <t>4782016.0</t>
  </si>
  <si>
    <t>4722280.0</t>
  </si>
  <si>
    <t>3465681.0</t>
  </si>
  <si>
    <t>13386.0</t>
  </si>
  <si>
    <t>219.69</t>
  </si>
  <si>
    <t>59260922.0</t>
  </si>
  <si>
    <t>10122.735</t>
  </si>
  <si>
    <t>20.307</t>
  </si>
  <si>
    <t>186632.0</t>
  </si>
  <si>
    <t>0.2416</t>
  </si>
  <si>
    <t>12928293.0</t>
  </si>
  <si>
    <t>4782198.0</t>
  </si>
  <si>
    <t>4723942.0</t>
  </si>
  <si>
    <t>3469180.0</t>
  </si>
  <si>
    <t>219.78</t>
  </si>
  <si>
    <t>1251.8</t>
  </si>
  <si>
    <t>212.809398566095</t>
  </si>
  <si>
    <t>59465071.0</t>
  </si>
  <si>
    <t>204149.0</t>
  </si>
  <si>
    <t>10157.607</t>
  </si>
  <si>
    <t>34.872</t>
  </si>
  <si>
    <t>178671.0</t>
  </si>
  <si>
    <t>12937603.0</t>
  </si>
  <si>
    <t>4782485.0</t>
  </si>
  <si>
    <t>4725525.0</t>
  </si>
  <si>
    <t>3476631.0</t>
  </si>
  <si>
    <t>59629719.0</t>
  </si>
  <si>
    <t>164648.0</t>
  </si>
  <si>
    <t>10185.732</t>
  </si>
  <si>
    <t>28.125</t>
  </si>
  <si>
    <t>169503.0</t>
  </si>
  <si>
    <t>28.954</t>
  </si>
  <si>
    <t>0.2555</t>
  </si>
  <si>
    <t>12944301.0</t>
  </si>
  <si>
    <t>4782755.0</t>
  </si>
  <si>
    <t>4726715.0</t>
  </si>
  <si>
    <t>3481847.0</t>
  </si>
  <si>
    <t>59782805.0</t>
  </si>
  <si>
    <t>153086.0</t>
  </si>
  <si>
    <t>10211.881</t>
  </si>
  <si>
    <t>162547.0</t>
  </si>
  <si>
    <t>27.766</t>
  </si>
  <si>
    <t>12950742.0</t>
  </si>
  <si>
    <t>4783028.0</t>
  </si>
  <si>
    <t>4727902.0</t>
  </si>
  <si>
    <t>3486825.0</t>
  </si>
  <si>
    <t>220.17</t>
  </si>
  <si>
    <t>59954650.0</t>
  </si>
  <si>
    <t>171845.0</t>
  </si>
  <si>
    <t>10241.235</t>
  </si>
  <si>
    <t>29.354</t>
  </si>
  <si>
    <t>157331.0</t>
  </si>
  <si>
    <t>26.875</t>
  </si>
  <si>
    <t>0.2766</t>
  </si>
  <si>
    <t>12956488.0</t>
  </si>
  <si>
    <t>4783257.0</t>
  </si>
  <si>
    <t>4729002.0</t>
  </si>
  <si>
    <t>3491247.0</t>
  </si>
  <si>
    <t>220.26</t>
  </si>
  <si>
    <t>60101557.0</t>
  </si>
  <si>
    <t>146907.0</t>
  </si>
  <si>
    <t>10266.33</t>
  </si>
  <si>
    <t>25.094</t>
  </si>
  <si>
    <t>153518.0</t>
  </si>
  <si>
    <t>26.223</t>
  </si>
  <si>
    <t>12962793.0</t>
  </si>
  <si>
    <t>4783506.0</t>
  </si>
  <si>
    <t>4730301.0</t>
  </si>
  <si>
    <t>3496004.0</t>
  </si>
  <si>
    <t>220.37</t>
  </si>
  <si>
    <t>60215811.0</t>
  </si>
  <si>
    <t>114254.0</t>
  </si>
  <si>
    <t>10285.846</t>
  </si>
  <si>
    <t>19.516</t>
  </si>
  <si>
    <t>153396.0</t>
  </si>
  <si>
    <t>26.203</t>
  </si>
  <si>
    <t>12966433.0</t>
  </si>
  <si>
    <t>4783653.0</t>
  </si>
  <si>
    <t>4731311.0</t>
  </si>
  <si>
    <t>3498487.0</t>
  </si>
  <si>
    <t>60349474.0</t>
  </si>
  <si>
    <t>133663.0</t>
  </si>
  <si>
    <t>10308.678</t>
  </si>
  <si>
    <t>155507.0</t>
  </si>
  <si>
    <t>26.563</t>
  </si>
  <si>
    <t>12969311.0</t>
  </si>
  <si>
    <t>4783749.0</t>
  </si>
  <si>
    <t>4731919.0</t>
  </si>
  <si>
    <t>3500673.0</t>
  </si>
  <si>
    <t>1261.5</t>
  </si>
  <si>
    <t>214.458424901046</t>
  </si>
  <si>
    <t>60531453.0</t>
  </si>
  <si>
    <t>181979.0</t>
  </si>
  <si>
    <t>10339.763</t>
  </si>
  <si>
    <t>31.085</t>
  </si>
  <si>
    <t>26.022</t>
  </si>
  <si>
    <t>0.2769</t>
  </si>
  <si>
    <t>12974247.0</t>
  </si>
  <si>
    <t>4783912.0</t>
  </si>
  <si>
    <t>4732802.0</t>
  </si>
  <si>
    <t>3504573.0</t>
  </si>
  <si>
    <t>60699930.0</t>
  </si>
  <si>
    <t>168477.0</t>
  </si>
  <si>
    <t>10368.541</t>
  </si>
  <si>
    <t>28.779</t>
  </si>
  <si>
    <t>152887.0</t>
  </si>
  <si>
    <t>26.116</t>
  </si>
  <si>
    <t>12978786.0</t>
  </si>
  <si>
    <t>4784051.0</t>
  </si>
  <si>
    <t>4733805.0</t>
  </si>
  <si>
    <t>3507964.0</t>
  </si>
  <si>
    <t>60861956.0</t>
  </si>
  <si>
    <t>162026.0</t>
  </si>
  <si>
    <t>10396.218</t>
  </si>
  <si>
    <t>27.677</t>
  </si>
  <si>
    <t>154164.0</t>
  </si>
  <si>
    <t>26.334</t>
  </si>
  <si>
    <t>0.2779</t>
  </si>
  <si>
    <t>12983239.0</t>
  </si>
  <si>
    <t>4784208.0</t>
  </si>
  <si>
    <t>4734717.0</t>
  </si>
  <si>
    <t>3511352.0</t>
  </si>
  <si>
    <t>61029685.0</t>
  </si>
  <si>
    <t>167729.0</t>
  </si>
  <si>
    <t>10424.869</t>
  </si>
  <si>
    <t>28.651</t>
  </si>
  <si>
    <t>26.233</t>
  </si>
  <si>
    <t>0.2878</t>
  </si>
  <si>
    <t>12987265.0</t>
  </si>
  <si>
    <t>4784353.0</t>
  </si>
  <si>
    <t>4735520.0</t>
  </si>
  <si>
    <t>3514439.0</t>
  </si>
  <si>
    <t>61168700.0</t>
  </si>
  <si>
    <t>139015.0</t>
  </si>
  <si>
    <t>10448.615</t>
  </si>
  <si>
    <t>23.746</t>
  </si>
  <si>
    <t>152449.0</t>
  </si>
  <si>
    <t>26.041</t>
  </si>
  <si>
    <t>0.2974</t>
  </si>
  <si>
    <t>12991496.0</t>
  </si>
  <si>
    <t>4784508.0</t>
  </si>
  <si>
    <t>4736494.0</t>
  </si>
  <si>
    <t>3517541.0</t>
  </si>
  <si>
    <t>220.86</t>
  </si>
  <si>
    <t>61268213.0</t>
  </si>
  <si>
    <t>99513.0</t>
  </si>
  <si>
    <t>10465.613</t>
  </si>
  <si>
    <t>16.998</t>
  </si>
  <si>
    <t>150343.0</t>
  </si>
  <si>
    <t>25.681</t>
  </si>
  <si>
    <t>0.3065</t>
  </si>
  <si>
    <t>12994115.0</t>
  </si>
  <si>
    <t>4784603.0</t>
  </si>
  <si>
    <t>4737236.0</t>
  </si>
  <si>
    <t>3519323.0</t>
  </si>
  <si>
    <t>61373325.0</t>
  </si>
  <si>
    <t>105112.0</t>
  </si>
  <si>
    <t>10483.568</t>
  </si>
  <si>
    <t>17.955</t>
  </si>
  <si>
    <t>146264.0</t>
  </si>
  <si>
    <t>24.984</t>
  </si>
  <si>
    <t>0.3168</t>
  </si>
  <si>
    <t>12996254.0</t>
  </si>
  <si>
    <t>4784669.0</t>
  </si>
  <si>
    <t>4737741.0</t>
  </si>
  <si>
    <t>3520899.0</t>
  </si>
  <si>
    <t>220.94</t>
  </si>
  <si>
    <t>1353.6</t>
  </si>
  <si>
    <t>230.115674947329</t>
  </si>
  <si>
    <t>61514376.0</t>
  </si>
  <si>
    <t>141051.0</t>
  </si>
  <si>
    <t>10507.662</t>
  </si>
  <si>
    <t>24.094</t>
  </si>
  <si>
    <t>140418.0</t>
  </si>
  <si>
    <t>23.986</t>
  </si>
  <si>
    <t>12999072.0</t>
  </si>
  <si>
    <t>4784787.0</t>
  </si>
  <si>
    <t>4738218.0</t>
  </si>
  <si>
    <t>3523116.0</t>
  </si>
  <si>
    <t>80.55</t>
  </si>
  <si>
    <t>61640638.0</t>
  </si>
  <si>
    <t>126262.0</t>
  </si>
  <si>
    <t>10529.23</t>
  </si>
  <si>
    <t>21.568</t>
  </si>
  <si>
    <t>134387.0</t>
  </si>
  <si>
    <t>13001511.0</t>
  </si>
  <si>
    <t>4784893.0</t>
  </si>
  <si>
    <t>4738661.0</t>
  </si>
  <si>
    <t>3525003.0</t>
  </si>
  <si>
    <t>61756404.0</t>
  </si>
  <si>
    <t>115766.0</t>
  </si>
  <si>
    <t>10549.004</t>
  </si>
  <si>
    <t>19.775</t>
  </si>
  <si>
    <t>127778.0</t>
  </si>
  <si>
    <t>21.827</t>
  </si>
  <si>
    <t>13004133.0</t>
  </si>
  <si>
    <t>4785019.0</t>
  </si>
  <si>
    <t>4739211.0</t>
  </si>
  <si>
    <t>3526949.0</t>
  </si>
  <si>
    <t>61879558.0</t>
  </si>
  <si>
    <t>123154.0</t>
  </si>
  <si>
    <t>10570.041</t>
  </si>
  <si>
    <t>21.037</t>
  </si>
  <si>
    <t>121410.0</t>
  </si>
  <si>
    <t>20.739</t>
  </si>
  <si>
    <t>0.3375</t>
  </si>
  <si>
    <t>13006718.0</t>
  </si>
  <si>
    <t>4785157.0</t>
  </si>
  <si>
    <t>4739708.0</t>
  </si>
  <si>
    <t>3528903.0</t>
  </si>
  <si>
    <t>61975729.0</t>
  </si>
  <si>
    <t>10586.469</t>
  </si>
  <si>
    <t>16.428</t>
  </si>
  <si>
    <t>115290.0</t>
  </si>
  <si>
    <t>19.693</t>
  </si>
  <si>
    <t>13009127.0</t>
  </si>
  <si>
    <t>4785281.0</t>
  </si>
  <si>
    <t>4740223.0</t>
  </si>
  <si>
    <t>3530673.0</t>
  </si>
  <si>
    <t>221.16</t>
  </si>
  <si>
    <t>62051292.0</t>
  </si>
  <si>
    <t>75563.0</t>
  </si>
  <si>
    <t>10599.376</t>
  </si>
  <si>
    <t>12.907</t>
  </si>
  <si>
    <t>111868.0</t>
  </si>
  <si>
    <t>19.109</t>
  </si>
  <si>
    <t>13010349.0</t>
  </si>
  <si>
    <t>4785350.0</t>
  </si>
  <si>
    <t>4740529.0</t>
  </si>
  <si>
    <t>3531520.0</t>
  </si>
  <si>
    <t>62139957.0</t>
  </si>
  <si>
    <t>10614.522</t>
  </si>
  <si>
    <t>15.145</t>
  </si>
  <si>
    <t>109519.0</t>
  </si>
  <si>
    <t>13011419.0</t>
  </si>
  <si>
    <t>4785398.0</t>
  </si>
  <si>
    <t>4740786.0</t>
  </si>
  <si>
    <t>3532289.0</t>
  </si>
  <si>
    <t>1403.1</t>
  </si>
  <si>
    <t>238.530809337025</t>
  </si>
  <si>
    <t>62255226.0</t>
  </si>
  <si>
    <t>115269.0</t>
  </si>
  <si>
    <t>10634.211</t>
  </si>
  <si>
    <t>105836.0</t>
  </si>
  <si>
    <t>18.079</t>
  </si>
  <si>
    <t>13013724.0</t>
  </si>
  <si>
    <t>4785485.0</t>
  </si>
  <si>
    <t>4741175.0</t>
  </si>
  <si>
    <t>3534112.0</t>
  </si>
  <si>
    <t>62346295.0</t>
  </si>
  <si>
    <t>91069.0</t>
  </si>
  <si>
    <t>10649.768</t>
  </si>
  <si>
    <t>15.556</t>
  </si>
  <si>
    <t>13016191.0</t>
  </si>
  <si>
    <t>4785593.0</t>
  </si>
  <si>
    <t>4741602.0</t>
  </si>
  <si>
    <t>3536042.0</t>
  </si>
  <si>
    <t>62430586.0</t>
  </si>
  <si>
    <t>84291.0</t>
  </si>
  <si>
    <t>10664.166</t>
  </si>
  <si>
    <t>96312.0</t>
  </si>
  <si>
    <t>16.452</t>
  </si>
  <si>
    <t>13018528.0</t>
  </si>
  <si>
    <t>4785689.0</t>
  </si>
  <si>
    <t>4742053.0</t>
  </si>
  <si>
    <t>3537832.0</t>
  </si>
  <si>
    <t>62517598.0</t>
  </si>
  <si>
    <t>87012.0</t>
  </si>
  <si>
    <t>10679.029</t>
  </si>
  <si>
    <t>91149.0</t>
  </si>
  <si>
    <t>0.3264</t>
  </si>
  <si>
    <t>13020976.0</t>
  </si>
  <si>
    <t>4785797.0</t>
  </si>
  <si>
    <t>4742537.0</t>
  </si>
  <si>
    <t>3539692.0</t>
  </si>
  <si>
    <t>221.36</t>
  </si>
  <si>
    <t>62584699.0</t>
  </si>
  <si>
    <t>67101.0</t>
  </si>
  <si>
    <t>10690.491</t>
  </si>
  <si>
    <t>11.462</t>
  </si>
  <si>
    <t>86996.0</t>
  </si>
  <si>
    <t>13022958.0</t>
  </si>
  <si>
    <t>4785884.0</t>
  </si>
  <si>
    <t>4742947.0</t>
  </si>
  <si>
    <t>3541177.0</t>
  </si>
  <si>
    <t>221.39</t>
  </si>
  <si>
    <t>62631025.0</t>
  </si>
  <si>
    <t>46326.0</t>
  </si>
  <si>
    <t>10698.404</t>
  </si>
  <si>
    <t>7.913</t>
  </si>
  <si>
    <t>82819.0</t>
  </si>
  <si>
    <t>0.3095</t>
  </si>
  <si>
    <t>13024178.0</t>
  </si>
  <si>
    <t>4785953.0</t>
  </si>
  <si>
    <t>4743249.0</t>
  </si>
  <si>
    <t>3542026.0</t>
  </si>
  <si>
    <t>62686709.0</t>
  </si>
  <si>
    <t>55684.0</t>
  </si>
  <si>
    <t>10707.916</t>
  </si>
  <si>
    <t>78107.0</t>
  </si>
  <si>
    <t>13.342</t>
  </si>
  <si>
    <t>0.3113</t>
  </si>
  <si>
    <t>13025286.0</t>
  </si>
  <si>
    <t>4786011.0</t>
  </si>
  <si>
    <t>4743502.0</t>
  </si>
  <si>
    <t>3542820.0</t>
  </si>
  <si>
    <t>1450.8</t>
  </si>
  <si>
    <t>246.639938839823</t>
  </si>
  <si>
    <t>62767624.0</t>
  </si>
  <si>
    <t>80915.0</t>
  </si>
  <si>
    <t>10721.737</t>
  </si>
  <si>
    <t>13.822</t>
  </si>
  <si>
    <t>73200.0</t>
  </si>
  <si>
    <t>12.504</t>
  </si>
  <si>
    <t>0.3082</t>
  </si>
  <si>
    <t>13027223.0</t>
  </si>
  <si>
    <t>4786086.0</t>
  </si>
  <si>
    <t>4743819.0</t>
  </si>
  <si>
    <t>3544352.0</t>
  </si>
  <si>
    <t>62834355.0</t>
  </si>
  <si>
    <t>10733.136</t>
  </si>
  <si>
    <t>11.399</t>
  </si>
  <si>
    <t>69723.0</t>
  </si>
  <si>
    <t>13029049.0</t>
  </si>
  <si>
    <t>4786180.0</t>
  </si>
  <si>
    <t>4744015.0</t>
  </si>
  <si>
    <t>3545780.0</t>
  </si>
  <si>
    <t>62898503.0</t>
  </si>
  <si>
    <t>64148.0</t>
  </si>
  <si>
    <t>10744.094</t>
  </si>
  <si>
    <t>10.958</t>
  </si>
  <si>
    <t>66845.0</t>
  </si>
  <si>
    <t>11.418</t>
  </si>
  <si>
    <t>13030927.0</t>
  </si>
  <si>
    <t>4786271.0</t>
  </si>
  <si>
    <t>4744382.0</t>
  </si>
  <si>
    <t>3547200.0</t>
  </si>
  <si>
    <t>62966153.0</t>
  </si>
  <si>
    <t>67650.0</t>
  </si>
  <si>
    <t>10755.649</t>
  </si>
  <si>
    <t>11.556</t>
  </si>
  <si>
    <t>64079.0</t>
  </si>
  <si>
    <t>13032546.0</t>
  </si>
  <si>
    <t>4786356.0</t>
  </si>
  <si>
    <t>4744652.0</t>
  </si>
  <si>
    <t>3548466.0</t>
  </si>
  <si>
    <t>272.344</t>
  </si>
  <si>
    <t>63018473.0</t>
  </si>
  <si>
    <t>52320.0</t>
  </si>
  <si>
    <t>10764.587</t>
  </si>
  <si>
    <t>61968.0</t>
  </si>
  <si>
    <t>10.585</t>
  </si>
  <si>
    <t>13034077.0</t>
  </si>
  <si>
    <t>4786421.0</t>
  </si>
  <si>
    <t>4744930.0</t>
  </si>
  <si>
    <t>3549654.0</t>
  </si>
  <si>
    <t>221.58</t>
  </si>
  <si>
    <t>63056774.0</t>
  </si>
  <si>
    <t>10771.129</t>
  </si>
  <si>
    <t>60821.0</t>
  </si>
  <si>
    <t>13035171.0</t>
  </si>
  <si>
    <t>4786481.0</t>
  </si>
  <si>
    <t>4745146.0</t>
  </si>
  <si>
    <t>3550472.0</t>
  </si>
  <si>
    <t>63102829.0</t>
  </si>
  <si>
    <t>46055.0</t>
  </si>
  <si>
    <t>10778.996</t>
  </si>
  <si>
    <t>7.867</t>
  </si>
  <si>
    <t>59446.0</t>
  </si>
  <si>
    <t>10.154</t>
  </si>
  <si>
    <t>0.2783</t>
  </si>
  <si>
    <t>13036262.0</t>
  </si>
  <si>
    <t>4786542.0</t>
  </si>
  <si>
    <t>4745321.0</t>
  </si>
  <si>
    <t>3551326.0</t>
  </si>
  <si>
    <t>221.62</t>
  </si>
  <si>
    <t>60.37</t>
  </si>
  <si>
    <t>1448.3</t>
  </si>
  <si>
    <t>-0.2</t>
  </si>
  <si>
    <t>246.214932052465</t>
  </si>
  <si>
    <t>63171522.0</t>
  </si>
  <si>
    <t>68693.0</t>
  </si>
  <si>
    <t>10790.73</t>
  </si>
  <si>
    <t>11.734</t>
  </si>
  <si>
    <t>57700.0</t>
  </si>
  <si>
    <t>0.2759</t>
  </si>
  <si>
    <t>13037826.0</t>
  </si>
  <si>
    <t>4786614.0</t>
  </si>
  <si>
    <t>4745558.0</t>
  </si>
  <si>
    <t>3552582.0</t>
  </si>
  <si>
    <t>63233417.0</t>
  </si>
  <si>
    <t>61895.0</t>
  </si>
  <si>
    <t>10801.302</t>
  </si>
  <si>
    <t>10.573</t>
  </si>
  <si>
    <t>57009.0</t>
  </si>
  <si>
    <t>13039275.0</t>
  </si>
  <si>
    <t>4786672.0</t>
  </si>
  <si>
    <t>4745751.0</t>
  </si>
  <si>
    <t>3553779.0</t>
  </si>
  <si>
    <t>221.67</t>
  </si>
  <si>
    <t>340.515</t>
  </si>
  <si>
    <t>63291255.0</t>
  </si>
  <si>
    <t>57838.0</t>
  </si>
  <si>
    <t>10811.182</t>
  </si>
  <si>
    <t>56107.0</t>
  </si>
  <si>
    <t>13040561.0</t>
  </si>
  <si>
    <t>4786731.0</t>
  </si>
  <si>
    <t>4745974.0</t>
  </si>
  <si>
    <t>3554782.0</t>
  </si>
  <si>
    <t>63349798.0</t>
  </si>
  <si>
    <t>10821.182</t>
  </si>
  <si>
    <t>54806.0</t>
  </si>
  <si>
    <t>13042044.0</t>
  </si>
  <si>
    <t>4786817.0</t>
  </si>
  <si>
    <t>4746208.0</t>
  </si>
  <si>
    <t>3555943.0</t>
  </si>
  <si>
    <t>63386912.0</t>
  </si>
  <si>
    <t>10827.522</t>
  </si>
  <si>
    <t>52634.0</t>
  </si>
  <si>
    <t>8.991</t>
  </si>
  <si>
    <t>0.2697</t>
  </si>
  <si>
    <t>13043287.0</t>
  </si>
  <si>
    <t>4786884.0</t>
  </si>
  <si>
    <t>4746393.0</t>
  </si>
  <si>
    <t>3556934.0</t>
  </si>
  <si>
    <t>221.74</t>
  </si>
  <si>
    <t>60.47</t>
  </si>
  <si>
    <t>63412259.0</t>
  </si>
  <si>
    <t>25347.0</t>
  </si>
  <si>
    <t>10831.852</t>
  </si>
  <si>
    <t>8.675</t>
  </si>
  <si>
    <t>0.2552</t>
  </si>
  <si>
    <t>13043845.0</t>
  </si>
  <si>
    <t>4786916.0</t>
  </si>
  <si>
    <t>4746506.0</t>
  </si>
  <si>
    <t>3557347.0</t>
  </si>
  <si>
    <t>298.695</t>
  </si>
  <si>
    <t>63442596.0</t>
  </si>
  <si>
    <t>30337.0</t>
  </si>
  <si>
    <t>10837.034</t>
  </si>
  <si>
    <t>48538.0</t>
  </si>
  <si>
    <t>8.291</t>
  </si>
  <si>
    <t>13044925.0</t>
  </si>
  <si>
    <t>4786971.0</t>
  </si>
  <si>
    <t>4746657.0</t>
  </si>
  <si>
    <t>3558220.0</t>
  </si>
  <si>
    <t>221.77</t>
  </si>
  <si>
    <t>1450.6</t>
  </si>
  <si>
    <t>246.605938296835</t>
  </si>
  <si>
    <t>63489896.0</t>
  </si>
  <si>
    <t>47300.0</t>
  </si>
  <si>
    <t>10845.113</t>
  </si>
  <si>
    <t>45482.0</t>
  </si>
  <si>
    <t>13046254.0</t>
  </si>
  <si>
    <t>4787048.0</t>
  </si>
  <si>
    <t>4746822.0</t>
  </si>
  <si>
    <t>3559307.0</t>
  </si>
  <si>
    <t>63530151.0</t>
  </si>
  <si>
    <t>40255.0</t>
  </si>
  <si>
    <t>10851.989</t>
  </si>
  <si>
    <t>42391.0</t>
  </si>
  <si>
    <t>13047621.0</t>
  </si>
  <si>
    <t>4787110.0</t>
  </si>
  <si>
    <t>4747022.0</t>
  </si>
  <si>
    <t>3560407.0</t>
  </si>
  <si>
    <t>63567368.0</t>
  </si>
  <si>
    <t>37217.0</t>
  </si>
  <si>
    <t>10858.347</t>
  </si>
  <si>
    <t>6.738</t>
  </si>
  <si>
    <t>13048778.0</t>
  </si>
  <si>
    <t>4787169.0</t>
  </si>
  <si>
    <t>4747194.0</t>
  </si>
  <si>
    <t>3561326.0</t>
  </si>
  <si>
    <t>221.83</t>
  </si>
  <si>
    <t>63606768.0</t>
  </si>
  <si>
    <t>10865.077</t>
  </si>
  <si>
    <t>36710.0</t>
  </si>
  <si>
    <t>13050102.0</t>
  </si>
  <si>
    <t>4787234.0</t>
  </si>
  <si>
    <t>4747404.0</t>
  </si>
  <si>
    <t>3562372.0</t>
  </si>
  <si>
    <t>221.86</t>
  </si>
  <si>
    <t>63635232.0</t>
  </si>
  <si>
    <t>10869.939</t>
  </si>
  <si>
    <t>4.862</t>
  </si>
  <si>
    <t>35474.0</t>
  </si>
  <si>
    <t>13051122.0</t>
  </si>
  <si>
    <t>4787290.0</t>
  </si>
  <si>
    <t>4747528.0</t>
  </si>
  <si>
    <t>3563212.0</t>
  </si>
  <si>
    <t>221.87</t>
  </si>
  <si>
    <t>63654441.0</t>
  </si>
  <si>
    <t>19209.0</t>
  </si>
  <si>
    <t>10873.22</t>
  </si>
  <si>
    <t>34597.0</t>
  </si>
  <si>
    <t>13051671.0</t>
  </si>
  <si>
    <t>4787318.0</t>
  </si>
  <si>
    <t>4747638.0</t>
  </si>
  <si>
    <t>3563623.0</t>
  </si>
  <si>
    <t>221.88</t>
  </si>
  <si>
    <t>63676866.0</t>
  </si>
  <si>
    <t>10877.051</t>
  </si>
  <si>
    <t>3.831</t>
  </si>
  <si>
    <t>5.717</t>
  </si>
  <si>
    <t>13052674.0</t>
  </si>
  <si>
    <t>4787361.0</t>
  </si>
  <si>
    <t>4747814.0</t>
  </si>
  <si>
    <t>3564413.0</t>
  </si>
  <si>
    <t>221.9</t>
  </si>
  <si>
    <t>1431.3</t>
  </si>
  <si>
    <t>243.324885898428</t>
  </si>
  <si>
    <t>63715065.0</t>
  </si>
  <si>
    <t>38199.0</t>
  </si>
  <si>
    <t>10883.576</t>
  </si>
  <si>
    <t>6.525</t>
  </si>
  <si>
    <t>32167.0</t>
  </si>
  <si>
    <t>5.495</t>
  </si>
  <si>
    <t>13053802.0</t>
  </si>
  <si>
    <t>4787423.0</t>
  </si>
  <si>
    <t>4747951.0</t>
  </si>
  <si>
    <t>3565339.0</t>
  </si>
  <si>
    <t>221.92</t>
  </si>
  <si>
    <t>63745903.0</t>
  </si>
  <si>
    <t>10888.843</t>
  </si>
  <si>
    <t>30822.0</t>
  </si>
  <si>
    <t>13054910.0</t>
  </si>
  <si>
    <t>4787504.0</t>
  </si>
  <si>
    <t>4748103.0</t>
  </si>
  <si>
    <t>3566214.0</t>
  </si>
  <si>
    <t>221.94</t>
  </si>
  <si>
    <t>63773874.0</t>
  </si>
  <si>
    <t>10893.621</t>
  </si>
  <si>
    <t>4.778</t>
  </si>
  <si>
    <t>29501.0</t>
  </si>
  <si>
    <t>0.2217</t>
  </si>
  <si>
    <t>13055801.0</t>
  </si>
  <si>
    <t>4787543.0</t>
  </si>
  <si>
    <t>4748216.0</t>
  </si>
  <si>
    <t>3566954.0</t>
  </si>
  <si>
    <t>63802365.0</t>
  </si>
  <si>
    <t>28491.0</t>
  </si>
  <si>
    <t>10898.488</t>
  </si>
  <si>
    <t>13056871.0</t>
  </si>
  <si>
    <t>4787605.0</t>
  </si>
  <si>
    <t>4748381.0</t>
  </si>
  <si>
    <t>3567799.0</t>
  </si>
  <si>
    <t>63824305.0</t>
  </si>
  <si>
    <t>21940.0</t>
  </si>
  <si>
    <t>10902.236</t>
  </si>
  <si>
    <t>3.748</t>
  </si>
  <si>
    <t>13057852.0</t>
  </si>
  <si>
    <t>4787683.0</t>
  </si>
  <si>
    <t>4748399.0</t>
  </si>
  <si>
    <t>3568684.0</t>
  </si>
  <si>
    <t>221.99</t>
  </si>
  <si>
    <t>63838943.0</t>
  </si>
  <si>
    <t>10904.736</t>
  </si>
  <si>
    <t>26357.0</t>
  </si>
  <si>
    <t>13058313.0</t>
  </si>
  <si>
    <t>4787711.0</t>
  </si>
  <si>
    <t>4748501.0</t>
  </si>
  <si>
    <t>3569015.0</t>
  </si>
  <si>
    <t>63855339.0</t>
  </si>
  <si>
    <t>10907.537</t>
  </si>
  <si>
    <t>13059071.0</t>
  </si>
  <si>
    <t>4787773.0</t>
  </si>
  <si>
    <t>4748619.0</t>
  </si>
  <si>
    <t>3569594.0</t>
  </si>
  <si>
    <t>222.01</t>
  </si>
  <si>
    <t>251.944023546056</t>
  </si>
  <si>
    <t>63884565.0</t>
  </si>
  <si>
    <t>29226.0</t>
  </si>
  <si>
    <t>10912.529</t>
  </si>
  <si>
    <t>24214.0</t>
  </si>
  <si>
    <t>13060263.0</t>
  </si>
  <si>
    <t>4787835.0</t>
  </si>
  <si>
    <t>4748780.0</t>
  </si>
  <si>
    <t>3570556.0</t>
  </si>
  <si>
    <t>222.03</t>
  </si>
  <si>
    <t>63907722.0</t>
  </si>
  <si>
    <t>23157.0</t>
  </si>
  <si>
    <t>10916.485</t>
  </si>
  <si>
    <t>23117.0</t>
  </si>
  <si>
    <t>13061152.0</t>
  </si>
  <si>
    <t>4787891.0</t>
  </si>
  <si>
    <t>4748890.0</t>
  </si>
  <si>
    <t>3571277.0</t>
  </si>
  <si>
    <t>222.04</t>
  </si>
  <si>
    <t>202.133</t>
  </si>
  <si>
    <t>63928908.0</t>
  </si>
  <si>
    <t>21186.0</t>
  </si>
  <si>
    <t>10920.104</t>
  </si>
  <si>
    <t>3.783</t>
  </si>
  <si>
    <t>13062046.0</t>
  </si>
  <si>
    <t>4787940.0</t>
  </si>
  <si>
    <t>4749014.0</t>
  </si>
  <si>
    <t>3571998.0</t>
  </si>
  <si>
    <t>63950561.0</t>
  </si>
  <si>
    <t>10923.802</t>
  </si>
  <si>
    <t>21171.0</t>
  </si>
  <si>
    <t>13062958.0</t>
  </si>
  <si>
    <t>4788005.0</t>
  </si>
  <si>
    <t>4749124.0</t>
  </si>
  <si>
    <t>3572730.0</t>
  </si>
  <si>
    <t>222.07</t>
  </si>
  <si>
    <t>63966240.0</t>
  </si>
  <si>
    <t>10926.481</t>
  </si>
  <si>
    <t>0.1895</t>
  </si>
  <si>
    <t>13063634.0</t>
  </si>
  <si>
    <t>4788041.0</t>
  </si>
  <si>
    <t>4749214.0</t>
  </si>
  <si>
    <t>3573280.0</t>
  </si>
  <si>
    <t>222.09</t>
  </si>
  <si>
    <t>60.75</t>
  </si>
  <si>
    <t>63977887.0</t>
  </si>
  <si>
    <t>11647.0</t>
  </si>
  <si>
    <t>10928.47</t>
  </si>
  <si>
    <t>19849.0</t>
  </si>
  <si>
    <t>13064091.0</t>
  </si>
  <si>
    <t>4788070.0</t>
  </si>
  <si>
    <t>4749293.0</t>
  </si>
  <si>
    <t>3573629.0</t>
  </si>
  <si>
    <t>63991109.0</t>
  </si>
  <si>
    <t>10930.729</t>
  </si>
  <si>
    <t>19396.0</t>
  </si>
  <si>
    <t>13064865.0</t>
  </si>
  <si>
    <t>4788125.0</t>
  </si>
  <si>
    <t>4749385.0</t>
  </si>
  <si>
    <t>3574249.0</t>
  </si>
  <si>
    <t>1544.7</t>
  </si>
  <si>
    <t>262.603193773005</t>
  </si>
  <si>
    <t>64013763.0</t>
  </si>
  <si>
    <t>22654.0</t>
  </si>
  <si>
    <t>10934.598</t>
  </si>
  <si>
    <t>0.1783</t>
  </si>
  <si>
    <t>13065792.0</t>
  </si>
  <si>
    <t>4788191.0</t>
  </si>
  <si>
    <t>4749476.0</t>
  </si>
  <si>
    <t>3575019.0</t>
  </si>
  <si>
    <t>222.12</t>
  </si>
  <si>
    <t>157.083</t>
  </si>
  <si>
    <t>64032854.0</t>
  </si>
  <si>
    <t>19091.0</t>
  </si>
  <si>
    <t>10937.859</t>
  </si>
  <si>
    <t>13066542.0</t>
  </si>
  <si>
    <t>4788232.0</t>
  </si>
  <si>
    <t>4749546.0</t>
  </si>
  <si>
    <t>3575650.0</t>
  </si>
  <si>
    <t>222.13</t>
  </si>
  <si>
    <t>64051165.0</t>
  </si>
  <si>
    <t>10940.987</t>
  </si>
  <si>
    <t>13067377.0</t>
  </si>
  <si>
    <t>4788294.0</t>
  </si>
  <si>
    <t>4749648.0</t>
  </si>
  <si>
    <t>3576317.0</t>
  </si>
  <si>
    <t>222.15</t>
  </si>
  <si>
    <t>64070544.0</t>
  </si>
  <si>
    <t>10944.297</t>
  </si>
  <si>
    <t>17140.0</t>
  </si>
  <si>
    <t>13067939.0</t>
  </si>
  <si>
    <t>4788337.0</t>
  </si>
  <si>
    <t>4749712.0</t>
  </si>
  <si>
    <t>3576764.0</t>
  </si>
  <si>
    <t>64085501.0</t>
  </si>
  <si>
    <t>14957.0</t>
  </si>
  <si>
    <t>10946.852</t>
  </si>
  <si>
    <t>17037.0</t>
  </si>
  <si>
    <t>13068654.0</t>
  </si>
  <si>
    <t>4788378.0</t>
  </si>
  <si>
    <t>4749804.0</t>
  </si>
  <si>
    <t>3577346.0</t>
  </si>
  <si>
    <t>222.17</t>
  </si>
  <si>
    <t>64096141.0</t>
  </si>
  <si>
    <t>10948.67</t>
  </si>
  <si>
    <t>13069292.0</t>
  </si>
  <si>
    <t>4788443.0</t>
  </si>
  <si>
    <t>4749909.0</t>
  </si>
  <si>
    <t>3577814.0</t>
  </si>
  <si>
    <t>222.18</t>
  </si>
  <si>
    <t>64107110.0</t>
  </si>
  <si>
    <t>10969.0</t>
  </si>
  <si>
    <t>10950.544</t>
  </si>
  <si>
    <t>13069945.0</t>
  </si>
  <si>
    <t>4788484.0</t>
  </si>
  <si>
    <t>4749993.0</t>
  </si>
  <si>
    <t>3578344.0</t>
  </si>
  <si>
    <t>278.124441647333</t>
  </si>
  <si>
    <t>64124641.0</t>
  </si>
  <si>
    <t>10953.538</t>
  </si>
  <si>
    <t>13071137.0</t>
  </si>
  <si>
    <t>4788566.0</t>
  </si>
  <si>
    <t>4750151.0</t>
  </si>
  <si>
    <t>3579294.0</t>
  </si>
  <si>
    <t>222.21</t>
  </si>
  <si>
    <t>64139245.0</t>
  </si>
  <si>
    <t>10956.033</t>
  </si>
  <si>
    <t>13071845.0</t>
  </si>
  <si>
    <t>4788618.0</t>
  </si>
  <si>
    <t>4750256.0</t>
  </si>
  <si>
    <t>3579845.0</t>
  </si>
  <si>
    <t>64152643.0</t>
  </si>
  <si>
    <t>10958.321</t>
  </si>
  <si>
    <t>13072674.0</t>
  </si>
  <si>
    <t>4788707.0</t>
  </si>
  <si>
    <t>4750380.0</t>
  </si>
  <si>
    <t>3580461.0</t>
  </si>
  <si>
    <t>64160260.0</t>
  </si>
  <si>
    <t>10959.622</t>
  </si>
  <si>
    <t>13072778.0</t>
  </si>
  <si>
    <t>4788714.0</t>
  </si>
  <si>
    <t>4750403.0</t>
  </si>
  <si>
    <t>3580535.0</t>
  </si>
  <si>
    <t>64167864.0</t>
  </si>
  <si>
    <t>10960.921</t>
  </si>
  <si>
    <t>11766.0</t>
  </si>
  <si>
    <t>13072954.0</t>
  </si>
  <si>
    <t>4788732.0</t>
  </si>
  <si>
    <t>4750426.0</t>
  </si>
  <si>
    <t>3580670.0</t>
  </si>
  <si>
    <t>64176156.0</t>
  </si>
  <si>
    <t>10962.338</t>
  </si>
  <si>
    <t>13073231.0</t>
  </si>
  <si>
    <t>4788755.0</t>
  </si>
  <si>
    <t>4750479.0</t>
  </si>
  <si>
    <t>3580871.0</t>
  </si>
  <si>
    <t>222.25</t>
  </si>
  <si>
    <t>64183847.0</t>
  </si>
  <si>
    <t>10963.651</t>
  </si>
  <si>
    <t>13073339.0</t>
  </si>
  <si>
    <t>4788778.0</t>
  </si>
  <si>
    <t>4750496.0</t>
  </si>
  <si>
    <t>3580939.0</t>
  </si>
  <si>
    <t>1676.3</t>
  </si>
  <si>
    <t>284.97555105955</t>
  </si>
  <si>
    <t>64194386.0</t>
  </si>
  <si>
    <t>10965.452</t>
  </si>
  <si>
    <t>13073632.0</t>
  </si>
  <si>
    <t>4788793.0</t>
  </si>
  <si>
    <t>4750528.0</t>
  </si>
  <si>
    <t>3581180.0</t>
  </si>
  <si>
    <t>222.26</t>
  </si>
  <si>
    <t>64211051.0</t>
  </si>
  <si>
    <t>10968.298</t>
  </si>
  <si>
    <t>13074368.0</t>
  </si>
  <si>
    <t>4788848.0</t>
  </si>
  <si>
    <t>4750606.0</t>
  </si>
  <si>
    <t>3581774.0</t>
  </si>
  <si>
    <t>64223702.0</t>
  </si>
  <si>
    <t>10970.459</t>
  </si>
  <si>
    <t>10151.0</t>
  </si>
  <si>
    <t>13075190.0</t>
  </si>
  <si>
    <t>4788909.0</t>
  </si>
  <si>
    <t>4750707.0</t>
  </si>
  <si>
    <t>3582432.0</t>
  </si>
  <si>
    <t>222.28</t>
  </si>
  <si>
    <t>64236426.0</t>
  </si>
  <si>
    <t>12724.0</t>
  </si>
  <si>
    <t>10972.633</t>
  </si>
  <si>
    <t>13075818.0</t>
  </si>
  <si>
    <t>4788959.0</t>
  </si>
  <si>
    <t>4750806.0</t>
  </si>
  <si>
    <t>3582915.0</t>
  </si>
  <si>
    <t>222.29</t>
  </si>
  <si>
    <t>64246597.0</t>
  </si>
  <si>
    <t>10171.0</t>
  </si>
  <si>
    <t>10974.37</t>
  </si>
  <si>
    <t>13076536.0</t>
  </si>
  <si>
    <t>4789021.0</t>
  </si>
  <si>
    <t>4750925.0</t>
  </si>
  <si>
    <t>3583452.0</t>
  </si>
  <si>
    <t>64254158.0</t>
  </si>
  <si>
    <t>10975.662</t>
  </si>
  <si>
    <t>13077136.0</t>
  </si>
  <si>
    <t>4789087.0</t>
  </si>
  <si>
    <t>4751037.0</t>
  </si>
  <si>
    <t>3583874.0</t>
  </si>
  <si>
    <t>64262120.0</t>
  </si>
  <si>
    <t>10977.022</t>
  </si>
  <si>
    <t>13077717.0</t>
  </si>
  <si>
    <t>4789131.0</t>
  </si>
  <si>
    <t>4751141.0</t>
  </si>
  <si>
    <t>3584310.0</t>
  </si>
  <si>
    <t>222.32</t>
  </si>
  <si>
    <t>1682.8</t>
  </si>
  <si>
    <t>286.080568706682</t>
  </si>
  <si>
    <t>64275008.0</t>
  </si>
  <si>
    <t>10979.223</t>
  </si>
  <si>
    <t>13078822.0</t>
  </si>
  <si>
    <t>4789216.0</t>
  </si>
  <si>
    <t>4751267.0</t>
  </si>
  <si>
    <t>3585194.0</t>
  </si>
  <si>
    <t>222.34</t>
  </si>
  <si>
    <t>124.612</t>
  </si>
  <si>
    <t>64286404.0</t>
  </si>
  <si>
    <t>10981.17</t>
  </si>
  <si>
    <t>13079518.0</t>
  </si>
  <si>
    <t>4789255.0</t>
  </si>
  <si>
    <t>4751348.0</t>
  </si>
  <si>
    <t>3585767.0</t>
  </si>
  <si>
    <t>64296571.0</t>
  </si>
  <si>
    <t>10982.907</t>
  </si>
  <si>
    <t>13080252.0</t>
  </si>
  <si>
    <t>4789304.0</t>
  </si>
  <si>
    <t>4751444.0</t>
  </si>
  <si>
    <t>3586356.0</t>
  </si>
  <si>
    <t>222.37</t>
  </si>
  <si>
    <t>64306270.0</t>
  </si>
  <si>
    <t>10984.563</t>
  </si>
  <si>
    <t>13080925.0</t>
  </si>
  <si>
    <t>4789361.0</t>
  </si>
  <si>
    <t>4751541.0</t>
  </si>
  <si>
    <t>3586874.0</t>
  </si>
  <si>
    <t>222.38</t>
  </si>
  <si>
    <t>64314796.0</t>
  </si>
  <si>
    <t>10986.02</t>
  </si>
  <si>
    <t>13081580.0</t>
  </si>
  <si>
    <t>4789421.0</t>
  </si>
  <si>
    <t>4751633.0</t>
  </si>
  <si>
    <t>3587377.0</t>
  </si>
  <si>
    <t>64320920.0</t>
  </si>
  <si>
    <t>10987.066</t>
  </si>
  <si>
    <t>9537.0</t>
  </si>
  <si>
    <t>13082068.0</t>
  </si>
  <si>
    <t>4789463.0</t>
  </si>
  <si>
    <t>4751706.0</t>
  </si>
  <si>
    <t>3587750.0</t>
  </si>
  <si>
    <t>222.4</t>
  </si>
  <si>
    <t>64327784.0</t>
  </si>
  <si>
    <t>10988.238</t>
  </si>
  <si>
    <t>13082708.0</t>
  </si>
  <si>
    <t>4789521.0</t>
  </si>
  <si>
    <t>4751785.0</t>
  </si>
  <si>
    <t>3588256.0</t>
  </si>
  <si>
    <t>222.41</t>
  </si>
  <si>
    <t>1778.5</t>
  </si>
  <si>
    <t>302.349828526762</t>
  </si>
  <si>
    <t>64338338.0</t>
  </si>
  <si>
    <t>10990.041</t>
  </si>
  <si>
    <t>13083663.0</t>
  </si>
  <si>
    <t>4789588.0</t>
  </si>
  <si>
    <t>4751855.0</t>
  </si>
  <si>
    <t>3589042.0</t>
  </si>
  <si>
    <t>61.01</t>
  </si>
  <si>
    <t>68.681</t>
  </si>
  <si>
    <t>64347419.0</t>
  </si>
  <si>
    <t>10991.592</t>
  </si>
  <si>
    <t>13084451.0</t>
  </si>
  <si>
    <t>4789667.0</t>
  </si>
  <si>
    <t>4751926.0</t>
  </si>
  <si>
    <t>3589679.0</t>
  </si>
  <si>
    <t>64355442.0</t>
  </si>
  <si>
    <t>10992.963</t>
  </si>
  <si>
    <t>13085289.0</t>
  </si>
  <si>
    <t>4789738.0</t>
  </si>
  <si>
    <t>4752023.0</t>
  </si>
  <si>
    <t>3590349.0</t>
  </si>
  <si>
    <t>64364235.0</t>
  </si>
  <si>
    <t>10994.465</t>
  </si>
  <si>
    <t>13086007.0</t>
  </si>
  <si>
    <t>4789814.0</t>
  </si>
  <si>
    <t>4752081.0</t>
  </si>
  <si>
    <t>3590934.0</t>
  </si>
  <si>
    <t>64371801.0</t>
  </si>
  <si>
    <t>10995.757</t>
  </si>
  <si>
    <t>13086664.0</t>
  </si>
  <si>
    <t>4789877.0</t>
  </si>
  <si>
    <t>4752154.0</t>
  </si>
  <si>
    <t>3591455.0</t>
  </si>
  <si>
    <t>222.48</t>
  </si>
  <si>
    <t>78.031</t>
  </si>
  <si>
    <t>64377219.0</t>
  </si>
  <si>
    <t>10996.683</t>
  </si>
  <si>
    <t>13087189.0</t>
  </si>
  <si>
    <t>4789940.0</t>
  </si>
  <si>
    <t>4752213.0</t>
  </si>
  <si>
    <t>3591858.0</t>
  </si>
  <si>
    <t>222.49</t>
  </si>
  <si>
    <t>64382620.0</t>
  </si>
  <si>
    <t>10997.605</t>
  </si>
  <si>
    <t>13087810.0</t>
  </si>
  <si>
    <t>4790013.0</t>
  </si>
  <si>
    <t>4752286.0</t>
  </si>
  <si>
    <t>3592336.0</t>
  </si>
  <si>
    <t>222.5</t>
  </si>
  <si>
    <t>1788.6</t>
  </si>
  <si>
    <t>304.066855947689</t>
  </si>
  <si>
    <t>64391479.0</t>
  </si>
  <si>
    <t>10999.118</t>
  </si>
  <si>
    <t>13088861.0</t>
  </si>
  <si>
    <t>4790087.0</t>
  </si>
  <si>
    <t>4752377.0</t>
  </si>
  <si>
    <t>3593220.0</t>
  </si>
  <si>
    <t>222.51</t>
  </si>
  <si>
    <t>85.001</t>
  </si>
  <si>
    <t>64399965.0</t>
  </si>
  <si>
    <t>11000.568</t>
  </si>
  <si>
    <t>13089604.0</t>
  </si>
  <si>
    <t>4790145.0</t>
  </si>
  <si>
    <t>4752439.0</t>
  </si>
  <si>
    <t>3593842.0</t>
  </si>
  <si>
    <t>222.53</t>
  </si>
  <si>
    <t>64407567.0</t>
  </si>
  <si>
    <t>11001.867</t>
  </si>
  <si>
    <t>13090345.0</t>
  </si>
  <si>
    <t>4790212.0</t>
  </si>
  <si>
    <t>4752526.0</t>
  </si>
  <si>
    <t>3594430.0</t>
  </si>
  <si>
    <t>222.54</t>
  </si>
  <si>
    <t>78.711</t>
  </si>
  <si>
    <t>64414973.0</t>
  </si>
  <si>
    <t>11003.132</t>
  </si>
  <si>
    <t>13091045.0</t>
  </si>
  <si>
    <t>4790276.0</t>
  </si>
  <si>
    <t>4752604.0</t>
  </si>
  <si>
    <t>3594988.0</t>
  </si>
  <si>
    <t>222.55</t>
  </si>
  <si>
    <t>64419481.0</t>
  </si>
  <si>
    <t>11003.902</t>
  </si>
  <si>
    <t>13091227.0</t>
  </si>
  <si>
    <t>4790304.0</t>
  </si>
  <si>
    <t>4752630.0</t>
  </si>
  <si>
    <t>3595116.0</t>
  </si>
  <si>
    <t>64424469.0</t>
  </si>
  <si>
    <t>11004.754</t>
  </si>
  <si>
    <t>13091795.0</t>
  </si>
  <si>
    <t>4790357.0</t>
  </si>
  <si>
    <t>4752725.0</t>
  </si>
  <si>
    <t>3595536.0</t>
  </si>
  <si>
    <t>222.56</t>
  </si>
  <si>
    <t>64429718.0</t>
  </si>
  <si>
    <t>11005.65</t>
  </si>
  <si>
    <t>13092344.0</t>
  </si>
  <si>
    <t>4790421.0</t>
  </si>
  <si>
    <t>4752805.0</t>
  </si>
  <si>
    <t>3595941.0</t>
  </si>
  <si>
    <t>222.57</t>
  </si>
  <si>
    <t>1740.7</t>
  </si>
  <si>
    <t>-4.5</t>
  </si>
  <si>
    <t>295.923725901903</t>
  </si>
  <si>
    <t>64437965.0</t>
  </si>
  <si>
    <t>11007.059</t>
  </si>
  <si>
    <t>13093234.0</t>
  </si>
  <si>
    <t>4790500.0</t>
  </si>
  <si>
    <t>4752892.0</t>
  </si>
  <si>
    <t>3596656.0</t>
  </si>
  <si>
    <t>64444921.0</t>
  </si>
  <si>
    <t>11008.247</t>
  </si>
  <si>
    <t>13094039.0</t>
  </si>
  <si>
    <t>4790562.0</t>
  </si>
  <si>
    <t>4752970.0</t>
  </si>
  <si>
    <t>3597312.0</t>
  </si>
  <si>
    <t>222.6</t>
  </si>
  <si>
    <t>43.861</t>
  </si>
  <si>
    <t>64451439.0</t>
  </si>
  <si>
    <t>11009.361</t>
  </si>
  <si>
    <t>13094761.0</t>
  </si>
  <si>
    <t>4790625.0</t>
  </si>
  <si>
    <t>4753074.0</t>
  </si>
  <si>
    <t>3597871.0</t>
  </si>
  <si>
    <t>64458638.0</t>
  </si>
  <si>
    <t>11010.59</t>
  </si>
  <si>
    <t>13095300.0</t>
  </si>
  <si>
    <t>4790669.0</t>
  </si>
  <si>
    <t>4753134.0</t>
  </si>
  <si>
    <t>3598306.0</t>
  </si>
  <si>
    <t>222.62</t>
  </si>
  <si>
    <t>64464679.0</t>
  </si>
  <si>
    <t>11011.622</t>
  </si>
  <si>
    <t>13095873.0</t>
  </si>
  <si>
    <t>4790720.0</t>
  </si>
  <si>
    <t>4753205.0</t>
  </si>
  <si>
    <t>3598757.0</t>
  </si>
  <si>
    <t>222.63</t>
  </si>
  <si>
    <t>64468512.0</t>
  </si>
  <si>
    <t>11012.277</t>
  </si>
  <si>
    <t>6292.0</t>
  </si>
  <si>
    <t>13096475.0</t>
  </si>
  <si>
    <t>4790792.0</t>
  </si>
  <si>
    <t>4753322.0</t>
  </si>
  <si>
    <t>3599170.0</t>
  </si>
  <si>
    <t>222.64</t>
  </si>
  <si>
    <t>64472843.0</t>
  </si>
  <si>
    <t>11013.017</t>
  </si>
  <si>
    <t>13097133.0</t>
  </si>
  <si>
    <t>4790855.0</t>
  </si>
  <si>
    <t>4753412.0</t>
  </si>
  <si>
    <t>3599675.0</t>
  </si>
  <si>
    <t>222.65</t>
  </si>
  <si>
    <t>1788.8</t>
  </si>
  <si>
    <t>304.100856490678</t>
  </si>
  <si>
    <t>64479951.0</t>
  </si>
  <si>
    <t>11014.231</t>
  </si>
  <si>
    <t>13098044.0</t>
  </si>
  <si>
    <t>4790943.0</t>
  </si>
  <si>
    <t>4753502.0</t>
  </si>
  <si>
    <t>3600406.0</t>
  </si>
  <si>
    <t>64486059.0</t>
  </si>
  <si>
    <t>11015.274</t>
  </si>
  <si>
    <t>13098884.0</t>
  </si>
  <si>
    <t>4790995.0</t>
  </si>
  <si>
    <t>4753609.0</t>
  </si>
  <si>
    <t>3601087.0</t>
  </si>
  <si>
    <t>222.68</t>
  </si>
  <si>
    <t>64491693.0</t>
  </si>
  <si>
    <t>11016.237</t>
  </si>
  <si>
    <t>13099758.0</t>
  </si>
  <si>
    <t>4791096.0</t>
  </si>
  <si>
    <t>4753764.0</t>
  </si>
  <si>
    <t>64494935.0</t>
  </si>
  <si>
    <t>11016.79</t>
  </si>
  <si>
    <t>13100011.0</t>
  </si>
  <si>
    <t>4791122.0</t>
  </si>
  <si>
    <t>4753798.0</t>
  </si>
  <si>
    <t>3601898.0</t>
  </si>
  <si>
    <t>64499910.0</t>
  </si>
  <si>
    <t>4975.0</t>
  </si>
  <si>
    <t>11017.64</t>
  </si>
  <si>
    <t>13100491.0</t>
  </si>
  <si>
    <t>4791168.0</t>
  </si>
  <si>
    <t>4753881.0</t>
  </si>
  <si>
    <t>3602249.0</t>
  </si>
  <si>
    <t>222.71</t>
  </si>
  <si>
    <t>64502997.0</t>
  </si>
  <si>
    <t>11018.168</t>
  </si>
  <si>
    <t>13100585.0</t>
  </si>
  <si>
    <t>4791173.0</t>
  </si>
  <si>
    <t>4753898.0</t>
  </si>
  <si>
    <t>3602321.0</t>
  </si>
  <si>
    <t>64507036.0</t>
  </si>
  <si>
    <t>11018.857</t>
  </si>
  <si>
    <t>13101333.0</t>
  </si>
  <si>
    <t>4791244.0</t>
  </si>
  <si>
    <t>4754059.0</t>
  </si>
  <si>
    <t>3602836.0</t>
  </si>
  <si>
    <t>1764.5</t>
  </si>
  <si>
    <t>299.969790517554</t>
  </si>
  <si>
    <t>64513549.0</t>
  </si>
  <si>
    <t>11019.97</t>
  </si>
  <si>
    <t>13102016.0</t>
  </si>
  <si>
    <t>4791296.0</t>
  </si>
  <si>
    <t>4754150.0</t>
  </si>
  <si>
    <t>3603374.0</t>
  </si>
  <si>
    <t>222.74</t>
  </si>
  <si>
    <t>64519707.0</t>
  </si>
  <si>
    <t>11021.022</t>
  </si>
  <si>
    <t>13102586.0</t>
  </si>
  <si>
    <t>4791337.0</t>
  </si>
  <si>
    <t>4754228.0</t>
  </si>
  <si>
    <t>3603814.0</t>
  </si>
  <si>
    <t>222.75</t>
  </si>
  <si>
    <t>64524731.0</t>
  </si>
  <si>
    <t>11021.88</t>
  </si>
  <si>
    <t>13103448.0</t>
  </si>
  <si>
    <t>4791424.0</t>
  </si>
  <si>
    <t>4754347.0</t>
  </si>
  <si>
    <t>3604465.0</t>
  </si>
  <si>
    <t>222.76</t>
  </si>
  <si>
    <t>41.651</t>
  </si>
  <si>
    <t>64530062.0</t>
  </si>
  <si>
    <t>11022.791</t>
  </si>
  <si>
    <t>13104041.0</t>
  </si>
  <si>
    <t>4791482.0</t>
  </si>
  <si>
    <t>4754453.0</t>
  </si>
  <si>
    <t>3604892.0</t>
  </si>
  <si>
    <t>64534649.0</t>
  </si>
  <si>
    <t>11023.574</t>
  </si>
  <si>
    <t>4963.0</t>
  </si>
  <si>
    <t>13104502.0</t>
  </si>
  <si>
    <t>4791511.0</t>
  </si>
  <si>
    <t>4754528.0</t>
  </si>
  <si>
    <t>3605249.0</t>
  </si>
  <si>
    <t>64537457.0</t>
  </si>
  <si>
    <t>11024.054</t>
  </si>
  <si>
    <t>13104662.0</t>
  </si>
  <si>
    <t>4791525.0</t>
  </si>
  <si>
    <t>4754549.0</t>
  </si>
  <si>
    <t>3605374.0</t>
  </si>
  <si>
    <t>64540638.0</t>
  </si>
  <si>
    <t>11024.597</t>
  </si>
  <si>
    <t>13105183.0</t>
  </si>
  <si>
    <t>4791559.0</t>
  </si>
  <si>
    <t>4754622.0</t>
  </si>
  <si>
    <t>3605788.0</t>
  </si>
  <si>
    <t>222.79</t>
  </si>
  <si>
    <t>1799.2</t>
  </si>
  <si>
    <t>305.868884726089</t>
  </si>
  <si>
    <t>64544612.0</t>
  </si>
  <si>
    <t>11025.276</t>
  </si>
  <si>
    <t>13105286.0</t>
  </si>
  <si>
    <t>4791566.0</t>
  </si>
  <si>
    <t>4754642.0</t>
  </si>
  <si>
    <t>3605862.0</t>
  </si>
  <si>
    <t>64551135.0</t>
  </si>
  <si>
    <t>11026.39</t>
  </si>
  <si>
    <t>13105811.0</t>
  </si>
  <si>
    <t>4791609.0</t>
  </si>
  <si>
    <t>4754730.0</t>
  </si>
  <si>
    <t>3606262.0</t>
  </si>
  <si>
    <t>222.8</t>
  </si>
  <si>
    <t>64556923.0</t>
  </si>
  <si>
    <t>11027.379</t>
  </si>
  <si>
    <t>13106800.0</t>
  </si>
  <si>
    <t>4791684.0</t>
  </si>
  <si>
    <t>4754876.0</t>
  </si>
  <si>
    <t>3607021.0</t>
  </si>
  <si>
    <t>64563365.0</t>
  </si>
  <si>
    <t>11028.479</t>
  </si>
  <si>
    <t>13107375.0</t>
  </si>
  <si>
    <t>4791727.0</t>
  </si>
  <si>
    <t>4754964.0</t>
  </si>
  <si>
    <t>3607466.0</t>
  </si>
  <si>
    <t>222.83</t>
  </si>
  <si>
    <t>64569367.0</t>
  </si>
  <si>
    <t>11029.505</t>
  </si>
  <si>
    <t>13107910.0</t>
  </si>
  <si>
    <t>4791760.0</t>
  </si>
  <si>
    <t>4755050.0</t>
  </si>
  <si>
    <t>3607882.0</t>
  </si>
  <si>
    <t>222.84</t>
  </si>
  <si>
    <t>64573101.0</t>
  </si>
  <si>
    <t>11030.142</t>
  </si>
  <si>
    <t>13108113.0</t>
  </si>
  <si>
    <t>4791780.0</t>
  </si>
  <si>
    <t>4755086.0</t>
  </si>
  <si>
    <t>3608029.0</t>
  </si>
  <si>
    <t>64578070.0</t>
  </si>
  <si>
    <t>11030.991</t>
  </si>
  <si>
    <t>13108932.0</t>
  </si>
  <si>
    <t>4791815.0</t>
  </si>
  <si>
    <t>4755260.0</t>
  </si>
  <si>
    <t>3608645.0</t>
  </si>
  <si>
    <t>222.86</t>
  </si>
  <si>
    <t>1822.7</t>
  </si>
  <si>
    <t>309.863948527258</t>
  </si>
  <si>
    <t>64585426.0</t>
  </si>
  <si>
    <t>11032.248</t>
  </si>
  <si>
    <t>13109889.0</t>
  </si>
  <si>
    <t>4791855.0</t>
  </si>
  <si>
    <t>4755400.0</t>
  </si>
  <si>
    <t>3609422.0</t>
  </si>
  <si>
    <t>222.87</t>
  </si>
  <si>
    <t>64592612.0</t>
  </si>
  <si>
    <t>11033.475</t>
  </si>
  <si>
    <t>13110436.0</t>
  </si>
  <si>
    <t>4791887.0</t>
  </si>
  <si>
    <t>4755483.0</t>
  </si>
  <si>
    <t>3609854.0</t>
  </si>
  <si>
    <t>222.88</t>
  </si>
  <si>
    <t>64599660.0</t>
  </si>
  <si>
    <t>11034.679</t>
  </si>
  <si>
    <t>13111519.0</t>
  </si>
  <si>
    <t>4791956.0</t>
  </si>
  <si>
    <t>4755631.0</t>
  </si>
  <si>
    <t>3610721.0</t>
  </si>
  <si>
    <t>222.9</t>
  </si>
  <si>
    <t>64606452.0</t>
  </si>
  <si>
    <t>11035.839</t>
  </si>
  <si>
    <t>13112178.0</t>
  </si>
  <si>
    <t>4792003.0</t>
  </si>
  <si>
    <t>4755709.0</t>
  </si>
  <si>
    <t>3611256.0</t>
  </si>
  <si>
    <t>64613562.0</t>
  </si>
  <si>
    <t>11037.054</t>
  </si>
  <si>
    <t>13112719.0</t>
  </si>
  <si>
    <t>4792037.0</t>
  </si>
  <si>
    <t>4755811.0</t>
  </si>
  <si>
    <t>3611661.0</t>
  </si>
  <si>
    <t>222.92</t>
  </si>
  <si>
    <t>64618345.0</t>
  </si>
  <si>
    <t>11037.871</t>
  </si>
  <si>
    <t>13112856.0</t>
  </si>
  <si>
    <t>4792043.0</t>
  </si>
  <si>
    <t>4755831.0</t>
  </si>
  <si>
    <t>3611772.0</t>
  </si>
  <si>
    <t>64623749.0</t>
  </si>
  <si>
    <t>11038.794</t>
  </si>
  <si>
    <t>13113565.0</t>
  </si>
  <si>
    <t>4792074.0</t>
  </si>
  <si>
    <t>4755937.0</t>
  </si>
  <si>
    <t>3612347.0</t>
  </si>
  <si>
    <t>222.93</t>
  </si>
  <si>
    <t>1835.6</t>
  </si>
  <si>
    <t>312.056983550027</t>
  </si>
  <si>
    <t>64633230.0</t>
  </si>
  <si>
    <t>11040.413</t>
  </si>
  <si>
    <t>13114505.0</t>
  </si>
  <si>
    <t>4792104.0</t>
  </si>
  <si>
    <t>4756057.0</t>
  </si>
  <si>
    <t>3613143.0</t>
  </si>
  <si>
    <t>222.95</t>
  </si>
  <si>
    <t>64641979.0</t>
  </si>
  <si>
    <t>11041.908</t>
  </si>
  <si>
    <t>13115004.0</t>
  </si>
  <si>
    <t>4792130.0</t>
  </si>
  <si>
    <t>4756128.0</t>
  </si>
  <si>
    <t>3613546.0</t>
  </si>
  <si>
    <t>222.96</t>
  </si>
  <si>
    <t>64649913.0</t>
  </si>
  <si>
    <t>11043.263</t>
  </si>
  <si>
    <t>13116154.0</t>
  </si>
  <si>
    <t>4792182.0</t>
  </si>
  <si>
    <t>4756290.0</t>
  </si>
  <si>
    <t>3614483.0</t>
  </si>
  <si>
    <t>222.98</t>
  </si>
  <si>
    <t>13116758.0</t>
  </si>
  <si>
    <t>4792219.0</t>
  </si>
  <si>
    <t>4756386.0</t>
  </si>
  <si>
    <t>3614956.0</t>
  </si>
  <si>
    <t>222.99</t>
  </si>
  <si>
    <t>61.46</t>
  </si>
  <si>
    <t>13117274.0</t>
  </si>
  <si>
    <t>4792262.0</t>
  </si>
  <si>
    <t>4756462.0</t>
  </si>
  <si>
    <t>3615353.0</t>
  </si>
  <si>
    <t>13117417.0</t>
  </si>
  <si>
    <t>4792268.0</t>
  </si>
  <si>
    <t>4756487.0</t>
  </si>
  <si>
    <t>3615465.0</t>
  </si>
  <si>
    <t>13117995.0</t>
  </si>
  <si>
    <t>4792292.0</t>
  </si>
  <si>
    <t>4756533.0</t>
  </si>
  <si>
    <t>3615941.0</t>
  </si>
  <si>
    <t>1929.7</t>
  </si>
  <si>
    <t>328.054239026197</t>
  </si>
  <si>
    <t>13118965.0</t>
  </si>
  <si>
    <t>4792335.0</t>
  </si>
  <si>
    <t>4756612.0</t>
  </si>
  <si>
    <t>3616776.0</t>
  </si>
  <si>
    <t>13119533.0</t>
  </si>
  <si>
    <t>4792352.0</t>
  </si>
  <si>
    <t>4756661.0</t>
  </si>
  <si>
    <t>3617266.0</t>
  </si>
  <si>
    <t>13120531.0</t>
  </si>
  <si>
    <t>4792416.0</t>
  </si>
  <si>
    <t>4756774.0</t>
  </si>
  <si>
    <t>3618079.0</t>
  </si>
  <si>
    <t>13121070.0</t>
  </si>
  <si>
    <t>4792446.0</t>
  </si>
  <si>
    <t>4756844.0</t>
  </si>
  <si>
    <t>3618508.0</t>
  </si>
  <si>
    <t>13121409.0</t>
  </si>
  <si>
    <t>4792471.0</t>
  </si>
  <si>
    <t>4756873.0</t>
  </si>
  <si>
    <t>3618793.0</t>
  </si>
  <si>
    <t>13121552.0</t>
  </si>
  <si>
    <t>4792477.0</t>
  </si>
  <si>
    <t>4756891.0</t>
  </si>
  <si>
    <t>3618912.0</t>
  </si>
  <si>
    <t>13122063.0</t>
  </si>
  <si>
    <t>4792506.0</t>
  </si>
  <si>
    <t>4756943.0</t>
  </si>
  <si>
    <t>3619335.0</t>
  </si>
  <si>
    <t>2079.8</t>
  </si>
  <si>
    <t>353.571646539195</t>
  </si>
  <si>
    <t>13122792.0</t>
  </si>
  <si>
    <t>4792535.0</t>
  </si>
  <si>
    <t>4757007.0</t>
  </si>
  <si>
    <t>3619961.0</t>
  </si>
  <si>
    <t>13123258.0</t>
  </si>
  <si>
    <t>4792547.0</t>
  </si>
  <si>
    <t>4757053.0</t>
  </si>
  <si>
    <t>3620364.0</t>
  </si>
  <si>
    <t>13124027.0</t>
  </si>
  <si>
    <t>4792582.0</t>
  </si>
  <si>
    <t>4757147.0</t>
  </si>
  <si>
    <t>3621004.0</t>
  </si>
  <si>
    <t>223.11</t>
  </si>
  <si>
    <t>13124592.0</t>
  </si>
  <si>
    <t>4792618.0</t>
  </si>
  <si>
    <t>4757207.0</t>
  </si>
  <si>
    <t>3621466.0</t>
  </si>
  <si>
    <t>13124922.0</t>
  </si>
  <si>
    <t>4792643.0</t>
  </si>
  <si>
    <t>4757254.0</t>
  </si>
  <si>
    <t>3621724.0</t>
  </si>
  <si>
    <t>13124975.0</t>
  </si>
  <si>
    <t>4792646.0</t>
  </si>
  <si>
    <t>4757261.0</t>
  </si>
  <si>
    <t>3621767.0</t>
  </si>
  <si>
    <t>58.651</t>
  </si>
  <si>
    <t>13125443.0</t>
  </si>
  <si>
    <t>4792676.0</t>
  </si>
  <si>
    <t>4757300.0</t>
  </si>
  <si>
    <t>3622161.0</t>
  </si>
  <si>
    <t>2115.1</t>
  </si>
  <si>
    <t>359.572742376696</t>
  </si>
  <si>
    <t>13125999.0</t>
  </si>
  <si>
    <t>4792695.0</t>
  </si>
  <si>
    <t>4757349.0</t>
  </si>
  <si>
    <t>3622645.0</t>
  </si>
  <si>
    <t>223.15</t>
  </si>
  <si>
    <t>13126349.0</t>
  </si>
  <si>
    <t>4792718.0</t>
  </si>
  <si>
    <t>4757381.0</t>
  </si>
  <si>
    <t>3622937.0</t>
  </si>
  <si>
    <t>13126912.0</t>
  </si>
  <si>
    <t>4792776.0</t>
  </si>
  <si>
    <t>4757440.0</t>
  </si>
  <si>
    <t>3623384.0</t>
  </si>
  <si>
    <t>13127376.0</t>
  </si>
  <si>
    <t>4792809.0</t>
  </si>
  <si>
    <t>4757499.0</t>
  </si>
  <si>
    <t>3623760.0</t>
  </si>
  <si>
    <t>223.17</t>
  </si>
  <si>
    <t>13127630.0</t>
  </si>
  <si>
    <t>4792827.0</t>
  </si>
  <si>
    <t>4757528.0</t>
  </si>
  <si>
    <t>3623967.0</t>
  </si>
  <si>
    <t>13127698.0</t>
  </si>
  <si>
    <t>4792832.0</t>
  </si>
  <si>
    <t>4757534.0</t>
  </si>
  <si>
    <t>3624024.0</t>
  </si>
  <si>
    <t>13128026.0</t>
  </si>
  <si>
    <t>4792843.0</t>
  </si>
  <si>
    <t>4757563.0</t>
  </si>
  <si>
    <t>3624312.0</t>
  </si>
  <si>
    <t>223.18</t>
  </si>
  <si>
    <t>2136.2</t>
  </si>
  <si>
    <t>363.159799662</t>
  </si>
  <si>
    <t>13128438.0</t>
  </si>
  <si>
    <t>4792870.0</t>
  </si>
  <si>
    <t>4757606.0</t>
  </si>
  <si>
    <t>3624654.0</t>
  </si>
  <si>
    <t>13128683.0</t>
  </si>
  <si>
    <t>4792896.0</t>
  </si>
  <si>
    <t>4757611.0</t>
  </si>
  <si>
    <t>3624846.0</t>
  </si>
  <si>
    <t>13129035.0</t>
  </si>
  <si>
    <t>4792937.0</t>
  </si>
  <si>
    <t>4757673.0</t>
  </si>
  <si>
    <t>3625099.0</t>
  </si>
  <si>
    <t>223.2</t>
  </si>
  <si>
    <t>13129306.0</t>
  </si>
  <si>
    <t>4792971.0</t>
  </si>
  <si>
    <t>4757704.0</t>
  </si>
  <si>
    <t>3625300.0</t>
  </si>
  <si>
    <t>13129457.0</t>
  </si>
  <si>
    <t>4792980.0</t>
  </si>
  <si>
    <t>4757723.0</t>
  </si>
  <si>
    <t>3625423.0</t>
  </si>
  <si>
    <t>13129507.0</t>
  </si>
  <si>
    <t>4792985.0</t>
  </si>
  <si>
    <t>4757730.0</t>
  </si>
  <si>
    <t>3625461.0</t>
  </si>
  <si>
    <t>223.21</t>
  </si>
  <si>
    <t>13129767.0</t>
  </si>
  <si>
    <t>4793011.0</t>
  </si>
  <si>
    <t>4757752.0</t>
  </si>
  <si>
    <t>3625670.0</t>
  </si>
  <si>
    <t>2229.1</t>
  </si>
  <si>
    <t>378.953051880238</t>
  </si>
  <si>
    <t>13130109.0</t>
  </si>
  <si>
    <t>4793032.0</t>
  </si>
  <si>
    <t>4757806.0</t>
  </si>
  <si>
    <t>3625937.0</t>
  </si>
  <si>
    <t>13130309.0</t>
  </si>
  <si>
    <t>4793044.0</t>
  </si>
  <si>
    <t>4757824.0</t>
  </si>
  <si>
    <t>3626099.0</t>
  </si>
  <si>
    <t>13130662.0</t>
  </si>
  <si>
    <t>4793081.0</t>
  </si>
  <si>
    <t>4757869.0</t>
  </si>
  <si>
    <t>3626367.0</t>
  </si>
  <si>
    <t>13130916.0</t>
  </si>
  <si>
    <t>4793105.0</t>
  </si>
  <si>
    <t>4757909.0</t>
  </si>
  <si>
    <t>3626554.0</t>
  </si>
  <si>
    <t>223.23</t>
  </si>
  <si>
    <t>13131042.0</t>
  </si>
  <si>
    <t>4793120.0</t>
  </si>
  <si>
    <t>4757928.0</t>
  </si>
  <si>
    <t>3626646.0</t>
  </si>
  <si>
    <t>13131075.0</t>
  </si>
  <si>
    <t>4793126.0</t>
  </si>
  <si>
    <t>4757931.0</t>
  </si>
  <si>
    <t>3626670.0</t>
  </si>
  <si>
    <t>13131299.0</t>
  </si>
  <si>
    <t>4793144.0</t>
  </si>
  <si>
    <t>4757957.0</t>
  </si>
  <si>
    <t>3626846.0</t>
  </si>
  <si>
    <t>2267.8</t>
  </si>
  <si>
    <t>385.532156948546</t>
  </si>
  <si>
    <t>13131533.0</t>
  </si>
  <si>
    <t>4793163.0</t>
  </si>
  <si>
    <t>4757962.0</t>
  </si>
  <si>
    <t>3627024.0</t>
  </si>
  <si>
    <t>13131724.0</t>
  </si>
  <si>
    <t>4793181.0</t>
  </si>
  <si>
    <t>4757985.0</t>
  </si>
  <si>
    <t>3627174.0</t>
  </si>
  <si>
    <t>13132000.0</t>
  </si>
  <si>
    <t>4793203.0</t>
  </si>
  <si>
    <t>4758023.0</t>
  </si>
  <si>
    <t>3627377.0</t>
  </si>
  <si>
    <t>74.121</t>
  </si>
  <si>
    <t>13132195.0</t>
  </si>
  <si>
    <t>4793218.0</t>
  </si>
  <si>
    <t>4758056.0</t>
  </si>
  <si>
    <t>3627526.0</t>
  </si>
  <si>
    <t>13132397.0</t>
  </si>
  <si>
    <t>4793241.0</t>
  </si>
  <si>
    <t>4758108.0</t>
  </si>
  <si>
    <t>3627653.0</t>
  </si>
  <si>
    <t>13132431.0</t>
  </si>
  <si>
    <t>4793243.0</t>
  </si>
  <si>
    <t>4758113.0</t>
  </si>
  <si>
    <t>3627680.0</t>
  </si>
  <si>
    <t>13132598.0</t>
  </si>
  <si>
    <t>4793258.0</t>
  </si>
  <si>
    <t>4758139.0</t>
  </si>
  <si>
    <t>3627802.0</t>
  </si>
  <si>
    <t>223.26</t>
  </si>
  <si>
    <t>2343.9</t>
  </si>
  <si>
    <t>398.469363555736</t>
  </si>
  <si>
    <t>13132838.0</t>
  </si>
  <si>
    <t>4793285.0</t>
  </si>
  <si>
    <t>4758172.0</t>
  </si>
  <si>
    <t>3627973.0</t>
  </si>
  <si>
    <t>13133014.0</t>
  </si>
  <si>
    <t>4793307.0</t>
  </si>
  <si>
    <t>4758209.0</t>
  </si>
  <si>
    <t>3628088.0</t>
  </si>
  <si>
    <t>13133301.0</t>
  </si>
  <si>
    <t>4793336.0</t>
  </si>
  <si>
    <t>4758261.0</t>
  </si>
  <si>
    <t>3628294.0</t>
  </si>
  <si>
    <t>223.27</t>
  </si>
  <si>
    <t>13133513.0</t>
  </si>
  <si>
    <t>4793362.0</t>
  </si>
  <si>
    <t>4758291.0</t>
  </si>
  <si>
    <t>3628442.0</t>
  </si>
  <si>
    <t>13133649.0</t>
  </si>
  <si>
    <t>4793374.0</t>
  </si>
  <si>
    <t>4758312.0</t>
  </si>
  <si>
    <t>3628545.0</t>
  </si>
  <si>
    <t>13133681.0</t>
  </si>
  <si>
    <t>4793375.0</t>
  </si>
  <si>
    <t>4758316.0</t>
  </si>
  <si>
    <t>3628572.0</t>
  </si>
  <si>
    <t>13133835.0</t>
  </si>
  <si>
    <t>4793396.0</t>
  </si>
  <si>
    <t>4758345.0</t>
  </si>
  <si>
    <t>3628676.0</t>
  </si>
  <si>
    <t>2410.4</t>
  </si>
  <si>
    <t>409.774544099469</t>
  </si>
  <si>
    <t>13133995.0</t>
  </si>
  <si>
    <t>4793410.0</t>
  </si>
  <si>
    <t>4758370.0</t>
  </si>
  <si>
    <t>3628801.0</t>
  </si>
  <si>
    <t>13134105.0</t>
  </si>
  <si>
    <t>4793422.0</t>
  </si>
  <si>
    <t>4758381.0</t>
  </si>
  <si>
    <t>3628877.0</t>
  </si>
  <si>
    <t>13134323.0</t>
  </si>
  <si>
    <t>4793451.0</t>
  </si>
  <si>
    <t>4758428.0</t>
  </si>
  <si>
    <t>3629022.0</t>
  </si>
  <si>
    <t>13134508.0</t>
  </si>
  <si>
    <t>4793474.0</t>
  </si>
  <si>
    <t>4758464.0</t>
  </si>
  <si>
    <t>3629148.0</t>
  </si>
  <si>
    <t>13134627.0</t>
  </si>
  <si>
    <t>4793489.0</t>
  </si>
  <si>
    <t>4758486.0</t>
  </si>
  <si>
    <t>3629230.0</t>
  </si>
  <si>
    <t>13134640.0</t>
  </si>
  <si>
    <t>4793490.0</t>
  </si>
  <si>
    <t>4758492.0</t>
  </si>
  <si>
    <t>3629236.0</t>
  </si>
  <si>
    <t>13134780.0</t>
  </si>
  <si>
    <t>4793506.0</t>
  </si>
  <si>
    <t>4758500.0</t>
  </si>
  <si>
    <t>3629328.0</t>
  </si>
  <si>
    <t>2565.1</t>
  </si>
  <si>
    <t>436.073964101207</t>
  </si>
  <si>
    <t>13134994.0</t>
  </si>
  <si>
    <t>4793531.0</t>
  </si>
  <si>
    <t>4758514.0</t>
  </si>
  <si>
    <t>3629494.0</t>
  </si>
  <si>
    <t>223.3</t>
  </si>
  <si>
    <t>13135121.0</t>
  </si>
  <si>
    <t>4793545.0</t>
  </si>
  <si>
    <t>4758523.0</t>
  </si>
  <si>
    <t>3629591.0</t>
  </si>
  <si>
    <t>13135340.0</t>
  </si>
  <si>
    <t>4793567.0</t>
  </si>
  <si>
    <t>4758568.0</t>
  </si>
  <si>
    <t>3629744.0</t>
  </si>
  <si>
    <t>13135501.0</t>
  </si>
  <si>
    <t>4793590.0</t>
  </si>
  <si>
    <t>4758594.0</t>
  </si>
  <si>
    <t>3629853.0</t>
  </si>
  <si>
    <t>223.31</t>
  </si>
  <si>
    <t>13135622.0</t>
  </si>
  <si>
    <t>4793606.0</t>
  </si>
  <si>
    <t>4758612.0</t>
  </si>
  <si>
    <t>3629940.0</t>
  </si>
  <si>
    <t>13135662.0</t>
  </si>
  <si>
    <t>4793609.0</t>
  </si>
  <si>
    <t>4758618.0</t>
  </si>
  <si>
    <t>3629971.0</t>
  </si>
  <si>
    <t>13135795.0</t>
  </si>
  <si>
    <t>4758649.0</t>
  </si>
  <si>
    <t>3630057.0</t>
  </si>
  <si>
    <t>2663.8</t>
  </si>
  <si>
    <t>452.853232066116</t>
  </si>
  <si>
    <t>13135972.0</t>
  </si>
  <si>
    <t>4793640.0</t>
  </si>
  <si>
    <t>4758662.0</t>
  </si>
  <si>
    <t>3630192.0</t>
  </si>
  <si>
    <t>223.32</t>
  </si>
  <si>
    <t>13136089.0</t>
  </si>
  <si>
    <t>4793659.0</t>
  </si>
  <si>
    <t>4758680.0</t>
  </si>
  <si>
    <t>3630267.0</t>
  </si>
  <si>
    <t>13136280.0</t>
  </si>
  <si>
    <t>4793682.0</t>
  </si>
  <si>
    <t>4758700.0</t>
  </si>
  <si>
    <t>3630401.0</t>
  </si>
  <si>
    <t>13136397.0</t>
  </si>
  <si>
    <t>4793700.0</t>
  </si>
  <si>
    <t>4758717.0</t>
  </si>
  <si>
    <t>3630483.0</t>
  </si>
  <si>
    <t>13136489.0</t>
  </si>
  <si>
    <t>4793709.0</t>
  </si>
  <si>
    <t>4758732.0</t>
  </si>
  <si>
    <t>3630551.0</t>
  </si>
  <si>
    <t>13136536.0</t>
  </si>
  <si>
    <t>4793716.0</t>
  </si>
  <si>
    <t>4758736.0</t>
  </si>
  <si>
    <t>3630587.0</t>
  </si>
  <si>
    <t>13136705.0</t>
  </si>
  <si>
    <t>4793735.0</t>
  </si>
  <si>
    <t>4758744.0</t>
  </si>
  <si>
    <t>3630702.0</t>
  </si>
  <si>
    <t>2665.7</t>
  </si>
  <si>
    <t>453.176237224508</t>
  </si>
  <si>
    <t>13136895.0</t>
  </si>
  <si>
    <t>4793759.0</t>
  </si>
  <si>
    <t>4758767.0</t>
  </si>
  <si>
    <t>3630845.0</t>
  </si>
  <si>
    <t>13137009.0</t>
  </si>
  <si>
    <t>4793770.0</t>
  </si>
  <si>
    <t>4758784.0</t>
  </si>
  <si>
    <t>3630931.0</t>
  </si>
  <si>
    <t>13137198.0</t>
  </si>
  <si>
    <t>4793793.0</t>
  </si>
  <si>
    <t>4758787.0</t>
  </si>
  <si>
    <t>3631067.0</t>
  </si>
  <si>
    <t>13137343.0</t>
  </si>
  <si>
    <t>4793814.0</t>
  </si>
  <si>
    <t>4758810.0</t>
  </si>
  <si>
    <t>3631168.0</t>
  </si>
  <si>
    <t>13137443.0</t>
  </si>
  <si>
    <t>4793828.0</t>
  </si>
  <si>
    <t>4758820.0</t>
  </si>
  <si>
    <t>3631245.0</t>
  </si>
  <si>
    <t>13137482.0</t>
  </si>
  <si>
    <t>4793835.0</t>
  </si>
  <si>
    <t>4758824.0</t>
  </si>
  <si>
    <t>3631273.0</t>
  </si>
  <si>
    <t>13137639.0</t>
  </si>
  <si>
    <t>4793844.0</t>
  </si>
  <si>
    <t>4758840.0</t>
  </si>
  <si>
    <t>3631403.0</t>
  </si>
  <si>
    <t>2725.6</t>
  </si>
  <si>
    <t>463.359399849615</t>
  </si>
  <si>
    <t>13137796.0</t>
  </si>
  <si>
    <t>4793880.0</t>
  </si>
  <si>
    <t>4758863.0</t>
  </si>
  <si>
    <t>3631501.0</t>
  </si>
  <si>
    <t>13137871.0</t>
  </si>
  <si>
    <t>4793893.0</t>
  </si>
  <si>
    <t>4758876.0</t>
  </si>
  <si>
    <t>3631550.0</t>
  </si>
  <si>
    <t>13137983.0</t>
  </si>
  <si>
    <t>4793912.0</t>
  </si>
  <si>
    <t>4758895.0</t>
  </si>
  <si>
    <t>3631624.0</t>
  </si>
  <si>
    <t>13138286.0</t>
  </si>
  <si>
    <t>4793942.0</t>
  </si>
  <si>
    <t>4758910.0</t>
  </si>
  <si>
    <t>3631864.0</t>
  </si>
  <si>
    <t>13138563.0</t>
  </si>
  <si>
    <t>4793969.0</t>
  </si>
  <si>
    <t>4758925.0</t>
  </si>
  <si>
    <t>3632099.0</t>
  </si>
  <si>
    <t>223.36</t>
  </si>
  <si>
    <t>13138604.0</t>
  </si>
  <si>
    <t>4793972.0</t>
  </si>
  <si>
    <t>4758930.0</t>
  </si>
  <si>
    <t>3632132.0</t>
  </si>
  <si>
    <t>13138692.0</t>
  </si>
  <si>
    <t>4793982.0</t>
  </si>
  <si>
    <t>3632207.0</t>
  </si>
  <si>
    <t>2727.3</t>
  </si>
  <si>
    <t>463.648404465019</t>
  </si>
  <si>
    <t>13139042.0</t>
  </si>
  <si>
    <t>4794023.0</t>
  </si>
  <si>
    <t>4758954.0</t>
  </si>
  <si>
    <t>3632495.0</t>
  </si>
  <si>
    <t>223.37</t>
  </si>
  <si>
    <t>13139403.0</t>
  </si>
  <si>
    <t>4794045.0</t>
  </si>
  <si>
    <t>4758965.0</t>
  </si>
  <si>
    <t>3632812.0</t>
  </si>
  <si>
    <t>63.921</t>
  </si>
  <si>
    <t>13139797.0</t>
  </si>
  <si>
    <t>4794083.0</t>
  </si>
  <si>
    <t>4758987.0</t>
  </si>
  <si>
    <t>3633135.0</t>
  </si>
  <si>
    <t>13140183.0</t>
  </si>
  <si>
    <t>4794112.0</t>
  </si>
  <si>
    <t>4759020.0</t>
  </si>
  <si>
    <t>3633456.0</t>
  </si>
  <si>
    <t>61.77</t>
  </si>
  <si>
    <t>13140445.0</t>
  </si>
  <si>
    <t>4794129.0</t>
  </si>
  <si>
    <t>4759041.0</t>
  </si>
  <si>
    <t>3633680.0</t>
  </si>
  <si>
    <t>13140490.0</t>
  </si>
  <si>
    <t>4794131.0</t>
  </si>
  <si>
    <t>4759042.0</t>
  </si>
  <si>
    <t>3633722.0</t>
  </si>
  <si>
    <t>13140597.0</t>
  </si>
  <si>
    <t>4794137.0</t>
  </si>
  <si>
    <t>4759047.0</t>
  </si>
  <si>
    <t>3633811.0</t>
  </si>
  <si>
    <t>466.487449804573</t>
  </si>
  <si>
    <t>13140948.0</t>
  </si>
  <si>
    <t>4794156.0</t>
  </si>
  <si>
    <t>4759062.0</t>
  </si>
  <si>
    <t>3634116.0</t>
  </si>
  <si>
    <t>13141259.0</t>
  </si>
  <si>
    <t>4794177.0</t>
  </si>
  <si>
    <t>4759071.0</t>
  </si>
  <si>
    <t>3634399.0</t>
  </si>
  <si>
    <t>13141658.0</t>
  </si>
  <si>
    <t>4794209.0</t>
  </si>
  <si>
    <t>4759101.0</t>
  </si>
  <si>
    <t>3634735.0</t>
  </si>
  <si>
    <t>223.41</t>
  </si>
  <si>
    <t>13142052.0</t>
  </si>
  <si>
    <t>4794239.0</t>
  </si>
  <si>
    <t>4759132.0</t>
  </si>
  <si>
    <t>3635065.0</t>
  </si>
  <si>
    <t>61.8</t>
  </si>
  <si>
    <t>13142282.0</t>
  </si>
  <si>
    <t>4794259.0</t>
  </si>
  <si>
    <t>4759146.0</t>
  </si>
  <si>
    <t>3635261.0</t>
  </si>
  <si>
    <t>13142440.0</t>
  </si>
  <si>
    <t>4794267.0</t>
  </si>
  <si>
    <t>4759152.0</t>
  </si>
  <si>
    <t>3635405.0</t>
  </si>
  <si>
    <t>13142548.0</t>
  </si>
  <si>
    <t>4794271.0</t>
  </si>
  <si>
    <t>4759159.0</t>
  </si>
  <si>
    <t>3635504.0</t>
  </si>
  <si>
    <t>2812.9</t>
  </si>
  <si>
    <t>478.200636864171</t>
  </si>
  <si>
    <t>13143294.0</t>
  </si>
  <si>
    <t>4794303.0</t>
  </si>
  <si>
    <t>4759180.0</t>
  </si>
  <si>
    <t>3636191.0</t>
  </si>
  <si>
    <t>223.44</t>
  </si>
  <si>
    <t>13144037.0</t>
  </si>
  <si>
    <t>4794344.0</t>
  </si>
  <si>
    <t>4759190.0</t>
  </si>
  <si>
    <t>3636866.0</t>
  </si>
  <si>
    <t>105.402</t>
  </si>
  <si>
    <t>13144786.0</t>
  </si>
  <si>
    <t>4794387.0</t>
  </si>
  <si>
    <t>4759211.0</t>
  </si>
  <si>
    <t>3637548.0</t>
  </si>
  <si>
    <t>223.46</t>
  </si>
  <si>
    <t>13145437.0</t>
  </si>
  <si>
    <t>4794422.0</t>
  </si>
  <si>
    <t>4759230.0</t>
  </si>
  <si>
    <t>3638147.0</t>
  </si>
  <si>
    <t>13145998.0</t>
  </si>
  <si>
    <t>4794462.0</t>
  </si>
  <si>
    <t>4759254.0</t>
  </si>
  <si>
    <t>3638644.0</t>
  </si>
  <si>
    <t>13146169.0</t>
  </si>
  <si>
    <t>4794475.0</t>
  </si>
  <si>
    <t>4759257.0</t>
  </si>
  <si>
    <t>3638799.0</t>
  </si>
  <si>
    <t>13146328.0</t>
  </si>
  <si>
    <t>4794484.0</t>
  </si>
  <si>
    <t>4759263.0</t>
  </si>
  <si>
    <t>3638944.0</t>
  </si>
  <si>
    <t>2930.4</t>
  </si>
  <si>
    <t>498.175955870015</t>
  </si>
  <si>
    <t>13146956.0</t>
  </si>
  <si>
    <t>4794517.0</t>
  </si>
  <si>
    <t>4759276.0</t>
  </si>
  <si>
    <t>3639515.0</t>
  </si>
  <si>
    <t>223.5</t>
  </si>
  <si>
    <t>13147644.0</t>
  </si>
  <si>
    <t>4794542.0</t>
  </si>
  <si>
    <t>4759304.0</t>
  </si>
  <si>
    <t>3640150.0</t>
  </si>
  <si>
    <t>13148459.0</t>
  </si>
  <si>
    <t>4794575.0</t>
  </si>
  <si>
    <t>4759339.0</t>
  </si>
  <si>
    <t>3640896.0</t>
  </si>
  <si>
    <t>223.53</t>
  </si>
  <si>
    <t>13149192.0</t>
  </si>
  <si>
    <t>4794605.0</t>
  </si>
  <si>
    <t>4759366.0</t>
  </si>
  <si>
    <t>3641573.0</t>
  </si>
  <si>
    <t>223.54</t>
  </si>
  <si>
    <t>13149751.0</t>
  </si>
  <si>
    <t>4794633.0</t>
  </si>
  <si>
    <t>4759392.0</t>
  </si>
  <si>
    <t>3642078.0</t>
  </si>
  <si>
    <t>223.55</t>
  </si>
  <si>
    <t>13149956.0</t>
  </si>
  <si>
    <t>4794638.0</t>
  </si>
  <si>
    <t>4759404.0</t>
  </si>
  <si>
    <t>3642266.0</t>
  </si>
  <si>
    <t>85.171</t>
  </si>
  <si>
    <t>13150088.0</t>
  </si>
  <si>
    <t>4794646.0</t>
  </si>
  <si>
    <t>4759410.0</t>
  </si>
  <si>
    <t>3642384.0</t>
  </si>
  <si>
    <t>223.56</t>
  </si>
  <si>
    <t>2973.5</t>
  </si>
  <si>
    <t>505.503072884074</t>
  </si>
  <si>
    <t>13150551.0</t>
  </si>
  <si>
    <t>4794679.0</t>
  </si>
  <si>
    <t>4759435.0</t>
  </si>
  <si>
    <t>3642776.0</t>
  </si>
  <si>
    <t>91.291</t>
  </si>
  <si>
    <t>13151032.0</t>
  </si>
  <si>
    <t>4794700.0</t>
  </si>
  <si>
    <t>4759447.0</t>
  </si>
  <si>
    <t>3643219.0</t>
  </si>
  <si>
    <t>223.57</t>
  </si>
  <si>
    <t>13151598.0</t>
  </si>
  <si>
    <t>4794730.0</t>
  </si>
  <si>
    <t>4759476.0</t>
  </si>
  <si>
    <t>3643725.0</t>
  </si>
  <si>
    <t>223.58</t>
  </si>
  <si>
    <t>13152038.0</t>
  </si>
  <si>
    <t>4794745.0</t>
  </si>
  <si>
    <t>4759487.0</t>
  </si>
  <si>
    <t>3644136.0</t>
  </si>
  <si>
    <t>223.59</t>
  </si>
  <si>
    <t>13152465.0</t>
  </si>
  <si>
    <t>4794760.0</t>
  </si>
  <si>
    <t>4759517.0</t>
  </si>
  <si>
    <t>3644518.0</t>
  </si>
  <si>
    <t>223.6</t>
  </si>
  <si>
    <t>13152620.0</t>
  </si>
  <si>
    <t>4794766.0</t>
  </si>
  <si>
    <t>4759526.0</t>
  </si>
  <si>
    <t>3644658.0</t>
  </si>
  <si>
    <t>13152780.0</t>
  </si>
  <si>
    <t>4794774.0</t>
  </si>
  <si>
    <t>4759530.0</t>
  </si>
  <si>
    <t>3644800.0</t>
  </si>
  <si>
    <t>3084.6</t>
  </si>
  <si>
    <t>524.390374514281</t>
  </si>
  <si>
    <t>13153308.0</t>
  </si>
  <si>
    <t>4794800.0</t>
  </si>
  <si>
    <t>4759548.0</t>
  </si>
  <si>
    <t>3645280.0</t>
  </si>
  <si>
    <t>13153911.0</t>
  </si>
  <si>
    <t>4794825.0</t>
  </si>
  <si>
    <t>4759564.0</t>
  </si>
  <si>
    <t>3645837.0</t>
  </si>
  <si>
    <t>96.732</t>
  </si>
  <si>
    <t>13154585.0</t>
  </si>
  <si>
    <t>4794846.0</t>
  </si>
  <si>
    <t>4759607.0</t>
  </si>
  <si>
    <t>3646446.0</t>
  </si>
  <si>
    <t>13155237.0</t>
  </si>
  <si>
    <t>4794867.0</t>
  </si>
  <si>
    <t>4759636.0</t>
  </si>
  <si>
    <t>3647045.0</t>
  </si>
  <si>
    <t>223.64</t>
  </si>
  <si>
    <t>13155734.0</t>
  </si>
  <si>
    <t>4794911.0</t>
  </si>
  <si>
    <t>4759657.0</t>
  </si>
  <si>
    <t>3647477.0</t>
  </si>
  <si>
    <t>223.65</t>
  </si>
  <si>
    <t>13155880.0</t>
  </si>
  <si>
    <t>4794925.0</t>
  </si>
  <si>
    <t>4759673.0</t>
  </si>
  <si>
    <t>3647593.0</t>
  </si>
  <si>
    <t>13155973.0</t>
  </si>
  <si>
    <t>4794931.0</t>
  </si>
  <si>
    <t>4759682.0</t>
  </si>
  <si>
    <t>3647672.0</t>
  </si>
  <si>
    <t>223.66</t>
  </si>
  <si>
    <t>3153.7</t>
  </si>
  <si>
    <t>536.137562116867</t>
  </si>
  <si>
    <t>13156461.0</t>
  </si>
  <si>
    <t>4794962.0</t>
  </si>
  <si>
    <t>4759689.0</t>
  </si>
  <si>
    <t>3648109.0</t>
  </si>
  <si>
    <t>13156886.0</t>
  </si>
  <si>
    <t>4794979.0</t>
  </si>
  <si>
    <t>4759693.0</t>
  </si>
  <si>
    <t>3648501.0</t>
  </si>
  <si>
    <t>13157360.0</t>
  </si>
  <si>
    <t>4795011.0</t>
  </si>
  <si>
    <t>4759707.0</t>
  </si>
  <si>
    <t>3648921.0</t>
  </si>
  <si>
    <t>13157822.0</t>
  </si>
  <si>
    <t>4795030.0</t>
  </si>
  <si>
    <t>4759726.0</t>
  </si>
  <si>
    <t>3649342.0</t>
  </si>
  <si>
    <t>13158174.0</t>
  </si>
  <si>
    <t>4795047.0</t>
  </si>
  <si>
    <t>4759736.0</t>
  </si>
  <si>
    <t>3649667.0</t>
  </si>
  <si>
    <t>13158327.0</t>
  </si>
  <si>
    <t>4795055.0</t>
  </si>
  <si>
    <t>4759745.0</t>
  </si>
  <si>
    <t>3649803.0</t>
  </si>
  <si>
    <t>223.7</t>
  </si>
  <si>
    <t>13158444.0</t>
  </si>
  <si>
    <t>4795065.0</t>
  </si>
  <si>
    <t>4759760.0</t>
  </si>
  <si>
    <t>3649897.0</t>
  </si>
  <si>
    <t>-2.09</t>
  </si>
  <si>
    <t>532.448503202596</t>
  </si>
  <si>
    <t>13158885.0</t>
  </si>
  <si>
    <t>4795103.0</t>
  </si>
  <si>
    <t>4759784.0</t>
  </si>
  <si>
    <t>3650273.0</t>
  </si>
  <si>
    <t>13159339.0</t>
  </si>
  <si>
    <t>4795124.0</t>
  </si>
  <si>
    <t>4759798.0</t>
  </si>
  <si>
    <t>3650688.0</t>
  </si>
  <si>
    <t>223.71</t>
  </si>
  <si>
    <t>13159801.0</t>
  </si>
  <si>
    <t>4795147.0</t>
  </si>
  <si>
    <t>4759824.0</t>
  </si>
  <si>
    <t>3651097.0</t>
  </si>
  <si>
    <t>13160283.0</t>
  </si>
  <si>
    <t>4795164.0</t>
  </si>
  <si>
    <t>4759834.0</t>
  </si>
  <si>
    <t>3651550.0</t>
  </si>
  <si>
    <t>223.73</t>
  </si>
  <si>
    <t>13160633.0</t>
  </si>
  <si>
    <t>4795179.0</t>
  </si>
  <si>
    <t>4759850.0</t>
  </si>
  <si>
    <t>3651869.0</t>
  </si>
  <si>
    <t>13160737.0</t>
  </si>
  <si>
    <t>4795185.0</t>
  </si>
  <si>
    <t>4759856.0</t>
  </si>
  <si>
    <t>3651961.0</t>
  </si>
  <si>
    <t>223.74</t>
  </si>
  <si>
    <t>13160812.0</t>
  </si>
  <si>
    <t>4795190.0</t>
  </si>
  <si>
    <t>4759864.0</t>
  </si>
  <si>
    <t>3652021.0</t>
  </si>
  <si>
    <t>3174.5</t>
  </si>
  <si>
    <t>539.673618587689</t>
  </si>
  <si>
    <t>13161210.0</t>
  </si>
  <si>
    <t>4795201.0</t>
  </si>
  <si>
    <t>4759879.0</t>
  </si>
  <si>
    <t>3652379.0</t>
  </si>
  <si>
    <t>13161577.0</t>
  </si>
  <si>
    <t>4795222.0</t>
  </si>
  <si>
    <t>4759903.0</t>
  </si>
  <si>
    <t>3652694.0</t>
  </si>
  <si>
    <t>13161960.0</t>
  </si>
  <si>
    <t>4795243.0</t>
  </si>
  <si>
    <t>4759920.0</t>
  </si>
  <si>
    <t>3653039.0</t>
  </si>
  <si>
    <t>223.76</t>
  </si>
  <si>
    <t>13162272.0</t>
  </si>
  <si>
    <t>4795260.0</t>
  </si>
  <si>
    <t>4759932.0</t>
  </si>
  <si>
    <t>3653322.0</t>
  </si>
  <si>
    <t>13162555.0</t>
  </si>
  <si>
    <t>4795269.0</t>
  </si>
  <si>
    <t>4759958.0</t>
  </si>
  <si>
    <t>3653570.0</t>
  </si>
  <si>
    <t>13162625.0</t>
  </si>
  <si>
    <t>4795273.0</t>
  </si>
  <si>
    <t>4759963.0</t>
  </si>
  <si>
    <t>3653631.0</t>
  </si>
  <si>
    <t>13162676.0</t>
  </si>
  <si>
    <t>4795277.0</t>
  </si>
  <si>
    <t>4759975.0</t>
  </si>
  <si>
    <t>3653668.0</t>
  </si>
  <si>
    <t>3167.2</t>
  </si>
  <si>
    <t>538.432598768602</t>
  </si>
  <si>
    <t>13162979.0</t>
  </si>
  <si>
    <t>4795289.0</t>
  </si>
  <si>
    <t>4759997.0</t>
  </si>
  <si>
    <t>3653937.0</t>
  </si>
  <si>
    <t>13163250.0</t>
  </si>
  <si>
    <t>4795322.0</t>
  </si>
  <si>
    <t>3654158.0</t>
  </si>
  <si>
    <t>223.78</t>
  </si>
  <si>
    <t>13163539.0</t>
  </si>
  <si>
    <t>4795340.0</t>
  </si>
  <si>
    <t>4760003.0</t>
  </si>
  <si>
    <t>3654410.0</t>
  </si>
  <si>
    <t>13163781.0</t>
  </si>
  <si>
    <t>4795362.0</t>
  </si>
  <si>
    <t>4760018.0</t>
  </si>
  <si>
    <t>3654615.0</t>
  </si>
  <si>
    <t>13164036.0</t>
  </si>
  <si>
    <t>4795389.0</t>
  </si>
  <si>
    <t>4760037.0</t>
  </si>
  <si>
    <t>3654824.0</t>
  </si>
  <si>
    <t>13164082.0</t>
  </si>
  <si>
    <t>4795396.0</t>
  </si>
  <si>
    <t>4760044.0</t>
  </si>
  <si>
    <t>3654856.0</t>
  </si>
  <si>
    <t>51.001</t>
  </si>
  <si>
    <t>13164116.0</t>
  </si>
  <si>
    <t>4795397.0</t>
  </si>
  <si>
    <t>4760045.0</t>
  </si>
  <si>
    <t>3654883.0</t>
  </si>
  <si>
    <t>3238.9</t>
  </si>
  <si>
    <t>550.621793430041</t>
  </si>
  <si>
    <t>13164394.0</t>
  </si>
  <si>
    <t>4795416.0</t>
  </si>
  <si>
    <t>4760077.0</t>
  </si>
  <si>
    <t>3655104.0</t>
  </si>
  <si>
    <t>13164645.0</t>
  </si>
  <si>
    <t>4795428.0</t>
  </si>
  <si>
    <t>4760101.0</t>
  </si>
  <si>
    <t>3655322.0</t>
  </si>
  <si>
    <t>13164920.0</t>
  </si>
  <si>
    <t>4795448.0</t>
  </si>
  <si>
    <t>4760124.0</t>
  </si>
  <si>
    <t>3655546.0</t>
  </si>
  <si>
    <t>13165126.0</t>
  </si>
  <si>
    <t>4795460.0</t>
  </si>
  <si>
    <t>4760130.0</t>
  </si>
  <si>
    <t>3655729.0</t>
  </si>
  <si>
    <t>13165255.0</t>
  </si>
  <si>
    <t>4795469.0</t>
  </si>
  <si>
    <t>4760136.0</t>
  </si>
  <si>
    <t>3655843.0</t>
  </si>
  <si>
    <t>13165303.0</t>
  </si>
  <si>
    <t>4795479.0</t>
  </si>
  <si>
    <t>4760142.0</t>
  </si>
  <si>
    <t>3655875.0</t>
  </si>
  <si>
    <t>13165358.0</t>
  </si>
  <si>
    <t>4795484.0</t>
  </si>
  <si>
    <t>4760146.0</t>
  </si>
  <si>
    <t>3655921.0</t>
  </si>
  <si>
    <t>563.0489918924</t>
  </si>
  <si>
    <t>13165587.0</t>
  </si>
  <si>
    <t>4795498.0</t>
  </si>
  <si>
    <t>4760153.0</t>
  </si>
  <si>
    <t>3656117.0</t>
  </si>
  <si>
    <t>223.82</t>
  </si>
  <si>
    <t>13165804.0</t>
  </si>
  <si>
    <t>4795509.0</t>
  </si>
  <si>
    <t>4760167.0</t>
  </si>
  <si>
    <t>3656309.0</t>
  </si>
  <si>
    <t>13166022.0</t>
  </si>
  <si>
    <t>4795525.0</t>
  </si>
  <si>
    <t>4760181.0</t>
  </si>
  <si>
    <t>3656494.0</t>
  </si>
  <si>
    <t>223.83</t>
  </si>
  <si>
    <t>13166216.0</t>
  </si>
  <si>
    <t>4795530.0</t>
  </si>
  <si>
    <t>3656670.0</t>
  </si>
  <si>
    <t>13166328.0</t>
  </si>
  <si>
    <t>4795538.0</t>
  </si>
  <si>
    <t>4760190.0</t>
  </si>
  <si>
    <t>3656770.0</t>
  </si>
  <si>
    <t>13166368.0</t>
  </si>
  <si>
    <t>4795542.0</t>
  </si>
  <si>
    <t>4760192.0</t>
  </si>
  <si>
    <t>3656804.0</t>
  </si>
  <si>
    <t>13166408.0</t>
  </si>
  <si>
    <t>4795547.0</t>
  </si>
  <si>
    <t>4760196.0</t>
  </si>
  <si>
    <t>3656830.0</t>
  </si>
  <si>
    <t>3375.1</t>
  </si>
  <si>
    <t>573.776163205326</t>
  </si>
  <si>
    <t>13166615.0</t>
  </si>
  <si>
    <t>4795559.0</t>
  </si>
  <si>
    <t>4760207.0</t>
  </si>
  <si>
    <t>3657006.0</t>
  </si>
  <si>
    <t>223.84</t>
  </si>
  <si>
    <t>13166766.0</t>
  </si>
  <si>
    <t>4795569.0</t>
  </si>
  <si>
    <t>4760216.0</t>
  </si>
  <si>
    <t>3657135.0</t>
  </si>
  <si>
    <t>69.531</t>
  </si>
  <si>
    <t>13166946.0</t>
  </si>
  <si>
    <t>4795581.0</t>
  </si>
  <si>
    <t>4760224.0</t>
  </si>
  <si>
    <t>3657293.0</t>
  </si>
  <si>
    <t>13167135.0</t>
  </si>
  <si>
    <t>4795598.0</t>
  </si>
  <si>
    <t>4760244.0</t>
  </si>
  <si>
    <t>3657445.0</t>
  </si>
  <si>
    <t>13167237.0</t>
  </si>
  <si>
    <t>4795606.0</t>
  </si>
  <si>
    <t>4760252.0</t>
  </si>
  <si>
    <t>3657531.0</t>
  </si>
  <si>
    <t>223.85</t>
  </si>
  <si>
    <t>75.651</t>
  </si>
  <si>
    <t>13167268.0</t>
  </si>
  <si>
    <t>4795612.0</t>
  </si>
  <si>
    <t>4760255.0</t>
  </si>
  <si>
    <t>3657553.0</t>
  </si>
  <si>
    <t>13167329.0</t>
  </si>
  <si>
    <t>4795621.0</t>
  </si>
  <si>
    <t>4760262.0</t>
  </si>
  <si>
    <t>3657598.0</t>
  </si>
  <si>
    <t>13167490.0</t>
  </si>
  <si>
    <t>4795633.0</t>
  </si>
  <si>
    <t>3657724.0</t>
  </si>
  <si>
    <t>13167611.0</t>
  </si>
  <si>
    <t>4795644.0</t>
  </si>
  <si>
    <t>4760277.0</t>
  </si>
  <si>
    <t>3657829.0</t>
  </si>
  <si>
    <t>13167761.0</t>
  </si>
  <si>
    <t>4795652.0</t>
  </si>
  <si>
    <t>4760290.0</t>
  </si>
  <si>
    <t>3657954.0</t>
  </si>
  <si>
    <t>223.86</t>
  </si>
  <si>
    <t>13167854.0</t>
  </si>
  <si>
    <t>4795663.0</t>
  </si>
  <si>
    <t>4760300.0</t>
  </si>
  <si>
    <t>3658021.0</t>
  </si>
  <si>
    <t>13167904.0</t>
  </si>
  <si>
    <t>4795666.0</t>
  </si>
  <si>
    <t>3658059.0</t>
  </si>
  <si>
    <t>13167909.0</t>
  </si>
  <si>
    <t>4795667.0</t>
  </si>
  <si>
    <t>3658062.0</t>
  </si>
  <si>
    <t>13167911.0</t>
  </si>
  <si>
    <t>4795668.0</t>
  </si>
  <si>
    <t>4760303.0</t>
  </si>
  <si>
    <t>3658063.0</t>
  </si>
  <si>
    <t>13168001.0</t>
  </si>
  <si>
    <t>4795676.0</t>
  </si>
  <si>
    <t>3658135.0</t>
  </si>
  <si>
    <t>13168096.0</t>
  </si>
  <si>
    <t>4795685.0</t>
  </si>
  <si>
    <t>3658210.0</t>
  </si>
  <si>
    <t>13168195.0</t>
  </si>
  <si>
    <t>4795692.0</t>
  </si>
  <si>
    <t>3658291.0</t>
  </si>
  <si>
    <t>13168229.0</t>
  </si>
  <si>
    <t>4795693.0</t>
  </si>
  <si>
    <t>3658320.0</t>
  </si>
  <si>
    <t>13168234.0</t>
  </si>
  <si>
    <t>3658324.0</t>
  </si>
  <si>
    <t>135.492</t>
  </si>
  <si>
    <t>13168336.0</t>
  </si>
  <si>
    <t>4795702.0</t>
  </si>
  <si>
    <t>4760311.0</t>
  </si>
  <si>
    <t>3658406.0</t>
  </si>
  <si>
    <t>13168444.0</t>
  </si>
  <si>
    <t>4795715.0</t>
  </si>
  <si>
    <t>4760314.0</t>
  </si>
  <si>
    <t>3658495.0</t>
  </si>
  <si>
    <t>13168566.0</t>
  </si>
  <si>
    <t>4795731.0</t>
  </si>
  <si>
    <t>4760322.0</t>
  </si>
  <si>
    <t>3658587.0</t>
  </si>
  <si>
    <t>DJI</t>
  </si>
  <si>
    <t>Djibouti</t>
  </si>
  <si>
    <t>12547.0</t>
  </si>
  <si>
    <t>26796.0</t>
  </si>
  <si>
    <t>31528.0</t>
  </si>
  <si>
    <t>50509.0</t>
  </si>
  <si>
    <t>53064.0</t>
  </si>
  <si>
    <t>32548.0</t>
  </si>
  <si>
    <t>20516.0</t>
  </si>
  <si>
    <t>33388.0</t>
  </si>
  <si>
    <t>20841.0</t>
  </si>
  <si>
    <t>58245.0</t>
  </si>
  <si>
    <t>35396.0</t>
  </si>
  <si>
    <t>36344.0</t>
  </si>
  <si>
    <t>64721.0</t>
  </si>
  <si>
    <t>38634.0</t>
  </si>
  <si>
    <t>26087.0</t>
  </si>
  <si>
    <t>123566.0</t>
  </si>
  <si>
    <t>83655.0</t>
  </si>
  <si>
    <t>147166.0</t>
  </si>
  <si>
    <t>126874.0</t>
  </si>
  <si>
    <t>86946.0</t>
  </si>
  <si>
    <t>150755.0</t>
  </si>
  <si>
    <t>130425.0</t>
  </si>
  <si>
    <t>90458.0</t>
  </si>
  <si>
    <t>151713.0</t>
  </si>
  <si>
    <t>131370.0</t>
  </si>
  <si>
    <t>91410.0</t>
  </si>
  <si>
    <t>278820.0</t>
  </si>
  <si>
    <t>252.199</t>
  </si>
  <si>
    <t>155741.0</t>
  </si>
  <si>
    <t>135347.0</t>
  </si>
  <si>
    <t>95364.0</t>
  </si>
  <si>
    <t>279585.0</t>
  </si>
  <si>
    <t>252.891</t>
  </si>
  <si>
    <t>280478.0</t>
  </si>
  <si>
    <t>253.698</t>
  </si>
  <si>
    <t>334.2</t>
  </si>
  <si>
    <t>282005.0</t>
  </si>
  <si>
    <t>255.08</t>
  </si>
  <si>
    <t>158306.0</t>
  </si>
  <si>
    <t>137888.0</t>
  </si>
  <si>
    <t>97891.0</t>
  </si>
  <si>
    <t>283058.0</t>
  </si>
  <si>
    <t>256.032</t>
  </si>
  <si>
    <t>397.2</t>
  </si>
  <si>
    <t>284143.0</t>
  </si>
  <si>
    <t>257.013</t>
  </si>
  <si>
    <t>526.3</t>
  </si>
  <si>
    <t>160742.0</t>
  </si>
  <si>
    <t>140287.0</t>
  </si>
  <si>
    <t>257.304</t>
  </si>
  <si>
    <t>593.8</t>
  </si>
  <si>
    <t>554.6</t>
  </si>
  <si>
    <t>512.6</t>
  </si>
  <si>
    <t>285412.0</t>
  </si>
  <si>
    <t>258.161</t>
  </si>
  <si>
    <t>588.4</t>
  </si>
  <si>
    <t>546.4</t>
  </si>
  <si>
    <t>285800.0</t>
  </si>
  <si>
    <t>258.512</t>
  </si>
  <si>
    <t>286712.0</t>
  </si>
  <si>
    <t>259.337</t>
  </si>
  <si>
    <t>855.5</t>
  </si>
  <si>
    <t>871.8</t>
  </si>
  <si>
    <t>888.1</t>
  </si>
  <si>
    <t>906.8</t>
  </si>
  <si>
    <t>288558.0</t>
  </si>
  <si>
    <t>261.007</t>
  </si>
  <si>
    <t>196.9</t>
  </si>
  <si>
    <t>289377.0</t>
  </si>
  <si>
    <t>261.748</t>
  </si>
  <si>
    <t>164197.0</t>
  </si>
  <si>
    <t>143706.0</t>
  </si>
  <si>
    <t>103693.0</t>
  </si>
  <si>
    <t>361.3</t>
  </si>
  <si>
    <t>368.3</t>
  </si>
  <si>
    <t>328.9</t>
  </si>
  <si>
    <t>292778.0</t>
  </si>
  <si>
    <t>371.8</t>
  </si>
  <si>
    <t>145050.0</t>
  </si>
  <si>
    <t>105020.0</t>
  </si>
  <si>
    <t>469.1</t>
  </si>
  <si>
    <t>294258.0</t>
  </si>
  <si>
    <t>266.163</t>
  </si>
  <si>
    <t>344.7</t>
  </si>
  <si>
    <t>296053.0</t>
  </si>
  <si>
    <t>267.786</t>
  </si>
  <si>
    <t>297955.0</t>
  </si>
  <si>
    <t>269.507</t>
  </si>
  <si>
    <t>384.1</t>
  </si>
  <si>
    <t>290.4</t>
  </si>
  <si>
    <t>170319.0</t>
  </si>
  <si>
    <t>149789.0</t>
  </si>
  <si>
    <t>109762.0</t>
  </si>
  <si>
    <t>546.2</t>
  </si>
  <si>
    <t>388.6</t>
  </si>
  <si>
    <t>299614.0</t>
  </si>
  <si>
    <t>271.007</t>
  </si>
  <si>
    <t>355.9</t>
  </si>
  <si>
    <t>324.4</t>
  </si>
  <si>
    <t>325.6</t>
  </si>
  <si>
    <t>172366.0</t>
  </si>
  <si>
    <t>151828.0</t>
  </si>
  <si>
    <t>111798.0</t>
  </si>
  <si>
    <t>300468.0</t>
  </si>
  <si>
    <t>271.78</t>
  </si>
  <si>
    <t>490.4</t>
  </si>
  <si>
    <t>364.1</t>
  </si>
  <si>
    <t>276.7</t>
  </si>
  <si>
    <t>301567.0</t>
  </si>
  <si>
    <t>272.774</t>
  </si>
  <si>
    <t>174640.0</t>
  </si>
  <si>
    <t>154093.0</t>
  </si>
  <si>
    <t>114051.0</t>
  </si>
  <si>
    <t>405.6</t>
  </si>
  <si>
    <t>303924.0</t>
  </si>
  <si>
    <t>274.906</t>
  </si>
  <si>
    <t>176908.0</t>
  </si>
  <si>
    <t>156352.0</t>
  </si>
  <si>
    <t>116303.0</t>
  </si>
  <si>
    <t>203.6</t>
  </si>
  <si>
    <t>195.5</t>
  </si>
  <si>
    <t>305941.0</t>
  </si>
  <si>
    <t>276.73</t>
  </si>
  <si>
    <t>100.8</t>
  </si>
  <si>
    <t>179909.0</t>
  </si>
  <si>
    <t>159347.0</t>
  </si>
  <si>
    <t>119296.0</t>
  </si>
  <si>
    <t>181125.0</t>
  </si>
  <si>
    <t>160562.0</t>
  </si>
  <si>
    <t>120510.0</t>
  </si>
  <si>
    <t>185126.0</t>
  </si>
  <si>
    <t>164558.0</t>
  </si>
  <si>
    <t>124502.0</t>
  </si>
  <si>
    <t>307578.0</t>
  </si>
  <si>
    <t>278.211</t>
  </si>
  <si>
    <t>191649.0</t>
  </si>
  <si>
    <t>171077.0</t>
  </si>
  <si>
    <t>131018.0</t>
  </si>
  <si>
    <t>309732.0</t>
  </si>
  <si>
    <t>280.159</t>
  </si>
  <si>
    <t>175939.0</t>
  </si>
  <si>
    <t>135884.0</t>
  </si>
  <si>
    <t>209475.0</t>
  </si>
  <si>
    <t>188889.0</t>
  </si>
  <si>
    <t>148843.0</t>
  </si>
  <si>
    <t>210208.0</t>
  </si>
  <si>
    <t>222387.0</t>
  </si>
  <si>
    <t>201787.0</t>
  </si>
  <si>
    <t>161003.0</t>
  </si>
  <si>
    <t>206074.0</t>
  </si>
  <si>
    <t>165290.0</t>
  </si>
  <si>
    <t>172152.0</t>
  </si>
  <si>
    <t>226829.0</t>
  </si>
  <si>
    <t>206222.0</t>
  </si>
  <si>
    <t>185849.0</t>
  </si>
  <si>
    <t>231653.0</t>
  </si>
  <si>
    <t>211044.0</t>
  </si>
  <si>
    <t>190673.0</t>
  </si>
  <si>
    <t>239315.0</t>
  </si>
  <si>
    <t>218702.0</t>
  </si>
  <si>
    <t>198325.0</t>
  </si>
  <si>
    <t>242916.0</t>
  </si>
  <si>
    <t>222302.0</t>
  </si>
  <si>
    <t>201924.0</t>
  </si>
  <si>
    <t>246459.0</t>
  </si>
  <si>
    <t>225843.0</t>
  </si>
  <si>
    <t>205475.0</t>
  </si>
  <si>
    <t>253257.0</t>
  </si>
  <si>
    <t>232641.0</t>
  </si>
  <si>
    <t>212273.0</t>
  </si>
  <si>
    <t>256545.0</t>
  </si>
  <si>
    <t>235928.0</t>
  </si>
  <si>
    <t>260427.0</t>
  </si>
  <si>
    <t>239808.0</t>
  </si>
  <si>
    <t>219441.0</t>
  </si>
  <si>
    <t>264130.0</t>
  </si>
  <si>
    <t>243511.0</t>
  </si>
  <si>
    <t>223144.0</t>
  </si>
  <si>
    <t>267794.0</t>
  </si>
  <si>
    <t>247171.0</t>
  </si>
  <si>
    <t>226804.0</t>
  </si>
  <si>
    <t>274234.0</t>
  </si>
  <si>
    <t>253611.0</t>
  </si>
  <si>
    <t>233243.0</t>
  </si>
  <si>
    <t>281656.0</t>
  </si>
  <si>
    <t>261033.0</t>
  </si>
  <si>
    <t>240665.0</t>
  </si>
  <si>
    <t>292103.0</t>
  </si>
  <si>
    <t>271480.0</t>
  </si>
  <si>
    <t>251112.0</t>
  </si>
  <si>
    <t>301418.0</t>
  </si>
  <si>
    <t>280795.0</t>
  </si>
  <si>
    <t>310801.0</t>
  </si>
  <si>
    <t>290178.0</t>
  </si>
  <si>
    <t>269810.0</t>
  </si>
  <si>
    <t>319920.0</t>
  </si>
  <si>
    <t>299297.0</t>
  </si>
  <si>
    <t>278929.0</t>
  </si>
  <si>
    <t>329146.0</t>
  </si>
  <si>
    <t>308523.0</t>
  </si>
  <si>
    <t>288155.0</t>
  </si>
  <si>
    <t>338051.0</t>
  </si>
  <si>
    <t>317428.0</t>
  </si>
  <si>
    <t>297060.0</t>
  </si>
  <si>
    <t>DMA</t>
  </si>
  <si>
    <t>Dominica</t>
  </si>
  <si>
    <t>11368.0</t>
  </si>
  <si>
    <t>10198.0</t>
  </si>
  <si>
    <t>12275.0</t>
  </si>
  <si>
    <t>17674.0</t>
  </si>
  <si>
    <t>17948.0</t>
  </si>
  <si>
    <t>28.48</t>
  </si>
  <si>
    <t>23055.0</t>
  </si>
  <si>
    <t>11380.0</t>
  </si>
  <si>
    <t>27821.0</t>
  </si>
  <si>
    <t>12.81</t>
  </si>
  <si>
    <t>18864.0</t>
  </si>
  <si>
    <t>25.93</t>
  </si>
  <si>
    <t>33037.0</t>
  </si>
  <si>
    <t>33949.0</t>
  </si>
  <si>
    <t>19271.0</t>
  </si>
  <si>
    <t>34219.0</t>
  </si>
  <si>
    <t>26.99</t>
  </si>
  <si>
    <t>19733.0</t>
  </si>
  <si>
    <t>23.64</t>
  </si>
  <si>
    <t>37080.0</t>
  </si>
  <si>
    <t>17296.0</t>
  </si>
  <si>
    <t>37400.0</t>
  </si>
  <si>
    <t>19970.0</t>
  </si>
  <si>
    <t>17430.0</t>
  </si>
  <si>
    <t>37678.0</t>
  </si>
  <si>
    <t>20048.0</t>
  </si>
  <si>
    <t>20134.0</t>
  </si>
  <si>
    <t>17844.0</t>
  </si>
  <si>
    <t>38192.0</t>
  </si>
  <si>
    <t>20183.0</t>
  </si>
  <si>
    <t>39309.0</t>
  </si>
  <si>
    <t>19007.0</t>
  </si>
  <si>
    <t>39938.0</t>
  </si>
  <si>
    <t>20390.0</t>
  </si>
  <si>
    <t>19548.0</t>
  </si>
  <si>
    <t>40004.0</t>
  </si>
  <si>
    <t>40334.0</t>
  </si>
  <si>
    <t>20784.0</t>
  </si>
  <si>
    <t>19550.0</t>
  </si>
  <si>
    <t>41435.0</t>
  </si>
  <si>
    <t>21548.0</t>
  </si>
  <si>
    <t>19887.0</t>
  </si>
  <si>
    <t>22343.0</t>
  </si>
  <si>
    <t>58.88</t>
  </si>
  <si>
    <t>43394.0</t>
  </si>
  <si>
    <t>43971.0</t>
  </si>
  <si>
    <t>23300.0</t>
  </si>
  <si>
    <t>20671.0</t>
  </si>
  <si>
    <t>44624.0</t>
  </si>
  <si>
    <t>23615.0</t>
  </si>
  <si>
    <t>21009.0</t>
  </si>
  <si>
    <t>46694.0</t>
  </si>
  <si>
    <t>48091.0</t>
  </si>
  <si>
    <t>26294.0</t>
  </si>
  <si>
    <t>50991.0</t>
  </si>
  <si>
    <t>23579.0</t>
  </si>
  <si>
    <t>24756.0</t>
  </si>
  <si>
    <t>27992.0</t>
  </si>
  <si>
    <t>25315.0</t>
  </si>
  <si>
    <t>26544.0</t>
  </si>
  <si>
    <t>55524.0</t>
  </si>
  <si>
    <t>28764.0</t>
  </si>
  <si>
    <t>39.53</t>
  </si>
  <si>
    <t>55760.0</t>
  </si>
  <si>
    <t>55774.0</t>
  </si>
  <si>
    <t>28898.0</t>
  </si>
  <si>
    <t>56179.0</t>
  </si>
  <si>
    <t>27115.0</t>
  </si>
  <si>
    <t>29184.0</t>
  </si>
  <si>
    <t>56576.0</t>
  </si>
  <si>
    <t>29200.0</t>
  </si>
  <si>
    <t>27376.0</t>
  </si>
  <si>
    <t>57044.0</t>
  </si>
  <si>
    <t>30730.0</t>
  </si>
  <si>
    <t>28440.0</t>
  </si>
  <si>
    <t>59332.0</t>
  </si>
  <si>
    <t>28630.0</t>
  </si>
  <si>
    <t>59624.0</t>
  </si>
  <si>
    <t>28671.0</t>
  </si>
  <si>
    <t>59775.0</t>
  </si>
  <si>
    <t>28737.0</t>
  </si>
  <si>
    <t>31127.0</t>
  </si>
  <si>
    <t>28819.0</t>
  </si>
  <si>
    <t>31195.0</t>
  </si>
  <si>
    <t>31272.0</t>
  </si>
  <si>
    <t>60939.0</t>
  </si>
  <si>
    <t>29110.0</t>
  </si>
  <si>
    <t>61002.0</t>
  </si>
  <si>
    <t>29155.0</t>
  </si>
  <si>
    <t>31887.0</t>
  </si>
  <si>
    <t>31927.0</t>
  </si>
  <si>
    <t>61347.0</t>
  </si>
  <si>
    <t>29352.0</t>
  </si>
  <si>
    <t>29400.0</t>
  </si>
  <si>
    <t>61541.0</t>
  </si>
  <si>
    <t>32068.0</t>
  </si>
  <si>
    <t>29473.0</t>
  </si>
  <si>
    <t>61649.0</t>
  </si>
  <si>
    <t>32113.0</t>
  </si>
  <si>
    <t>29536.0</t>
  </si>
  <si>
    <t>61713.0</t>
  </si>
  <si>
    <t>61758.0</t>
  </si>
  <si>
    <t>32153.0</t>
  </si>
  <si>
    <t>44.19</t>
  </si>
  <si>
    <t>61814.0</t>
  </si>
  <si>
    <t>32171.0</t>
  </si>
  <si>
    <t>62015.0</t>
  </si>
  <si>
    <t>32251.0</t>
  </si>
  <si>
    <t>29764.0</t>
  </si>
  <si>
    <t>62030.0</t>
  </si>
  <si>
    <t>32256.0</t>
  </si>
  <si>
    <t>29774.0</t>
  </si>
  <si>
    <t>62110.0</t>
  </si>
  <si>
    <t>32284.0</t>
  </si>
  <si>
    <t>29826.0</t>
  </si>
  <si>
    <t>62333.0</t>
  </si>
  <si>
    <t>62334.0</t>
  </si>
  <si>
    <t>32403.0</t>
  </si>
  <si>
    <t>29931.0</t>
  </si>
  <si>
    <t>183922.0</t>
  </si>
  <si>
    <t>2539.938</t>
  </si>
  <si>
    <t>65980.0</t>
  </si>
  <si>
    <t>184859.0</t>
  </si>
  <si>
    <t>2552.878</t>
  </si>
  <si>
    <t>185213.0</t>
  </si>
  <si>
    <t>2557.767</t>
  </si>
  <si>
    <t>66135.0</t>
  </si>
  <si>
    <t>30008.0</t>
  </si>
  <si>
    <t>185863.0</t>
  </si>
  <si>
    <t>2566.743</t>
  </si>
  <si>
    <t>66166.0</t>
  </si>
  <si>
    <t>32491.0</t>
  </si>
  <si>
    <t>187088.0</t>
  </si>
  <si>
    <t>2583.66</t>
  </si>
  <si>
    <t>187337.0</t>
  </si>
  <si>
    <t>2587.099</t>
  </si>
  <si>
    <t>32554.0</t>
  </si>
  <si>
    <t>187690.0</t>
  </si>
  <si>
    <t>2591.974</t>
  </si>
  <si>
    <t>279.7</t>
  </si>
  <si>
    <t>188110.0</t>
  </si>
  <si>
    <t>2597.774</t>
  </si>
  <si>
    <t>66357.0</t>
  </si>
  <si>
    <t>32569.0</t>
  </si>
  <si>
    <t>190793.0</t>
  </si>
  <si>
    <t>2634.826</t>
  </si>
  <si>
    <t>5.703</t>
  </si>
  <si>
    <t>191084.0</t>
  </si>
  <si>
    <t>2638.844</t>
  </si>
  <si>
    <t>5.538</t>
  </si>
  <si>
    <t>66434.0</t>
  </si>
  <si>
    <t>32598.0</t>
  </si>
  <si>
    <t>192785.0</t>
  </si>
  <si>
    <t>2662.335</t>
  </si>
  <si>
    <t>66479.0</t>
  </si>
  <si>
    <t>0.1925</t>
  </si>
  <si>
    <t>194894.0</t>
  </si>
  <si>
    <t>2691.46</t>
  </si>
  <si>
    <t>5.938</t>
  </si>
  <si>
    <t>196123.0</t>
  </si>
  <si>
    <t>2708.432</t>
  </si>
  <si>
    <t>196777.0</t>
  </si>
  <si>
    <t>2717.464</t>
  </si>
  <si>
    <t>7.872</t>
  </si>
  <si>
    <t>66509.0</t>
  </si>
  <si>
    <t>32627.0</t>
  </si>
  <si>
    <t>30236.0</t>
  </si>
  <si>
    <t>8.355</t>
  </si>
  <si>
    <t>7.899</t>
  </si>
  <si>
    <t>0.1556</t>
  </si>
  <si>
    <t>199138.0</t>
  </si>
  <si>
    <t>2750.069</t>
  </si>
  <si>
    <t>0.1718</t>
  </si>
  <si>
    <t>199769.0</t>
  </si>
  <si>
    <t>2758.783</t>
  </si>
  <si>
    <t>8.714</t>
  </si>
  <si>
    <t>66558.0</t>
  </si>
  <si>
    <t>32659.0</t>
  </si>
  <si>
    <t>30253.0</t>
  </si>
  <si>
    <t>201984.0</t>
  </si>
  <si>
    <t>2789.372</t>
  </si>
  <si>
    <t>202425.0</t>
  </si>
  <si>
    <t>2795.462</t>
  </si>
  <si>
    <t>203318.0</t>
  </si>
  <si>
    <t>2807.794</t>
  </si>
  <si>
    <t>5.911</t>
  </si>
  <si>
    <t>0.3565</t>
  </si>
  <si>
    <t>66709.0</t>
  </si>
  <si>
    <t>30316.0</t>
  </si>
  <si>
    <t>0.3703</t>
  </si>
  <si>
    <t>5.469</t>
  </si>
  <si>
    <t>204642.0</t>
  </si>
  <si>
    <t>2826.079</t>
  </si>
  <si>
    <t>205025.0</t>
  </si>
  <si>
    <t>2831.368</t>
  </si>
  <si>
    <t>5.289</t>
  </si>
  <si>
    <t>205366.0</t>
  </si>
  <si>
    <t>2836.077</t>
  </si>
  <si>
    <t>4.916</t>
  </si>
  <si>
    <t>66733.0</t>
  </si>
  <si>
    <t>30328.0</t>
  </si>
  <si>
    <t>66825.0</t>
  </si>
  <si>
    <t>32806.0</t>
  </si>
  <si>
    <t>30373.0</t>
  </si>
  <si>
    <t>32830.0</t>
  </si>
  <si>
    <t>32859.0</t>
  </si>
  <si>
    <t>30463.0</t>
  </si>
  <si>
    <t>45.17</t>
  </si>
  <si>
    <t>32872.0</t>
  </si>
  <si>
    <t>30566.0</t>
  </si>
  <si>
    <t>67639.0</t>
  </si>
  <si>
    <t>32989.0</t>
  </si>
  <si>
    <t>30657.0</t>
  </si>
  <si>
    <t>92.96</t>
  </si>
  <si>
    <t>30659.0</t>
  </si>
  <si>
    <t>DOM</t>
  </si>
  <si>
    <t>Dominican Republic</t>
  </si>
  <si>
    <t>0.2732</t>
  </si>
  <si>
    <t>0.2948</t>
  </si>
  <si>
    <t>0.3043</t>
  </si>
  <si>
    <t>0.3028</t>
  </si>
  <si>
    <t>0.2875</t>
  </si>
  <si>
    <t>-9.37</t>
  </si>
  <si>
    <t>3.20603561139678</t>
  </si>
  <si>
    <t>0.2969</t>
  </si>
  <si>
    <t>0.3104</t>
  </si>
  <si>
    <t>13282.0</t>
  </si>
  <si>
    <t>16973.0</t>
  </si>
  <si>
    <t>0.2754</t>
  </si>
  <si>
    <t>19280.0</t>
  </si>
  <si>
    <t>20270.0</t>
  </si>
  <si>
    <t>0.2559</t>
  </si>
  <si>
    <t>22498.0</t>
  </si>
  <si>
    <t>23485.0</t>
  </si>
  <si>
    <t>0.2138</t>
  </si>
  <si>
    <t>23979.0</t>
  </si>
  <si>
    <t>28446.0</t>
  </si>
  <si>
    <t>-468.6</t>
  </si>
  <si>
    <t>-3.14</t>
  </si>
  <si>
    <t>-14.17</t>
  </si>
  <si>
    <t>-41.7318968750148</t>
  </si>
  <si>
    <t>32025.0</t>
  </si>
  <si>
    <t>33377.0</t>
  </si>
  <si>
    <t>36959.0</t>
  </si>
  <si>
    <t>38543.0</t>
  </si>
  <si>
    <t>42615.0</t>
  </si>
  <si>
    <t>44287.0</t>
  </si>
  <si>
    <t>4.077</t>
  </si>
  <si>
    <t>0.2183</t>
  </si>
  <si>
    <t>47117.0</t>
  </si>
  <si>
    <t>52359.0</t>
  </si>
  <si>
    <t>53280.0</t>
  </si>
  <si>
    <t>4.792</t>
  </si>
  <si>
    <t>4.989</t>
  </si>
  <si>
    <t>58357.0</t>
  </si>
  <si>
    <t>5.249</t>
  </si>
  <si>
    <t>59976.0</t>
  </si>
  <si>
    <t>5.395</t>
  </si>
  <si>
    <t>63519.0</t>
  </si>
  <si>
    <t>5.713</t>
  </si>
  <si>
    <t>65355.0</t>
  </si>
  <si>
    <t>67940.0</t>
  </si>
  <si>
    <t>69608.0</t>
  </si>
  <si>
    <t>70972.0</t>
  </si>
  <si>
    <t>6.384</t>
  </si>
  <si>
    <t>73121.0</t>
  </si>
  <si>
    <t>0.1553</t>
  </si>
  <si>
    <t>74612.0</t>
  </si>
  <si>
    <t>6.711</t>
  </si>
  <si>
    <t>76930.0</t>
  </si>
  <si>
    <t>81647.0</t>
  </si>
  <si>
    <t>7.344</t>
  </si>
  <si>
    <t>83444.0</t>
  </si>
  <si>
    <t>7.505</t>
  </si>
  <si>
    <t>-955.6</t>
  </si>
  <si>
    <t>-5.16</t>
  </si>
  <si>
    <t>-13.54</t>
  </si>
  <si>
    <t>-85.1024341736323</t>
  </si>
  <si>
    <t>84638.0</t>
  </si>
  <si>
    <t>7.613</t>
  </si>
  <si>
    <t>0.1829</t>
  </si>
  <si>
    <t>7.761</t>
  </si>
  <si>
    <t>90141.0</t>
  </si>
  <si>
    <t>8.108</t>
  </si>
  <si>
    <t>0.1704</t>
  </si>
  <si>
    <t>92220.0</t>
  </si>
  <si>
    <t>8.295</t>
  </si>
  <si>
    <t>0.1668</t>
  </si>
  <si>
    <t>94511.0</t>
  </si>
  <si>
    <t>98100.0</t>
  </si>
  <si>
    <t>100035.0</t>
  </si>
  <si>
    <t>102500.0</t>
  </si>
  <si>
    <t>105016.0</t>
  </si>
  <si>
    <t>9.446</t>
  </si>
  <si>
    <t>107175.0</t>
  </si>
  <si>
    <t>109022.0</t>
  </si>
  <si>
    <t>9.806</t>
  </si>
  <si>
    <t>110781.0</t>
  </si>
  <si>
    <t>9.964</t>
  </si>
  <si>
    <t>0.2447</t>
  </si>
  <si>
    <t>112603.0</t>
  </si>
  <si>
    <t>0.2168</t>
  </si>
  <si>
    <t>114535.0</t>
  </si>
  <si>
    <t>0.2256</t>
  </si>
  <si>
    <t>117119.0</t>
  </si>
  <si>
    <t>10.534</t>
  </si>
  <si>
    <t>119319.0</t>
  </si>
  <si>
    <t>10.732</t>
  </si>
  <si>
    <t>122646.0</t>
  </si>
  <si>
    <t>128775.0</t>
  </si>
  <si>
    <t>11.583</t>
  </si>
  <si>
    <t>0.2064</t>
  </si>
  <si>
    <t>130745.0</t>
  </si>
  <si>
    <t>0.2259</t>
  </si>
  <si>
    <t>133718.0</t>
  </si>
  <si>
    <t>12.027</t>
  </si>
  <si>
    <t>135969.0</t>
  </si>
  <si>
    <t>0.2401</t>
  </si>
  <si>
    <t>138698.0</t>
  </si>
  <si>
    <t>12.475</t>
  </si>
  <si>
    <t>142340.0</t>
  </si>
  <si>
    <t>12.803</t>
  </si>
  <si>
    <t>146060.0</t>
  </si>
  <si>
    <t>13.137</t>
  </si>
  <si>
    <t>148208.0</t>
  </si>
  <si>
    <t>13.331</t>
  </si>
  <si>
    <t>150919.0</t>
  </si>
  <si>
    <t>13.574</t>
  </si>
  <si>
    <t>154129.0</t>
  </si>
  <si>
    <t>13.863</t>
  </si>
  <si>
    <t>-659.4</t>
  </si>
  <si>
    <t>-2.99</t>
  </si>
  <si>
    <t>-58.7238856154177</t>
  </si>
  <si>
    <t>157045.0</t>
  </si>
  <si>
    <t>14.125</t>
  </si>
  <si>
    <t>160541.0</t>
  </si>
  <si>
    <t>163727.0</t>
  </si>
  <si>
    <t>14.726</t>
  </si>
  <si>
    <t>167372.0</t>
  </si>
  <si>
    <t>169999.0</t>
  </si>
  <si>
    <t>0.2777</t>
  </si>
  <si>
    <t>171097.0</t>
  </si>
  <si>
    <t>15.389</t>
  </si>
  <si>
    <t>0.3128</t>
  </si>
  <si>
    <t>174751.0</t>
  </si>
  <si>
    <t>15.718</t>
  </si>
  <si>
    <t>178838.0</t>
  </si>
  <si>
    <t>16.086</t>
  </si>
  <si>
    <t>182263.0</t>
  </si>
  <si>
    <t>16.394</t>
  </si>
  <si>
    <t>185853.0</t>
  </si>
  <si>
    <t>16.717</t>
  </si>
  <si>
    <t>189391.0</t>
  </si>
  <si>
    <t>17.035</t>
  </si>
  <si>
    <t>0.3147</t>
  </si>
  <si>
    <t>192360.0</t>
  </si>
  <si>
    <t>17.302</t>
  </si>
  <si>
    <t>194461.0</t>
  </si>
  <si>
    <t>17.491</t>
  </si>
  <si>
    <t>0.3158</t>
  </si>
  <si>
    <t>198496.0</t>
  </si>
  <si>
    <t>201669.0</t>
  </si>
  <si>
    <t>205438.0</t>
  </si>
  <si>
    <t>0.3431</t>
  </si>
  <si>
    <t>209252.0</t>
  </si>
  <si>
    <t>18.821</t>
  </si>
  <si>
    <t>0.3503</t>
  </si>
  <si>
    <t>213085.0</t>
  </si>
  <si>
    <t>19.166</t>
  </si>
  <si>
    <t>0.3547</t>
  </si>
  <si>
    <t>216481.0</t>
  </si>
  <si>
    <t>19.471</t>
  </si>
  <si>
    <t>218826.0</t>
  </si>
  <si>
    <t>222586.0</t>
  </si>
  <si>
    <t>20.021</t>
  </si>
  <si>
    <t>226693.0</t>
  </si>
  <si>
    <t>230654.0</t>
  </si>
  <si>
    <t>20.746</t>
  </si>
  <si>
    <t>235289.0</t>
  </si>
  <si>
    <t>240776.0</t>
  </si>
  <si>
    <t>0.3386</t>
  </si>
  <si>
    <t>244643.0</t>
  </si>
  <si>
    <t>22.004</t>
  </si>
  <si>
    <t>246953.0</t>
  </si>
  <si>
    <t>22.212</t>
  </si>
  <si>
    <t>0.3627</t>
  </si>
  <si>
    <t>250424.0</t>
  </si>
  <si>
    <t>22.524</t>
  </si>
  <si>
    <t>255356.0</t>
  </si>
  <si>
    <t>22.968</t>
  </si>
  <si>
    <t>0.3537</t>
  </si>
  <si>
    <t>260171.0</t>
  </si>
  <si>
    <t>0.3489</t>
  </si>
  <si>
    <t>264286.0</t>
  </si>
  <si>
    <t>23.771</t>
  </si>
  <si>
    <t>0.3646</t>
  </si>
  <si>
    <t>54.4491714668886</t>
  </si>
  <si>
    <t>266844.0</t>
  </si>
  <si>
    <t>24.001</t>
  </si>
  <si>
    <t>268529.0</t>
  </si>
  <si>
    <t>24.153</t>
  </si>
  <si>
    <t>0.3908</t>
  </si>
  <si>
    <t>273701.0</t>
  </si>
  <si>
    <t>24.618</t>
  </si>
  <si>
    <t>278435.0</t>
  </si>
  <si>
    <t>25.044</t>
  </si>
  <si>
    <t>281926.0</t>
  </si>
  <si>
    <t>25.358</t>
  </si>
  <si>
    <t>286128.0</t>
  </si>
  <si>
    <t>25.736</t>
  </si>
  <si>
    <t>26.108</t>
  </si>
  <si>
    <t>0.3102</t>
  </si>
  <si>
    <t>294039.0</t>
  </si>
  <si>
    <t>26.447</t>
  </si>
  <si>
    <t>297492.0</t>
  </si>
  <si>
    <t>26.758</t>
  </si>
  <si>
    <t>300134.0</t>
  </si>
  <si>
    <t>26.996</t>
  </si>
  <si>
    <t>304501.0</t>
  </si>
  <si>
    <t>27.388</t>
  </si>
  <si>
    <t>308187.0</t>
  </si>
  <si>
    <t>313291.0</t>
  </si>
  <si>
    <t>28.179</t>
  </si>
  <si>
    <t>317643.0</t>
  </si>
  <si>
    <t>0.2476</t>
  </si>
  <si>
    <t>322056.0</t>
  </si>
  <si>
    <t>28.967</t>
  </si>
  <si>
    <t>324463.0</t>
  </si>
  <si>
    <t>29.184</t>
  </si>
  <si>
    <t>326644.0</t>
  </si>
  <si>
    <t>331160.0</t>
  </si>
  <si>
    <t>29.786</t>
  </si>
  <si>
    <t>335478.0</t>
  </si>
  <si>
    <t>30.175</t>
  </si>
  <si>
    <t>339860.0</t>
  </si>
  <si>
    <t>30.569</t>
  </si>
  <si>
    <t>0.2211</t>
  </si>
  <si>
    <t>343796.0</t>
  </si>
  <si>
    <t>30.923</t>
  </si>
  <si>
    <t>347263.0</t>
  </si>
  <si>
    <t>31.235</t>
  </si>
  <si>
    <t>350033.0</t>
  </si>
  <si>
    <t>31.484</t>
  </si>
  <si>
    <t>353254.0</t>
  </si>
  <si>
    <t>31.774</t>
  </si>
  <si>
    <t>355839.0</t>
  </si>
  <si>
    <t>32.006</t>
  </si>
  <si>
    <t>358533.0</t>
  </si>
  <si>
    <t>32.248</t>
  </si>
  <si>
    <t>360999.0</t>
  </si>
  <si>
    <t>363807.0</t>
  </si>
  <si>
    <t>32.723</t>
  </si>
  <si>
    <t>367146.0</t>
  </si>
  <si>
    <t>33.023</t>
  </si>
  <si>
    <t>370875.0</t>
  </si>
  <si>
    <t>33.358</t>
  </si>
  <si>
    <t>373001.0</t>
  </si>
  <si>
    <t>0.1573</t>
  </si>
  <si>
    <t>1584.8</t>
  </si>
  <si>
    <t>141.136812137267</t>
  </si>
  <si>
    <t>376121.0</t>
  </si>
  <si>
    <t>379929.0</t>
  </si>
  <si>
    <t>386121.0</t>
  </si>
  <si>
    <t>391190.0</t>
  </si>
  <si>
    <t>35.186</t>
  </si>
  <si>
    <t>394791.0</t>
  </si>
  <si>
    <t>397645.0</t>
  </si>
  <si>
    <t>35.766</t>
  </si>
  <si>
    <t>400138.0</t>
  </si>
  <si>
    <t>403755.0</t>
  </si>
  <si>
    <t>36.316</t>
  </si>
  <si>
    <t>408014.0</t>
  </si>
  <si>
    <t>36.699</t>
  </si>
  <si>
    <t>411664.0</t>
  </si>
  <si>
    <t>37.027</t>
  </si>
  <si>
    <t>419327.0</t>
  </si>
  <si>
    <t>37.716</t>
  </si>
  <si>
    <t>422070.0</t>
  </si>
  <si>
    <t>37.963</t>
  </si>
  <si>
    <t>425502.0</t>
  </si>
  <si>
    <t>38.272</t>
  </si>
  <si>
    <t>429423.0</t>
  </si>
  <si>
    <t>38.625</t>
  </si>
  <si>
    <t>433848.0</t>
  </si>
  <si>
    <t>0.1774</t>
  </si>
  <si>
    <t>437317.0</t>
  </si>
  <si>
    <t>39.335</t>
  </si>
  <si>
    <t>442354.0</t>
  </si>
  <si>
    <t>39.788</t>
  </si>
  <si>
    <t>446239.0</t>
  </si>
  <si>
    <t>40.137</t>
  </si>
  <si>
    <t>449589.0</t>
  </si>
  <si>
    <t>40.438</t>
  </si>
  <si>
    <t>452188.0</t>
  </si>
  <si>
    <t>455525.0</t>
  </si>
  <si>
    <t>40.972</t>
  </si>
  <si>
    <t>41.247</t>
  </si>
  <si>
    <t>462287.0</t>
  </si>
  <si>
    <t>41.581</t>
  </si>
  <si>
    <t>465821.0</t>
  </si>
  <si>
    <t>41.898</t>
  </si>
  <si>
    <t>470261.0</t>
  </si>
  <si>
    <t>42.298</t>
  </si>
  <si>
    <t>472421.0</t>
  </si>
  <si>
    <t>477407.0</t>
  </si>
  <si>
    <t>481002.0</t>
  </si>
  <si>
    <t>43.264</t>
  </si>
  <si>
    <t>1590.2</t>
  </si>
  <si>
    <t>141.617717478977</t>
  </si>
  <si>
    <t>43.601</t>
  </si>
  <si>
    <t>488732.0</t>
  </si>
  <si>
    <t>43.959</t>
  </si>
  <si>
    <t>493091.0</t>
  </si>
  <si>
    <t>496200.0</t>
  </si>
  <si>
    <t>44.631</t>
  </si>
  <si>
    <t>498081.0</t>
  </si>
  <si>
    <t>0.1462</t>
  </si>
  <si>
    <t>502680.0</t>
  </si>
  <si>
    <t>45.214</t>
  </si>
  <si>
    <t>506418.0</t>
  </si>
  <si>
    <t>510984.0</t>
  </si>
  <si>
    <t>515598.0</t>
  </si>
  <si>
    <t>46.376</t>
  </si>
  <si>
    <t>519366.0</t>
  </si>
  <si>
    <t>46.715</t>
  </si>
  <si>
    <t>522112.0</t>
  </si>
  <si>
    <t>46.961</t>
  </si>
  <si>
    <t>523637.0</t>
  </si>
  <si>
    <t>528987.0</t>
  </si>
  <si>
    <t>531666.0</t>
  </si>
  <si>
    <t>47.821</t>
  </si>
  <si>
    <t>48.172</t>
  </si>
  <si>
    <t>539053.0</t>
  </si>
  <si>
    <t>48.485</t>
  </si>
  <si>
    <t>542227.0</t>
  </si>
  <si>
    <t>48.771</t>
  </si>
  <si>
    <t>545492.0</t>
  </si>
  <si>
    <t>49.064</t>
  </si>
  <si>
    <t>547737.0</t>
  </si>
  <si>
    <t>551041.0</t>
  </si>
  <si>
    <t>49.564</t>
  </si>
  <si>
    <t>554736.0</t>
  </si>
  <si>
    <t>49.896</t>
  </si>
  <si>
    <t>558508.0</t>
  </si>
  <si>
    <t>50.235</t>
  </si>
  <si>
    <t>563639.0</t>
  </si>
  <si>
    <t>567976.0</t>
  </si>
  <si>
    <t>51.087</t>
  </si>
  <si>
    <t>51.336</t>
  </si>
  <si>
    <t>572506.0</t>
  </si>
  <si>
    <t>51.494</t>
  </si>
  <si>
    <t>578567.0</t>
  </si>
  <si>
    <t>52.039</t>
  </si>
  <si>
    <t>582708.0</t>
  </si>
  <si>
    <t>52.412</t>
  </si>
  <si>
    <t>588002.0</t>
  </si>
  <si>
    <t>52.888</t>
  </si>
  <si>
    <t>594704.0</t>
  </si>
  <si>
    <t>53.491</t>
  </si>
  <si>
    <t>598728.0</t>
  </si>
  <si>
    <t>53.853</t>
  </si>
  <si>
    <t>1372.2</t>
  </si>
  <si>
    <t>-5.77</t>
  </si>
  <si>
    <t>122.203390721074</t>
  </si>
  <si>
    <t>602101.0</t>
  </si>
  <si>
    <t>54.156</t>
  </si>
  <si>
    <t>605360.0</t>
  </si>
  <si>
    <t>54.449</t>
  </si>
  <si>
    <t>609031.0</t>
  </si>
  <si>
    <t>612758.0</t>
  </si>
  <si>
    <t>55.115</t>
  </si>
  <si>
    <t>616366.0</t>
  </si>
  <si>
    <t>55.439</t>
  </si>
  <si>
    <t>619292.0</t>
  </si>
  <si>
    <t>622881.0</t>
  </si>
  <si>
    <t>56.025</t>
  </si>
  <si>
    <t>625828.0</t>
  </si>
  <si>
    <t>629295.0</t>
  </si>
  <si>
    <t>630586.0</t>
  </si>
  <si>
    <t>56.718</t>
  </si>
  <si>
    <t>633837.0</t>
  </si>
  <si>
    <t>57.011</t>
  </si>
  <si>
    <t>640206.0</t>
  </si>
  <si>
    <t>57.583</t>
  </si>
  <si>
    <t>644538.0</t>
  </si>
  <si>
    <t>648559.0</t>
  </si>
  <si>
    <t>58.335</t>
  </si>
  <si>
    <t>652070.0</t>
  </si>
  <si>
    <t>655291.0</t>
  </si>
  <si>
    <t>659160.0</t>
  </si>
  <si>
    <t>59.288</t>
  </si>
  <si>
    <t>665035.0</t>
  </si>
  <si>
    <t>59.817</t>
  </si>
  <si>
    <t>670174.0</t>
  </si>
  <si>
    <t>60.279</t>
  </si>
  <si>
    <t>676578.0</t>
  </si>
  <si>
    <t>60.855</t>
  </si>
  <si>
    <t>682193.0</t>
  </si>
  <si>
    <t>685707.0</t>
  </si>
  <si>
    <t>61.676</t>
  </si>
  <si>
    <t>687292.0</t>
  </si>
  <si>
    <t>61.819</t>
  </si>
  <si>
    <t>691988.0</t>
  </si>
  <si>
    <t>62.241</t>
  </si>
  <si>
    <t>704580.0</t>
  </si>
  <si>
    <t>63.374</t>
  </si>
  <si>
    <t>715862.0</t>
  </si>
  <si>
    <t>64.388</t>
  </si>
  <si>
    <t>718735.0</t>
  </si>
  <si>
    <t>64.647</t>
  </si>
  <si>
    <t>720805.0</t>
  </si>
  <si>
    <t>64.833</t>
  </si>
  <si>
    <t>1268.6</t>
  </si>
  <si>
    <t>-2.78</t>
  </si>
  <si>
    <t>112.977132683832</t>
  </si>
  <si>
    <t>727606.0</t>
  </si>
  <si>
    <t>65.445</t>
  </si>
  <si>
    <t>732425.0</t>
  </si>
  <si>
    <t>65.878</t>
  </si>
  <si>
    <t>738156.0</t>
  </si>
  <si>
    <t>66.394</t>
  </si>
  <si>
    <t>746654.0</t>
  </si>
  <si>
    <t>67.158</t>
  </si>
  <si>
    <t>753133.0</t>
  </si>
  <si>
    <t>67.741</t>
  </si>
  <si>
    <t>757043.0</t>
  </si>
  <si>
    <t>68.092</t>
  </si>
  <si>
    <t>761012.0</t>
  </si>
  <si>
    <t>68.449</t>
  </si>
  <si>
    <t>766071.0</t>
  </si>
  <si>
    <t>68.904</t>
  </si>
  <si>
    <t>774387.0</t>
  </si>
  <si>
    <t>69.652</t>
  </si>
  <si>
    <t>778887.0</t>
  </si>
  <si>
    <t>70.057</t>
  </si>
  <si>
    <t>784626.0</t>
  </si>
  <si>
    <t>70.573</t>
  </si>
  <si>
    <t>790739.0</t>
  </si>
  <si>
    <t>793563.0</t>
  </si>
  <si>
    <t>71.377</t>
  </si>
  <si>
    <t>797371.0</t>
  </si>
  <si>
    <t>801531.0</t>
  </si>
  <si>
    <t>72.094</t>
  </si>
  <si>
    <t>806580.0</t>
  </si>
  <si>
    <t>72.548</t>
  </si>
  <si>
    <t>811130.0</t>
  </si>
  <si>
    <t>72.957</t>
  </si>
  <si>
    <t>0.1732</t>
  </si>
  <si>
    <t>818104.0</t>
  </si>
  <si>
    <t>73.585</t>
  </si>
  <si>
    <t>826029.0</t>
  </si>
  <si>
    <t>829781.0</t>
  </si>
  <si>
    <t>74.635</t>
  </si>
  <si>
    <t>0.1572</t>
  </si>
  <si>
    <t>835431.0</t>
  </si>
  <si>
    <t>75.143</t>
  </si>
  <si>
    <t>5437.0</t>
  </si>
  <si>
    <t>838784.0</t>
  </si>
  <si>
    <t>843393.0</t>
  </si>
  <si>
    <t>75.859</t>
  </si>
  <si>
    <t>850082.0</t>
  </si>
  <si>
    <t>76.461</t>
  </si>
  <si>
    <t>853047.0</t>
  </si>
  <si>
    <t>76.728</t>
  </si>
  <si>
    <t>855855.0</t>
  </si>
  <si>
    <t>857895.0</t>
  </si>
  <si>
    <t>77.164</t>
  </si>
  <si>
    <t>860206.0</t>
  </si>
  <si>
    <t>77.371</t>
  </si>
  <si>
    <t>865594.0</t>
  </si>
  <si>
    <t>77.856</t>
  </si>
  <si>
    <t>869860.0</t>
  </si>
  <si>
    <t>876244.0</t>
  </si>
  <si>
    <t>78.814</t>
  </si>
  <si>
    <t>0.2726</t>
  </si>
  <si>
    <t>138.126700924345</t>
  </si>
  <si>
    <t>878581.0</t>
  </si>
  <si>
    <t>79.024</t>
  </si>
  <si>
    <t>879918.0</t>
  </si>
  <si>
    <t>79.144</t>
  </si>
  <si>
    <t>0.2919</t>
  </si>
  <si>
    <t>885776.0</t>
  </si>
  <si>
    <t>79.671</t>
  </si>
  <si>
    <t>0.2355</t>
  </si>
  <si>
    <t>887402.0</t>
  </si>
  <si>
    <t>79.818</t>
  </si>
  <si>
    <t>889180.0</t>
  </si>
  <si>
    <t>79.978</t>
  </si>
  <si>
    <t>892748.0</t>
  </si>
  <si>
    <t>80.298</t>
  </si>
  <si>
    <t>898033.0</t>
  </si>
  <si>
    <t>80.774</t>
  </si>
  <si>
    <t>0.3078</t>
  </si>
  <si>
    <t>904944.0</t>
  </si>
  <si>
    <t>81.395</t>
  </si>
  <si>
    <t>909877.0</t>
  </si>
  <si>
    <t>81.839</t>
  </si>
  <si>
    <t>0.2563</t>
  </si>
  <si>
    <t>914256.0</t>
  </si>
  <si>
    <t>82.233</t>
  </si>
  <si>
    <t>919721.0</t>
  </si>
  <si>
    <t>927749.0</t>
  </si>
  <si>
    <t>83.447</t>
  </si>
  <si>
    <t>932589.0</t>
  </si>
  <si>
    <t>83.882</t>
  </si>
  <si>
    <t>938753.0</t>
  </si>
  <si>
    <t>84.436</t>
  </si>
  <si>
    <t>947423.0</t>
  </si>
  <si>
    <t>85.216</t>
  </si>
  <si>
    <t>953837.0</t>
  </si>
  <si>
    <t>85.793</t>
  </si>
  <si>
    <t>960804.0</t>
  </si>
  <si>
    <t>966545.0</t>
  </si>
  <si>
    <t>86.936</t>
  </si>
  <si>
    <t>973586.0</t>
  </si>
  <si>
    <t>87.569</t>
  </si>
  <si>
    <t>981506.0</t>
  </si>
  <si>
    <t>88.282</t>
  </si>
  <si>
    <t>989038.0</t>
  </si>
  <si>
    <t>88.959</t>
  </si>
  <si>
    <t>995970.0</t>
  </si>
  <si>
    <t>89.583</t>
  </si>
  <si>
    <t>1003477.0</t>
  </si>
  <si>
    <t>90.258</t>
  </si>
  <si>
    <t>1008077.0</t>
  </si>
  <si>
    <t>90.672</t>
  </si>
  <si>
    <t>1012644.0</t>
  </si>
  <si>
    <t>91.083</t>
  </si>
  <si>
    <t>0.2212</t>
  </si>
  <si>
    <t>1017664.0</t>
  </si>
  <si>
    <t>91.534</t>
  </si>
  <si>
    <t>1026338.0</t>
  </si>
  <si>
    <t>92.314</t>
  </si>
  <si>
    <t>0.2081</t>
  </si>
  <si>
    <t>1033532.0</t>
  </si>
  <si>
    <t>92.961</t>
  </si>
  <si>
    <t>1044861.0</t>
  </si>
  <si>
    <t>11329.0</t>
  </si>
  <si>
    <t>93.98</t>
  </si>
  <si>
    <t>1051813.0</t>
  </si>
  <si>
    <t>94.606</t>
  </si>
  <si>
    <t>0.2058</t>
  </si>
  <si>
    <t>2322.8</t>
  </si>
  <si>
    <t>206.860542170901</t>
  </si>
  <si>
    <t>1062607.0</t>
  </si>
  <si>
    <t>95.576</t>
  </si>
  <si>
    <t>1068693.0</t>
  </si>
  <si>
    <t>96.124</t>
  </si>
  <si>
    <t>0.1884</t>
  </si>
  <si>
    <t>1076923.0</t>
  </si>
  <si>
    <t>96.864</t>
  </si>
  <si>
    <t>0.1942</t>
  </si>
  <si>
    <t>1084728.0</t>
  </si>
  <si>
    <t>97.566</t>
  </si>
  <si>
    <t>1094196.0</t>
  </si>
  <si>
    <t>98.418</t>
  </si>
  <si>
    <t>1102117.0</t>
  </si>
  <si>
    <t>1107257.0</t>
  </si>
  <si>
    <t>99.593</t>
  </si>
  <si>
    <t>1109443.0</t>
  </si>
  <si>
    <t>99.789</t>
  </si>
  <si>
    <t>0.1929</t>
  </si>
  <si>
    <t>1114834.0</t>
  </si>
  <si>
    <t>100.274</t>
  </si>
  <si>
    <t>1121386.0</t>
  </si>
  <si>
    <t>100.863</t>
  </si>
  <si>
    <t>1127561.0</t>
  </si>
  <si>
    <t>101.419</t>
  </si>
  <si>
    <t>1134670.0</t>
  </si>
  <si>
    <t>1140464.0</t>
  </si>
  <si>
    <t>102.579</t>
  </si>
  <si>
    <t>1146477.0</t>
  </si>
  <si>
    <t>103.12</t>
  </si>
  <si>
    <t>1149682.0</t>
  </si>
  <si>
    <t>103.408</t>
  </si>
  <si>
    <t>1153449.0</t>
  </si>
  <si>
    <t>103.747</t>
  </si>
  <si>
    <t>1159480.0</t>
  </si>
  <si>
    <t>0.1645</t>
  </si>
  <si>
    <t>1165107.0</t>
  </si>
  <si>
    <t>104.796</t>
  </si>
  <si>
    <t>1172161.0</t>
  </si>
  <si>
    <t>105.43</t>
  </si>
  <si>
    <t>1178227.0</t>
  </si>
  <si>
    <t>105.976</t>
  </si>
  <si>
    <t>1181810.0</t>
  </si>
  <si>
    <t>106.298</t>
  </si>
  <si>
    <t>1184091.0</t>
  </si>
  <si>
    <t>106.503</t>
  </si>
  <si>
    <t>1187973.0</t>
  </si>
  <si>
    <t>106.853</t>
  </si>
  <si>
    <t>1192275.0</t>
  </si>
  <si>
    <t>107.239</t>
  </si>
  <si>
    <t>1196844.0</t>
  </si>
  <si>
    <t>0.1528</t>
  </si>
  <si>
    <t>1203441.0</t>
  </si>
  <si>
    <t>1207621.0</t>
  </si>
  <si>
    <t>108.62</t>
  </si>
  <si>
    <t>1210716.0</t>
  </si>
  <si>
    <t>108.898</t>
  </si>
  <si>
    <t>2362.8</t>
  </si>
  <si>
    <t>210.422803961342</t>
  </si>
  <si>
    <t>1211817.0</t>
  </si>
  <si>
    <t>108.997</t>
  </si>
  <si>
    <t>1215781.0</t>
  </si>
  <si>
    <t>109.354</t>
  </si>
  <si>
    <t>45000.0</t>
  </si>
  <si>
    <t>11806.0</t>
  </si>
  <si>
    <t>1219587.0</t>
  </si>
  <si>
    <t>109.696</t>
  </si>
  <si>
    <t>161827.0</t>
  </si>
  <si>
    <t>56827.0</t>
  </si>
  <si>
    <t>19347.0</t>
  </si>
  <si>
    <t>1223808.0</t>
  </si>
  <si>
    <t>110.076</t>
  </si>
  <si>
    <t>227719.0</t>
  </si>
  <si>
    <t>65892.0</t>
  </si>
  <si>
    <t>27800.0</t>
  </si>
  <si>
    <t>1227215.0</t>
  </si>
  <si>
    <t>110.382</t>
  </si>
  <si>
    <t>303490.0</t>
  </si>
  <si>
    <t>75771.0</t>
  </si>
  <si>
    <t>375265.0</t>
  </si>
  <si>
    <t>71775.0</t>
  </si>
  <si>
    <t>46958.0</t>
  </si>
  <si>
    <t>47768.0</t>
  </si>
  <si>
    <t>400041.0</t>
  </si>
  <si>
    <t>48577.0</t>
  </si>
  <si>
    <t>1236163.0</t>
  </si>
  <si>
    <t>80196.0</t>
  </si>
  <si>
    <t>53605.0</t>
  </si>
  <si>
    <t>547091.0</t>
  </si>
  <si>
    <t>606006.0</t>
  </si>
  <si>
    <t>58915.0</t>
  </si>
  <si>
    <t>1248641.0</t>
  </si>
  <si>
    <t>45681.0</t>
  </si>
  <si>
    <t>37891.0</t>
  </si>
  <si>
    <t>38586.0</t>
  </si>
  <si>
    <t>675000.0</t>
  </si>
  <si>
    <t>39280.0</t>
  </si>
  <si>
    <t>1263135.0</t>
  </si>
  <si>
    <t>113.613</t>
  </si>
  <si>
    <t>30055.0</t>
  </si>
  <si>
    <t>22737.0</t>
  </si>
  <si>
    <t>1275756.0</t>
  </si>
  <si>
    <t>114.748</t>
  </si>
  <si>
    <t>16321.0</t>
  </si>
  <si>
    <t>16089.0</t>
  </si>
  <si>
    <t>1284835.0</t>
  </si>
  <si>
    <t>115.565</t>
  </si>
  <si>
    <t>15625.0</t>
  </si>
  <si>
    <t>1290819.0</t>
  </si>
  <si>
    <t>116.103</t>
  </si>
  <si>
    <t>13466.0</t>
  </si>
  <si>
    <t>1301772.0</t>
  </si>
  <si>
    <t>117.088</t>
  </si>
  <si>
    <t>11307.0</t>
  </si>
  <si>
    <t>15777.0</t>
  </si>
  <si>
    <t>15808.0</t>
  </si>
  <si>
    <t>910869.0</t>
  </si>
  <si>
    <t>856474.0</t>
  </si>
  <si>
    <t>15838.0</t>
  </si>
  <si>
    <t>19281.0</t>
  </si>
  <si>
    <t>2345.2</t>
  </si>
  <si>
    <t>208.855408773548</t>
  </si>
  <si>
    <t>0.1025</t>
  </si>
  <si>
    <t>1319083.0</t>
  </si>
  <si>
    <t>118.645</t>
  </si>
  <si>
    <t>1320163.0</t>
  </si>
  <si>
    <t>118.742</t>
  </si>
  <si>
    <t>29608.0</t>
  </si>
  <si>
    <t>33050.0</t>
  </si>
  <si>
    <t>36493.0</t>
  </si>
  <si>
    <t>1357657.0</t>
  </si>
  <si>
    <t>122.115</t>
  </si>
  <si>
    <t>1509898.0</t>
  </si>
  <si>
    <t>909898.0</t>
  </si>
  <si>
    <t>37321.0</t>
  </si>
  <si>
    <t>1367138.0</t>
  </si>
  <si>
    <t>122.968</t>
  </si>
  <si>
    <t>34706.0</t>
  </si>
  <si>
    <t>1373143.0</t>
  </si>
  <si>
    <t>123.508</t>
  </si>
  <si>
    <t>29478.0</t>
  </si>
  <si>
    <t>26863.0</t>
  </si>
  <si>
    <t>1378669.0</t>
  </si>
  <si>
    <t>124.005</t>
  </si>
  <si>
    <t>24249.0</t>
  </si>
  <si>
    <t>21635.0</t>
  </si>
  <si>
    <t>1393432.0</t>
  </si>
  <si>
    <t>125.333</t>
  </si>
  <si>
    <t>1396399.0</t>
  </si>
  <si>
    <t>125.599</t>
  </si>
  <si>
    <t>1747878.0</t>
  </si>
  <si>
    <t>993804.0</t>
  </si>
  <si>
    <t>754074.0</t>
  </si>
  <si>
    <t>1797346.0</t>
  </si>
  <si>
    <t>1029281.0</t>
  </si>
  <si>
    <t>768065.0</t>
  </si>
  <si>
    <t>25611.0</t>
  </si>
  <si>
    <t>1399642.0</t>
  </si>
  <si>
    <t>125.891</t>
  </si>
  <si>
    <t>1847261.0</t>
  </si>
  <si>
    <t>1067830.0</t>
  </si>
  <si>
    <t>779431.0</t>
  </si>
  <si>
    <t>29651.0</t>
  </si>
  <si>
    <t>16024.0</t>
  </si>
  <si>
    <t>1402391.0</t>
  </si>
  <si>
    <t>126.138</t>
  </si>
  <si>
    <t>1893836.0</t>
  </si>
  <si>
    <t>1106733.0</t>
  </si>
  <si>
    <t>787103.0</t>
  </si>
  <si>
    <t>46575.0</t>
  </si>
  <si>
    <t>1935500.0</t>
  </si>
  <si>
    <t>1143669.0</t>
  </si>
  <si>
    <t>791831.0</t>
  </si>
  <si>
    <t>41664.0</t>
  </si>
  <si>
    <t>36075.0</t>
  </si>
  <si>
    <t>24678.0</t>
  </si>
  <si>
    <t>1406420.0</t>
  </si>
  <si>
    <t>126.501</t>
  </si>
  <si>
    <t>1970018.0</t>
  </si>
  <si>
    <t>1174227.0</t>
  </si>
  <si>
    <t>795791.0</t>
  </si>
  <si>
    <t>34518.0</t>
  </si>
  <si>
    <t>27954.0</t>
  </si>
  <si>
    <t>217.297969216893</t>
  </si>
  <si>
    <t>1410731.0</t>
  </si>
  <si>
    <t>126.889</t>
  </si>
  <si>
    <t>1982185.0</t>
  </si>
  <si>
    <t>1185502.0</t>
  </si>
  <si>
    <t>796683.0</t>
  </si>
  <si>
    <t>28475.0</t>
  </si>
  <si>
    <t>1989384.0</t>
  </si>
  <si>
    <t>1192415.0</t>
  </si>
  <si>
    <t>796969.0</t>
  </si>
  <si>
    <t>28373.0</t>
  </si>
  <si>
    <t>1413746.0</t>
  </si>
  <si>
    <t>2052662.0</t>
  </si>
  <si>
    <t>1251674.0</t>
  </si>
  <si>
    <t>800988.0</t>
  </si>
  <si>
    <t>2123703.0</t>
  </si>
  <si>
    <t>1319445.0</t>
  </si>
  <si>
    <t>804258.0</t>
  </si>
  <si>
    <t>71041.0</t>
  </si>
  <si>
    <t>39492.0</t>
  </si>
  <si>
    <t>35945.0</t>
  </si>
  <si>
    <t>1423534.0</t>
  </si>
  <si>
    <t>128.04</t>
  </si>
  <si>
    <t>2197153.0</t>
  </si>
  <si>
    <t>1389890.0</t>
  </si>
  <si>
    <t>807263.0</t>
  </si>
  <si>
    <t>73450.0</t>
  </si>
  <si>
    <t>43331.0</t>
  </si>
  <si>
    <t>40451.0</t>
  </si>
  <si>
    <t>2264381.0</t>
  </si>
  <si>
    <t>1456488.0</t>
  </si>
  <si>
    <t>807893.0</t>
  </si>
  <si>
    <t>67228.0</t>
  </si>
  <si>
    <t>46983.0</t>
  </si>
  <si>
    <t>44688.0</t>
  </si>
  <si>
    <t>2325108.0</t>
  </si>
  <si>
    <t>1515063.0</t>
  </si>
  <si>
    <t>810045.0</t>
  </si>
  <si>
    <t>60727.0</t>
  </si>
  <si>
    <t>50727.0</t>
  </si>
  <si>
    <t>48691.0</t>
  </si>
  <si>
    <t>1441239.0</t>
  </si>
  <si>
    <t>129.633</t>
  </si>
  <si>
    <t>2345528.0</t>
  </si>
  <si>
    <t>1535083.0</t>
  </si>
  <si>
    <t>810445.0</t>
  </si>
  <si>
    <t>1543725.0</t>
  </si>
  <si>
    <t>810556.0</t>
  </si>
  <si>
    <t>52128.0</t>
  </si>
  <si>
    <t>20.97</t>
  </si>
  <si>
    <t>50187.0</t>
  </si>
  <si>
    <t>1452665.0</t>
  </si>
  <si>
    <t>5560.0</t>
  </si>
  <si>
    <t>2483629.0</t>
  </si>
  <si>
    <t>1671046.0</t>
  </si>
  <si>
    <t>812583.0</t>
  </si>
  <si>
    <t>129348.0</t>
  </si>
  <si>
    <t>59910.0</t>
  </si>
  <si>
    <t>1456859.0</t>
  </si>
  <si>
    <t>131.038</t>
  </si>
  <si>
    <t>2640409.0</t>
  </si>
  <si>
    <t>1825500.0</t>
  </si>
  <si>
    <t>814909.0</t>
  </si>
  <si>
    <t>156780.0</t>
  </si>
  <si>
    <t>73815.0</t>
  </si>
  <si>
    <t>72294.0</t>
  </si>
  <si>
    <t>2801356.0</t>
  </si>
  <si>
    <t>1984662.0</t>
  </si>
  <si>
    <t>816694.0</t>
  </si>
  <si>
    <t>160947.0</t>
  </si>
  <si>
    <t>86315.0</t>
  </si>
  <si>
    <t>84967.0</t>
  </si>
  <si>
    <t>2941030.0</t>
  </si>
  <si>
    <t>2122713.0</t>
  </si>
  <si>
    <t>818317.0</t>
  </si>
  <si>
    <t>139674.0</t>
  </si>
  <si>
    <t>3071487.0</t>
  </si>
  <si>
    <t>2251255.0</t>
  </si>
  <si>
    <t>820232.0</t>
  </si>
  <si>
    <t>130457.0</t>
  </si>
  <si>
    <t>106626.0</t>
  </si>
  <si>
    <t>105170.0</t>
  </si>
  <si>
    <t>1478358.0</t>
  </si>
  <si>
    <t>132.971</t>
  </si>
  <si>
    <t>3105105.0</t>
  </si>
  <si>
    <t>2284580.0</t>
  </si>
  <si>
    <t>820525.0</t>
  </si>
  <si>
    <t>33618.0</t>
  </si>
  <si>
    <t>108511.0</t>
  </si>
  <si>
    <t>107071.0</t>
  </si>
  <si>
    <t>3119820.0</t>
  </si>
  <si>
    <t>2299179.0</t>
  </si>
  <si>
    <t>820641.0</t>
  </si>
  <si>
    <t>109363.0</t>
  </si>
  <si>
    <t>107922.0</t>
  </si>
  <si>
    <t>108806.0</t>
  </si>
  <si>
    <t>107301.0</t>
  </si>
  <si>
    <t>3370726.0</t>
  </si>
  <si>
    <t>2545132.0</t>
  </si>
  <si>
    <t>825594.0</t>
  </si>
  <si>
    <t>104331.0</t>
  </si>
  <si>
    <t>102805.0</t>
  </si>
  <si>
    <t>3488131.0</t>
  </si>
  <si>
    <t>2658818.0</t>
  </si>
  <si>
    <t>829313.0</t>
  </si>
  <si>
    <t>117405.0</t>
  </si>
  <si>
    <t>98111.0</t>
  </si>
  <si>
    <t>3593646.0</t>
  </si>
  <si>
    <t>2748532.0</t>
  </si>
  <si>
    <t>845114.0</t>
  </si>
  <si>
    <t>93231.0</t>
  </si>
  <si>
    <t>89403.0</t>
  </si>
  <si>
    <t>3694329.0</t>
  </si>
  <si>
    <t>2822348.0</t>
  </si>
  <si>
    <t>871981.0</t>
  </si>
  <si>
    <t>100683.0</t>
  </si>
  <si>
    <t>81585.0</t>
  </si>
  <si>
    <t>1512067.0</t>
  </si>
  <si>
    <t>136.003</t>
  </si>
  <si>
    <t>3725377.0</t>
  </si>
  <si>
    <t>2845928.0</t>
  </si>
  <si>
    <t>879449.0</t>
  </si>
  <si>
    <t>80193.0</t>
  </si>
  <si>
    <t>1517163.0</t>
  </si>
  <si>
    <t>136.462</t>
  </si>
  <si>
    <t>3739010.0</t>
  </si>
  <si>
    <t>2855808.0</t>
  </si>
  <si>
    <t>883202.0</t>
  </si>
  <si>
    <t>13633.0</t>
  </si>
  <si>
    <t>88456.0</t>
  </si>
  <si>
    <t>1520322.0</t>
  </si>
  <si>
    <t>136.746</t>
  </si>
  <si>
    <t>3845766.0</t>
  </si>
  <si>
    <t>2932987.0</t>
  </si>
  <si>
    <t>912779.0</t>
  </si>
  <si>
    <t>106756.0</t>
  </si>
  <si>
    <t>85785.0</t>
  </si>
  <si>
    <t>3948015.0</t>
  </si>
  <si>
    <t>3003678.0</t>
  </si>
  <si>
    <t>944337.0</t>
  </si>
  <si>
    <t>102249.0</t>
  </si>
  <si>
    <t>82470.0</t>
  </si>
  <si>
    <t>65507.0</t>
  </si>
  <si>
    <t>1531097.0</t>
  </si>
  <si>
    <t>137.715</t>
  </si>
  <si>
    <t>4041312.0</t>
  </si>
  <si>
    <t>3064800.0</t>
  </si>
  <si>
    <t>976512.0</t>
  </si>
  <si>
    <t>93297.0</t>
  </si>
  <si>
    <t>79026.0</t>
  </si>
  <si>
    <t>57997.0</t>
  </si>
  <si>
    <t>4121584.0</t>
  </si>
  <si>
    <t>3115252.0</t>
  </si>
  <si>
    <t>1006332.0</t>
  </si>
  <si>
    <t>80272.0</t>
  </si>
  <si>
    <t>52389.0</t>
  </si>
  <si>
    <t>4188983.0</t>
  </si>
  <si>
    <t>3155232.0</t>
  </si>
  <si>
    <t>1033751.0</t>
  </si>
  <si>
    <t>67399.0</t>
  </si>
  <si>
    <t>70665.0</t>
  </si>
  <si>
    <t>47555.0</t>
  </si>
  <si>
    <t>4210215.0</t>
  </si>
  <si>
    <t>3169176.0</t>
  </si>
  <si>
    <t>1041039.0</t>
  </si>
  <si>
    <t>69263.0</t>
  </si>
  <si>
    <t>1551549.0</t>
  </si>
  <si>
    <t>139.554</t>
  </si>
  <si>
    <t>4214163.0</t>
  </si>
  <si>
    <t>3171332.0</t>
  </si>
  <si>
    <t>1042831.0</t>
  </si>
  <si>
    <t>67879.0</t>
  </si>
  <si>
    <t>45075.0</t>
  </si>
  <si>
    <t>4311374.0</t>
  </si>
  <si>
    <t>3223950.0</t>
  </si>
  <si>
    <t>1087424.0</t>
  </si>
  <si>
    <t>97211.0</t>
  </si>
  <si>
    <t>41566.0</t>
  </si>
  <si>
    <t>3153.4</t>
  </si>
  <si>
    <t>280.830908249406</t>
  </si>
  <si>
    <t>4456516.0</t>
  </si>
  <si>
    <t>3313861.0</t>
  </si>
  <si>
    <t>1142655.0</t>
  </si>
  <si>
    <t>145142.0</t>
  </si>
  <si>
    <t>72643.0</t>
  </si>
  <si>
    <t>29.51</t>
  </si>
  <si>
    <t>44312.0</t>
  </si>
  <si>
    <t>0.2551</t>
  </si>
  <si>
    <t>4625387.0</t>
  </si>
  <si>
    <t>3424187.0</t>
  </si>
  <si>
    <t>1201200.0</t>
  </si>
  <si>
    <t>168871.0</t>
  </si>
  <si>
    <t>4761529.0</t>
  </si>
  <si>
    <t>3530338.0</t>
  </si>
  <si>
    <t>1231191.0</t>
  </si>
  <si>
    <t>136142.0</t>
  </si>
  <si>
    <t>91421.0</t>
  </si>
  <si>
    <t>59298.0</t>
  </si>
  <si>
    <t>1578947.0</t>
  </si>
  <si>
    <t>142.019</t>
  </si>
  <si>
    <t>4989807.0</t>
  </si>
  <si>
    <t>3687044.0</t>
  </si>
  <si>
    <t>1302763.0</t>
  </si>
  <si>
    <t>228278.0</t>
  </si>
  <si>
    <t>114403.0</t>
  </si>
  <si>
    <t>75973.0</t>
  </si>
  <si>
    <t>0.2383</t>
  </si>
  <si>
    <t>5115370.0</t>
  </si>
  <si>
    <t>3784461.0</t>
  </si>
  <si>
    <t>1330909.0</t>
  </si>
  <si>
    <t>125563.0</t>
  </si>
  <si>
    <t>129308.0</t>
  </si>
  <si>
    <t>87898.0</t>
  </si>
  <si>
    <t>1590765.0</t>
  </si>
  <si>
    <t>143.082</t>
  </si>
  <si>
    <t>5197199.0</t>
  </si>
  <si>
    <t>3848889.0</t>
  </si>
  <si>
    <t>1348310.0</t>
  </si>
  <si>
    <t>81829.0</t>
  </si>
  <si>
    <t>140434.0</t>
  </si>
  <si>
    <t>96794.0</t>
  </si>
  <si>
    <t>1595359.0</t>
  </si>
  <si>
    <t>5417069.0</t>
  </si>
  <si>
    <t>3971831.0</t>
  </si>
  <si>
    <t>1445238.0</t>
  </si>
  <si>
    <t>157956.0</t>
  </si>
  <si>
    <t>106840.0</t>
  </si>
  <si>
    <t>5656548.0</t>
  </si>
  <si>
    <t>4091884.0</t>
  </si>
  <si>
    <t>1564664.0</t>
  </si>
  <si>
    <t>239479.0</t>
  </si>
  <si>
    <t>171433.0</t>
  </si>
  <si>
    <t>15267.0</t>
  </si>
  <si>
    <t>111146.0</t>
  </si>
  <si>
    <t>5900600.0</t>
  </si>
  <si>
    <t>4212646.0</t>
  </si>
  <si>
    <t>1687954.0</t>
  </si>
  <si>
    <t>244052.0</t>
  </si>
  <si>
    <t>182173.0</t>
  </si>
  <si>
    <t>52.55</t>
  </si>
  <si>
    <t>16224.0</t>
  </si>
  <si>
    <t>112637.0</t>
  </si>
  <si>
    <t>6050983.0</t>
  </si>
  <si>
    <t>4223427.0</t>
  </si>
  <si>
    <t>1827556.0</t>
  </si>
  <si>
    <t>150383.0</t>
  </si>
  <si>
    <t>184208.0</t>
  </si>
  <si>
    <t>0.2157</t>
  </si>
  <si>
    <t>6173811.0</t>
  </si>
  <si>
    <t>4227940.0</t>
  </si>
  <si>
    <t>1945871.0</t>
  </si>
  <si>
    <t>122828.0</t>
  </si>
  <si>
    <t>169143.0</t>
  </si>
  <si>
    <t>15063.0</t>
  </si>
  <si>
    <t>1622856.0</t>
  </si>
  <si>
    <t>145.968</t>
  </si>
  <si>
    <t>0.2149</t>
  </si>
  <si>
    <t>6219867.0</t>
  </si>
  <si>
    <t>4241798.0</t>
  </si>
  <si>
    <t>1978069.0</t>
  </si>
  <si>
    <t>46056.0</t>
  </si>
  <si>
    <t>14052.0</t>
  </si>
  <si>
    <t>65334.0</t>
  </si>
  <si>
    <t>1627049.0</t>
  </si>
  <si>
    <t>146.345</t>
  </si>
  <si>
    <t>0.2087</t>
  </si>
  <si>
    <t>6251341.0</t>
  </si>
  <si>
    <t>4258343.0</t>
  </si>
  <si>
    <t>1992998.0</t>
  </si>
  <si>
    <t>31474.0</t>
  </si>
  <si>
    <t>150592.0</t>
  </si>
  <si>
    <t>58493.0</t>
  </si>
  <si>
    <t>1632441.0</t>
  </si>
  <si>
    <t>146.83</t>
  </si>
  <si>
    <t>6370569.0</t>
  </si>
  <si>
    <t>4272574.0</t>
  </si>
  <si>
    <t>2097995.0</t>
  </si>
  <si>
    <t>119228.0</t>
  </si>
  <si>
    <t>136214.0</t>
  </si>
  <si>
    <t>42963.0</t>
  </si>
  <si>
    <t>6473104.0</t>
  </si>
  <si>
    <t>4286397.0</t>
  </si>
  <si>
    <t>2186707.0</t>
  </si>
  <si>
    <t>102535.0</t>
  </si>
  <si>
    <t>116651.0</t>
  </si>
  <si>
    <t>10389.0</t>
  </si>
  <si>
    <t>6553710.0</t>
  </si>
  <si>
    <t>4301394.0</t>
  </si>
  <si>
    <t>2252316.0</t>
  </si>
  <si>
    <t>93301.0</t>
  </si>
  <si>
    <t>6675351.0</t>
  </si>
  <si>
    <t>4344495.0</t>
  </si>
  <si>
    <t>2330856.0</t>
  </si>
  <si>
    <t>121641.0</t>
  </si>
  <si>
    <t>89195.0</t>
  </si>
  <si>
    <t>17295.0</t>
  </si>
  <si>
    <t>6835074.0</t>
  </si>
  <si>
    <t>4422388.0</t>
  </si>
  <si>
    <t>2412686.0</t>
  </si>
  <si>
    <t>159723.0</t>
  </si>
  <si>
    <t>94466.0</t>
  </si>
  <si>
    <t>1638427.0</t>
  </si>
  <si>
    <t>147.369</t>
  </si>
  <si>
    <t>0.5118</t>
  </si>
  <si>
    <t>4491478.0</t>
  </si>
  <si>
    <t>2452188.0</t>
  </si>
  <si>
    <t>108592.0</t>
  </si>
  <si>
    <t>103400.0</t>
  </si>
  <si>
    <t>35669.0</t>
  </si>
  <si>
    <t>0.4055</t>
  </si>
  <si>
    <t>7012445.0</t>
  </si>
  <si>
    <t>4541739.0</t>
  </si>
  <si>
    <t>2470706.0</t>
  </si>
  <si>
    <t>68779.0</t>
  </si>
  <si>
    <t>108729.0</t>
  </si>
  <si>
    <t>40485.0</t>
  </si>
  <si>
    <t>7172478.0</t>
  </si>
  <si>
    <t>4625991.0</t>
  </si>
  <si>
    <t>2546487.0</t>
  </si>
  <si>
    <t>160033.0</t>
  </si>
  <si>
    <t>50488.0</t>
  </si>
  <si>
    <t>7301587.0</t>
  </si>
  <si>
    <t>4691111.0</t>
  </si>
  <si>
    <t>2610476.0</t>
  </si>
  <si>
    <t>129109.0</t>
  </si>
  <si>
    <t>118355.0</t>
  </si>
  <si>
    <t>57816.0</t>
  </si>
  <si>
    <t>7402235.0</t>
  </si>
  <si>
    <t>4746498.0</t>
  </si>
  <si>
    <t>2655737.0</t>
  </si>
  <si>
    <t>100648.0</t>
  </si>
  <si>
    <t>121218.0</t>
  </si>
  <si>
    <t>63586.0</t>
  </si>
  <si>
    <t>7482545.0</t>
  </si>
  <si>
    <t>4790322.0</t>
  </si>
  <si>
    <t>2692223.0</t>
  </si>
  <si>
    <t>80310.0</t>
  </si>
  <si>
    <t>115313.0</t>
  </si>
  <si>
    <t>63690.0</t>
  </si>
  <si>
    <t>1690555.0</t>
  </si>
  <si>
    <t>152.057</t>
  </si>
  <si>
    <t>7545508.0</t>
  </si>
  <si>
    <t>4826862.0</t>
  </si>
  <si>
    <t>2718646.0</t>
  </si>
  <si>
    <t>62963.0</t>
  </si>
  <si>
    <t>101491.0</t>
  </si>
  <si>
    <t>1695532.0</t>
  </si>
  <si>
    <t>152.505</t>
  </si>
  <si>
    <t>7569805.0</t>
  </si>
  <si>
    <t>4842540.0</t>
  </si>
  <si>
    <t>2727265.0</t>
  </si>
  <si>
    <t>24297.0</t>
  </si>
  <si>
    <t>7583057.0</t>
  </si>
  <si>
    <t>4851699.0</t>
  </si>
  <si>
    <t>2731358.0</t>
  </si>
  <si>
    <t>81516.0</t>
  </si>
  <si>
    <t>7653536.0</t>
  </si>
  <si>
    <t>4883358.0</t>
  </si>
  <si>
    <t>2770178.0</t>
  </si>
  <si>
    <t>1706766.0</t>
  </si>
  <si>
    <t>153.516</t>
  </si>
  <si>
    <t>7746038.0</t>
  </si>
  <si>
    <t>4918071.0</t>
  </si>
  <si>
    <t>2827967.0</t>
  </si>
  <si>
    <t>92502.0</t>
  </si>
  <si>
    <t>63493.0</t>
  </si>
  <si>
    <t>32423.0</t>
  </si>
  <si>
    <t>7842179.0</t>
  </si>
  <si>
    <t>4949582.0</t>
  </si>
  <si>
    <t>2892597.0</t>
  </si>
  <si>
    <t>62849.0</t>
  </si>
  <si>
    <t>389.889552963753</t>
  </si>
  <si>
    <t>62605.0</t>
  </si>
  <si>
    <t>26074.0</t>
  </si>
  <si>
    <t>64839.0</t>
  </si>
  <si>
    <t>1733312.0</t>
  </si>
  <si>
    <t>155.903</t>
  </si>
  <si>
    <t>0.1669</t>
  </si>
  <si>
    <t>8077985.0</t>
  </si>
  <si>
    <t>5019355.0</t>
  </si>
  <si>
    <t>3058630.0</t>
  </si>
  <si>
    <t>8119502.0</t>
  </si>
  <si>
    <t>5030094.0</t>
  </si>
  <si>
    <t>3089408.0</t>
  </si>
  <si>
    <t>76635.0</t>
  </si>
  <si>
    <t>25485.0</t>
  </si>
  <si>
    <t>1741898.0</t>
  </si>
  <si>
    <t>156.675</t>
  </si>
  <si>
    <t>8253816.0</t>
  </si>
  <si>
    <t>5061730.0</t>
  </si>
  <si>
    <t>3192086.0</t>
  </si>
  <si>
    <t>134314.0</t>
  </si>
  <si>
    <t>85754.0</t>
  </si>
  <si>
    <t>8396449.0</t>
  </si>
  <si>
    <t>5097374.0</t>
  </si>
  <si>
    <t>3299075.0</t>
  </si>
  <si>
    <t>25734.0</t>
  </si>
  <si>
    <t>142633.0</t>
  </si>
  <si>
    <t>92916.0</t>
  </si>
  <si>
    <t>25615.0</t>
  </si>
  <si>
    <t>1752635.0</t>
  </si>
  <si>
    <t>157.641</t>
  </si>
  <si>
    <t>8572939.0</t>
  </si>
  <si>
    <t>5131732.0</t>
  </si>
  <si>
    <t>3403094.0</t>
  </si>
  <si>
    <t>38113.0</t>
  </si>
  <si>
    <t>176490.0</t>
  </si>
  <si>
    <t>104394.0</t>
  </si>
  <si>
    <t>8688523.0</t>
  </si>
  <si>
    <t>5165832.0</t>
  </si>
  <si>
    <t>3469190.0</t>
  </si>
  <si>
    <t>53501.0</t>
  </si>
  <si>
    <t>115584.0</t>
  </si>
  <si>
    <t>8783843.0</t>
  </si>
  <si>
    <t>5198112.0</t>
  </si>
  <si>
    <t>3515118.0</t>
  </si>
  <si>
    <t>95320.0</t>
  </si>
  <si>
    <t>8833615.0</t>
  </si>
  <si>
    <t>5217103.0</t>
  </si>
  <si>
    <t>3536178.0</t>
  </si>
  <si>
    <t>80334.0</t>
  </si>
  <si>
    <t>49772.0</t>
  </si>
  <si>
    <t>107947.0</t>
  </si>
  <si>
    <t>28250.0</t>
  </si>
  <si>
    <t>1770735.0</t>
  </si>
  <si>
    <t>159.269</t>
  </si>
  <si>
    <t>8859966.0</t>
  </si>
  <si>
    <t>5226733.0</t>
  </si>
  <si>
    <t>3547663.0</t>
  </si>
  <si>
    <t>85570.0</t>
  </si>
  <si>
    <t>105781.0</t>
  </si>
  <si>
    <t>28091.0</t>
  </si>
  <si>
    <t>8924052.0</t>
  </si>
  <si>
    <t>5246674.0</t>
  </si>
  <si>
    <t>3574258.0</t>
  </si>
  <si>
    <t>95748.0</t>
  </si>
  <si>
    <t>1779298.0</t>
  </si>
  <si>
    <t>160.039</t>
  </si>
  <si>
    <t>8998508.0</t>
  </si>
  <si>
    <t>5271104.0</t>
  </si>
  <si>
    <t>3604070.0</t>
  </si>
  <si>
    <t>123334.0</t>
  </si>
  <si>
    <t>74456.0</t>
  </si>
  <si>
    <t>86008.0</t>
  </si>
  <si>
    <t>24819.0</t>
  </si>
  <si>
    <t>9066151.0</t>
  </si>
  <si>
    <t>5294786.0</t>
  </si>
  <si>
    <t>3629728.0</t>
  </si>
  <si>
    <t>67643.0</t>
  </si>
  <si>
    <t>70459.0</t>
  </si>
  <si>
    <t>23293.0</t>
  </si>
  <si>
    <t>1787985.0</t>
  </si>
  <si>
    <t>160.821</t>
  </si>
  <si>
    <t>9132857.0</t>
  </si>
  <si>
    <t>5316275.0</t>
  </si>
  <si>
    <t>3657968.0</t>
  </si>
  <si>
    <t>158614.0</t>
  </si>
  <si>
    <t>63476.0</t>
  </si>
  <si>
    <t>9201783.0</t>
  </si>
  <si>
    <t>5336442.0</t>
  </si>
  <si>
    <t>3692082.0</t>
  </si>
  <si>
    <t>173259.0</t>
  </si>
  <si>
    <t>68926.0</t>
  </si>
  <si>
    <t>59706.0</t>
  </si>
  <si>
    <t>19761.0</t>
  </si>
  <si>
    <t>9246631.0</t>
  </si>
  <si>
    <t>5346011.0</t>
  </si>
  <si>
    <t>3713656.0</t>
  </si>
  <si>
    <t>186964.0</t>
  </si>
  <si>
    <t>44848.0</t>
  </si>
  <si>
    <t>18415.0</t>
  </si>
  <si>
    <t>1798172.0</t>
  </si>
  <si>
    <t>161.737</t>
  </si>
  <si>
    <t>9263829.0</t>
  </si>
  <si>
    <t>5350169.0</t>
  </si>
  <si>
    <t>3723277.0</t>
  </si>
  <si>
    <t>190383.0</t>
  </si>
  <si>
    <t>57695.0</t>
  </si>
  <si>
    <t>17634.0</t>
  </si>
  <si>
    <t>9356203.0</t>
  </si>
  <si>
    <t>5369886.0</t>
  </si>
  <si>
    <t>3780347.0</t>
  </si>
  <si>
    <t>205970.0</t>
  </si>
  <si>
    <t>92374.0</t>
  </si>
  <si>
    <t>9449137.0</t>
  </si>
  <si>
    <t>5390472.0</t>
  </si>
  <si>
    <t>3836969.0</t>
  </si>
  <si>
    <t>92934.0</t>
  </si>
  <si>
    <t>64376.0</t>
  </si>
  <si>
    <t>34.17</t>
  </si>
  <si>
    <t>17053.0</t>
  </si>
  <si>
    <t>1808633.0</t>
  </si>
  <si>
    <t>162.678</t>
  </si>
  <si>
    <t>9546340.0</t>
  </si>
  <si>
    <t>5411771.0</t>
  </si>
  <si>
    <t>3893882.0</t>
  </si>
  <si>
    <t>240687.0</t>
  </si>
  <si>
    <t>68598.0</t>
  </si>
  <si>
    <t>16712.0</t>
  </si>
  <si>
    <t>9637523.0</t>
  </si>
  <si>
    <t>5432072.0</t>
  </si>
  <si>
    <t>3944218.0</t>
  </si>
  <si>
    <t>261233.0</t>
  </si>
  <si>
    <t>72095.0</t>
  </si>
  <si>
    <t>9715081.0</t>
  </si>
  <si>
    <t>5450751.0</t>
  </si>
  <si>
    <t>3984498.0</t>
  </si>
  <si>
    <t>279832.0</t>
  </si>
  <si>
    <t>73328.0</t>
  </si>
  <si>
    <t>9741271.0</t>
  </si>
  <si>
    <t>5458029.0</t>
  </si>
  <si>
    <t>3996388.0</t>
  </si>
  <si>
    <t>286854.0</t>
  </si>
  <si>
    <t>26190.0</t>
  </si>
  <si>
    <t>70663.0</t>
  </si>
  <si>
    <t>9746981.0</t>
  </si>
  <si>
    <t>5459382.0</t>
  </si>
  <si>
    <t>3999041.0</t>
  </si>
  <si>
    <t>15602.0</t>
  </si>
  <si>
    <t>1823813.0</t>
  </si>
  <si>
    <t>164.043</t>
  </si>
  <si>
    <t>9815113.0</t>
  </si>
  <si>
    <t>5473614.0</t>
  </si>
  <si>
    <t>4036927.0</t>
  </si>
  <si>
    <t>304572.0</t>
  </si>
  <si>
    <t>65559.0</t>
  </si>
  <si>
    <t>14818.0</t>
  </si>
  <si>
    <t>9904559.0</t>
  </si>
  <si>
    <t>5491708.0</t>
  </si>
  <si>
    <t>4088555.0</t>
  </si>
  <si>
    <t>324296.0</t>
  </si>
  <si>
    <t>65060.0</t>
  </si>
  <si>
    <t>9992472.0</t>
  </si>
  <si>
    <t>5508883.0</t>
  </si>
  <si>
    <t>4139202.0</t>
  </si>
  <si>
    <t>344387.0</t>
  </si>
  <si>
    <t>87913.0</t>
  </si>
  <si>
    <t>10060830.0</t>
  </si>
  <si>
    <t>5524571.0</t>
  </si>
  <si>
    <t>4174568.0</t>
  </si>
  <si>
    <t>361691.0</t>
  </si>
  <si>
    <t>68358.0</t>
  </si>
  <si>
    <t>60472.0</t>
  </si>
  <si>
    <t>10119930.0</t>
  </si>
  <si>
    <t>5538092.0</t>
  </si>
  <si>
    <t>4205772.0</t>
  </si>
  <si>
    <t>376066.0</t>
  </si>
  <si>
    <t>59100.0</t>
  </si>
  <si>
    <t>1840606.0</t>
  </si>
  <si>
    <t>165.554</t>
  </si>
  <si>
    <t>10140333.0</t>
  </si>
  <si>
    <t>5543146.0</t>
  </si>
  <si>
    <t>4215901.0</t>
  </si>
  <si>
    <t>381286.0</t>
  </si>
  <si>
    <t>4769.2</t>
  </si>
  <si>
    <t>424.728473274265</t>
  </si>
  <si>
    <t>10148305.0</t>
  </si>
  <si>
    <t>5545143.0</t>
  </si>
  <si>
    <t>4219737.0</t>
  </si>
  <si>
    <t>383425.0</t>
  </si>
  <si>
    <t>57332.0</t>
  </si>
  <si>
    <t>1846343.0</t>
  </si>
  <si>
    <t>166.07</t>
  </si>
  <si>
    <t>10206054.0</t>
  </si>
  <si>
    <t>5558518.0</t>
  </si>
  <si>
    <t>4250852.0</t>
  </si>
  <si>
    <t>396684.0</t>
  </si>
  <si>
    <t>55849.0</t>
  </si>
  <si>
    <t>37.86</t>
  </si>
  <si>
    <t>10266837.0</t>
  </si>
  <si>
    <t>5572496.0</t>
  </si>
  <si>
    <t>4282396.0</t>
  </si>
  <si>
    <t>411945.0</t>
  </si>
  <si>
    <t>60783.0</t>
  </si>
  <si>
    <t>51754.0</t>
  </si>
  <si>
    <t>10326939.0</t>
  </si>
  <si>
    <t>5586823.0</t>
  </si>
  <si>
    <t>4312006.0</t>
  </si>
  <si>
    <t>428110.0</t>
  </si>
  <si>
    <t>60102.0</t>
  </si>
  <si>
    <t>47781.0</t>
  </si>
  <si>
    <t>10381459.0</t>
  </si>
  <si>
    <t>5600470.0</t>
  </si>
  <si>
    <t>4337509.0</t>
  </si>
  <si>
    <t>443480.0</t>
  </si>
  <si>
    <t>54520.0</t>
  </si>
  <si>
    <t>45804.0</t>
  </si>
  <si>
    <t>92.45</t>
  </si>
  <si>
    <t>10843.0</t>
  </si>
  <si>
    <t>10426989.0</t>
  </si>
  <si>
    <t>5612488.0</t>
  </si>
  <si>
    <t>4358673.0</t>
  </si>
  <si>
    <t>455828.0</t>
  </si>
  <si>
    <t>45530.0</t>
  </si>
  <si>
    <t>43866.0</t>
  </si>
  <si>
    <t>92.86</t>
  </si>
  <si>
    <t>10628.0</t>
  </si>
  <si>
    <t>1867427.0</t>
  </si>
  <si>
    <t>167.966</t>
  </si>
  <si>
    <t>10444741.0</t>
  </si>
  <si>
    <t>5617370.0</t>
  </si>
  <si>
    <t>4366182.0</t>
  </si>
  <si>
    <t>461189.0</t>
  </si>
  <si>
    <t>43487.0</t>
  </si>
  <si>
    <t>10452130.0</t>
  </si>
  <si>
    <t>5619234.0</t>
  </si>
  <si>
    <t>4369473.0</t>
  </si>
  <si>
    <t>463423.0</t>
  </si>
  <si>
    <t>43404.0</t>
  </si>
  <si>
    <t>93.08</t>
  </si>
  <si>
    <t>38.91</t>
  </si>
  <si>
    <t>10584.0</t>
  </si>
  <si>
    <t>1875579.0</t>
  </si>
  <si>
    <t>168.699</t>
  </si>
  <si>
    <t>10500107.0</t>
  </si>
  <si>
    <t>5631732.0</t>
  </si>
  <si>
    <t>4391693.0</t>
  </si>
  <si>
    <t>476682.0</t>
  </si>
  <si>
    <t>47977.0</t>
  </si>
  <si>
    <t>42008.0</t>
  </si>
  <si>
    <t>93.51</t>
  </si>
  <si>
    <t>10459.0</t>
  </si>
  <si>
    <t>10554023.0</t>
  </si>
  <si>
    <t>5645781.0</t>
  </si>
  <si>
    <t>4417043.0</t>
  </si>
  <si>
    <t>491199.0</t>
  </si>
  <si>
    <t>53916.0</t>
  </si>
  <si>
    <t>41027.0</t>
  </si>
  <si>
    <t>93.99</t>
  </si>
  <si>
    <t>10581472.0</t>
  </si>
  <si>
    <t>5652804.0</t>
  </si>
  <si>
    <t>4429487.0</t>
  </si>
  <si>
    <t>499181.0</t>
  </si>
  <si>
    <t>27449.0</t>
  </si>
  <si>
    <t>36362.0</t>
  </si>
  <si>
    <t>39.45</t>
  </si>
  <si>
    <t>10601438.0</t>
  </si>
  <si>
    <t>5657720.0</t>
  </si>
  <si>
    <t>4438630.0</t>
  </si>
  <si>
    <t>505088.0</t>
  </si>
  <si>
    <t>31426.0</t>
  </si>
  <si>
    <t>10638203.0</t>
  </si>
  <si>
    <t>5667626.0</t>
  </si>
  <si>
    <t>4455264.0</t>
  </si>
  <si>
    <t>515313.0</t>
  </si>
  <si>
    <t>36765.0</t>
  </si>
  <si>
    <t>30173.0</t>
  </si>
  <si>
    <t>10652029.0</t>
  </si>
  <si>
    <t>5671374.0</t>
  </si>
  <si>
    <t>4461013.0</t>
  </si>
  <si>
    <t>519642.0</t>
  </si>
  <si>
    <t>29613.0</t>
  </si>
  <si>
    <t>10656985.0</t>
  </si>
  <si>
    <t>5672584.0</t>
  </si>
  <si>
    <t>4462896.0</t>
  </si>
  <si>
    <t>521505.0</t>
  </si>
  <si>
    <t>29265.0</t>
  </si>
  <si>
    <t>1910033.0</t>
  </si>
  <si>
    <t>171.798</t>
  </si>
  <si>
    <t>10658318.0</t>
  </si>
  <si>
    <t>5672922.0</t>
  </si>
  <si>
    <t>4463319.0</t>
  </si>
  <si>
    <t>522077.0</t>
  </si>
  <si>
    <t>10697563.0</t>
  </si>
  <si>
    <t>5683833.0</t>
  </si>
  <si>
    <t>4480873.0</t>
  </si>
  <si>
    <t>532857.0</t>
  </si>
  <si>
    <t>1917095.0</t>
  </si>
  <si>
    <t>172.434</t>
  </si>
  <si>
    <t>10743683.0</t>
  </si>
  <si>
    <t>5696721.0</t>
  </si>
  <si>
    <t>4501030.0</t>
  </si>
  <si>
    <t>545932.0</t>
  </si>
  <si>
    <t>23173.0</t>
  </si>
  <si>
    <t>95.68</t>
  </si>
  <si>
    <t>1921446.0</t>
  </si>
  <si>
    <t>172.825</t>
  </si>
  <si>
    <t>10789568.0</t>
  </si>
  <si>
    <t>5709646.0</t>
  </si>
  <si>
    <t>4520504.0</t>
  </si>
  <si>
    <t>559418.0</t>
  </si>
  <si>
    <t>96.09</t>
  </si>
  <si>
    <t>10825861.0</t>
  </si>
  <si>
    <t>5719571.0</t>
  </si>
  <si>
    <t>4534518.0</t>
  </si>
  <si>
    <t>571772.0</t>
  </si>
  <si>
    <t>36293.0</t>
  </si>
  <si>
    <t>26808.0</t>
  </si>
  <si>
    <t>50.94</t>
  </si>
  <si>
    <t>1928791.0</t>
  </si>
  <si>
    <t>173.486</t>
  </si>
  <si>
    <t>10841175.0</t>
  </si>
  <si>
    <t>5723752.0</t>
  </si>
  <si>
    <t>4540737.0</t>
  </si>
  <si>
    <t>576686.0</t>
  </si>
  <si>
    <t>10847153.0</t>
  </si>
  <si>
    <t>5725316.0</t>
  </si>
  <si>
    <t>4543100.0</t>
  </si>
  <si>
    <t>578737.0</t>
  </si>
  <si>
    <t>27167.0</t>
  </si>
  <si>
    <t>10888847.0</t>
  </si>
  <si>
    <t>5737876.0</t>
  </si>
  <si>
    <t>4559262.0</t>
  </si>
  <si>
    <t>591709.0</t>
  </si>
  <si>
    <t>41694.0</t>
  </si>
  <si>
    <t>96.97</t>
  </si>
  <si>
    <t>1938279.0</t>
  </si>
  <si>
    <t>174.339</t>
  </si>
  <si>
    <t>10932809.0</t>
  </si>
  <si>
    <t>5751312.0</t>
  </si>
  <si>
    <t>4576556.0</t>
  </si>
  <si>
    <t>604941.0</t>
  </si>
  <si>
    <t>33607.0</t>
  </si>
  <si>
    <t>97.36</t>
  </si>
  <si>
    <t>9640.0</t>
  </si>
  <si>
    <t>1941724.0</t>
  </si>
  <si>
    <t>174.649</t>
  </si>
  <si>
    <t>10978304.0</t>
  </si>
  <si>
    <t>5764675.0</t>
  </si>
  <si>
    <t>4594526.0</t>
  </si>
  <si>
    <t>619103.0</t>
  </si>
  <si>
    <t>45495.0</t>
  </si>
  <si>
    <t>33517.0</t>
  </si>
  <si>
    <t>11019655.0</t>
  </si>
  <si>
    <t>5776328.0</t>
  </si>
  <si>
    <t>4609868.0</t>
  </si>
  <si>
    <t>633459.0</t>
  </si>
  <si>
    <t>41351.0</t>
  </si>
  <si>
    <t>32870.0</t>
  </si>
  <si>
    <t>11057138.0</t>
  </si>
  <si>
    <t>5787089.0</t>
  </si>
  <si>
    <t>4623226.0</t>
  </si>
  <si>
    <t>646823.0</t>
  </si>
  <si>
    <t>33040.0</t>
  </si>
  <si>
    <t>9645.0</t>
  </si>
  <si>
    <t>1950593.0</t>
  </si>
  <si>
    <t>175.447</t>
  </si>
  <si>
    <t>11070842.0</t>
  </si>
  <si>
    <t>5790794.0</t>
  </si>
  <si>
    <t>4628273.0</t>
  </si>
  <si>
    <t>651775.0</t>
  </si>
  <si>
    <t>32810.0</t>
  </si>
  <si>
    <t>98.59</t>
  </si>
  <si>
    <t>1952650.0</t>
  </si>
  <si>
    <t>175.632</t>
  </si>
  <si>
    <t>11075514.0</t>
  </si>
  <si>
    <t>5792064.0</t>
  </si>
  <si>
    <t>4629910.0</t>
  </si>
  <si>
    <t>653540.0</t>
  </si>
  <si>
    <t>32623.0</t>
  </si>
  <si>
    <t>98.63</t>
  </si>
  <si>
    <t>11111548.0</t>
  </si>
  <si>
    <t>5802974.0</t>
  </si>
  <si>
    <t>4643779.0</t>
  </si>
  <si>
    <t>664795.0</t>
  </si>
  <si>
    <t>36034.0</t>
  </si>
  <si>
    <t>31814.0</t>
  </si>
  <si>
    <t>1958308.0</t>
  </si>
  <si>
    <t>11152044.0</t>
  </si>
  <si>
    <t>5815574.0</t>
  </si>
  <si>
    <t>4658577.0</t>
  </si>
  <si>
    <t>677893.0</t>
  </si>
  <si>
    <t>40496.0</t>
  </si>
  <si>
    <t>437.980087134705</t>
  </si>
  <si>
    <t>11189420.0</t>
  </si>
  <si>
    <t>5827045.0</t>
  </si>
  <si>
    <t>4671784.0</t>
  </si>
  <si>
    <t>690591.0</t>
  </si>
  <si>
    <t>37376.0</t>
  </si>
  <si>
    <t>30159.0</t>
  </si>
  <si>
    <t>11227165.0</t>
  </si>
  <si>
    <t>5838647.0</t>
  </si>
  <si>
    <t>4684130.0</t>
  </si>
  <si>
    <t>704388.0</t>
  </si>
  <si>
    <t>37745.0</t>
  </si>
  <si>
    <t>99.99</t>
  </si>
  <si>
    <t>11260092.0</t>
  </si>
  <si>
    <t>5848770.0</t>
  </si>
  <si>
    <t>4694576.0</t>
  </si>
  <si>
    <t>716746.0</t>
  </si>
  <si>
    <t>32927.0</t>
  </si>
  <si>
    <t>100.28</t>
  </si>
  <si>
    <t>11272011.0</t>
  </si>
  <si>
    <t>5852088.0</t>
  </si>
  <si>
    <t>4698661.0</t>
  </si>
  <si>
    <t>721262.0</t>
  </si>
  <si>
    <t>28738.0</t>
  </si>
  <si>
    <t>100.38</t>
  </si>
  <si>
    <t>1975055.0</t>
  </si>
  <si>
    <t>177.647</t>
  </si>
  <si>
    <t>11275956.0</t>
  </si>
  <si>
    <t>5853238.0</t>
  </si>
  <si>
    <t>4699926.0</t>
  </si>
  <si>
    <t>722792.0</t>
  </si>
  <si>
    <t>11308808.0</t>
  </si>
  <si>
    <t>5864778.0</t>
  </si>
  <si>
    <t>4710022.0</t>
  </si>
  <si>
    <t>734008.0</t>
  </si>
  <si>
    <t>32852.0</t>
  </si>
  <si>
    <t>1980023.0</t>
  </si>
  <si>
    <t>178.094</t>
  </si>
  <si>
    <t>11344569.0</t>
  </si>
  <si>
    <t>5876522.0</t>
  </si>
  <si>
    <t>4721182.0</t>
  </si>
  <si>
    <t>101.03</t>
  </si>
  <si>
    <t>11382125.0</t>
  </si>
  <si>
    <t>5888643.0</t>
  </si>
  <si>
    <t>4733550.0</t>
  </si>
  <si>
    <t>759932.0</t>
  </si>
  <si>
    <t>11414350.0</t>
  </si>
  <si>
    <t>5899155.0</t>
  </si>
  <si>
    <t>4744602.0</t>
  </si>
  <si>
    <t>770593.0</t>
  </si>
  <si>
    <t>32225.0</t>
  </si>
  <si>
    <t>26741.0</t>
  </si>
  <si>
    <t>1991308.0</t>
  </si>
  <si>
    <t>179.109</t>
  </si>
  <si>
    <t>11444402.0</t>
  </si>
  <si>
    <t>5908816.0</t>
  </si>
  <si>
    <t>4754536.0</t>
  </si>
  <si>
    <t>781050.0</t>
  </si>
  <si>
    <t>30052.0</t>
  </si>
  <si>
    <t>101.92</t>
  </si>
  <si>
    <t>11455267.0</t>
  </si>
  <si>
    <t>5912118.0</t>
  </si>
  <si>
    <t>4757982.0</t>
  </si>
  <si>
    <t>785167.0</t>
  </si>
  <si>
    <t>10865.0</t>
  </si>
  <si>
    <t>26179.0</t>
  </si>
  <si>
    <t>11458752.0</t>
  </si>
  <si>
    <t>5913137.0</t>
  </si>
  <si>
    <t>4759116.0</t>
  </si>
  <si>
    <t>786499.0</t>
  </si>
  <si>
    <t>102.05</t>
  </si>
  <si>
    <t>11489112.0</t>
  </si>
  <si>
    <t>5923466.0</t>
  </si>
  <si>
    <t>4769499.0</t>
  </si>
  <si>
    <t>796147.0</t>
  </si>
  <si>
    <t>30360.0</t>
  </si>
  <si>
    <t>11521256.0</t>
  </si>
  <si>
    <t>5934452.0</t>
  </si>
  <si>
    <t>4780400.0</t>
  </si>
  <si>
    <t>806404.0</t>
  </si>
  <si>
    <t>32144.0</t>
  </si>
  <si>
    <t>25241.0</t>
  </si>
  <si>
    <t>2010899.0</t>
  </si>
  <si>
    <t>180.871</t>
  </si>
  <si>
    <t>11552920.0</t>
  </si>
  <si>
    <t>5945357.0</t>
  </si>
  <si>
    <t>4791169.0</t>
  </si>
  <si>
    <t>816394.0</t>
  </si>
  <si>
    <t>11585713.0</t>
  </si>
  <si>
    <t>5957432.0</t>
  </si>
  <si>
    <t>4802290.0</t>
  </si>
  <si>
    <t>825991.0</t>
  </si>
  <si>
    <t>32793.0</t>
  </si>
  <si>
    <t>2019733.0</t>
  </si>
  <si>
    <t>181.665</t>
  </si>
  <si>
    <t>11620587.0</t>
  </si>
  <si>
    <t>5970547.0</t>
  </si>
  <si>
    <t>4813036.0</t>
  </si>
  <si>
    <t>837004.0</t>
  </si>
  <si>
    <t>34874.0</t>
  </si>
  <si>
    <t>103.49</t>
  </si>
  <si>
    <t>11632704.0</t>
  </si>
  <si>
    <t>5974744.0</t>
  </si>
  <si>
    <t>4816740.0</t>
  </si>
  <si>
    <t>841220.0</t>
  </si>
  <si>
    <t>25348.0</t>
  </si>
  <si>
    <t>11637410.0</t>
  </si>
  <si>
    <t>5976376.0</t>
  </si>
  <si>
    <t>4818161.0</t>
  </si>
  <si>
    <t>842873.0</t>
  </si>
  <si>
    <t>25523.0</t>
  </si>
  <si>
    <t>103.64</t>
  </si>
  <si>
    <t>2027784.0</t>
  </si>
  <si>
    <t>11672207.0</t>
  </si>
  <si>
    <t>5990085.0</t>
  </si>
  <si>
    <t>4828158.0</t>
  </si>
  <si>
    <t>853964.0</t>
  </si>
  <si>
    <t>34797.0</t>
  </si>
  <si>
    <t>103.95</t>
  </si>
  <si>
    <t>11708653.0</t>
  </si>
  <si>
    <t>6002963.0</t>
  </si>
  <si>
    <t>4839454.0</t>
  </si>
  <si>
    <t>866236.0</t>
  </si>
  <si>
    <t>36446.0</t>
  </si>
  <si>
    <t>104.27</t>
  </si>
  <si>
    <t>11741680.0</t>
  </si>
  <si>
    <t>6014185.0</t>
  </si>
  <si>
    <t>4849827.0</t>
  </si>
  <si>
    <t>877668.0</t>
  </si>
  <si>
    <t>33027.0</t>
  </si>
  <si>
    <t>104.57</t>
  </si>
  <si>
    <t>2039561.0</t>
  </si>
  <si>
    <t>183.449</t>
  </si>
  <si>
    <t>11774063.0</t>
  </si>
  <si>
    <t>6024702.0</t>
  </si>
  <si>
    <t>4860422.0</t>
  </si>
  <si>
    <t>888939.0</t>
  </si>
  <si>
    <t>32383.0</t>
  </si>
  <si>
    <t>104.86</t>
  </si>
  <si>
    <t>11782825.0</t>
  </si>
  <si>
    <t>6027322.0</t>
  </si>
  <si>
    <t>4862748.0</t>
  </si>
  <si>
    <t>892755.0</t>
  </si>
  <si>
    <t>8762.0</t>
  </si>
  <si>
    <t>104.93</t>
  </si>
  <si>
    <t>43.31</t>
  </si>
  <si>
    <t>11793493.0</t>
  </si>
  <si>
    <t>6030532.0</t>
  </si>
  <si>
    <t>4866030.0</t>
  </si>
  <si>
    <t>896931.0</t>
  </si>
  <si>
    <t>10668.0</t>
  </si>
  <si>
    <t>105.03</t>
  </si>
  <si>
    <t>11798933.0</t>
  </si>
  <si>
    <t>6032542.0</t>
  </si>
  <si>
    <t>4867470.0</t>
  </si>
  <si>
    <t>898921.0</t>
  </si>
  <si>
    <t>23075.0</t>
  </si>
  <si>
    <t>105.08</t>
  </si>
  <si>
    <t>11828826.0</t>
  </si>
  <si>
    <t>6042570.0</t>
  </si>
  <si>
    <t>4877470.0</t>
  </si>
  <si>
    <t>908786.0</t>
  </si>
  <si>
    <t>29893.0</t>
  </si>
  <si>
    <t>22374.0</t>
  </si>
  <si>
    <t>11859802.0</t>
  </si>
  <si>
    <t>6052230.0</t>
  </si>
  <si>
    <t>4887765.0</t>
  </si>
  <si>
    <t>919807.0</t>
  </si>
  <si>
    <t>30976.0</t>
  </si>
  <si>
    <t>105.62</t>
  </si>
  <si>
    <t>11889265.0</t>
  </si>
  <si>
    <t>6060747.0</t>
  </si>
  <si>
    <t>4897590.0</t>
  </si>
  <si>
    <t>21084.0</t>
  </si>
  <si>
    <t>11919643.0</t>
  </si>
  <si>
    <t>6069351.0</t>
  </si>
  <si>
    <t>4907894.0</t>
  </si>
  <si>
    <t>942398.0</t>
  </si>
  <si>
    <t>30378.0</t>
  </si>
  <si>
    <t>20797.0</t>
  </si>
  <si>
    <t>106.15</t>
  </si>
  <si>
    <t>5012.8</t>
  </si>
  <si>
    <t>446.422647578049</t>
  </si>
  <si>
    <t>11946808.0</t>
  </si>
  <si>
    <t>6077562.0</t>
  </si>
  <si>
    <t>4916798.0</t>
  </si>
  <si>
    <t>952448.0</t>
  </si>
  <si>
    <t>27165.0</t>
  </si>
  <si>
    <t>106.39</t>
  </si>
  <si>
    <t>11958229.0</t>
  </si>
  <si>
    <t>6080965.0</t>
  </si>
  <si>
    <t>4920361.0</t>
  </si>
  <si>
    <t>956903.0</t>
  </si>
  <si>
    <t>11962034.0</t>
  </si>
  <si>
    <t>6082093.0</t>
  </si>
  <si>
    <t>4921450.0</t>
  </si>
  <si>
    <t>958491.0</t>
  </si>
  <si>
    <t>11984797.0</t>
  </si>
  <si>
    <t>6089400.0</t>
  </si>
  <si>
    <t>4928726.0</t>
  </si>
  <si>
    <t>966671.0</t>
  </si>
  <si>
    <t>106.73</t>
  </si>
  <si>
    <t>12014512.0</t>
  </si>
  <si>
    <t>6098359.0</t>
  </si>
  <si>
    <t>4938094.0</t>
  </si>
  <si>
    <t>978059.0</t>
  </si>
  <si>
    <t>29715.0</t>
  </si>
  <si>
    <t>22101.0</t>
  </si>
  <si>
    <t>12043368.0</t>
  </si>
  <si>
    <t>6107063.0</t>
  </si>
  <si>
    <t>4947154.0</t>
  </si>
  <si>
    <t>989151.0</t>
  </si>
  <si>
    <t>22015.0</t>
  </si>
  <si>
    <t>107.25</t>
  </si>
  <si>
    <t>12072407.0</t>
  </si>
  <si>
    <t>6115991.0</t>
  </si>
  <si>
    <t>4956157.0</t>
  </si>
  <si>
    <t>1000259.0</t>
  </si>
  <si>
    <t>29039.0</t>
  </si>
  <si>
    <t>21823.0</t>
  </si>
  <si>
    <t>107.51</t>
  </si>
  <si>
    <t>12098704.0</t>
  </si>
  <si>
    <t>6123862.0</t>
  </si>
  <si>
    <t>4964932.0</t>
  </si>
  <si>
    <t>1009910.0</t>
  </si>
  <si>
    <t>26297.0</t>
  </si>
  <si>
    <t>12116572.0</t>
  </si>
  <si>
    <t>6130558.0</t>
  </si>
  <si>
    <t>4970581.0</t>
  </si>
  <si>
    <t>1015433.0</t>
  </si>
  <si>
    <t>12125221.0</t>
  </si>
  <si>
    <t>6134235.0</t>
  </si>
  <si>
    <t>4973191.0</t>
  </si>
  <si>
    <t>1017795.0</t>
  </si>
  <si>
    <t>12174532.0</t>
  </si>
  <si>
    <t>6155094.0</t>
  </si>
  <si>
    <t>4988709.0</t>
  </si>
  <si>
    <t>1030729.0</t>
  </si>
  <si>
    <t>49311.0</t>
  </si>
  <si>
    <t>12229780.0</t>
  </si>
  <si>
    <t>6177844.0</t>
  </si>
  <si>
    <t>5006400.0</t>
  </si>
  <si>
    <t>1045536.0</t>
  </si>
  <si>
    <t>108.91</t>
  </si>
  <si>
    <t>11355.0</t>
  </si>
  <si>
    <t>12291745.0</t>
  </si>
  <si>
    <t>6202706.0</t>
  </si>
  <si>
    <t>5027184.0</t>
  </si>
  <si>
    <t>1061855.0</t>
  </si>
  <si>
    <t>61965.0</t>
  </si>
  <si>
    <t>35482.0</t>
  </si>
  <si>
    <t>109.47</t>
  </si>
  <si>
    <t>2131595.0</t>
  </si>
  <si>
    <t>191.727</t>
  </si>
  <si>
    <t>12363423.0</t>
  </si>
  <si>
    <t>6234415.0</t>
  </si>
  <si>
    <t>5050180.0</t>
  </si>
  <si>
    <t>1078828.0</t>
  </si>
  <si>
    <t>71678.0</t>
  </si>
  <si>
    <t>41574.0</t>
  </si>
  <si>
    <t>16918.0</t>
  </si>
  <si>
    <t>12434612.0</t>
  </si>
  <si>
    <t>6270413.0</t>
  </si>
  <si>
    <t>5071130.0</t>
  </si>
  <si>
    <t>1093069.0</t>
  </si>
  <si>
    <t>71189.0</t>
  </si>
  <si>
    <t>47987.0</t>
  </si>
  <si>
    <t>110.74</t>
  </si>
  <si>
    <t>20936.0</t>
  </si>
  <si>
    <t>12472126.0</t>
  </si>
  <si>
    <t>6290568.0</t>
  </si>
  <si>
    <t>5082077.0</t>
  </si>
  <si>
    <t>1099481.0</t>
  </si>
  <si>
    <t>37514.0</t>
  </si>
  <si>
    <t>50793.0</t>
  </si>
  <si>
    <t>22859.0</t>
  </si>
  <si>
    <t>12495015.0</t>
  </si>
  <si>
    <t>6304282.0</t>
  </si>
  <si>
    <t>5088396.0</t>
  </si>
  <si>
    <t>1102337.0</t>
  </si>
  <si>
    <t>24292.0</t>
  </si>
  <si>
    <t>12610761.0</t>
  </si>
  <si>
    <t>6372529.0</t>
  </si>
  <si>
    <t>5121120.0</t>
  </si>
  <si>
    <t>1117112.0</t>
  </si>
  <si>
    <t>115746.0</t>
  </si>
  <si>
    <t>62318.0</t>
  </si>
  <si>
    <t>31062.0</t>
  </si>
  <si>
    <t>2158103.0</t>
  </si>
  <si>
    <t>12738389.0</t>
  </si>
  <si>
    <t>6449174.0</t>
  </si>
  <si>
    <t>5158185.0</t>
  </si>
  <si>
    <t>1131030.0</t>
  </si>
  <si>
    <t>127628.0</t>
  </si>
  <si>
    <t>72658.0</t>
  </si>
  <si>
    <t>113.44</t>
  </si>
  <si>
    <t>38761.0</t>
  </si>
  <si>
    <t>12852649.0</t>
  </si>
  <si>
    <t>6515080.0</t>
  </si>
  <si>
    <t>5190840.0</t>
  </si>
  <si>
    <t>1146729.0</t>
  </si>
  <si>
    <t>114260.0</t>
  </si>
  <si>
    <t>80129.0</t>
  </si>
  <si>
    <t>114.46</t>
  </si>
  <si>
    <t>44625.0</t>
  </si>
  <si>
    <t>2167853.0</t>
  </si>
  <si>
    <t>194.988</t>
  </si>
  <si>
    <t>12948213.0</t>
  </si>
  <si>
    <t>6566518.0</t>
  </si>
  <si>
    <t>5220779.0</t>
  </si>
  <si>
    <t>1160916.0</t>
  </si>
  <si>
    <t>13020830.0</t>
  </si>
  <si>
    <t>6605259.0</t>
  </si>
  <si>
    <t>5242777.0</t>
  </si>
  <si>
    <t>1172794.0</t>
  </si>
  <si>
    <t>72617.0</t>
  </si>
  <si>
    <t>83745.0</t>
  </si>
  <si>
    <t>115.96</t>
  </si>
  <si>
    <t>7458.0</t>
  </si>
  <si>
    <t>47835.0</t>
  </si>
  <si>
    <t>13046499.0</t>
  </si>
  <si>
    <t>6618207.0</t>
  </si>
  <si>
    <t>5250652.0</t>
  </si>
  <si>
    <t>1177640.0</t>
  </si>
  <si>
    <t>25669.0</t>
  </si>
  <si>
    <t>82053.0</t>
  </si>
  <si>
    <t>116.19</t>
  </si>
  <si>
    <t>46806.0</t>
  </si>
  <si>
    <t>13055947.0</t>
  </si>
  <si>
    <t>6623121.0</t>
  </si>
  <si>
    <t>5253400.0</t>
  </si>
  <si>
    <t>1179426.0</t>
  </si>
  <si>
    <t>80133.0</t>
  </si>
  <si>
    <t>116.27</t>
  </si>
  <si>
    <t>0.1543</t>
  </si>
  <si>
    <t>13110383.0</t>
  </si>
  <si>
    <t>6651836.0</t>
  </si>
  <si>
    <t>5269681.0</t>
  </si>
  <si>
    <t>1188866.0</t>
  </si>
  <si>
    <t>54436.0</t>
  </si>
  <si>
    <t>71375.0</t>
  </si>
  <si>
    <t>116.76</t>
  </si>
  <si>
    <t>2191882.0</t>
  </si>
  <si>
    <t>197.149</t>
  </si>
  <si>
    <t>0.1571</t>
  </si>
  <si>
    <t>13161106.0</t>
  </si>
  <si>
    <t>6676563.0</t>
  </si>
  <si>
    <t>5286037.0</t>
  </si>
  <si>
    <t>1198506.0</t>
  </si>
  <si>
    <t>50723.0</t>
  </si>
  <si>
    <t>60388.0</t>
  </si>
  <si>
    <t>117.21</t>
  </si>
  <si>
    <t>13201730.0</t>
  </si>
  <si>
    <t>6695112.0</t>
  </si>
  <si>
    <t>5299671.0</t>
  </si>
  <si>
    <t>1206947.0</t>
  </si>
  <si>
    <t>40624.0</t>
  </si>
  <si>
    <t>117.57</t>
  </si>
  <si>
    <t>25719.0</t>
  </si>
  <si>
    <t>13236577.0</t>
  </si>
  <si>
    <t>6710320.0</t>
  </si>
  <si>
    <t>5311756.0</t>
  </si>
  <si>
    <t>1214501.0</t>
  </si>
  <si>
    <t>34847.0</t>
  </si>
  <si>
    <t>117.88</t>
  </si>
  <si>
    <t>13262583.0</t>
  </si>
  <si>
    <t>6722034.0</t>
  </si>
  <si>
    <t>5320460.0</t>
  </si>
  <si>
    <t>1220089.0</t>
  </si>
  <si>
    <t>26006.0</t>
  </si>
  <si>
    <t>118.11</t>
  </si>
  <si>
    <t>0.1167</t>
  </si>
  <si>
    <t>13273805.0</t>
  </si>
  <si>
    <t>6726548.0</t>
  </si>
  <si>
    <t>5324573.0</t>
  </si>
  <si>
    <t>1222684.0</t>
  </si>
  <si>
    <t>11222.0</t>
  </si>
  <si>
    <t>32472.0</t>
  </si>
  <si>
    <t>15477.0</t>
  </si>
  <si>
    <t>13277959.0</t>
  </si>
  <si>
    <t>6728113.0</t>
  </si>
  <si>
    <t>5326123.0</t>
  </si>
  <si>
    <t>1223723.0</t>
  </si>
  <si>
    <t>5419.2</t>
  </si>
  <si>
    <t>482.615227368929</t>
  </si>
  <si>
    <t>13305958.0</t>
  </si>
  <si>
    <t>6740194.0</t>
  </si>
  <si>
    <t>5336379.0</t>
  </si>
  <si>
    <t>1229385.0</t>
  </si>
  <si>
    <t>27999.0</t>
  </si>
  <si>
    <t>27939.0</t>
  </si>
  <si>
    <t>118.5</t>
  </si>
  <si>
    <t>12623.0</t>
  </si>
  <si>
    <t>13335439.0</t>
  </si>
  <si>
    <t>6751310.0</t>
  </si>
  <si>
    <t>5348254.0</t>
  </si>
  <si>
    <t>1235875.0</t>
  </si>
  <si>
    <t>24905.0</t>
  </si>
  <si>
    <t>10678.0</t>
  </si>
  <si>
    <t>13362571.0</t>
  </si>
  <si>
    <t>6760871.0</t>
  </si>
  <si>
    <t>5359699.0</t>
  </si>
  <si>
    <t>1242001.0</t>
  </si>
  <si>
    <t>22977.0</t>
  </si>
  <si>
    <t>13389054.0</t>
  </si>
  <si>
    <t>6769430.0</t>
  </si>
  <si>
    <t>5371508.0</t>
  </si>
  <si>
    <t>1248116.0</t>
  </si>
  <si>
    <t>21782.0</t>
  </si>
  <si>
    <t>13412773.0</t>
  </si>
  <si>
    <t>6776919.0</t>
  </si>
  <si>
    <t>5382559.0</t>
  </si>
  <si>
    <t>1253295.0</t>
  </si>
  <si>
    <t>23719.0</t>
  </si>
  <si>
    <t>21456.0</t>
  </si>
  <si>
    <t>13418338.0</t>
  </si>
  <si>
    <t>6778584.0</t>
  </si>
  <si>
    <t>5385106.0</t>
  </si>
  <si>
    <t>1254648.0</t>
  </si>
  <si>
    <t>13421922.0</t>
  </si>
  <si>
    <t>6779553.0</t>
  </si>
  <si>
    <t>5386906.0</t>
  </si>
  <si>
    <t>1255463.0</t>
  </si>
  <si>
    <t>13450451.0</t>
  </si>
  <si>
    <t>6788320.0</t>
  </si>
  <si>
    <t>5401661.0</t>
  </si>
  <si>
    <t>1260470.0</t>
  </si>
  <si>
    <t>119.79</t>
  </si>
  <si>
    <t>13480235.0</t>
  </si>
  <si>
    <t>6796631.0</t>
  </si>
  <si>
    <t>5417869.0</t>
  </si>
  <si>
    <t>1265735.0</t>
  </si>
  <si>
    <t>13507863.0</t>
  </si>
  <si>
    <t>6803863.0</t>
  </si>
  <si>
    <t>5433312.0</t>
  </si>
  <si>
    <t>1270688.0</t>
  </si>
  <si>
    <t>13534391.0</t>
  </si>
  <si>
    <t>6810375.0</t>
  </si>
  <si>
    <t>5448530.0</t>
  </si>
  <si>
    <t>1275486.0</t>
  </si>
  <si>
    <t>13556789.0</t>
  </si>
  <si>
    <t>6816238.0</t>
  </si>
  <si>
    <t>5460820.0</t>
  </si>
  <si>
    <t>1279731.0</t>
  </si>
  <si>
    <t>20574.0</t>
  </si>
  <si>
    <t>13565998.0</t>
  </si>
  <si>
    <t>6818418.0</t>
  </si>
  <si>
    <t>5465964.0</t>
  </si>
  <si>
    <t>1281616.0</t>
  </si>
  <si>
    <t>120.81</t>
  </si>
  <si>
    <t>13569866.0</t>
  </si>
  <si>
    <t>6819570.0</t>
  </si>
  <si>
    <t>5467873.0</t>
  </si>
  <si>
    <t>1282423.0</t>
  </si>
  <si>
    <t>3868.0</t>
  </si>
  <si>
    <t>21135.0</t>
  </si>
  <si>
    <t>120.85</t>
  </si>
  <si>
    <t>13594483.0</t>
  </si>
  <si>
    <t>6826229.0</t>
  </si>
  <si>
    <t>5481481.0</t>
  </si>
  <si>
    <t>1286773.0</t>
  </si>
  <si>
    <t>24617.0</t>
  </si>
  <si>
    <t>20576.0</t>
  </si>
  <si>
    <t>13621646.0</t>
  </si>
  <si>
    <t>6832340.0</t>
  </si>
  <si>
    <t>5497449.0</t>
  </si>
  <si>
    <t>1291857.0</t>
  </si>
  <si>
    <t>121.31</t>
  </si>
  <si>
    <t>5101.0</t>
  </si>
  <si>
    <t>13645417.0</t>
  </si>
  <si>
    <t>6838668.0</t>
  </si>
  <si>
    <t>5510323.0</t>
  </si>
  <si>
    <t>1296426.0</t>
  </si>
  <si>
    <t>23771.0</t>
  </si>
  <si>
    <t>121.52</t>
  </si>
  <si>
    <t>18086.0</t>
  </si>
  <si>
    <t>13676567.0</t>
  </si>
  <si>
    <t>6842495.0</t>
  </si>
  <si>
    <t>5529473.0</t>
  </si>
  <si>
    <t>1304599.0</t>
  </si>
  <si>
    <t>13683852.0</t>
  </si>
  <si>
    <t>6844199.0</t>
  </si>
  <si>
    <t>5533108.0</t>
  </si>
  <si>
    <t>1306545.0</t>
  </si>
  <si>
    <t>16836.0</t>
  </si>
  <si>
    <t>121.86</t>
  </si>
  <si>
    <t>13687260.0</t>
  </si>
  <si>
    <t>6844994.0</t>
  </si>
  <si>
    <t>5534706.0</t>
  </si>
  <si>
    <t>1307560.0</t>
  </si>
  <si>
    <t>13707991.0</t>
  </si>
  <si>
    <t>6850198.0</t>
  </si>
  <si>
    <t>5545879.0</t>
  </si>
  <si>
    <t>1311914.0</t>
  </si>
  <si>
    <t>122.08</t>
  </si>
  <si>
    <t>13728071.0</t>
  </si>
  <si>
    <t>6853470.0</t>
  </si>
  <si>
    <t>5558129.0</t>
  </si>
  <si>
    <t>1316472.0</t>
  </si>
  <si>
    <t>122.26</t>
  </si>
  <si>
    <t>13744109.0</t>
  </si>
  <si>
    <t>6857695.0</t>
  </si>
  <si>
    <t>5565330.0</t>
  </si>
  <si>
    <t>1321084.0</t>
  </si>
  <si>
    <t>16038.0</t>
  </si>
  <si>
    <t>14099.0</t>
  </si>
  <si>
    <t>122.4</t>
  </si>
  <si>
    <t>13759792.0</t>
  </si>
  <si>
    <t>6861368.0</t>
  </si>
  <si>
    <t>5573716.0</t>
  </si>
  <si>
    <t>1324708.0</t>
  </si>
  <si>
    <t>14114.0</t>
  </si>
  <si>
    <t>13772879.0</t>
  </si>
  <si>
    <t>6864648.0</t>
  </si>
  <si>
    <t>5580500.0</t>
  </si>
  <si>
    <t>1327731.0</t>
  </si>
  <si>
    <t>13778350.0</t>
  </si>
  <si>
    <t>6866072.0</t>
  </si>
  <si>
    <t>5583029.0</t>
  </si>
  <si>
    <t>1329249.0</t>
  </si>
  <si>
    <t>122.71</t>
  </si>
  <si>
    <t>49.72</t>
  </si>
  <si>
    <t>13780512.0</t>
  </si>
  <si>
    <t>6866632.0</t>
  </si>
  <si>
    <t>5583974.0</t>
  </si>
  <si>
    <t>1329906.0</t>
  </si>
  <si>
    <t>122.72</t>
  </si>
  <si>
    <t>13798631.0</t>
  </si>
  <si>
    <t>6871684.0</t>
  </si>
  <si>
    <t>5592459.0</t>
  </si>
  <si>
    <t>1334488.0</t>
  </si>
  <si>
    <t>18119.0</t>
  </si>
  <si>
    <t>122.89</t>
  </si>
  <si>
    <t>13816937.0</t>
  </si>
  <si>
    <t>6875984.0</t>
  </si>
  <si>
    <t>5601216.0</t>
  </si>
  <si>
    <t>1339737.0</t>
  </si>
  <si>
    <t>18306.0</t>
  </si>
  <si>
    <t>13832651.0</t>
  </si>
  <si>
    <t>6879735.0</t>
  </si>
  <si>
    <t>5608755.0</t>
  </si>
  <si>
    <t>1344161.0</t>
  </si>
  <si>
    <t>15714.0</t>
  </si>
  <si>
    <t>123.19</t>
  </si>
  <si>
    <t>13840602.0</t>
  </si>
  <si>
    <t>5610578.0</t>
  </si>
  <si>
    <t>1348899.0</t>
  </si>
  <si>
    <t>13860953.0</t>
  </si>
  <si>
    <t>6889377.0</t>
  </si>
  <si>
    <t>5617498.0</t>
  </si>
  <si>
    <t>1354078.0</t>
  </si>
  <si>
    <t>12582.0</t>
  </si>
  <si>
    <t>123.44</t>
  </si>
  <si>
    <t>13866766.0</t>
  </si>
  <si>
    <t>6890583.0</t>
  </si>
  <si>
    <t>5619966.0</t>
  </si>
  <si>
    <t>1356217.0</t>
  </si>
  <si>
    <t>123.49</t>
  </si>
  <si>
    <t>13868812.0</t>
  </si>
  <si>
    <t>6891011.0</t>
  </si>
  <si>
    <t>5620848.0</t>
  </si>
  <si>
    <t>1356953.0</t>
  </si>
  <si>
    <t>123.51</t>
  </si>
  <si>
    <t>13884028.0</t>
  </si>
  <si>
    <t>6894668.0</t>
  </si>
  <si>
    <t>5627360.0</t>
  </si>
  <si>
    <t>1362000.0</t>
  </si>
  <si>
    <t>15216.0</t>
  </si>
  <si>
    <t>123.65</t>
  </si>
  <si>
    <t>13899270.0</t>
  </si>
  <si>
    <t>6898664.0</t>
  </si>
  <si>
    <t>5633639.0</t>
  </si>
  <si>
    <t>1366967.0</t>
  </si>
  <si>
    <t>61.44</t>
  </si>
  <si>
    <t>13912991.0</t>
  </si>
  <si>
    <t>6901796.0</t>
  </si>
  <si>
    <t>5639648.0</t>
  </si>
  <si>
    <t>1371547.0</t>
  </si>
  <si>
    <t>13721.0</t>
  </si>
  <si>
    <t>123.9</t>
  </si>
  <si>
    <t>13940037.0</t>
  </si>
  <si>
    <t>6910029.0</t>
  </si>
  <si>
    <t>5650591.0</t>
  </si>
  <si>
    <t>1379417.0</t>
  </si>
  <si>
    <t>11298.0</t>
  </si>
  <si>
    <t>13943820.0</t>
  </si>
  <si>
    <t>6910906.0</t>
  </si>
  <si>
    <t>5651988.0</t>
  </si>
  <si>
    <t>1380926.0</t>
  </si>
  <si>
    <t>13945195.0</t>
  </si>
  <si>
    <t>6911177.0</t>
  </si>
  <si>
    <t>5652556.0</t>
  </si>
  <si>
    <t>1381462.0</t>
  </si>
  <si>
    <t>124.19</t>
  </si>
  <si>
    <t>13954713.0</t>
  </si>
  <si>
    <t>6912228.0</t>
  </si>
  <si>
    <t>5657819.0</t>
  </si>
  <si>
    <t>1384666.0</t>
  </si>
  <si>
    <t>124.28</t>
  </si>
  <si>
    <t>13965662.0</t>
  </si>
  <si>
    <t>6914602.0</t>
  </si>
  <si>
    <t>5662746.0</t>
  </si>
  <si>
    <t>1388314.0</t>
  </si>
  <si>
    <t>124.37</t>
  </si>
  <si>
    <t>13975553.0</t>
  </si>
  <si>
    <t>6916929.0</t>
  </si>
  <si>
    <t>5667100.0</t>
  </si>
  <si>
    <t>1391524.0</t>
  </si>
  <si>
    <t>13986393.0</t>
  </si>
  <si>
    <t>6919616.0</t>
  </si>
  <si>
    <t>5672049.0</t>
  </si>
  <si>
    <t>1394728.0</t>
  </si>
  <si>
    <t>8554.0</t>
  </si>
  <si>
    <t>124.56</t>
  </si>
  <si>
    <t>13998161.0</t>
  </si>
  <si>
    <t>6922834.0</t>
  </si>
  <si>
    <t>5677283.0</t>
  </si>
  <si>
    <t>1398044.0</t>
  </si>
  <si>
    <t>14001048.0</t>
  </si>
  <si>
    <t>6923416.0</t>
  </si>
  <si>
    <t>5678445.0</t>
  </si>
  <si>
    <t>1399187.0</t>
  </si>
  <si>
    <t>124.69</t>
  </si>
  <si>
    <t>50.57</t>
  </si>
  <si>
    <t>14002233.0</t>
  </si>
  <si>
    <t>6923711.0</t>
  </si>
  <si>
    <t>5678863.0</t>
  </si>
  <si>
    <t>1399659.0</t>
  </si>
  <si>
    <t>14010227.0</t>
  </si>
  <si>
    <t>6925553.0</t>
  </si>
  <si>
    <t>5681607.0</t>
  </si>
  <si>
    <t>1403067.0</t>
  </si>
  <si>
    <t>14030778.0</t>
  </si>
  <si>
    <t>6931885.0</t>
  </si>
  <si>
    <t>5688369.0</t>
  </si>
  <si>
    <t>1410524.0</t>
  </si>
  <si>
    <t>124.95</t>
  </si>
  <si>
    <t>14034756.0</t>
  </si>
  <si>
    <t>6932705.0</t>
  </si>
  <si>
    <t>5689842.0</t>
  </si>
  <si>
    <t>1412209.0</t>
  </si>
  <si>
    <t>124.99</t>
  </si>
  <si>
    <t>14035619.0</t>
  </si>
  <si>
    <t>6932889.0</t>
  </si>
  <si>
    <t>5690156.0</t>
  </si>
  <si>
    <t>1412574.0</t>
  </si>
  <si>
    <t>14042660.0</t>
  </si>
  <si>
    <t>6934218.0</t>
  </si>
  <si>
    <t>5692235.0</t>
  </si>
  <si>
    <t>1416207.0</t>
  </si>
  <si>
    <t>125.06</t>
  </si>
  <si>
    <t>14057252.0</t>
  </si>
  <si>
    <t>6935718.0</t>
  </si>
  <si>
    <t>5694921.0</t>
  </si>
  <si>
    <t>1426613.0</t>
  </si>
  <si>
    <t>14072960.0</t>
  </si>
  <si>
    <t>6937243.0</t>
  </si>
  <si>
    <t>5697773.0</t>
  </si>
  <si>
    <t>1437944.0</t>
  </si>
  <si>
    <t>125.33</t>
  </si>
  <si>
    <t>14083303.0</t>
  </si>
  <si>
    <t>6938229.0</t>
  </si>
  <si>
    <t>5699050.0</t>
  </si>
  <si>
    <t>1446024.0</t>
  </si>
  <si>
    <t>125.42</t>
  </si>
  <si>
    <t>14086551.0</t>
  </si>
  <si>
    <t>6938596.0</t>
  </si>
  <si>
    <t>5699587.0</t>
  </si>
  <si>
    <t>1448368.0</t>
  </si>
  <si>
    <t>14087055.0</t>
  </si>
  <si>
    <t>6938638.0</t>
  </si>
  <si>
    <t>5699664.0</t>
  </si>
  <si>
    <t>1448753.0</t>
  </si>
  <si>
    <t>14088487.0</t>
  </si>
  <si>
    <t>6938810.0</t>
  </si>
  <si>
    <t>5699843.0</t>
  </si>
  <si>
    <t>1449834.0</t>
  </si>
  <si>
    <t>0.1799</t>
  </si>
  <si>
    <t>14107896.0</t>
  </si>
  <si>
    <t>6941384.0</t>
  </si>
  <si>
    <t>5703471.0</t>
  </si>
  <si>
    <t>1462639.0</t>
  </si>
  <si>
    <t>0.2341</t>
  </si>
  <si>
    <t>14136018.0</t>
  </si>
  <si>
    <t>6945679.0</t>
  </si>
  <si>
    <t>5709667.0</t>
  </si>
  <si>
    <t>1479881.0</t>
  </si>
  <si>
    <t>28122.0</t>
  </si>
  <si>
    <t>14159144.0</t>
  </si>
  <si>
    <t>6947946.0</t>
  </si>
  <si>
    <t>5713518.0</t>
  </si>
  <si>
    <t>1496388.0</t>
  </si>
  <si>
    <t>0.3871</t>
  </si>
  <si>
    <t>14181824.0</t>
  </si>
  <si>
    <t>6950489.0</t>
  </si>
  <si>
    <t>5717501.0</t>
  </si>
  <si>
    <t>1511750.0</t>
  </si>
  <si>
    <t>22680.0</t>
  </si>
  <si>
    <t>14074.0</t>
  </si>
  <si>
    <t>0.4665</t>
  </si>
  <si>
    <t>14202751.0</t>
  </si>
  <si>
    <t>6952665.0</t>
  </si>
  <si>
    <t>5721101.0</t>
  </si>
  <si>
    <t>1525921.0</t>
  </si>
  <si>
    <t>20927.0</t>
  </si>
  <si>
    <t>126.48</t>
  </si>
  <si>
    <t>0.5564</t>
  </si>
  <si>
    <t>14211317.0</t>
  </si>
  <si>
    <t>6953635.0</t>
  </si>
  <si>
    <t>5722555.0</t>
  </si>
  <si>
    <t>1531679.0</t>
  </si>
  <si>
    <t>0.6279</t>
  </si>
  <si>
    <t>14214590.0</t>
  </si>
  <si>
    <t>6953963.0</t>
  </si>
  <si>
    <t>5723047.0</t>
  </si>
  <si>
    <t>1533888.0</t>
  </si>
  <si>
    <t>18015.0</t>
  </si>
  <si>
    <t>0.6688</t>
  </si>
  <si>
    <t>14221130.0</t>
  </si>
  <si>
    <t>6954787.0</t>
  </si>
  <si>
    <t>5724174.0</t>
  </si>
  <si>
    <t>1538083.0</t>
  </si>
  <si>
    <t>16176.0</t>
  </si>
  <si>
    <t>0.7219</t>
  </si>
  <si>
    <t>14247782.0</t>
  </si>
  <si>
    <t>6958280.0</t>
  </si>
  <si>
    <t>5728829.0</t>
  </si>
  <si>
    <t>0.7617</t>
  </si>
  <si>
    <t>14274313.0</t>
  </si>
  <si>
    <t>6960926.0</t>
  </si>
  <si>
    <t>5732824.0</t>
  </si>
  <si>
    <t>1573651.0</t>
  </si>
  <si>
    <t>26531.0</t>
  </si>
  <si>
    <t>16453.0</t>
  </si>
  <si>
    <t>0.7732</t>
  </si>
  <si>
    <t>14302345.0</t>
  </si>
  <si>
    <t>6963769.0</t>
  </si>
  <si>
    <t>5737167.0</t>
  </si>
  <si>
    <t>1592705.0</t>
  </si>
  <si>
    <t>28032.0</t>
  </si>
  <si>
    <t>17217.0</t>
  </si>
  <si>
    <t>127.37</t>
  </si>
  <si>
    <t>0.7947</t>
  </si>
  <si>
    <t>14326876.0</t>
  </si>
  <si>
    <t>6966253.0</t>
  </si>
  <si>
    <t>5740955.0</t>
  </si>
  <si>
    <t>1609336.0</t>
  </si>
  <si>
    <t>24531.0</t>
  </si>
  <si>
    <t>51.13</t>
  </si>
  <si>
    <t>0.7727</t>
  </si>
  <si>
    <t>14336137.0</t>
  </si>
  <si>
    <t>6967123.0</t>
  </si>
  <si>
    <t>5742268.0</t>
  </si>
  <si>
    <t>1615745.0</t>
  </si>
  <si>
    <t>127.67</t>
  </si>
  <si>
    <t>0.7361</t>
  </si>
  <si>
    <t>14339630.0</t>
  </si>
  <si>
    <t>6967468.0</t>
  </si>
  <si>
    <t>5742774.0</t>
  </si>
  <si>
    <t>1618069.0</t>
  </si>
  <si>
    <t>17863.0</t>
  </si>
  <si>
    <t>14366533.0</t>
  </si>
  <si>
    <t>6970560.0</t>
  </si>
  <si>
    <t>5747090.0</t>
  </si>
  <si>
    <t>1635948.0</t>
  </si>
  <si>
    <t>26903.0</t>
  </si>
  <si>
    <t>20772.0</t>
  </si>
  <si>
    <t>0.7368</t>
  </si>
  <si>
    <t>14396907.0</t>
  </si>
  <si>
    <t>6973299.0</t>
  </si>
  <si>
    <t>5751304.0</t>
  </si>
  <si>
    <t>1657483.0</t>
  </si>
  <si>
    <t>0.7317</t>
  </si>
  <si>
    <t>0.7507</t>
  </si>
  <si>
    <t>14459835.0</t>
  </si>
  <si>
    <t>6978724.0</t>
  </si>
  <si>
    <t>5759874.0</t>
  </si>
  <si>
    <t>1702948.0</t>
  </si>
  <si>
    <t>22499.0</t>
  </si>
  <si>
    <t>0.7363</t>
  </si>
  <si>
    <t>14466737.0</t>
  </si>
  <si>
    <t>6979245.0</t>
  </si>
  <si>
    <t>5760761.0</t>
  </si>
  <si>
    <t>1708003.0</t>
  </si>
  <si>
    <t>128.84</t>
  </si>
  <si>
    <t>0.7506</t>
  </si>
  <si>
    <t>14475068.0</t>
  </si>
  <si>
    <t>6979917.0</t>
  </si>
  <si>
    <t>5761773.0</t>
  </si>
  <si>
    <t>1714020.0</t>
  </si>
  <si>
    <t>0.7297</t>
  </si>
  <si>
    <t>14479747.0</t>
  </si>
  <si>
    <t>6980405.0</t>
  </si>
  <si>
    <t>5762449.0</t>
  </si>
  <si>
    <t>1717262.0</t>
  </si>
  <si>
    <t>20017.0</t>
  </si>
  <si>
    <t>128.95</t>
  </si>
  <si>
    <t>0.6611</t>
  </si>
  <si>
    <t>14486398.0</t>
  </si>
  <si>
    <t>6980938.0</t>
  </si>
  <si>
    <t>5763319.0</t>
  </si>
  <si>
    <t>1721998.0</t>
  </si>
  <si>
    <t>0.6029</t>
  </si>
  <si>
    <t>14525084.0</t>
  </si>
  <si>
    <t>6984768.0</t>
  </si>
  <si>
    <t>5769230.0</t>
  </si>
  <si>
    <t>1748780.0</t>
  </si>
  <si>
    <t>38686.0</t>
  </si>
  <si>
    <t>129.36</t>
  </si>
  <si>
    <t>0.5247</t>
  </si>
  <si>
    <t>14569305.0</t>
  </si>
  <si>
    <t>6988100.0</t>
  </si>
  <si>
    <t>5774497.0</t>
  </si>
  <si>
    <t>1782404.0</t>
  </si>
  <si>
    <t>44221.0</t>
  </si>
  <si>
    <t>20133.0</t>
  </si>
  <si>
    <t>129.75</t>
  </si>
  <si>
    <t>2938287.0</t>
  </si>
  <si>
    <t>264.285</t>
  </si>
  <si>
    <t>0.4518</t>
  </si>
  <si>
    <t>14619342.0</t>
  </si>
  <si>
    <t>6991107.0</t>
  </si>
  <si>
    <t>5779813.0</t>
  </si>
  <si>
    <t>1821870.0</t>
  </si>
  <si>
    <t>50037.0</t>
  </si>
  <si>
    <t>22787.0</t>
  </si>
  <si>
    <t>2943135.0</t>
  </si>
  <si>
    <t>0.3873</t>
  </si>
  <si>
    <t>14680026.0</t>
  </si>
  <si>
    <t>6994292.0</t>
  </si>
  <si>
    <t>5785462.0</t>
  </si>
  <si>
    <t>1871608.0</t>
  </si>
  <si>
    <t>30470.0</t>
  </si>
  <si>
    <t>2947820.0</t>
  </si>
  <si>
    <t>265.142</t>
  </si>
  <si>
    <t>0.3234</t>
  </si>
  <si>
    <t>14705863.0</t>
  </si>
  <si>
    <t>6995481.0</t>
  </si>
  <si>
    <t>5787787.0</t>
  </si>
  <si>
    <t>1893088.0</t>
  </si>
  <si>
    <t>25837.0</t>
  </si>
  <si>
    <t>32971.0</t>
  </si>
  <si>
    <t>130.97</t>
  </si>
  <si>
    <t>2952303.0</t>
  </si>
  <si>
    <t>265.546</t>
  </si>
  <si>
    <t>14722610.0</t>
  </si>
  <si>
    <t>6996090.0</t>
  </si>
  <si>
    <t>5789094.0</t>
  </si>
  <si>
    <t>1907481.0</t>
  </si>
  <si>
    <t>131.11</t>
  </si>
  <si>
    <t>2959092.0</t>
  </si>
  <si>
    <t>266.156</t>
  </si>
  <si>
    <t>14773753.0</t>
  </si>
  <si>
    <t>6999277.0</t>
  </si>
  <si>
    <t>5794606.0</t>
  </si>
  <si>
    <t>1948527.0</t>
  </si>
  <si>
    <t>51143.0</t>
  </si>
  <si>
    <t>41051.0</t>
  </si>
  <si>
    <t>131.57</t>
  </si>
  <si>
    <t>2967292.0</t>
  </si>
  <si>
    <t>266.894</t>
  </si>
  <si>
    <t>2973479.0</t>
  </si>
  <si>
    <t>0.2505</t>
  </si>
  <si>
    <t>14863885.0</t>
  </si>
  <si>
    <t>7005519.0</t>
  </si>
  <si>
    <t>5806741.0</t>
  </si>
  <si>
    <t>2016535.0</t>
  </si>
  <si>
    <t>132.37</t>
  </si>
  <si>
    <t>2979688.0</t>
  </si>
  <si>
    <t>268.009</t>
  </si>
  <si>
    <t>0.2154</t>
  </si>
  <si>
    <t>14895225.0</t>
  </si>
  <si>
    <t>7008111.0</t>
  </si>
  <si>
    <t>5811643.0</t>
  </si>
  <si>
    <t>2038865.0</t>
  </si>
  <si>
    <t>31340.0</t>
  </si>
  <si>
    <t>39412.0</t>
  </si>
  <si>
    <t>62.41</t>
  </si>
  <si>
    <t>2988770.0</t>
  </si>
  <si>
    <t>268.826</t>
  </si>
  <si>
    <t>14921776.0</t>
  </si>
  <si>
    <t>7010239.0</t>
  </si>
  <si>
    <t>5815779.0</t>
  </si>
  <si>
    <t>2057687.0</t>
  </si>
  <si>
    <t>26551.0</t>
  </si>
  <si>
    <t>2995816.0</t>
  </si>
  <si>
    <t>269.459</t>
  </si>
  <si>
    <t>14933777.0</t>
  </si>
  <si>
    <t>7011201.0</t>
  </si>
  <si>
    <t>5817561.0</t>
  </si>
  <si>
    <t>2066178.0</t>
  </si>
  <si>
    <t>32559.0</t>
  </si>
  <si>
    <t>3003295.0</t>
  </si>
  <si>
    <t>270.132</t>
  </si>
  <si>
    <t>14938025.0</t>
  </si>
  <si>
    <t>7011592.0</t>
  </si>
  <si>
    <t>5818265.0</t>
  </si>
  <si>
    <t>2069055.0</t>
  </si>
  <si>
    <t>30774.0</t>
  </si>
  <si>
    <t>3008356.0</t>
  </si>
  <si>
    <t>270.587</t>
  </si>
  <si>
    <t>14962295.0</t>
  </si>
  <si>
    <t>7013826.0</t>
  </si>
  <si>
    <t>5822454.0</t>
  </si>
  <si>
    <t>2085399.0</t>
  </si>
  <si>
    <t>24270.0</t>
  </si>
  <si>
    <t>133.25</t>
  </si>
  <si>
    <t>3014967.0</t>
  </si>
  <si>
    <t>271.182</t>
  </si>
  <si>
    <t>14986446.0</t>
  </si>
  <si>
    <t>7016026.0</t>
  </si>
  <si>
    <t>5826518.0</t>
  </si>
  <si>
    <t>2101913.0</t>
  </si>
  <si>
    <t>24151.0</t>
  </si>
  <si>
    <t>23947.0</t>
  </si>
  <si>
    <t>3022224.0</t>
  </si>
  <si>
    <t>271.835</t>
  </si>
  <si>
    <t>6964.0</t>
  </si>
  <si>
    <t>15010061.0</t>
  </si>
  <si>
    <t>7018134.0</t>
  </si>
  <si>
    <t>5830645.0</t>
  </si>
  <si>
    <t>2117702.0</t>
  </si>
  <si>
    <t>15031175.0</t>
  </si>
  <si>
    <t>7020063.0</t>
  </si>
  <si>
    <t>5834345.0</t>
  </si>
  <si>
    <t>2131695.0</t>
  </si>
  <si>
    <t>21114.0</t>
  </si>
  <si>
    <t>3029237.0</t>
  </si>
  <si>
    <t>272.465</t>
  </si>
  <si>
    <t>15050637.0</t>
  </si>
  <si>
    <t>7021901.0</t>
  </si>
  <si>
    <t>5837594.0</t>
  </si>
  <si>
    <t>2144772.0</t>
  </si>
  <si>
    <t>18409.0</t>
  </si>
  <si>
    <t>3045273.0</t>
  </si>
  <si>
    <t>16036.0</t>
  </si>
  <si>
    <t>273.908</t>
  </si>
  <si>
    <t>15058124.0</t>
  </si>
  <si>
    <t>7022543.0</t>
  </si>
  <si>
    <t>5838761.0</t>
  </si>
  <si>
    <t>2149940.0</t>
  </si>
  <si>
    <t>3051202.0</t>
  </si>
  <si>
    <t>274.441</t>
  </si>
  <si>
    <t>15061149.0</t>
  </si>
  <si>
    <t>7022854.0</t>
  </si>
  <si>
    <t>5839347.0</t>
  </si>
  <si>
    <t>2151901.0</t>
  </si>
  <si>
    <t>134.13</t>
  </si>
  <si>
    <t>15082676.0</t>
  </si>
  <si>
    <t>7033134.0</t>
  </si>
  <si>
    <t>5841497.0</t>
  </si>
  <si>
    <t>2160124.0</t>
  </si>
  <si>
    <t>21527.0</t>
  </si>
  <si>
    <t>3058874.0</t>
  </si>
  <si>
    <t>275.131</t>
  </si>
  <si>
    <t>15107392.0</t>
  </si>
  <si>
    <t>7043796.0</t>
  </si>
  <si>
    <t>5844147.0</t>
  </si>
  <si>
    <t>2170527.0</t>
  </si>
  <si>
    <t>24716.0</t>
  </si>
  <si>
    <t>3062209.0</t>
  </si>
  <si>
    <t>275.431</t>
  </si>
  <si>
    <t>15135472.0</t>
  </si>
  <si>
    <t>7056133.0</t>
  </si>
  <si>
    <t>5846951.0</t>
  </si>
  <si>
    <t>2182393.0</t>
  </si>
  <si>
    <t>134.79</t>
  </si>
  <si>
    <t>3065877.0</t>
  </si>
  <si>
    <t>275.761</t>
  </si>
  <si>
    <t>15155432.0</t>
  </si>
  <si>
    <t>7068158.0</t>
  </si>
  <si>
    <t>5848497.0</t>
  </si>
  <si>
    <t>2187766.0</t>
  </si>
  <si>
    <t>19960.0</t>
  </si>
  <si>
    <t>3070836.0</t>
  </si>
  <si>
    <t>276.207</t>
  </si>
  <si>
    <t>15169489.0</t>
  </si>
  <si>
    <t>7076169.0</t>
  </si>
  <si>
    <t>5849687.0</t>
  </si>
  <si>
    <t>2191762.0</t>
  </si>
  <si>
    <t>14057.0</t>
  </si>
  <si>
    <t>16979.0</t>
  </si>
  <si>
    <t>3075508.0</t>
  </si>
  <si>
    <t>276.627</t>
  </si>
  <si>
    <t>15172647.0</t>
  </si>
  <si>
    <t>7076726.0</t>
  </si>
  <si>
    <t>5850128.0</t>
  </si>
  <si>
    <t>2193455.0</t>
  </si>
  <si>
    <t>16360.0</t>
  </si>
  <si>
    <t>135.12</t>
  </si>
  <si>
    <t>3079556.0</t>
  </si>
  <si>
    <t>276.991</t>
  </si>
  <si>
    <t>15173539.0</t>
  </si>
  <si>
    <t>7076809.0</t>
  </si>
  <si>
    <t>5850286.0</t>
  </si>
  <si>
    <t>2193960.0</t>
  </si>
  <si>
    <t>3084256.0</t>
  </si>
  <si>
    <t>277.414</t>
  </si>
  <si>
    <t>15186519.0</t>
  </si>
  <si>
    <t>7084842.0</t>
  </si>
  <si>
    <t>5851397.0</t>
  </si>
  <si>
    <t>2197043.0</t>
  </si>
  <si>
    <t>15202196.0</t>
  </si>
  <si>
    <t>7094931.0</t>
  </si>
  <si>
    <t>5852617.0</t>
  </si>
  <si>
    <t>2200632.0</t>
  </si>
  <si>
    <t>15677.0</t>
  </si>
  <si>
    <t>3093792.0</t>
  </si>
  <si>
    <t>278.272</t>
  </si>
  <si>
    <t>15216502.0</t>
  </si>
  <si>
    <t>7103309.0</t>
  </si>
  <si>
    <t>5853859.0</t>
  </si>
  <si>
    <t>2204431.0</t>
  </si>
  <si>
    <t>135.51</t>
  </si>
  <si>
    <t>3098279.0</t>
  </si>
  <si>
    <t>278.675</t>
  </si>
  <si>
    <t>15229197.0</t>
  </si>
  <si>
    <t>7110411.0</t>
  </si>
  <si>
    <t>5855045.0</t>
  </si>
  <si>
    <t>2207948.0</t>
  </si>
  <si>
    <t>3103088.0</t>
  </si>
  <si>
    <t>279.108</t>
  </si>
  <si>
    <t>15238429.0</t>
  </si>
  <si>
    <t>7114465.0</t>
  </si>
  <si>
    <t>5856392.0</t>
  </si>
  <si>
    <t>2210972.0</t>
  </si>
  <si>
    <t>9849.0</t>
  </si>
  <si>
    <t>135.71</t>
  </si>
  <si>
    <t>3107862.0</t>
  </si>
  <si>
    <t>279.537</t>
  </si>
  <si>
    <t>15241134.0</t>
  </si>
  <si>
    <t>7114785.0</t>
  </si>
  <si>
    <t>5856911.0</t>
  </si>
  <si>
    <t>2212363.0</t>
  </si>
  <si>
    <t>135.73</t>
  </si>
  <si>
    <t>3115197.0</t>
  </si>
  <si>
    <t>280.197</t>
  </si>
  <si>
    <t>15241935.0</t>
  </si>
  <si>
    <t>7114880.0</t>
  </si>
  <si>
    <t>5857078.0</t>
  </si>
  <si>
    <t>2212774.0</t>
  </si>
  <si>
    <t>3119841.0</t>
  </si>
  <si>
    <t>280.615</t>
  </si>
  <si>
    <t>15252198.0</t>
  </si>
  <si>
    <t>7119929.0</t>
  </si>
  <si>
    <t>5858333.0</t>
  </si>
  <si>
    <t>2215867.0</t>
  </si>
  <si>
    <t>3124587.0</t>
  </si>
  <si>
    <t>281.042</t>
  </si>
  <si>
    <t>3129690.0</t>
  </si>
  <si>
    <t>281.501</t>
  </si>
  <si>
    <t>3134774.0</t>
  </si>
  <si>
    <t>281.958</t>
  </si>
  <si>
    <t>15285668.0</t>
  </si>
  <si>
    <t>7135113.0</t>
  </si>
  <si>
    <t>5862255.0</t>
  </si>
  <si>
    <t>2227157.0</t>
  </si>
  <si>
    <t>136.13</t>
  </si>
  <si>
    <t>3139196.0</t>
  </si>
  <si>
    <t>282.356</t>
  </si>
  <si>
    <t>3143848.0</t>
  </si>
  <si>
    <t>282.774</t>
  </si>
  <si>
    <t>7510.0</t>
  </si>
  <si>
    <t>3148849.0</t>
  </si>
  <si>
    <t>283.224</t>
  </si>
  <si>
    <t>3152115.0</t>
  </si>
  <si>
    <t>283.518</t>
  </si>
  <si>
    <t>15301734.0</t>
  </si>
  <si>
    <t>7139986.0</t>
  </si>
  <si>
    <t>5864471.0</t>
  </si>
  <si>
    <t>2233771.0</t>
  </si>
  <si>
    <t>3154505.0</t>
  </si>
  <si>
    <t>283.733</t>
  </si>
  <si>
    <t>15311504.0</t>
  </si>
  <si>
    <t>7143259.0</t>
  </si>
  <si>
    <t>5865672.0</t>
  </si>
  <si>
    <t>2237699.0</t>
  </si>
  <si>
    <t>136.36</t>
  </si>
  <si>
    <t>3156761.0</t>
  </si>
  <si>
    <t>283.936</t>
  </si>
  <si>
    <t>15321540.0</t>
  </si>
  <si>
    <t>7146596.0</t>
  </si>
  <si>
    <t>5866945.0</t>
  </si>
  <si>
    <t>2241737.0</t>
  </si>
  <si>
    <t>3158390.0</t>
  </si>
  <si>
    <t>284.082</t>
  </si>
  <si>
    <t>15342887.0</t>
  </si>
  <si>
    <t>7152918.0</t>
  </si>
  <si>
    <t>5870014.0</t>
  </si>
  <si>
    <t>2250868.0</t>
  </si>
  <si>
    <t>21347.0</t>
  </si>
  <si>
    <t>136.64</t>
  </si>
  <si>
    <t>3162871.0</t>
  </si>
  <si>
    <t>284.485</t>
  </si>
  <si>
    <t>3167036.0</t>
  </si>
  <si>
    <t>284.86</t>
  </si>
  <si>
    <t>15351640.0</t>
  </si>
  <si>
    <t>7155130.0</t>
  </si>
  <si>
    <t>5871320.0</t>
  </si>
  <si>
    <t>2254862.0</t>
  </si>
  <si>
    <t>3170542.0</t>
  </si>
  <si>
    <t>285.175</t>
  </si>
  <si>
    <t>15354971.0</t>
  </si>
  <si>
    <t>7155942.0</t>
  </si>
  <si>
    <t>5871851.0</t>
  </si>
  <si>
    <t>2256290.0</t>
  </si>
  <si>
    <t>136.75</t>
  </si>
  <si>
    <t>3174924.0</t>
  </si>
  <si>
    <t>285.569</t>
  </si>
  <si>
    <t>15366965.0</t>
  </si>
  <si>
    <t>7158835.0</t>
  </si>
  <si>
    <t>5875457.0</t>
  </si>
  <si>
    <t>2260376.0</t>
  </si>
  <si>
    <t>136.85</t>
  </si>
  <si>
    <t>3179742.0</t>
  </si>
  <si>
    <t>286.003</t>
  </si>
  <si>
    <t>3183162.0</t>
  </si>
  <si>
    <t>286.31</t>
  </si>
  <si>
    <t>15378904.0</t>
  </si>
  <si>
    <t>7161941.0</t>
  </si>
  <si>
    <t>5879847.0</t>
  </si>
  <si>
    <t>2263740.0</t>
  </si>
  <si>
    <t>3186681.0</t>
  </si>
  <si>
    <t>286.627</t>
  </si>
  <si>
    <t>15392788.0</t>
  </si>
  <si>
    <t>7164967.0</t>
  </si>
  <si>
    <t>5885943.0</t>
  </si>
  <si>
    <t>2267419.0</t>
  </si>
  <si>
    <t>13884.0</t>
  </si>
  <si>
    <t>3190086.0</t>
  </si>
  <si>
    <t>286.933</t>
  </si>
  <si>
    <t>15407509.0</t>
  </si>
  <si>
    <t>7168286.0</t>
  </si>
  <si>
    <t>5892931.0</t>
  </si>
  <si>
    <t>2270754.0</t>
  </si>
  <si>
    <t>8606.0</t>
  </si>
  <si>
    <t>3193976.0</t>
  </si>
  <si>
    <t>287.283</t>
  </si>
  <si>
    <t>15419005.0</t>
  </si>
  <si>
    <t>7170986.0</t>
  </si>
  <si>
    <t>5897465.0</t>
  </si>
  <si>
    <t>2273991.0</t>
  </si>
  <si>
    <t>11496.0</t>
  </si>
  <si>
    <t>137.32</t>
  </si>
  <si>
    <t>3199116.0</t>
  </si>
  <si>
    <t>287.745</t>
  </si>
  <si>
    <t>15422467.0</t>
  </si>
  <si>
    <t>7171692.0</t>
  </si>
  <si>
    <t>5898219.0</t>
  </si>
  <si>
    <t>2275435.0</t>
  </si>
  <si>
    <t>137.35</t>
  </si>
  <si>
    <t>3202322.0</t>
  </si>
  <si>
    <t>288.034</t>
  </si>
  <si>
    <t>15423820.0</t>
  </si>
  <si>
    <t>7171966.0</t>
  </si>
  <si>
    <t>5898438.0</t>
  </si>
  <si>
    <t>2276046.0</t>
  </si>
  <si>
    <t>137.36</t>
  </si>
  <si>
    <t>3204935.0</t>
  </si>
  <si>
    <t>288.269</t>
  </si>
  <si>
    <t>15434138.0</t>
  </si>
  <si>
    <t>7174055.0</t>
  </si>
  <si>
    <t>5902828.0</t>
  </si>
  <si>
    <t>2278841.0</t>
  </si>
  <si>
    <t>15456312.0</t>
  </si>
  <si>
    <t>7178506.0</t>
  </si>
  <si>
    <t>5912809.0</t>
  </si>
  <si>
    <t>2284496.0</t>
  </si>
  <si>
    <t>22174.0</t>
  </si>
  <si>
    <t>11058.0</t>
  </si>
  <si>
    <t>137.65</t>
  </si>
  <si>
    <t>3208952.0</t>
  </si>
  <si>
    <t>288.63</t>
  </si>
  <si>
    <t>15467416.0</t>
  </si>
  <si>
    <t>7180689.0</t>
  </si>
  <si>
    <t>5917791.0</t>
  </si>
  <si>
    <t>2287303.0</t>
  </si>
  <si>
    <t>3211622.0</t>
  </si>
  <si>
    <t>288.87</t>
  </si>
  <si>
    <t>15477096.0</t>
  </si>
  <si>
    <t>7182743.0</t>
  </si>
  <si>
    <t>5920213.0</t>
  </si>
  <si>
    <t>2291026.0</t>
  </si>
  <si>
    <t>137.83</t>
  </si>
  <si>
    <t>3214009.0</t>
  </si>
  <si>
    <t>289.085</t>
  </si>
  <si>
    <t>3215337.0</t>
  </si>
  <si>
    <t>289.204</t>
  </si>
  <si>
    <t>15478425.0</t>
  </si>
  <si>
    <t>7183028.0</t>
  </si>
  <si>
    <t>5920444.0</t>
  </si>
  <si>
    <t>2291605.0</t>
  </si>
  <si>
    <t>137.85</t>
  </si>
  <si>
    <t>3218626.0</t>
  </si>
  <si>
    <t>289.5</t>
  </si>
  <si>
    <t>15484878.0</t>
  </si>
  <si>
    <t>7184321.0</t>
  </si>
  <si>
    <t>5923507.0</t>
  </si>
  <si>
    <t>2293161.0</t>
  </si>
  <si>
    <t>137.9</t>
  </si>
  <si>
    <t>3222385.0</t>
  </si>
  <si>
    <t>289.838</t>
  </si>
  <si>
    <t>15499959.0</t>
  </si>
  <si>
    <t>7187620.0</t>
  </si>
  <si>
    <t>5929000.0</t>
  </si>
  <si>
    <t>2297548.0</t>
  </si>
  <si>
    <t>138.04</t>
  </si>
  <si>
    <t>3225202.0</t>
  </si>
  <si>
    <t>290.092</t>
  </si>
  <si>
    <t>3228620.0</t>
  </si>
  <si>
    <t>290.399</t>
  </si>
  <si>
    <t>15514805.0</t>
  </si>
  <si>
    <t>7190861.0</t>
  </si>
  <si>
    <t>5934750.0</t>
  </si>
  <si>
    <t>2301818.0</t>
  </si>
  <si>
    <t>3236147.0</t>
  </si>
  <si>
    <t>291.076</t>
  </si>
  <si>
    <t>15515394.0</t>
  </si>
  <si>
    <t>7190972.0</t>
  </si>
  <si>
    <t>5934855.0</t>
  </si>
  <si>
    <t>2302062.0</t>
  </si>
  <si>
    <t>15527309.0</t>
  </si>
  <si>
    <t>7193260.0</t>
  </si>
  <si>
    <t>5939778.0</t>
  </si>
  <si>
    <t>2305461.0</t>
  </si>
  <si>
    <t>138.28</t>
  </si>
  <si>
    <t>3243299.0</t>
  </si>
  <si>
    <t>291.719</t>
  </si>
  <si>
    <t>15533645.0</t>
  </si>
  <si>
    <t>7194566.0</t>
  </si>
  <si>
    <t>5942268.0</t>
  </si>
  <si>
    <t>2307204.0</t>
  </si>
  <si>
    <t>138.34</t>
  </si>
  <si>
    <t>15540210.0</t>
  </si>
  <si>
    <t>7195965.0</t>
  </si>
  <si>
    <t>5944898.0</t>
  </si>
  <si>
    <t>2308953.0</t>
  </si>
  <si>
    <t>15545030.0</t>
  </si>
  <si>
    <t>7196991.0</t>
  </si>
  <si>
    <t>5946351.0</t>
  </si>
  <si>
    <t>2310531.0</t>
  </si>
  <si>
    <t>3249080.0</t>
  </si>
  <si>
    <t>292.239</t>
  </si>
  <si>
    <t>15547118.0</t>
  </si>
  <si>
    <t>7197440.0</t>
  </si>
  <si>
    <t>5946744.0</t>
  </si>
  <si>
    <t>2311349.0</t>
  </si>
  <si>
    <t>138.46</t>
  </si>
  <si>
    <t>15552793.0</t>
  </si>
  <si>
    <t>7198596.0</t>
  </si>
  <si>
    <t>5947895.0</t>
  </si>
  <si>
    <t>2313663.0</t>
  </si>
  <si>
    <t>138.51</t>
  </si>
  <si>
    <t>3251191.0</t>
  </si>
  <si>
    <t>292.429</t>
  </si>
  <si>
    <t>15561207.0</t>
  </si>
  <si>
    <t>7200466.0</t>
  </si>
  <si>
    <t>5949473.0</t>
  </si>
  <si>
    <t>2316905.0</t>
  </si>
  <si>
    <t>3253517.0</t>
  </si>
  <si>
    <t>292.638</t>
  </si>
  <si>
    <t>15563494.0</t>
  </si>
  <si>
    <t>7200919.0</t>
  </si>
  <si>
    <t>5949941.0</t>
  </si>
  <si>
    <t>2317772.0</t>
  </si>
  <si>
    <t>292.743</t>
  </si>
  <si>
    <t>3255822.0</t>
  </si>
  <si>
    <t>292.846</t>
  </si>
  <si>
    <t>15566659.0</t>
  </si>
  <si>
    <t>7201478.0</t>
  </si>
  <si>
    <t>5950727.0</t>
  </si>
  <si>
    <t>2319012.0</t>
  </si>
  <si>
    <t>138.63</t>
  </si>
  <si>
    <t>15570793.0</t>
  </si>
  <si>
    <t>7202152.0</t>
  </si>
  <si>
    <t>5952192.0</t>
  </si>
  <si>
    <t>2320370.0</t>
  </si>
  <si>
    <t>138.67</t>
  </si>
  <si>
    <t>3258299.0</t>
  </si>
  <si>
    <t>293.069</t>
  </si>
  <si>
    <t>15574752.0</t>
  </si>
  <si>
    <t>7202784.0</t>
  </si>
  <si>
    <t>5953835.0</t>
  </si>
  <si>
    <t>2321465.0</t>
  </si>
  <si>
    <t>3261060.0</t>
  </si>
  <si>
    <t>293.317</t>
  </si>
  <si>
    <t>3262899.0</t>
  </si>
  <si>
    <t>293.482</t>
  </si>
  <si>
    <t>15581397.0</t>
  </si>
  <si>
    <t>7204081.0</t>
  </si>
  <si>
    <t>5956526.0</t>
  </si>
  <si>
    <t>2323144.0</t>
  </si>
  <si>
    <t>138.76</t>
  </si>
  <si>
    <t>15582648.0</t>
  </si>
  <si>
    <t>7204362.0</t>
  </si>
  <si>
    <t>5956860.0</t>
  </si>
  <si>
    <t>2323547.0</t>
  </si>
  <si>
    <t>138.77</t>
  </si>
  <si>
    <t>3265645.0</t>
  </si>
  <si>
    <t>293.729</t>
  </si>
  <si>
    <t>15583331.0</t>
  </si>
  <si>
    <t>7204517.0</t>
  </si>
  <si>
    <t>5957035.0</t>
  </si>
  <si>
    <t>2323774.0</t>
  </si>
  <si>
    <t>15585181.0</t>
  </si>
  <si>
    <t>7204881.0</t>
  </si>
  <si>
    <t>5957719.0</t>
  </si>
  <si>
    <t>2324313.0</t>
  </si>
  <si>
    <t>3272066.0</t>
  </si>
  <si>
    <t>294.307</t>
  </si>
  <si>
    <t>15587773.0</t>
  </si>
  <si>
    <t>7205494.0</t>
  </si>
  <si>
    <t>5958758.0</t>
  </si>
  <si>
    <t>2324969.0</t>
  </si>
  <si>
    <t>15590134.0</t>
  </si>
  <si>
    <t>7205944.0</t>
  </si>
  <si>
    <t>5959754.0</t>
  </si>
  <si>
    <t>2325616.0</t>
  </si>
  <si>
    <t>138.84</t>
  </si>
  <si>
    <t>53.08</t>
  </si>
  <si>
    <t>3275556.0</t>
  </si>
  <si>
    <t>294.621</t>
  </si>
  <si>
    <t>15592563.0</t>
  </si>
  <si>
    <t>7206523.0</t>
  </si>
  <si>
    <t>5960714.0</t>
  </si>
  <si>
    <t>2326193.0</t>
  </si>
  <si>
    <t>15594909.0</t>
  </si>
  <si>
    <t>7207046.0</t>
  </si>
  <si>
    <t>5961599.0</t>
  </si>
  <si>
    <t>2326778.0</t>
  </si>
  <si>
    <t>3279736.0</t>
  </si>
  <si>
    <t>294.997</t>
  </si>
  <si>
    <t>15595994.0</t>
  </si>
  <si>
    <t>7207303.0</t>
  </si>
  <si>
    <t>5961914.0</t>
  </si>
  <si>
    <t>2327090.0</t>
  </si>
  <si>
    <t>138.89</t>
  </si>
  <si>
    <t>3280433.0</t>
  </si>
  <si>
    <t>295.059</t>
  </si>
  <si>
    <t>15596338.0</t>
  </si>
  <si>
    <t>7207364.0</t>
  </si>
  <si>
    <t>5962020.0</t>
  </si>
  <si>
    <t>2327198.0</t>
  </si>
  <si>
    <t>138.9</t>
  </si>
  <si>
    <t>3281852.0</t>
  </si>
  <si>
    <t>295.187</t>
  </si>
  <si>
    <t>15596812.0</t>
  </si>
  <si>
    <t>7207502.0</t>
  </si>
  <si>
    <t>5962137.0</t>
  </si>
  <si>
    <t>2327327.0</t>
  </si>
  <si>
    <t>3283648.0</t>
  </si>
  <si>
    <t>295.349</t>
  </si>
  <si>
    <t>15598930.0</t>
  </si>
  <si>
    <t>7207852.0</t>
  </si>
  <si>
    <t>5962985.0</t>
  </si>
  <si>
    <t>2327929.0</t>
  </si>
  <si>
    <t>138.92</t>
  </si>
  <si>
    <t>3285842.0</t>
  </si>
  <si>
    <t>295.546</t>
  </si>
  <si>
    <t>15601362.0</t>
  </si>
  <si>
    <t>7208541.0</t>
  </si>
  <si>
    <t>5963983.0</t>
  </si>
  <si>
    <t>2328394.0</t>
  </si>
  <si>
    <t>3287147.0</t>
  </si>
  <si>
    <t>295.663</t>
  </si>
  <si>
    <t>15603398.0</t>
  </si>
  <si>
    <t>7208988.0</t>
  </si>
  <si>
    <t>5964717.0</t>
  </si>
  <si>
    <t>2328930.0</t>
  </si>
  <si>
    <t>138.96</t>
  </si>
  <si>
    <t>15605277.0</t>
  </si>
  <si>
    <t>7209324.0</t>
  </si>
  <si>
    <t>5965404.0</t>
  </si>
  <si>
    <t>2329441.0</t>
  </si>
  <si>
    <t>3290661.0</t>
  </si>
  <si>
    <t>295.979</t>
  </si>
  <si>
    <t>15606091.0</t>
  </si>
  <si>
    <t>7209502.0</t>
  </si>
  <si>
    <t>5965611.0</t>
  </si>
  <si>
    <t>2329672.0</t>
  </si>
  <si>
    <t>3293899.0</t>
  </si>
  <si>
    <t>296.271</t>
  </si>
  <si>
    <t>15606618.0</t>
  </si>
  <si>
    <t>7209639.0</t>
  </si>
  <si>
    <t>5965763.0</t>
  </si>
  <si>
    <t>2329811.0</t>
  </si>
  <si>
    <t>138.99</t>
  </si>
  <si>
    <t>15608904.0</t>
  </si>
  <si>
    <t>7210084.0</t>
  </si>
  <si>
    <t>5966520.0</t>
  </si>
  <si>
    <t>2330450.0</t>
  </si>
  <si>
    <t>139.01</t>
  </si>
  <si>
    <t>3298391.0</t>
  </si>
  <si>
    <t>296.675</t>
  </si>
  <si>
    <t>15611487.0</t>
  </si>
  <si>
    <t>7210579.0</t>
  </si>
  <si>
    <t>5967509.0</t>
  </si>
  <si>
    <t>2331128.0</t>
  </si>
  <si>
    <t>15614315.0</t>
  </si>
  <si>
    <t>7211053.0</t>
  </si>
  <si>
    <t>5968453.0</t>
  </si>
  <si>
    <t>2331941.0</t>
  </si>
  <si>
    <t>139.06</t>
  </si>
  <si>
    <t>3302815.0</t>
  </si>
  <si>
    <t>297.073</t>
  </si>
  <si>
    <t>15616820.0</t>
  </si>
  <si>
    <t>7211537.0</t>
  </si>
  <si>
    <t>5969284.0</t>
  </si>
  <si>
    <t>2332621.0</t>
  </si>
  <si>
    <t>15619290.0</t>
  </si>
  <si>
    <t>7212100.0</t>
  </si>
  <si>
    <t>5969938.0</t>
  </si>
  <si>
    <t>2333299.0</t>
  </si>
  <si>
    <t>3305829.0</t>
  </si>
  <si>
    <t>297.344</t>
  </si>
  <si>
    <t>15620674.0</t>
  </si>
  <si>
    <t>7212399.0</t>
  </si>
  <si>
    <t>5970287.0</t>
  </si>
  <si>
    <t>2333688.0</t>
  </si>
  <si>
    <t>3308483.0</t>
  </si>
  <si>
    <t>297.582</t>
  </si>
  <si>
    <t>15621394.0</t>
  </si>
  <si>
    <t>7212536.0</t>
  </si>
  <si>
    <t>5970491.0</t>
  </si>
  <si>
    <t>2333883.0</t>
  </si>
  <si>
    <t>15623929.0</t>
  </si>
  <si>
    <t>7213012.0</t>
  </si>
  <si>
    <t>5971168.0</t>
  </si>
  <si>
    <t>2334602.0</t>
  </si>
  <si>
    <t>3312727.0</t>
  </si>
  <si>
    <t>297.964</t>
  </si>
  <si>
    <t>15627021.0</t>
  </si>
  <si>
    <t>7213563.0</t>
  </si>
  <si>
    <t>5971960.0</t>
  </si>
  <si>
    <t>2335504.0</t>
  </si>
  <si>
    <t>139.17</t>
  </si>
  <si>
    <t>3315609.0</t>
  </si>
  <si>
    <t>298.223</t>
  </si>
  <si>
    <t>15630588.0</t>
  </si>
  <si>
    <t>7214167.0</t>
  </si>
  <si>
    <t>5972700.0</t>
  </si>
  <si>
    <t>2336600.0</t>
  </si>
  <si>
    <t>3317138.0</t>
  </si>
  <si>
    <t>298.361</t>
  </si>
  <si>
    <t>15634367.0</t>
  </si>
  <si>
    <t>7214928.0</t>
  </si>
  <si>
    <t>5973542.0</t>
  </si>
  <si>
    <t>2337709.0</t>
  </si>
  <si>
    <t>3320869.0</t>
  </si>
  <si>
    <t>298.696</t>
  </si>
  <si>
    <t>15638193.0</t>
  </si>
  <si>
    <t>7215707.0</t>
  </si>
  <si>
    <t>5974431.0</t>
  </si>
  <si>
    <t>2338698.0</t>
  </si>
  <si>
    <t>139.27</t>
  </si>
  <si>
    <t>20.83</t>
  </si>
  <si>
    <t>15639972.0</t>
  </si>
  <si>
    <t>7216150.0</t>
  </si>
  <si>
    <t>5974769.0</t>
  </si>
  <si>
    <t>2339233.0</t>
  </si>
  <si>
    <t>3324187.0</t>
  </si>
  <si>
    <t>298.995</t>
  </si>
  <si>
    <t>15640850.0</t>
  </si>
  <si>
    <t>7216349.0</t>
  </si>
  <si>
    <t>5974958.0</t>
  </si>
  <si>
    <t>2339474.0</t>
  </si>
  <si>
    <t>139.29</t>
  </si>
  <si>
    <t>15644079.0</t>
  </si>
  <si>
    <t>7216891.0</t>
  </si>
  <si>
    <t>5975774.0</t>
  </si>
  <si>
    <t>2340413.0</t>
  </si>
  <si>
    <t>3330448.0</t>
  </si>
  <si>
    <t>299.558</t>
  </si>
  <si>
    <t>15647646.0</t>
  </si>
  <si>
    <t>7217444.0</t>
  </si>
  <si>
    <t>5976606.0</t>
  </si>
  <si>
    <t>2341633.0</t>
  </si>
  <si>
    <t>139.35</t>
  </si>
  <si>
    <t>15651331.0</t>
  </si>
  <si>
    <t>7217995.0</t>
  </si>
  <si>
    <t>5977798.0</t>
  </si>
  <si>
    <t>2342699.0</t>
  </si>
  <si>
    <t>139.39</t>
  </si>
  <si>
    <t>3340269.0</t>
  </si>
  <si>
    <t>300.441</t>
  </si>
  <si>
    <t>15654529.0</t>
  </si>
  <si>
    <t>7218571.0</t>
  </si>
  <si>
    <t>5978500.0</t>
  </si>
  <si>
    <t>2343665.0</t>
  </si>
  <si>
    <t>15657935.0</t>
  </si>
  <si>
    <t>7219167.0</t>
  </si>
  <si>
    <t>5979195.0</t>
  </si>
  <si>
    <t>2344647.0</t>
  </si>
  <si>
    <t>3348169.0</t>
  </si>
  <si>
    <t>301.152</t>
  </si>
  <si>
    <t>15659948.0</t>
  </si>
  <si>
    <t>7219505.0</t>
  </si>
  <si>
    <t>5979582.0</t>
  </si>
  <si>
    <t>2345273.0</t>
  </si>
  <si>
    <t>15660389.0</t>
  </si>
  <si>
    <t>7219619.0</t>
  </si>
  <si>
    <t>5979686.0</t>
  </si>
  <si>
    <t>2345412.0</t>
  </si>
  <si>
    <t>3354353.0</t>
  </si>
  <si>
    <t>301.708</t>
  </si>
  <si>
    <t>15663980.0</t>
  </si>
  <si>
    <t>7220192.0</t>
  </si>
  <si>
    <t>5980345.0</t>
  </si>
  <si>
    <t>2346534.0</t>
  </si>
  <si>
    <t>15668093.0</t>
  </si>
  <si>
    <t>7220831.0</t>
  </si>
  <si>
    <t>5981218.0</t>
  </si>
  <si>
    <t>2347821.0</t>
  </si>
  <si>
    <t>15672451.0</t>
  </si>
  <si>
    <t>7221479.0</t>
  </si>
  <si>
    <t>5982108.0</t>
  </si>
  <si>
    <t>2349243.0</t>
  </si>
  <si>
    <t>3368262.0</t>
  </si>
  <si>
    <t>302.959</t>
  </si>
  <si>
    <t>15676909.0</t>
  </si>
  <si>
    <t>7222205.0</t>
  </si>
  <si>
    <t>5982874.0</t>
  </si>
  <si>
    <t>2350713.0</t>
  </si>
  <si>
    <t>3377961.0</t>
  </si>
  <si>
    <t>303.832</t>
  </si>
  <si>
    <t>15682848.0</t>
  </si>
  <si>
    <t>7223210.0</t>
  </si>
  <si>
    <t>5983833.0</t>
  </si>
  <si>
    <t>2352603.0</t>
  </si>
  <si>
    <t>15683800.0</t>
  </si>
  <si>
    <t>7223399.0</t>
  </si>
  <si>
    <t>5983972.0</t>
  </si>
  <si>
    <t>15688106.0</t>
  </si>
  <si>
    <t>7224035.0</t>
  </si>
  <si>
    <t>5984678.0</t>
  </si>
  <si>
    <t>2354431.0</t>
  </si>
  <si>
    <t>0.1766</t>
  </si>
  <si>
    <t>15692416.0</t>
  </si>
  <si>
    <t>7224681.0</t>
  </si>
  <si>
    <t>5985409.0</t>
  </si>
  <si>
    <t>2355819.0</t>
  </si>
  <si>
    <t>0.1904</t>
  </si>
  <si>
    <t>15697092.0</t>
  </si>
  <si>
    <t>7225394.0</t>
  </si>
  <si>
    <t>5986091.0</t>
  </si>
  <si>
    <t>2357361.0</t>
  </si>
  <si>
    <t>64.35</t>
  </si>
  <si>
    <t>15701514.0</t>
  </si>
  <si>
    <t>7225953.0</t>
  </si>
  <si>
    <t>5986828.0</t>
  </si>
  <si>
    <t>2358742.0</t>
  </si>
  <si>
    <t>53.32</t>
  </si>
  <si>
    <t>3401291.0</t>
  </si>
  <si>
    <t>305.93</t>
  </si>
  <si>
    <t>15706362.0</t>
  </si>
  <si>
    <t>7226741.0</t>
  </si>
  <si>
    <t>5987646.0</t>
  </si>
  <si>
    <t>2360080.0</t>
  </si>
  <si>
    <t>15708823.0</t>
  </si>
  <si>
    <t>7227159.0</t>
  </si>
  <si>
    <t>5988041.0</t>
  </si>
  <si>
    <t>2360835.0</t>
  </si>
  <si>
    <t>15709838.0</t>
  </si>
  <si>
    <t>7227364.0</t>
  </si>
  <si>
    <t>5988206.0</t>
  </si>
  <si>
    <t>2361120.0</t>
  </si>
  <si>
    <t>139.91</t>
  </si>
  <si>
    <t>3414919.0</t>
  </si>
  <si>
    <t>307.156</t>
  </si>
  <si>
    <t>15714400.0</t>
  </si>
  <si>
    <t>7227971.0</t>
  </si>
  <si>
    <t>5988937.0</t>
  </si>
  <si>
    <t>2362489.0</t>
  </si>
  <si>
    <t>139.95</t>
  </si>
  <si>
    <t>15719099.0</t>
  </si>
  <si>
    <t>7228579.0</t>
  </si>
  <si>
    <t>5989793.0</t>
  </si>
  <si>
    <t>2363958.0</t>
  </si>
  <si>
    <t>139.99</t>
  </si>
  <si>
    <t>15724169.0</t>
  </si>
  <si>
    <t>7229395.0</t>
  </si>
  <si>
    <t>5990488.0</t>
  </si>
  <si>
    <t>2365562.0</t>
  </si>
  <si>
    <t>140.03</t>
  </si>
  <si>
    <t>15725682.0</t>
  </si>
  <si>
    <t>7229701.0</t>
  </si>
  <si>
    <t>5990745.0</t>
  </si>
  <si>
    <t>2366048.0</t>
  </si>
  <si>
    <t>15729904.0</t>
  </si>
  <si>
    <t>7230311.0</t>
  </si>
  <si>
    <t>5991518.0</t>
  </si>
  <si>
    <t>2367313.0</t>
  </si>
  <si>
    <t>140.09</t>
  </si>
  <si>
    <t>15731950.0</t>
  </si>
  <si>
    <t>7230664.0</t>
  </si>
  <si>
    <t>5991859.0</t>
  </si>
  <si>
    <t>2367838.0</t>
  </si>
  <si>
    <t>3444251.0</t>
  </si>
  <si>
    <t>309.794</t>
  </si>
  <si>
    <t>15732755.0</t>
  </si>
  <si>
    <t>7230772.0</t>
  </si>
  <si>
    <t>5992001.0</t>
  </si>
  <si>
    <t>2368092.0</t>
  </si>
  <si>
    <t>15737205.0</t>
  </si>
  <si>
    <t>7231360.0</t>
  </si>
  <si>
    <t>5992716.0</t>
  </si>
  <si>
    <t>2369520.0</t>
  </si>
  <si>
    <t>15741623.0</t>
  </si>
  <si>
    <t>7232013.0</t>
  </si>
  <si>
    <t>5993393.0</t>
  </si>
  <si>
    <t>2370817.0</t>
  </si>
  <si>
    <t>15747132.0</t>
  </si>
  <si>
    <t>7233059.0</t>
  </si>
  <si>
    <t>5994493.0</t>
  </si>
  <si>
    <t>2372321.0</t>
  </si>
  <si>
    <t>140.24</t>
  </si>
  <si>
    <t>15751215.0</t>
  </si>
  <si>
    <t>7233410.0</t>
  </si>
  <si>
    <t>5994958.0</t>
  </si>
  <si>
    <t>2373693.0</t>
  </si>
  <si>
    <t>15755692.0</t>
  </si>
  <si>
    <t>7234053.0</t>
  </si>
  <si>
    <t>5995690.0</t>
  </si>
  <si>
    <t>2375073.0</t>
  </si>
  <si>
    <t>140.31</t>
  </si>
  <si>
    <t>15758037.0</t>
  </si>
  <si>
    <t>7234462.0</t>
  </si>
  <si>
    <t>5996090.0</t>
  </si>
  <si>
    <t>2375774.0</t>
  </si>
  <si>
    <t>140.34</t>
  </si>
  <si>
    <t>15759004.0</t>
  </si>
  <si>
    <t>7234620.0</t>
  </si>
  <si>
    <t>5996244.0</t>
  </si>
  <si>
    <t>2376069.0</t>
  </si>
  <si>
    <t>15763479.0</t>
  </si>
  <si>
    <t>7235324.0</t>
  </si>
  <si>
    <t>5997095.0</t>
  </si>
  <si>
    <t>2377358.0</t>
  </si>
  <si>
    <t>15768179.0</t>
  </si>
  <si>
    <t>7235994.0</t>
  </si>
  <si>
    <t>5997912.0</t>
  </si>
  <si>
    <t>2378805.0</t>
  </si>
  <si>
    <t>140.43</t>
  </si>
  <si>
    <t>15772822.0</t>
  </si>
  <si>
    <t>7236727.0</t>
  </si>
  <si>
    <t>5998771.0</t>
  </si>
  <si>
    <t>2380312.0</t>
  </si>
  <si>
    <t>15777351.0</t>
  </si>
  <si>
    <t>7237525.0</t>
  </si>
  <si>
    <t>5999469.0</t>
  </si>
  <si>
    <t>2381643.0</t>
  </si>
  <si>
    <t>15781887.0</t>
  </si>
  <si>
    <t>7238300.0</t>
  </si>
  <si>
    <t>6000224.0</t>
  </si>
  <si>
    <t>2383017.0</t>
  </si>
  <si>
    <t>140.55</t>
  </si>
  <si>
    <t>15784069.0</t>
  </si>
  <si>
    <t>7238652.0</t>
  </si>
  <si>
    <t>6000578.0</t>
  </si>
  <si>
    <t>2383691.0</t>
  </si>
  <si>
    <t>140.57</t>
  </si>
  <si>
    <t>21.23</t>
  </si>
  <si>
    <t>15784815.0</t>
  </si>
  <si>
    <t>7238759.0</t>
  </si>
  <si>
    <t>6000716.0</t>
  </si>
  <si>
    <t>2383916.0</t>
  </si>
  <si>
    <t>15788826.0</t>
  </si>
  <si>
    <t>7239446.0</t>
  </si>
  <si>
    <t>6001407.0</t>
  </si>
  <si>
    <t>2385122.0</t>
  </si>
  <si>
    <t>15793254.0</t>
  </si>
  <si>
    <t>7240155.0</t>
  </si>
  <si>
    <t>6002122.0</t>
  </si>
  <si>
    <t>2386486.0</t>
  </si>
  <si>
    <t>15797935.0</t>
  </si>
  <si>
    <t>7240940.0</t>
  </si>
  <si>
    <t>6002916.0</t>
  </si>
  <si>
    <t>2387978.0</t>
  </si>
  <si>
    <t>140.69</t>
  </si>
  <si>
    <t>15807312.0</t>
  </si>
  <si>
    <t>7242363.0</t>
  </si>
  <si>
    <t>6004280.0</t>
  </si>
  <si>
    <t>2390867.0</t>
  </si>
  <si>
    <t>140.77</t>
  </si>
  <si>
    <t>15809460.0</t>
  </si>
  <si>
    <t>7242699.0</t>
  </si>
  <si>
    <t>6004703.0</t>
  </si>
  <si>
    <t>2391557.0</t>
  </si>
  <si>
    <t>140.79</t>
  </si>
  <si>
    <t>15810334.0</t>
  </si>
  <si>
    <t>7242852.0</t>
  </si>
  <si>
    <t>6004864.0</t>
  </si>
  <si>
    <t>2391811.0</t>
  </si>
  <si>
    <t>15814577.0</t>
  </si>
  <si>
    <t>7243495.0</t>
  </si>
  <si>
    <t>6005579.0</t>
  </si>
  <si>
    <t>2393132.0</t>
  </si>
  <si>
    <t>140.84</t>
  </si>
  <si>
    <t>15818873.0</t>
  </si>
  <si>
    <t>7244174.0</t>
  </si>
  <si>
    <t>6006300.0</t>
  </si>
  <si>
    <t>2394558.0</t>
  </si>
  <si>
    <t>140.88</t>
  </si>
  <si>
    <t>15823514.0</t>
  </si>
  <si>
    <t>7244875.0</t>
  </si>
  <si>
    <t>6007000.0</t>
  </si>
  <si>
    <t>2396104.0</t>
  </si>
  <si>
    <t>140.92</t>
  </si>
  <si>
    <t>15827883.0</t>
  </si>
  <si>
    <t>7245519.0</t>
  </si>
  <si>
    <t>6007724.0</t>
  </si>
  <si>
    <t>2397534.0</t>
  </si>
  <si>
    <t>15831795.0</t>
  </si>
  <si>
    <t>7246208.0</t>
  </si>
  <si>
    <t>6008370.0</t>
  </si>
  <si>
    <t>2398800.0</t>
  </si>
  <si>
    <t>140.99</t>
  </si>
  <si>
    <t>15833967.0</t>
  </si>
  <si>
    <t>7246541.0</t>
  </si>
  <si>
    <t>6008762.0</t>
  </si>
  <si>
    <t>2399436.0</t>
  </si>
  <si>
    <t>141.01</t>
  </si>
  <si>
    <t>15834918.0</t>
  </si>
  <si>
    <t>7246667.0</t>
  </si>
  <si>
    <t>6008910.0</t>
  </si>
  <si>
    <t>2399765.0</t>
  </si>
  <si>
    <t>141.02</t>
  </si>
  <si>
    <t>15838708.0</t>
  </si>
  <si>
    <t>7247288.0</t>
  </si>
  <si>
    <t>6009544.0</t>
  </si>
  <si>
    <t>2401050.0</t>
  </si>
  <si>
    <t>15842905.0</t>
  </si>
  <si>
    <t>7247978.0</t>
  </si>
  <si>
    <t>6010308.0</t>
  </si>
  <si>
    <t>2402383.0</t>
  </si>
  <si>
    <t>141.09</t>
  </si>
  <si>
    <t>15847204.0</t>
  </si>
  <si>
    <t>7248643.0</t>
  </si>
  <si>
    <t>6010990.0</t>
  </si>
  <si>
    <t>2403754.0</t>
  </si>
  <si>
    <t>141.13</t>
  </si>
  <si>
    <t>15851049.0</t>
  </si>
  <si>
    <t>7249286.0</t>
  </si>
  <si>
    <t>6011634.0</t>
  </si>
  <si>
    <t>2405042.0</t>
  </si>
  <si>
    <t>141.16</t>
  </si>
  <si>
    <t>15856840.0</t>
  </si>
  <si>
    <t>7250426.0</t>
  </si>
  <si>
    <t>6012626.0</t>
  </si>
  <si>
    <t>2406767.0</t>
  </si>
  <si>
    <t>141.22</t>
  </si>
  <si>
    <t>15857726.0</t>
  </si>
  <si>
    <t>7250557.0</t>
  </si>
  <si>
    <t>6012759.0</t>
  </si>
  <si>
    <t>2407049.0</t>
  </si>
  <si>
    <t>15861409.0</t>
  </si>
  <si>
    <t>7251234.0</t>
  </si>
  <si>
    <t>6013459.0</t>
  </si>
  <si>
    <t>2408175.0</t>
  </si>
  <si>
    <t>141.26</t>
  </si>
  <si>
    <t>15865525.0</t>
  </si>
  <si>
    <t>7252040.0</t>
  </si>
  <si>
    <t>6014146.0</t>
  </si>
  <si>
    <t>2409481.0</t>
  </si>
  <si>
    <t>141.29</t>
  </si>
  <si>
    <t>15869795.0</t>
  </si>
  <si>
    <t>7252822.0</t>
  </si>
  <si>
    <t>6014865.0</t>
  </si>
  <si>
    <t>2410849.0</t>
  </si>
  <si>
    <t>141.33</t>
  </si>
  <si>
    <t>15884239.0</t>
  </si>
  <si>
    <t>7255385.0</t>
  </si>
  <si>
    <t>6017331.0</t>
  </si>
  <si>
    <t>2415431.0</t>
  </si>
  <si>
    <t>141.46</t>
  </si>
  <si>
    <t>15887948.0</t>
  </si>
  <si>
    <t>7256093.0</t>
  </si>
  <si>
    <t>6017964.0</t>
  </si>
  <si>
    <t>2416675.0</t>
  </si>
  <si>
    <t>141.49</t>
  </si>
  <si>
    <t>15891754.0</t>
  </si>
  <si>
    <t>7256863.0</t>
  </si>
  <si>
    <t>6018632.0</t>
  </si>
  <si>
    <t>2417885.0</t>
  </si>
  <si>
    <t>15895409.0</t>
  </si>
  <si>
    <t>7257562.0</t>
  </si>
  <si>
    <t>6019232.0</t>
  </si>
  <si>
    <t>2419089.0</t>
  </si>
  <si>
    <t>141.56</t>
  </si>
  <si>
    <t>15899057.0</t>
  </si>
  <si>
    <t>7258247.0</t>
  </si>
  <si>
    <t>6019826.0</t>
  </si>
  <si>
    <t>2420273.0</t>
  </si>
  <si>
    <t>15900724.0</t>
  </si>
  <si>
    <t>7258552.0</t>
  </si>
  <si>
    <t>6020135.0</t>
  </si>
  <si>
    <t>2420781.0</t>
  </si>
  <si>
    <t>141.61</t>
  </si>
  <si>
    <t>15901401.0</t>
  </si>
  <si>
    <t>7258690.0</t>
  </si>
  <si>
    <t>6020272.0</t>
  </si>
  <si>
    <t>2420978.0</t>
  </si>
  <si>
    <t>15904757.0</t>
  </si>
  <si>
    <t>7259362.0</t>
  </si>
  <si>
    <t>6020860.0</t>
  </si>
  <si>
    <t>2422245.0</t>
  </si>
  <si>
    <t>141.64</t>
  </si>
  <si>
    <t>15908208.0</t>
  </si>
  <si>
    <t>7260034.0</t>
  </si>
  <si>
    <t>6021536.0</t>
  </si>
  <si>
    <t>2423376.0</t>
  </si>
  <si>
    <t>141.67</t>
  </si>
  <si>
    <t>15911813.0</t>
  </si>
  <si>
    <t>7260683.0</t>
  </si>
  <si>
    <t>6022276.0</t>
  </si>
  <si>
    <t>2424639.0</t>
  </si>
  <si>
    <t>141.71</t>
  </si>
  <si>
    <t>15915634.0</t>
  </si>
  <si>
    <t>7261370.0</t>
  </si>
  <si>
    <t>6023111.0</t>
  </si>
  <si>
    <t>2425964.0</t>
  </si>
  <si>
    <t>15919723.0</t>
  </si>
  <si>
    <t>7262058.0</t>
  </si>
  <si>
    <t>6024023.0</t>
  </si>
  <si>
    <t>2427469.0</t>
  </si>
  <si>
    <t>15921426.0</t>
  </si>
  <si>
    <t>7262367.0</t>
  </si>
  <si>
    <t>6024311.0</t>
  </si>
  <si>
    <t>2428032.0</t>
  </si>
  <si>
    <t>141.79</t>
  </si>
  <si>
    <t>15922236.0</t>
  </si>
  <si>
    <t>7262493.0</t>
  </si>
  <si>
    <t>6024452.0</t>
  </si>
  <si>
    <t>2428299.0</t>
  </si>
  <si>
    <t>15925647.0</t>
  </si>
  <si>
    <t>7263123.0</t>
  </si>
  <si>
    <t>6025123.0</t>
  </si>
  <si>
    <t>2429442.0</t>
  </si>
  <si>
    <t>141.83</t>
  </si>
  <si>
    <t>15926857.0</t>
  </si>
  <si>
    <t>7263303.0</t>
  </si>
  <si>
    <t>6025393.0</t>
  </si>
  <si>
    <t>2429865.0</t>
  </si>
  <si>
    <t>15930170.0</t>
  </si>
  <si>
    <t>7263927.0</t>
  </si>
  <si>
    <t>6026042.0</t>
  </si>
  <si>
    <t>2430927.0</t>
  </si>
  <si>
    <t>141.87</t>
  </si>
  <si>
    <t>15933320.0</t>
  </si>
  <si>
    <t>7264462.0</t>
  </si>
  <si>
    <t>6026631.0</t>
  </si>
  <si>
    <t>2431986.0</t>
  </si>
  <si>
    <t>15936516.0</t>
  </si>
  <si>
    <t>7264983.0</t>
  </si>
  <si>
    <t>6027243.0</t>
  </si>
  <si>
    <t>2433070.0</t>
  </si>
  <si>
    <t>141.93</t>
  </si>
  <si>
    <t>15937943.0</t>
  </si>
  <si>
    <t>7265237.0</t>
  </si>
  <si>
    <t>6027526.0</t>
  </si>
  <si>
    <t>2433529.0</t>
  </si>
  <si>
    <t>141.94</t>
  </si>
  <si>
    <t>15938669.0</t>
  </si>
  <si>
    <t>7265339.0</t>
  </si>
  <si>
    <t>6027660.0</t>
  </si>
  <si>
    <t>2433787.0</t>
  </si>
  <si>
    <t>15941964.0</t>
  </si>
  <si>
    <t>7265952.0</t>
  </si>
  <si>
    <t>6028316.0</t>
  </si>
  <si>
    <t>2434974.0</t>
  </si>
  <si>
    <t>141.97</t>
  </si>
  <si>
    <t>15945342.0</t>
  </si>
  <si>
    <t>7266586.0</t>
  </si>
  <si>
    <t>6029044.0</t>
  </si>
  <si>
    <t>2436087.0</t>
  </si>
  <si>
    <t>15952103.0</t>
  </si>
  <si>
    <t>7267749.0</t>
  </si>
  <si>
    <t>6030450.0</t>
  </si>
  <si>
    <t>2438334.0</t>
  </si>
  <si>
    <t>142.06</t>
  </si>
  <si>
    <t>15955018.0</t>
  </si>
  <si>
    <t>7268353.0</t>
  </si>
  <si>
    <t>6030962.0</t>
  </si>
  <si>
    <t>2439333.0</t>
  </si>
  <si>
    <t>142.09</t>
  </si>
  <si>
    <t>15956298.0</t>
  </si>
  <si>
    <t>7268611.0</t>
  </si>
  <si>
    <t>6031180.0</t>
  </si>
  <si>
    <t>2439727.0</t>
  </si>
  <si>
    <t>15957061.0</t>
  </si>
  <si>
    <t>7268724.0</t>
  </si>
  <si>
    <t>6031321.0</t>
  </si>
  <si>
    <t>2439993.0</t>
  </si>
  <si>
    <t>15960130.0</t>
  </si>
  <si>
    <t>7269260.0</t>
  </si>
  <si>
    <t>6031986.0</t>
  </si>
  <si>
    <t>2440985.0</t>
  </si>
  <si>
    <t>21.74</t>
  </si>
  <si>
    <t>15963375.0</t>
  </si>
  <si>
    <t>7269832.0</t>
  </si>
  <si>
    <t>6032574.0</t>
  </si>
  <si>
    <t>2442117.0</t>
  </si>
  <si>
    <t>142.16</t>
  </si>
  <si>
    <t>15966697.0</t>
  </si>
  <si>
    <t>7270441.0</t>
  </si>
  <si>
    <t>6033290.0</t>
  </si>
  <si>
    <t>2443229.0</t>
  </si>
  <si>
    <t>15969820.0</t>
  </si>
  <si>
    <t>7271058.0</t>
  </si>
  <si>
    <t>6033880.0</t>
  </si>
  <si>
    <t>2444228.0</t>
  </si>
  <si>
    <t>142.22</t>
  </si>
  <si>
    <t>15972900.0</t>
  </si>
  <si>
    <t>7271630.0</t>
  </si>
  <si>
    <t>6034470.0</t>
  </si>
  <si>
    <t>2445257.0</t>
  </si>
  <si>
    <t>142.25</t>
  </si>
  <si>
    <t>15974309.0</t>
  </si>
  <si>
    <t>7271886.0</t>
  </si>
  <si>
    <t>6034749.0</t>
  </si>
  <si>
    <t>2445731.0</t>
  </si>
  <si>
    <t>142.26</t>
  </si>
  <si>
    <t>15974987.0</t>
  </si>
  <si>
    <t>7271996.0</t>
  </si>
  <si>
    <t>6034872.0</t>
  </si>
  <si>
    <t>2445967.0</t>
  </si>
  <si>
    <t>142.27</t>
  </si>
  <si>
    <t>15977791.0</t>
  </si>
  <si>
    <t>7272526.0</t>
  </si>
  <si>
    <t>6035508.0</t>
  </si>
  <si>
    <t>2446911.0</t>
  </si>
  <si>
    <t>142.29</t>
  </si>
  <si>
    <t>15981003.0</t>
  </si>
  <si>
    <t>7273118.0</t>
  </si>
  <si>
    <t>6036155.0</t>
  </si>
  <si>
    <t>2448008.0</t>
  </si>
  <si>
    <t>142.32</t>
  </si>
  <si>
    <t>15984273.0</t>
  </si>
  <si>
    <t>7273765.0</t>
  </si>
  <si>
    <t>6036827.0</t>
  </si>
  <si>
    <t>2449126.0</t>
  </si>
  <si>
    <t>142.35</t>
  </si>
  <si>
    <t>15987422.0</t>
  </si>
  <si>
    <t>7274373.0</t>
  </si>
  <si>
    <t>6037384.0</t>
  </si>
  <si>
    <t>2450197.0</t>
  </si>
  <si>
    <t>142.38</t>
  </si>
  <si>
    <t>15990490.0</t>
  </si>
  <si>
    <t>7274898.0</t>
  </si>
  <si>
    <t>6037999.0</t>
  </si>
  <si>
    <t>2451331.0</t>
  </si>
  <si>
    <t>142.41</t>
  </si>
  <si>
    <t>64.79</t>
  </si>
  <si>
    <t>15991753.0</t>
  </si>
  <si>
    <t>7275133.0</t>
  </si>
  <si>
    <t>6038274.0</t>
  </si>
  <si>
    <t>2451719.0</t>
  </si>
  <si>
    <t>142.42</t>
  </si>
  <si>
    <t>15992419.0</t>
  </si>
  <si>
    <t>7275238.0</t>
  </si>
  <si>
    <t>6038397.0</t>
  </si>
  <si>
    <t>2451924.0</t>
  </si>
  <si>
    <t>15995695.0</t>
  </si>
  <si>
    <t>7275861.0</t>
  </si>
  <si>
    <t>6039020.0</t>
  </si>
  <si>
    <t>2453059.0</t>
  </si>
  <si>
    <t>142.45</t>
  </si>
  <si>
    <t>15998519.0</t>
  </si>
  <si>
    <t>7276353.0</t>
  </si>
  <si>
    <t>6039603.0</t>
  </si>
  <si>
    <t>2453987.0</t>
  </si>
  <si>
    <t>142.48</t>
  </si>
  <si>
    <t>16001893.0</t>
  </si>
  <si>
    <t>7277061.0</t>
  </si>
  <si>
    <t>6040187.0</t>
  </si>
  <si>
    <t>2455123.0</t>
  </si>
  <si>
    <t>142.51</t>
  </si>
  <si>
    <t>16008962.0</t>
  </si>
  <si>
    <t>7278378.0</t>
  </si>
  <si>
    <t>6041507.0</t>
  </si>
  <si>
    <t>2457452.0</t>
  </si>
  <si>
    <t>16009381.0</t>
  </si>
  <si>
    <t>7278438.0</t>
  </si>
  <si>
    <t>6041572.0</t>
  </si>
  <si>
    <t>2457614.0</t>
  </si>
  <si>
    <t>16011367.0</t>
  </si>
  <si>
    <t>7278814.0</t>
  </si>
  <si>
    <t>6042005.0</t>
  </si>
  <si>
    <t>2458237.0</t>
  </si>
  <si>
    <t>16014263.0</t>
  </si>
  <si>
    <t>7279307.0</t>
  </si>
  <si>
    <t>6042631.0</t>
  </si>
  <si>
    <t>2459240.0</t>
  </si>
  <si>
    <t>142.62</t>
  </si>
  <si>
    <t>16017063.0</t>
  </si>
  <si>
    <t>7279830.0</t>
  </si>
  <si>
    <t>6043174.0</t>
  </si>
  <si>
    <t>2460162.0</t>
  </si>
  <si>
    <t>142.64</t>
  </si>
  <si>
    <t>16019974.0</t>
  </si>
  <si>
    <t>7280314.0</t>
  </si>
  <si>
    <t>6043764.0</t>
  </si>
  <si>
    <t>2461170.0</t>
  </si>
  <si>
    <t>142.67</t>
  </si>
  <si>
    <t>16020805.0</t>
  </si>
  <si>
    <t>7280467.0</t>
  </si>
  <si>
    <t>6043903.0</t>
  </si>
  <si>
    <t>2461478.0</t>
  </si>
  <si>
    <t>16021405.0</t>
  </si>
  <si>
    <t>7280556.0</t>
  </si>
  <si>
    <t>6044001.0</t>
  </si>
  <si>
    <t>2461675.0</t>
  </si>
  <si>
    <t>16024021.0</t>
  </si>
  <si>
    <t>7280936.0</t>
  </si>
  <si>
    <t>6044530.0</t>
  </si>
  <si>
    <t>2462618.0</t>
  </si>
  <si>
    <t>16026512.0</t>
  </si>
  <si>
    <t>7281279.0</t>
  </si>
  <si>
    <t>6044999.0</t>
  </si>
  <si>
    <t>2463533.0</t>
  </si>
  <si>
    <t>142.73</t>
  </si>
  <si>
    <t>16029463.0</t>
  </si>
  <si>
    <t>7281696.0</t>
  </si>
  <si>
    <t>6045612.0</t>
  </si>
  <si>
    <t>2464531.0</t>
  </si>
  <si>
    <t>16032091.0</t>
  </si>
  <si>
    <t>7282116.0</t>
  </si>
  <si>
    <t>6046147.0</t>
  </si>
  <si>
    <t>2465398.0</t>
  </si>
  <si>
    <t>16035018.0</t>
  </si>
  <si>
    <t>7282511.0</t>
  </si>
  <si>
    <t>6046737.0</t>
  </si>
  <si>
    <t>2466463.0</t>
  </si>
  <si>
    <t>142.8</t>
  </si>
  <si>
    <t>16036280.0</t>
  </si>
  <si>
    <t>7282727.0</t>
  </si>
  <si>
    <t>6047031.0</t>
  </si>
  <si>
    <t>2466865.0</t>
  </si>
  <si>
    <t>16036834.0</t>
  </si>
  <si>
    <t>7282816.0</t>
  </si>
  <si>
    <t>6047156.0</t>
  </si>
  <si>
    <t>2467069.0</t>
  </si>
  <si>
    <t>142.82</t>
  </si>
  <si>
    <t>16039527.0</t>
  </si>
  <si>
    <t>7283196.0</t>
  </si>
  <si>
    <t>6047681.0</t>
  </si>
  <si>
    <t>2468035.0</t>
  </si>
  <si>
    <t>16042128.0</t>
  </si>
  <si>
    <t>7283552.0</t>
  </si>
  <si>
    <t>6048155.0</t>
  </si>
  <si>
    <t>2468987.0</t>
  </si>
  <si>
    <t>142.87</t>
  </si>
  <si>
    <t>16044865.0</t>
  </si>
  <si>
    <t>7283886.0</t>
  </si>
  <si>
    <t>6048739.0</t>
  </si>
  <si>
    <t>2469949.0</t>
  </si>
  <si>
    <t>142.89</t>
  </si>
  <si>
    <t>16047579.0</t>
  </si>
  <si>
    <t>7284226.0</t>
  </si>
  <si>
    <t>6049192.0</t>
  </si>
  <si>
    <t>2470981.0</t>
  </si>
  <si>
    <t>142.91</t>
  </si>
  <si>
    <t>16050053.0</t>
  </si>
  <si>
    <t>7284565.0</t>
  </si>
  <si>
    <t>6049665.0</t>
  </si>
  <si>
    <t>2471865.0</t>
  </si>
  <si>
    <t>142.94</t>
  </si>
  <si>
    <t>16051253.0</t>
  </si>
  <si>
    <t>7284720.0</t>
  </si>
  <si>
    <t>6049955.0</t>
  </si>
  <si>
    <t>2472261.0</t>
  </si>
  <si>
    <t>142.95</t>
  </si>
  <si>
    <t>16052021.0</t>
  </si>
  <si>
    <t>7284863.0</t>
  </si>
  <si>
    <t>6050117.0</t>
  </si>
  <si>
    <t>2472472.0</t>
  </si>
  <si>
    <t>16056768.0</t>
  </si>
  <si>
    <t>7285543.0</t>
  </si>
  <si>
    <t>6051087.0</t>
  </si>
  <si>
    <t>2474078.0</t>
  </si>
  <si>
    <t>16061216.0</t>
  </si>
  <si>
    <t>7286146.0</t>
  </si>
  <si>
    <t>6051973.0</t>
  </si>
  <si>
    <t>2475662.0</t>
  </si>
  <si>
    <t>143.04</t>
  </si>
  <si>
    <t>16063153.0</t>
  </si>
  <si>
    <t>7286204.0</t>
  </si>
  <si>
    <t>6052407.0</t>
  </si>
  <si>
    <t>2476372.0</t>
  </si>
  <si>
    <t>143.05</t>
  </si>
  <si>
    <t>16064862.0</t>
  </si>
  <si>
    <t>7286513.0</t>
  </si>
  <si>
    <t>6052802.0</t>
  </si>
  <si>
    <t>2476887.0</t>
  </si>
  <si>
    <t>16066971.0</t>
  </si>
  <si>
    <t>7286815.0</t>
  </si>
  <si>
    <t>6053226.0</t>
  </si>
  <si>
    <t>2477608.0</t>
  </si>
  <si>
    <t>143.09</t>
  </si>
  <si>
    <t>16069148.0</t>
  </si>
  <si>
    <t>7287120.0</t>
  </si>
  <si>
    <t>6053606.0</t>
  </si>
  <si>
    <t>2478357.0</t>
  </si>
  <si>
    <t>16071366.0</t>
  </si>
  <si>
    <t>7287437.0</t>
  </si>
  <si>
    <t>6054019.0</t>
  </si>
  <si>
    <t>2479133.0</t>
  </si>
  <si>
    <t>143.13</t>
  </si>
  <si>
    <t>16073352.0</t>
  </si>
  <si>
    <t>7287656.0</t>
  </si>
  <si>
    <t>6054362.0</t>
  </si>
  <si>
    <t>2479887.0</t>
  </si>
  <si>
    <t>16075310.0</t>
  </si>
  <si>
    <t>7287969.0</t>
  </si>
  <si>
    <t>6054738.0</t>
  </si>
  <si>
    <t>2480545.0</t>
  </si>
  <si>
    <t>143.16</t>
  </si>
  <si>
    <t>16076342.0</t>
  </si>
  <si>
    <t>7288147.0</t>
  </si>
  <si>
    <t>6054994.0</t>
  </si>
  <si>
    <t>2480852.0</t>
  </si>
  <si>
    <t>143.17</t>
  </si>
  <si>
    <t>16076812.0</t>
  </si>
  <si>
    <t>7288219.0</t>
  </si>
  <si>
    <t>6055094.0</t>
  </si>
  <si>
    <t>2480995.0</t>
  </si>
  <si>
    <t>16078617.0</t>
  </si>
  <si>
    <t>7288510.0</t>
  </si>
  <si>
    <t>6055424.0</t>
  </si>
  <si>
    <t>2481569.0</t>
  </si>
  <si>
    <t>143.19</t>
  </si>
  <si>
    <t>16080555.0</t>
  </si>
  <si>
    <t>7288763.0</t>
  </si>
  <si>
    <t>6055768.0</t>
  </si>
  <si>
    <t>2482254.0</t>
  </si>
  <si>
    <t>16082581.0</t>
  </si>
  <si>
    <t>7289020.0</t>
  </si>
  <si>
    <t>6056198.0</t>
  </si>
  <si>
    <t>2482905.0</t>
  </si>
  <si>
    <t>16084745.0</t>
  </si>
  <si>
    <t>7289316.0</t>
  </si>
  <si>
    <t>6056545.0</t>
  </si>
  <si>
    <t>2483684.0</t>
  </si>
  <si>
    <t>16086420.0</t>
  </si>
  <si>
    <t>7289545.0</t>
  </si>
  <si>
    <t>6056903.0</t>
  </si>
  <si>
    <t>2484286.0</t>
  </si>
  <si>
    <t>16087688.0</t>
  </si>
  <si>
    <t>7289742.0</t>
  </si>
  <si>
    <t>6057153.0</t>
  </si>
  <si>
    <t>2484701.0</t>
  </si>
  <si>
    <t>143.27</t>
  </si>
  <si>
    <t>16089476.0</t>
  </si>
  <si>
    <t>7290037.0</t>
  </si>
  <si>
    <t>6057459.0</t>
  </si>
  <si>
    <t>2485347.0</t>
  </si>
  <si>
    <t>143.29</t>
  </si>
  <si>
    <t>16091373.0</t>
  </si>
  <si>
    <t>7290341.0</t>
  </si>
  <si>
    <t>6057822.0</t>
  </si>
  <si>
    <t>2485980.0</t>
  </si>
  <si>
    <t>16093284.0</t>
  </si>
  <si>
    <t>7290581.0</t>
  </si>
  <si>
    <t>6058180.0</t>
  </si>
  <si>
    <t>2486711.0</t>
  </si>
  <si>
    <t>16095436.0</t>
  </si>
  <si>
    <t>7290937.0</t>
  </si>
  <si>
    <t>6058540.0</t>
  </si>
  <si>
    <t>2487443.0</t>
  </si>
  <si>
    <t>143.34</t>
  </si>
  <si>
    <t>16097408.0</t>
  </si>
  <si>
    <t>7291276.0</t>
  </si>
  <si>
    <t>6058921.0</t>
  </si>
  <si>
    <t>2488110.0</t>
  </si>
  <si>
    <t>143.36</t>
  </si>
  <si>
    <t>16098191.0</t>
  </si>
  <si>
    <t>7291412.0</t>
  </si>
  <si>
    <t>6059107.0</t>
  </si>
  <si>
    <t>2488357.0</t>
  </si>
  <si>
    <t>16098646.0</t>
  </si>
  <si>
    <t>7291469.0</t>
  </si>
  <si>
    <t>6059185.0</t>
  </si>
  <si>
    <t>2488515.0</t>
  </si>
  <si>
    <t>16100503.0</t>
  </si>
  <si>
    <t>7291749.0</t>
  </si>
  <si>
    <t>6059482.0</t>
  </si>
  <si>
    <t>16102371.0</t>
  </si>
  <si>
    <t>7292033.0</t>
  </si>
  <si>
    <t>6060521.0</t>
  </si>
  <si>
    <t>2489130.0</t>
  </si>
  <si>
    <t>16104387.0</t>
  </si>
  <si>
    <t>7292291.0</t>
  </si>
  <si>
    <t>6060885.0</t>
  </si>
  <si>
    <t>2489891.0</t>
  </si>
  <si>
    <t>16106516.0</t>
  </si>
  <si>
    <t>7292533.0</t>
  </si>
  <si>
    <t>6061229.0</t>
  </si>
  <si>
    <t>2490763.0</t>
  </si>
  <si>
    <t>143.44</t>
  </si>
  <si>
    <t>16108370.0</t>
  </si>
  <si>
    <t>7292797.0</t>
  </si>
  <si>
    <t>6061550.0</t>
  </si>
  <si>
    <t>2491396.0</t>
  </si>
  <si>
    <t>16109333.0</t>
  </si>
  <si>
    <t>7292952.0</t>
  </si>
  <si>
    <t>6061761.0</t>
  </si>
  <si>
    <t>2491671.0</t>
  </si>
  <si>
    <t>16109769.0</t>
  </si>
  <si>
    <t>7293020.0</t>
  </si>
  <si>
    <t>6061821.0</t>
  </si>
  <si>
    <t>2491821.0</t>
  </si>
  <si>
    <t>16111610.0</t>
  </si>
  <si>
    <t>7293253.0</t>
  </si>
  <si>
    <t>6062208.0</t>
  </si>
  <si>
    <t>2492507.0</t>
  </si>
  <si>
    <t>16113390.0</t>
  </si>
  <si>
    <t>7293461.0</t>
  </si>
  <si>
    <t>6062514.0</t>
  </si>
  <si>
    <t>2493149.0</t>
  </si>
  <si>
    <t>16115326.0</t>
  </si>
  <si>
    <t>7293723.0</t>
  </si>
  <si>
    <t>6062839.0</t>
  </si>
  <si>
    <t>2493838.0</t>
  </si>
  <si>
    <t>143.52</t>
  </si>
  <si>
    <t>16117182.0</t>
  </si>
  <si>
    <t>7293956.0</t>
  </si>
  <si>
    <t>6063174.0</t>
  </si>
  <si>
    <t>2494498.0</t>
  </si>
  <si>
    <t>143.53</t>
  </si>
  <si>
    <t>16118962.0</t>
  </si>
  <si>
    <t>7294156.0</t>
  </si>
  <si>
    <t>6063485.0</t>
  </si>
  <si>
    <t>2495149.0</t>
  </si>
  <si>
    <t>143.55</t>
  </si>
  <si>
    <t>16120147.0</t>
  </si>
  <si>
    <t>7294354.0</t>
  </si>
  <si>
    <t>6063722.0</t>
  </si>
  <si>
    <t>2495533.0</t>
  </si>
  <si>
    <t>143.56</t>
  </si>
  <si>
    <t>16121858.0</t>
  </si>
  <si>
    <t>7294580.0</t>
  </si>
  <si>
    <t>6064043.0</t>
  </si>
  <si>
    <t>2496165.0</t>
  </si>
  <si>
    <t>16123743.0</t>
  </si>
  <si>
    <t>7294854.0</t>
  </si>
  <si>
    <t>6064369.0</t>
  </si>
  <si>
    <t>2496812.0</t>
  </si>
  <si>
    <t>16125352.0</t>
  </si>
  <si>
    <t>7295083.0</t>
  </si>
  <si>
    <t>6064668.0</t>
  </si>
  <si>
    <t>2497379.0</t>
  </si>
  <si>
    <t>143.61</t>
  </si>
  <si>
    <t>16128874.0</t>
  </si>
  <si>
    <t>7295563.0</t>
  </si>
  <si>
    <t>6065354.0</t>
  </si>
  <si>
    <t>2498656.0</t>
  </si>
  <si>
    <t>143.64</t>
  </si>
  <si>
    <t>16129237.0</t>
  </si>
  <si>
    <t>7295618.0</t>
  </si>
  <si>
    <t>6065417.0</t>
  </si>
  <si>
    <t>2498787.0</t>
  </si>
  <si>
    <t>16130922.0</t>
  </si>
  <si>
    <t>7295816.0</t>
  </si>
  <si>
    <t>6065746.0</t>
  </si>
  <si>
    <t>2499365.0</t>
  </si>
  <si>
    <t>16132440.0</t>
  </si>
  <si>
    <t>7295993.0</t>
  </si>
  <si>
    <t>6065999.0</t>
  </si>
  <si>
    <t>2499887.0</t>
  </si>
  <si>
    <t>16134119.0</t>
  </si>
  <si>
    <t>7296172.0</t>
  </si>
  <si>
    <t>6066275.0</t>
  </si>
  <si>
    <t>2500509.0</t>
  </si>
  <si>
    <t>16138558.0</t>
  </si>
  <si>
    <t>7297000.0</t>
  </si>
  <si>
    <t>6066331.0</t>
  </si>
  <si>
    <t>2502556.0</t>
  </si>
  <si>
    <t>143.72</t>
  </si>
  <si>
    <t>16139457.0</t>
  </si>
  <si>
    <t>7297111.0</t>
  </si>
  <si>
    <t>6066525.0</t>
  </si>
  <si>
    <t>2502852.0</t>
  </si>
  <si>
    <t>143.73</t>
  </si>
  <si>
    <t>16142186.0</t>
  </si>
  <si>
    <t>7297394.0</t>
  </si>
  <si>
    <t>6066998.0</t>
  </si>
  <si>
    <t>2503891.0</t>
  </si>
  <si>
    <t>16144419.0</t>
  </si>
  <si>
    <t>7297614.0</t>
  </si>
  <si>
    <t>6067324.0</t>
  </si>
  <si>
    <t>2504678.0</t>
  </si>
  <si>
    <t>143.78</t>
  </si>
  <si>
    <t>16146291.0</t>
  </si>
  <si>
    <t>7297827.0</t>
  </si>
  <si>
    <t>6067611.0</t>
  </si>
  <si>
    <t>2505258.0</t>
  </si>
  <si>
    <t>16149413.0</t>
  </si>
  <si>
    <t>7298046.0</t>
  </si>
  <si>
    <t>6068021.0</t>
  </si>
  <si>
    <t>2506281.0</t>
  </si>
  <si>
    <t>16150630.0</t>
  </si>
  <si>
    <t>7298149.0</t>
  </si>
  <si>
    <t>6068229.0</t>
  </si>
  <si>
    <t>2506707.0</t>
  </si>
  <si>
    <t>143.83</t>
  </si>
  <si>
    <t>16152318.0</t>
  </si>
  <si>
    <t>7298326.0</t>
  </si>
  <si>
    <t>6068467.0</t>
  </si>
  <si>
    <t>2507287.0</t>
  </si>
  <si>
    <t>143.85</t>
  </si>
  <si>
    <t>16154166.0</t>
  </si>
  <si>
    <t>7298530.0</t>
  </si>
  <si>
    <t>6068802.0</t>
  </si>
  <si>
    <t>2507946.0</t>
  </si>
  <si>
    <t>143.86</t>
  </si>
  <si>
    <t>16155911.0</t>
  </si>
  <si>
    <t>7298685.0</t>
  </si>
  <si>
    <t>6069059.0</t>
  </si>
  <si>
    <t>2508523.0</t>
  </si>
  <si>
    <t>143.88</t>
  </si>
  <si>
    <t>16159859.0</t>
  </si>
  <si>
    <t>7299104.0</t>
  </si>
  <si>
    <t>6069654.0</t>
  </si>
  <si>
    <t>2509847.0</t>
  </si>
  <si>
    <t>16161648.0</t>
  </si>
  <si>
    <t>7299276.0</t>
  </si>
  <si>
    <t>6069982.0</t>
  </si>
  <si>
    <t>2510396.0</t>
  </si>
  <si>
    <t>16163366.0</t>
  </si>
  <si>
    <t>7299447.0</t>
  </si>
  <si>
    <t>6070254.0</t>
  </si>
  <si>
    <t>2510989.0</t>
  </si>
  <si>
    <t>143.95</t>
  </si>
  <si>
    <t>16164918.0</t>
  </si>
  <si>
    <t>7299606.0</t>
  </si>
  <si>
    <t>6070493.0</t>
  </si>
  <si>
    <t>2511527.0</t>
  </si>
  <si>
    <t>143.96</t>
  </si>
  <si>
    <t>16166407.0</t>
  </si>
  <si>
    <t>7299759.0</t>
  </si>
  <si>
    <t>6070740.0</t>
  </si>
  <si>
    <t>2512027.0</t>
  </si>
  <si>
    <t>143.97</t>
  </si>
  <si>
    <t>16170107.0</t>
  </si>
  <si>
    <t>7300178.0</t>
  </si>
  <si>
    <t>6071356.0</t>
  </si>
  <si>
    <t>2513222.0</t>
  </si>
  <si>
    <t>16171774.0</t>
  </si>
  <si>
    <t>7300382.0</t>
  </si>
  <si>
    <t>6071623.0</t>
  </si>
  <si>
    <t>2513784.0</t>
  </si>
  <si>
    <t>144.02</t>
  </si>
  <si>
    <t>16174070.0</t>
  </si>
  <si>
    <t>7300637.0</t>
  </si>
  <si>
    <t>6071986.0</t>
  </si>
  <si>
    <t>2514532.0</t>
  </si>
  <si>
    <t>144.04</t>
  </si>
  <si>
    <t>ECU</t>
  </si>
  <si>
    <t>Ecuador</t>
  </si>
  <si>
    <t>-228.9</t>
  </si>
  <si>
    <t>-12.7159588116262</t>
  </si>
  <si>
    <t>-357.8</t>
  </si>
  <si>
    <t>-2.38</t>
  </si>
  <si>
    <t>-8.22</t>
  </si>
  <si>
    <t>-19.8766713097415</t>
  </si>
  <si>
    <t>-422.7</t>
  </si>
  <si>
    <t>-2.55</t>
  </si>
  <si>
    <t>-23.48202616721</t>
  </si>
  <si>
    <t>-381.6</t>
  </si>
  <si>
    <t>-2.11</t>
  </si>
  <si>
    <t>-21.1988199323571</t>
  </si>
  <si>
    <t>105.199699438953</t>
  </si>
  <si>
    <t>6834.0</t>
  </si>
  <si>
    <t>376.77</t>
  </si>
  <si>
    <t>422.86534938444</t>
  </si>
  <si>
    <t>13657.0</t>
  </si>
  <si>
    <t>12413.5</t>
  </si>
  <si>
    <t>298.32</t>
  </si>
  <si>
    <t>689.600501127659</t>
  </si>
  <si>
    <t>16137.0</t>
  </si>
  <si>
    <t>16525.0</t>
  </si>
  <si>
    <t>18433.0</t>
  </si>
  <si>
    <t>15434.4</t>
  </si>
  <si>
    <t>206.05</t>
  </si>
  <si>
    <t>857.418937012506</t>
  </si>
  <si>
    <t>20480.0</t>
  </si>
  <si>
    <t>21607.0</t>
  </si>
  <si>
    <t>31134.0</t>
  </si>
  <si>
    <t>17484.1</t>
  </si>
  <si>
    <t>971.284820700536</t>
  </si>
  <si>
    <t>32460.0</t>
  </si>
  <si>
    <t>33684.0</t>
  </si>
  <si>
    <t>34347.0</t>
  </si>
  <si>
    <t>18864.4</t>
  </si>
  <si>
    <t>93.85</t>
  </si>
  <si>
    <t>1047.96388556593</t>
  </si>
  <si>
    <t>20066.5</t>
  </si>
  <si>
    <t>1114.74350150064</t>
  </si>
  <si>
    <t>44285.0</t>
  </si>
  <si>
    <t>47881.0</t>
  </si>
  <si>
    <t>50020.0</t>
  </si>
  <si>
    <t>51395.0</t>
  </si>
  <si>
    <t>52712.0</t>
  </si>
  <si>
    <t>20920.6</t>
  </si>
  <si>
    <t>1162.19086026433</t>
  </si>
  <si>
    <t>55384.0</t>
  </si>
  <si>
    <t>57126.0</t>
  </si>
  <si>
    <t>59535.0</t>
  </si>
  <si>
    <t>64195.0</t>
  </si>
  <si>
    <t>21679.1</t>
  </si>
  <si>
    <t>1204.32740355231</t>
  </si>
  <si>
    <t>64777.0</t>
  </si>
  <si>
    <t>67139.0</t>
  </si>
  <si>
    <t>67718.0</t>
  </si>
  <si>
    <t>68231.0</t>
  </si>
  <si>
    <t>71422.0</t>
  </si>
  <si>
    <t>22358.2</t>
  </si>
  <si>
    <t>1242.05308126736</t>
  </si>
  <si>
    <t>72779.0</t>
  </si>
  <si>
    <t>76143.0</t>
  </si>
  <si>
    <t>79123.0</t>
  </si>
  <si>
    <t>80376.0</t>
  </si>
  <si>
    <t>80796.0</t>
  </si>
  <si>
    <t>22991.1</t>
  </si>
  <si>
    <t>1277.21223518557</t>
  </si>
  <si>
    <t>82279.0</t>
  </si>
  <si>
    <t>83400.0</t>
  </si>
  <si>
    <t>85592.0</t>
  </si>
  <si>
    <t>87561.0</t>
  </si>
  <si>
    <t>88946.0</t>
  </si>
  <si>
    <t>89842.0</t>
  </si>
  <si>
    <t>23746.0</t>
  </si>
  <si>
    <t>1319.14878960627</t>
  </si>
  <si>
    <t>92964.0</t>
  </si>
  <si>
    <t>94226.0</t>
  </si>
  <si>
    <t>5.294</t>
  </si>
  <si>
    <t>95696.0</t>
  </si>
  <si>
    <t>99041.0</t>
  </si>
  <si>
    <t>5.634</t>
  </si>
  <si>
    <t>100756.0</t>
  </si>
  <si>
    <t>24448.9</t>
  </si>
  <si>
    <t>1358.19661594393</t>
  </si>
  <si>
    <t>102855.0</t>
  </si>
  <si>
    <t>104572.0</t>
  </si>
  <si>
    <t>5.876</t>
  </si>
  <si>
    <t>106476.0</t>
  </si>
  <si>
    <t>5.983</t>
  </si>
  <si>
    <t>109939.0</t>
  </si>
  <si>
    <t>111523.0</t>
  </si>
  <si>
    <t>112845.0</t>
  </si>
  <si>
    <t>25141.6</t>
  </si>
  <si>
    <t>1396.67780715762</t>
  </si>
  <si>
    <t>114910.0</t>
  </si>
  <si>
    <t>117603.0</t>
  </si>
  <si>
    <t>122631.0</t>
  </si>
  <si>
    <t>124735.0</t>
  </si>
  <si>
    <t>7.008</t>
  </si>
  <si>
    <t>125734.0</t>
  </si>
  <si>
    <t>7.065</t>
  </si>
  <si>
    <t>126699.0</t>
  </si>
  <si>
    <t>7.119</t>
  </si>
  <si>
    <t>25931.1</t>
  </si>
  <si>
    <t>1440.53647680279</t>
  </si>
  <si>
    <t>128825.0</t>
  </si>
  <si>
    <t>7.238</t>
  </si>
  <si>
    <t>131222.0</t>
  </si>
  <si>
    <t>133207.0</t>
  </si>
  <si>
    <t>7.484</t>
  </si>
  <si>
    <t>134811.0</t>
  </si>
  <si>
    <t>7.575</t>
  </si>
  <si>
    <t>137419.0</t>
  </si>
  <si>
    <t>138271.0</t>
  </si>
  <si>
    <t>140602.0</t>
  </si>
  <si>
    <t>26941.2</t>
  </si>
  <si>
    <t>1496.65001981556</t>
  </si>
  <si>
    <t>142990.0</t>
  </si>
  <si>
    <t>8.034</t>
  </si>
  <si>
    <t>145207.0</t>
  </si>
  <si>
    <t>8.159</t>
  </si>
  <si>
    <t>147993.0</t>
  </si>
  <si>
    <t>150361.0</t>
  </si>
  <si>
    <t>152448.0</t>
  </si>
  <si>
    <t>8.661</t>
  </si>
  <si>
    <t>155768.0</t>
  </si>
  <si>
    <t>8.752</t>
  </si>
  <si>
    <t>28043.5</t>
  </si>
  <si>
    <t>1557.88549992939</t>
  </si>
  <si>
    <t>159152.0</t>
  </si>
  <si>
    <t>8.942</t>
  </si>
  <si>
    <t>161443.0</t>
  </si>
  <si>
    <t>163598.0</t>
  </si>
  <si>
    <t>165722.0</t>
  </si>
  <si>
    <t>9.311</t>
  </si>
  <si>
    <t>167782.0</t>
  </si>
  <si>
    <t>169605.0</t>
  </si>
  <si>
    <t>170731.0</t>
  </si>
  <si>
    <t>29213.2</t>
  </si>
  <si>
    <t>1622.86521605853</t>
  </si>
  <si>
    <t>174095.0</t>
  </si>
  <si>
    <t>9.782</t>
  </si>
  <si>
    <t>176208.0</t>
  </si>
  <si>
    <t>9.901</t>
  </si>
  <si>
    <t>179093.0</t>
  </si>
  <si>
    <t>10.063</t>
  </si>
  <si>
    <t>181594.0</t>
  </si>
  <si>
    <t>10.203</t>
  </si>
  <si>
    <t>184045.0</t>
  </si>
  <si>
    <t>184923.0</t>
  </si>
  <si>
    <t>186336.0</t>
  </si>
  <si>
    <t>30318.5</t>
  </si>
  <si>
    <t>1684.26735356176</t>
  </si>
  <si>
    <t>188431.0</t>
  </si>
  <si>
    <t>10.587</t>
  </si>
  <si>
    <t>194349.0</t>
  </si>
  <si>
    <t>197857.0</t>
  </si>
  <si>
    <t>11.117</t>
  </si>
  <si>
    <t>202394.0</t>
  </si>
  <si>
    <t>11.372</t>
  </si>
  <si>
    <t>204729.0</t>
  </si>
  <si>
    <t>11.503</t>
  </si>
  <si>
    <t>205364.0</t>
  </si>
  <si>
    <t>1742.84742593773</t>
  </si>
  <si>
    <t>206536.0</t>
  </si>
  <si>
    <t>11.605</t>
  </si>
  <si>
    <t>211192.0</t>
  </si>
  <si>
    <t>214477.0</t>
  </si>
  <si>
    <t>12.051</t>
  </si>
  <si>
    <t>217474.0</t>
  </si>
  <si>
    <t>12.219</t>
  </si>
  <si>
    <t>221163.0</t>
  </si>
  <si>
    <t>12.426</t>
  </si>
  <si>
    <t>223842.0</t>
  </si>
  <si>
    <t>224835.0</t>
  </si>
  <si>
    <t>12.633</t>
  </si>
  <si>
    <t>32308.7</t>
  </si>
  <si>
    <t>1794.82786569325</t>
  </si>
  <si>
    <t>228038.0</t>
  </si>
  <si>
    <t>231883.0</t>
  </si>
  <si>
    <t>13.029</t>
  </si>
  <si>
    <t>235401.0</t>
  </si>
  <si>
    <t>13.226</t>
  </si>
  <si>
    <t>238158.0</t>
  </si>
  <si>
    <t>13.381</t>
  </si>
  <si>
    <t>239766.0</t>
  </si>
  <si>
    <t>13.472</t>
  </si>
  <si>
    <t>242114.0</t>
  </si>
  <si>
    <t>13.604</t>
  </si>
  <si>
    <t>243437.0</t>
  </si>
  <si>
    <t>13.678</t>
  </si>
  <si>
    <t>1838.73097730893</t>
  </si>
  <si>
    <t>245983.0</t>
  </si>
  <si>
    <t>13.821</t>
  </si>
  <si>
    <t>249452.0</t>
  </si>
  <si>
    <t>14.016</t>
  </si>
  <si>
    <t>251532.0</t>
  </si>
  <si>
    <t>14.133</t>
  </si>
  <si>
    <t>253976.0</t>
  </si>
  <si>
    <t>256212.0</t>
  </si>
  <si>
    <t>14.396</t>
  </si>
  <si>
    <t>258266.0</t>
  </si>
  <si>
    <t>258893.0</t>
  </si>
  <si>
    <t>33708.9</t>
  </si>
  <si>
    <t>1872.61242457503</t>
  </si>
  <si>
    <t>260413.0</t>
  </si>
  <si>
    <t>14.632</t>
  </si>
  <si>
    <t>263241.0</t>
  </si>
  <si>
    <t>14.791</t>
  </si>
  <si>
    <t>265640.0</t>
  </si>
  <si>
    <t>14.925</t>
  </si>
  <si>
    <t>267992.0</t>
  </si>
  <si>
    <t>270618.0</t>
  </si>
  <si>
    <t>272981.0</t>
  </si>
  <si>
    <t>15.338</t>
  </si>
  <si>
    <t>273730.0</t>
  </si>
  <si>
    <t>34357.2</t>
  </si>
  <si>
    <t>1908.62708642552</t>
  </si>
  <si>
    <t>275241.0</t>
  </si>
  <si>
    <t>15.465</t>
  </si>
  <si>
    <t>278939.0</t>
  </si>
  <si>
    <t>15.673</t>
  </si>
  <si>
    <t>281920.0</t>
  </si>
  <si>
    <t>286756.0</t>
  </si>
  <si>
    <t>16.112</t>
  </si>
  <si>
    <t>290896.0</t>
  </si>
  <si>
    <t>294328.0</t>
  </si>
  <si>
    <t>16.537</t>
  </si>
  <si>
    <t>295374.0</t>
  </si>
  <si>
    <t>16.596</t>
  </si>
  <si>
    <t>34899.5</t>
  </si>
  <si>
    <t>1938.75318718369</t>
  </si>
  <si>
    <t>297387.0</t>
  </si>
  <si>
    <t>16.709</t>
  </si>
  <si>
    <t>302597.0</t>
  </si>
  <si>
    <t>17.002</t>
  </si>
  <si>
    <t>308927.0</t>
  </si>
  <si>
    <t>17.358</t>
  </si>
  <si>
    <t>313575.0</t>
  </si>
  <si>
    <t>17.619</t>
  </si>
  <si>
    <t>320239.0</t>
  </si>
  <si>
    <t>17.993</t>
  </si>
  <si>
    <t>323679.0</t>
  </si>
  <si>
    <t>18.187</t>
  </si>
  <si>
    <t>324408.0</t>
  </si>
  <si>
    <t>18.227</t>
  </si>
  <si>
    <t>35380.8</t>
  </si>
  <si>
    <t>1965.49058769062</t>
  </si>
  <si>
    <t>326943.0</t>
  </si>
  <si>
    <t>333088.0</t>
  </si>
  <si>
    <t>18.715</t>
  </si>
  <si>
    <t>337427.0</t>
  </si>
  <si>
    <t>18.959</t>
  </si>
  <si>
    <t>341824.0</t>
  </si>
  <si>
    <t>19.206</t>
  </si>
  <si>
    <t>347782.0</t>
  </si>
  <si>
    <t>19.541</t>
  </si>
  <si>
    <t>350498.0</t>
  </si>
  <si>
    <t>351221.0</t>
  </si>
  <si>
    <t>35755.7</t>
  </si>
  <si>
    <t>1986.31720611997</t>
  </si>
  <si>
    <t>354601.0</t>
  </si>
  <si>
    <t>19.924</t>
  </si>
  <si>
    <t>359918.0</t>
  </si>
  <si>
    <t>20.223</t>
  </si>
  <si>
    <t>365003.0</t>
  </si>
  <si>
    <t>369546.0</t>
  </si>
  <si>
    <t>20.764</t>
  </si>
  <si>
    <t>372814.0</t>
  </si>
  <si>
    <t>20.947</t>
  </si>
  <si>
    <t>375275.0</t>
  </si>
  <si>
    <t>21.086</t>
  </si>
  <si>
    <t>376295.0</t>
  </si>
  <si>
    <t>21.143</t>
  </si>
  <si>
    <t>36022.8</t>
  </si>
  <si>
    <t>2001.15526902336</t>
  </si>
  <si>
    <t>378871.0</t>
  </si>
  <si>
    <t>21.288</t>
  </si>
  <si>
    <t>384086.0</t>
  </si>
  <si>
    <t>21.581</t>
  </si>
  <si>
    <t>388866.0</t>
  </si>
  <si>
    <t>21.849</t>
  </si>
  <si>
    <t>392634.0</t>
  </si>
  <si>
    <t>398580.0</t>
  </si>
  <si>
    <t>22.395</t>
  </si>
  <si>
    <t>399621.0</t>
  </si>
  <si>
    <t>22.453</t>
  </si>
  <si>
    <t>400622.0</t>
  </si>
  <si>
    <t>36452.5</t>
  </si>
  <si>
    <t>2025.02616243251</t>
  </si>
  <si>
    <t>403402.0</t>
  </si>
  <si>
    <t>22.666</t>
  </si>
  <si>
    <t>407895.0</t>
  </si>
  <si>
    <t>22.918</t>
  </si>
  <si>
    <t>413062.0</t>
  </si>
  <si>
    <t>23.209</t>
  </si>
  <si>
    <t>417618.0</t>
  </si>
  <si>
    <t>420518.0</t>
  </si>
  <si>
    <t>23.628</t>
  </si>
  <si>
    <t>424875.0</t>
  </si>
  <si>
    <t>23.872</t>
  </si>
  <si>
    <t>425441.0</t>
  </si>
  <si>
    <t>2042.49741208851</t>
  </si>
  <si>
    <t>427572.0</t>
  </si>
  <si>
    <t>24.024</t>
  </si>
  <si>
    <t>433720.0</t>
  </si>
  <si>
    <t>24.369</t>
  </si>
  <si>
    <t>438393.0</t>
  </si>
  <si>
    <t>24.632</t>
  </si>
  <si>
    <t>447814.0</t>
  </si>
  <si>
    <t>25.161</t>
  </si>
  <si>
    <t>455177.0</t>
  </si>
  <si>
    <t>25.575</t>
  </si>
  <si>
    <t>465301.0</t>
  </si>
  <si>
    <t>26.144</t>
  </si>
  <si>
    <t>466722.0</t>
  </si>
  <si>
    <t>26.224</t>
  </si>
  <si>
    <t>37120.9</t>
  </si>
  <si>
    <t>2062.15742879202</t>
  </si>
  <si>
    <t>471279.0</t>
  </si>
  <si>
    <t>477494.0</t>
  </si>
  <si>
    <t>26.829</t>
  </si>
  <si>
    <t>484451.0</t>
  </si>
  <si>
    <t>6957.0</t>
  </si>
  <si>
    <t>487897.0</t>
  </si>
  <si>
    <t>27.413</t>
  </si>
  <si>
    <t>493332.0</t>
  </si>
  <si>
    <t>497083.0</t>
  </si>
  <si>
    <t>498411.0</t>
  </si>
  <si>
    <t>28.004</t>
  </si>
  <si>
    <t>37367.4</t>
  </si>
  <si>
    <t>2075.85111095482</t>
  </si>
  <si>
    <t>500231.0</t>
  </si>
  <si>
    <t>28.106</t>
  </si>
  <si>
    <t>505539.0</t>
  </si>
  <si>
    <t>28.405</t>
  </si>
  <si>
    <t>508214.0</t>
  </si>
  <si>
    <t>28.555</t>
  </si>
  <si>
    <t>512577.0</t>
  </si>
  <si>
    <t>516681.0</t>
  </si>
  <si>
    <t>29.031</t>
  </si>
  <si>
    <t>523423.0</t>
  </si>
  <si>
    <t>524979.0</t>
  </si>
  <si>
    <t>37579.1</t>
  </si>
  <si>
    <t>2087.61156740053</t>
  </si>
  <si>
    <t>526929.0</t>
  </si>
  <si>
    <t>531102.0</t>
  </si>
  <si>
    <t>534503.0</t>
  </si>
  <si>
    <t>30.032</t>
  </si>
  <si>
    <t>539089.0</t>
  </si>
  <si>
    <t>543474.0</t>
  </si>
  <si>
    <t>546619.0</t>
  </si>
  <si>
    <t>30.713</t>
  </si>
  <si>
    <t>547995.0</t>
  </si>
  <si>
    <t>37920.8</t>
  </si>
  <si>
    <t>2106.59384405379</t>
  </si>
  <si>
    <t>550021.0</t>
  </si>
  <si>
    <t>30.904</t>
  </si>
  <si>
    <t>554884.0</t>
  </si>
  <si>
    <t>31.177</t>
  </si>
  <si>
    <t>559904.0</t>
  </si>
  <si>
    <t>563606.0</t>
  </si>
  <si>
    <t>31.667</t>
  </si>
  <si>
    <t>568591.0</t>
  </si>
  <si>
    <t>31.947</t>
  </si>
  <si>
    <t>575028.0</t>
  </si>
  <si>
    <t>32.309</t>
  </si>
  <si>
    <t>577077.0</t>
  </si>
  <si>
    <t>32.424</t>
  </si>
  <si>
    <t>38324.1</t>
  </si>
  <si>
    <t>2128.99815243618</t>
  </si>
  <si>
    <t>579777.0</t>
  </si>
  <si>
    <t>32.576</t>
  </si>
  <si>
    <t>583200.0</t>
  </si>
  <si>
    <t>588759.0</t>
  </si>
  <si>
    <t>33.081</t>
  </si>
  <si>
    <t>594125.0</t>
  </si>
  <si>
    <t>33.382</t>
  </si>
  <si>
    <t>600713.0</t>
  </si>
  <si>
    <t>606015.0</t>
  </si>
  <si>
    <t>608942.0</t>
  </si>
  <si>
    <t>38629.4</t>
  </si>
  <si>
    <t>2145.95831943133</t>
  </si>
  <si>
    <t>613711.0</t>
  </si>
  <si>
    <t>618149.0</t>
  </si>
  <si>
    <t>34.732</t>
  </si>
  <si>
    <t>621954.0</t>
  </si>
  <si>
    <t>34.946</t>
  </si>
  <si>
    <t>626144.0</t>
  </si>
  <si>
    <t>35.181</t>
  </si>
  <si>
    <t>629651.0</t>
  </si>
  <si>
    <t>632976.0</t>
  </si>
  <si>
    <t>633706.0</t>
  </si>
  <si>
    <t>35.606</t>
  </si>
  <si>
    <t>38992.9</t>
  </si>
  <si>
    <t>2166.15163978094</t>
  </si>
  <si>
    <t>635232.0</t>
  </si>
  <si>
    <t>35.692</t>
  </si>
  <si>
    <t>637546.0</t>
  </si>
  <si>
    <t>35.822</t>
  </si>
  <si>
    <t>642521.0</t>
  </si>
  <si>
    <t>644303.0</t>
  </si>
  <si>
    <t>36.201</t>
  </si>
  <si>
    <t>647427.0</t>
  </si>
  <si>
    <t>36.377</t>
  </si>
  <si>
    <t>650539.0</t>
  </si>
  <si>
    <t>36.552</t>
  </si>
  <si>
    <t>651108.0</t>
  </si>
  <si>
    <t>36.584</t>
  </si>
  <si>
    <t>39206.2</t>
  </si>
  <si>
    <t>2178.00098016766</t>
  </si>
  <si>
    <t>652102.0</t>
  </si>
  <si>
    <t>659200.0</t>
  </si>
  <si>
    <t>37.038</t>
  </si>
  <si>
    <t>662513.0</t>
  </si>
  <si>
    <t>37.225</t>
  </si>
  <si>
    <t>665603.0</t>
  </si>
  <si>
    <t>37.398</t>
  </si>
  <si>
    <t>670732.0</t>
  </si>
  <si>
    <t>37.686</t>
  </si>
  <si>
    <t>672926.0</t>
  </si>
  <si>
    <t>673532.0</t>
  </si>
  <si>
    <t>37.844</t>
  </si>
  <si>
    <t>39510.3</t>
  </si>
  <si>
    <t>2194.89448420705</t>
  </si>
  <si>
    <t>674001.0</t>
  </si>
  <si>
    <t>677288.0</t>
  </si>
  <si>
    <t>38.055</t>
  </si>
  <si>
    <t>681868.0</t>
  </si>
  <si>
    <t>38.312</t>
  </si>
  <si>
    <t>684841.0</t>
  </si>
  <si>
    <t>38.479</t>
  </si>
  <si>
    <t>687882.0</t>
  </si>
  <si>
    <t>688823.0</t>
  </si>
  <si>
    <t>38.703</t>
  </si>
  <si>
    <t>690413.0</t>
  </si>
  <si>
    <t>38.792</t>
  </si>
  <si>
    <t>39842.4</t>
  </si>
  <si>
    <t>2213.34345721422</t>
  </si>
  <si>
    <t>692493.0</t>
  </si>
  <si>
    <t>38.909</t>
  </si>
  <si>
    <t>697587.0</t>
  </si>
  <si>
    <t>39.195</t>
  </si>
  <si>
    <t>700284.0</t>
  </si>
  <si>
    <t>39.347</t>
  </si>
  <si>
    <t>704513.0</t>
  </si>
  <si>
    <t>708824.0</t>
  </si>
  <si>
    <t>39.827</t>
  </si>
  <si>
    <t>709786.0</t>
  </si>
  <si>
    <t>39.881</t>
  </si>
  <si>
    <t>711423.0</t>
  </si>
  <si>
    <t>39.973</t>
  </si>
  <si>
    <t>40310.5</t>
  </si>
  <si>
    <t>2239.34756520776</t>
  </si>
  <si>
    <t>715056.0</t>
  </si>
  <si>
    <t>40.177</t>
  </si>
  <si>
    <t>720182.0</t>
  </si>
  <si>
    <t>40.465</t>
  </si>
  <si>
    <t>723691.0</t>
  </si>
  <si>
    <t>40.662</t>
  </si>
  <si>
    <t>726301.0</t>
  </si>
  <si>
    <t>40.809</t>
  </si>
  <si>
    <t>730300.0</t>
  </si>
  <si>
    <t>41.033</t>
  </si>
  <si>
    <t>732618.0</t>
  </si>
  <si>
    <t>734142.0</t>
  </si>
  <si>
    <t>41.249</t>
  </si>
  <si>
    <t>40773.2</t>
  </si>
  <si>
    <t>2265.05168990037</t>
  </si>
  <si>
    <t>737103.0</t>
  </si>
  <si>
    <t>41.416</t>
  </si>
  <si>
    <t>742873.0</t>
  </si>
  <si>
    <t>752325.0</t>
  </si>
  <si>
    <t>42.271</t>
  </si>
  <si>
    <t>763728.0</t>
  </si>
  <si>
    <t>42.912</t>
  </si>
  <si>
    <t>766340.0</t>
  </si>
  <si>
    <t>43.058</t>
  </si>
  <si>
    <t>767015.0</t>
  </si>
  <si>
    <t>43.096</t>
  </si>
  <si>
    <t>41424.1</t>
  </si>
  <si>
    <t>2301.21078815502</t>
  </si>
  <si>
    <t>770131.0</t>
  </si>
  <si>
    <t>43.271</t>
  </si>
  <si>
    <t>776020.0</t>
  </si>
  <si>
    <t>43.602</t>
  </si>
  <si>
    <t>782957.0</t>
  </si>
  <si>
    <t>43.992</t>
  </si>
  <si>
    <t>786859.0</t>
  </si>
  <si>
    <t>44.211</t>
  </si>
  <si>
    <t>790920.0</t>
  </si>
  <si>
    <t>44.439</t>
  </si>
  <si>
    <t>800332.0</t>
  </si>
  <si>
    <t>801525.0</t>
  </si>
  <si>
    <t>45.035</t>
  </si>
  <si>
    <t>2346.31383297441</t>
  </si>
  <si>
    <t>803528.0</t>
  </si>
  <si>
    <t>45.148</t>
  </si>
  <si>
    <t>808172.0</t>
  </si>
  <si>
    <t>45.409</t>
  </si>
  <si>
    <t>817762.0</t>
  </si>
  <si>
    <t>9590.0</t>
  </si>
  <si>
    <t>45.948</t>
  </si>
  <si>
    <t>820403.0</t>
  </si>
  <si>
    <t>832584.0</t>
  </si>
  <si>
    <t>836154.0</t>
  </si>
  <si>
    <t>46.981</t>
  </si>
  <si>
    <t>837041.0</t>
  </si>
  <si>
    <t>47.031</t>
  </si>
  <si>
    <t>42924.3</t>
  </si>
  <si>
    <t>2384.5505933503</t>
  </si>
  <si>
    <t>838511.0</t>
  </si>
  <si>
    <t>47.113</t>
  </si>
  <si>
    <t>842918.0</t>
  </si>
  <si>
    <t>47.361</t>
  </si>
  <si>
    <t>845925.0</t>
  </si>
  <si>
    <t>851675.0</t>
  </si>
  <si>
    <t>857170.0</t>
  </si>
  <si>
    <t>48.162</t>
  </si>
  <si>
    <t>12470.0</t>
  </si>
  <si>
    <t>861195.0</t>
  </si>
  <si>
    <t>48.388</t>
  </si>
  <si>
    <t>862156.0</t>
  </si>
  <si>
    <t>48.442</t>
  </si>
  <si>
    <t>43651.6</t>
  </si>
  <si>
    <t>2424.95389978847</t>
  </si>
  <si>
    <t>866295.0</t>
  </si>
  <si>
    <t>867665.0</t>
  </si>
  <si>
    <t>48.751</t>
  </si>
  <si>
    <t>876191.0</t>
  </si>
  <si>
    <t>881086.0</t>
  </si>
  <si>
    <t>49.506</t>
  </si>
  <si>
    <t>14004.0</t>
  </si>
  <si>
    <t>12466.0</t>
  </si>
  <si>
    <t>888171.0</t>
  </si>
  <si>
    <t>49.904</t>
  </si>
  <si>
    <t>893912.0</t>
  </si>
  <si>
    <t>14464.0</t>
  </si>
  <si>
    <t>895359.0</t>
  </si>
  <si>
    <t>50.307</t>
  </si>
  <si>
    <t>44326.3</t>
  </si>
  <si>
    <t>2462.43514666572</t>
  </si>
  <si>
    <t>897351.0</t>
  </si>
  <si>
    <t>50.419</t>
  </si>
  <si>
    <t>12488.0</t>
  </si>
  <si>
    <t>898171.0</t>
  </si>
  <si>
    <t>50.465</t>
  </si>
  <si>
    <t>903093.0</t>
  </si>
  <si>
    <t>50.742</t>
  </si>
  <si>
    <t>907601.0</t>
  </si>
  <si>
    <t>50.995</t>
  </si>
  <si>
    <t>38171.0</t>
  </si>
  <si>
    <t>914298.0</t>
  </si>
  <si>
    <t>51.372</t>
  </si>
  <si>
    <t>39607.0</t>
  </si>
  <si>
    <t>919749.0</t>
  </si>
  <si>
    <t>51.678</t>
  </si>
  <si>
    <t>43475.0</t>
  </si>
  <si>
    <t>921063.0</t>
  </si>
  <si>
    <t>51.752</t>
  </si>
  <si>
    <t>45352.0</t>
  </si>
  <si>
    <t>41483.0</t>
  </si>
  <si>
    <t>45038.8</t>
  </si>
  <si>
    <t>2502.01627664949</t>
  </si>
  <si>
    <t>923364.0</t>
  </si>
  <si>
    <t>51.881</t>
  </si>
  <si>
    <t>47115.0</t>
  </si>
  <si>
    <t>43101.0</t>
  </si>
  <si>
    <t>931981.0</t>
  </si>
  <si>
    <t>52.365</t>
  </si>
  <si>
    <t>47127.0</t>
  </si>
  <si>
    <t>43112.0</t>
  </si>
  <si>
    <t>938781.0</t>
  </si>
  <si>
    <t>47576.0</t>
  </si>
  <si>
    <t>43136.0</t>
  </si>
  <si>
    <t>943515.0</t>
  </si>
  <si>
    <t>53.013</t>
  </si>
  <si>
    <t>65737.0</t>
  </si>
  <si>
    <t>59989.0</t>
  </si>
  <si>
    <t>18161.0</t>
  </si>
  <si>
    <t>949946.0</t>
  </si>
  <si>
    <t>53.375</t>
  </si>
  <si>
    <t>76446.0</t>
  </si>
  <si>
    <t>69907.0</t>
  </si>
  <si>
    <t>956265.0</t>
  </si>
  <si>
    <t>76543.0</t>
  </si>
  <si>
    <t>957392.0</t>
  </si>
  <si>
    <t>53.793</t>
  </si>
  <si>
    <t>76547.0</t>
  </si>
  <si>
    <t>70004.0</t>
  </si>
  <si>
    <t>45780.1</t>
  </si>
  <si>
    <t>2543.19731757154</t>
  </si>
  <si>
    <t>959454.0</t>
  </si>
  <si>
    <t>53.909</t>
  </si>
  <si>
    <t>77022.0</t>
  </si>
  <si>
    <t>968498.0</t>
  </si>
  <si>
    <t>54.417</t>
  </si>
  <si>
    <t>77044.0</t>
  </si>
  <si>
    <t>969680.0</t>
  </si>
  <si>
    <t>54.483</t>
  </si>
  <si>
    <t>77070.0</t>
  </si>
  <si>
    <t>974354.0</t>
  </si>
  <si>
    <t>54.746</t>
  </si>
  <si>
    <t>106482.0</t>
  </si>
  <si>
    <t>99847.0</t>
  </si>
  <si>
    <t>29412.0</t>
  </si>
  <si>
    <t>980854.0</t>
  </si>
  <si>
    <t>126359.0</t>
  </si>
  <si>
    <t>119709.0</t>
  </si>
  <si>
    <t>19877.0</t>
  </si>
  <si>
    <t>985649.0</t>
  </si>
  <si>
    <t>55.381</t>
  </si>
  <si>
    <t>123672.0</t>
  </si>
  <si>
    <t>985994.0</t>
  </si>
  <si>
    <t>130497.0</t>
  </si>
  <si>
    <t>123845.0</t>
  </si>
  <si>
    <t>46462.6</t>
  </si>
  <si>
    <t>2581.11187366126</t>
  </si>
  <si>
    <t>988145.0</t>
  </si>
  <si>
    <t>55.521</t>
  </si>
  <si>
    <t>4099.0</t>
  </si>
  <si>
    <t>135112.0</t>
  </si>
  <si>
    <t>128460.0</t>
  </si>
  <si>
    <t>993756.0</t>
  </si>
  <si>
    <t>136816.0</t>
  </si>
  <si>
    <t>130164.0</t>
  </si>
  <si>
    <t>997908.0</t>
  </si>
  <si>
    <t>56.069</t>
  </si>
  <si>
    <t>137601.0</t>
  </si>
  <si>
    <t>130773.0</t>
  </si>
  <si>
    <t>56.327</t>
  </si>
  <si>
    <t>172799.0</t>
  </si>
  <si>
    <t>160339.0</t>
  </si>
  <si>
    <t>1007611.0</t>
  </si>
  <si>
    <t>56.615</t>
  </si>
  <si>
    <t>223571.0</t>
  </si>
  <si>
    <t>204385.0</t>
  </si>
  <si>
    <t>19186.0</t>
  </si>
  <si>
    <t>50772.0</t>
  </si>
  <si>
    <t>13887.0</t>
  </si>
  <si>
    <t>12097.0</t>
  </si>
  <si>
    <t>1012477.0</t>
  </si>
  <si>
    <t>56.888</t>
  </si>
  <si>
    <t>240343.0</t>
  </si>
  <si>
    <t>220452.0</t>
  </si>
  <si>
    <t>19891.0</t>
  </si>
  <si>
    <t>1013520.0</t>
  </si>
  <si>
    <t>56.947</t>
  </si>
  <si>
    <t>241088.0</t>
  </si>
  <si>
    <t>221190.0</t>
  </si>
  <si>
    <t>15799.0</t>
  </si>
  <si>
    <t>13906.0</t>
  </si>
  <si>
    <t>47280.7</t>
  </si>
  <si>
    <t>2626.55934375209</t>
  </si>
  <si>
    <t>1015296.0</t>
  </si>
  <si>
    <t>57.046</t>
  </si>
  <si>
    <t>252743.0</t>
  </si>
  <si>
    <t>231703.0</t>
  </si>
  <si>
    <t>21040.0</t>
  </si>
  <si>
    <t>1023967.0</t>
  </si>
  <si>
    <t>57.534</t>
  </si>
  <si>
    <t>260745.0</t>
  </si>
  <si>
    <t>239702.0</t>
  </si>
  <si>
    <t>21043.0</t>
  </si>
  <si>
    <t>17704.0</t>
  </si>
  <si>
    <t>1030011.0</t>
  </si>
  <si>
    <t>266917.0</t>
  </si>
  <si>
    <t>245860.0</t>
  </si>
  <si>
    <t>18474.0</t>
  </si>
  <si>
    <t>1037392.0</t>
  </si>
  <si>
    <t>58.288</t>
  </si>
  <si>
    <t>275562.0</t>
  </si>
  <si>
    <t>249118.0</t>
  </si>
  <si>
    <t>1041289.0</t>
  </si>
  <si>
    <t>58.507</t>
  </si>
  <si>
    <t>284270.0</t>
  </si>
  <si>
    <t>252474.0</t>
  </si>
  <si>
    <t>31796.0</t>
  </si>
  <si>
    <t>1047033.0</t>
  </si>
  <si>
    <t>293239.0</t>
  </si>
  <si>
    <t>257550.0</t>
  </si>
  <si>
    <t>35689.0</t>
  </si>
  <si>
    <t>1048042.0</t>
  </si>
  <si>
    <t>58.886</t>
  </si>
  <si>
    <t>295201.0</t>
  </si>
  <si>
    <t>259507.0</t>
  </si>
  <si>
    <t>35694.0</t>
  </si>
  <si>
    <t>7730.0</t>
  </si>
  <si>
    <t>48342.8</t>
  </si>
  <si>
    <t>2685.56161484789</t>
  </si>
  <si>
    <t>1050367.0</t>
  </si>
  <si>
    <t>59.017</t>
  </si>
  <si>
    <t>337625.0</t>
  </si>
  <si>
    <t>301190.0</t>
  </si>
  <si>
    <t>36435.0</t>
  </si>
  <si>
    <t>42424.0</t>
  </si>
  <si>
    <t>1058407.0</t>
  </si>
  <si>
    <t>59.469</t>
  </si>
  <si>
    <t>361050.0</t>
  </si>
  <si>
    <t>324321.0</t>
  </si>
  <si>
    <t>36729.0</t>
  </si>
  <si>
    <t>23425.0</t>
  </si>
  <si>
    <t>12088.0</t>
  </si>
  <si>
    <t>1063430.0</t>
  </si>
  <si>
    <t>59.751</t>
  </si>
  <si>
    <t>370634.0</t>
  </si>
  <si>
    <t>333815.0</t>
  </si>
  <si>
    <t>14817.0</t>
  </si>
  <si>
    <t>1068774.0</t>
  </si>
  <si>
    <t>60.051</t>
  </si>
  <si>
    <t>391970.0</t>
  </si>
  <si>
    <t>344556.0</t>
  </si>
  <si>
    <t>21336.0</t>
  </si>
  <si>
    <t>16630.0</t>
  </si>
  <si>
    <t>1072149.0</t>
  </si>
  <si>
    <t>60.241</t>
  </si>
  <si>
    <t>416617.0</t>
  </si>
  <si>
    <t>356221.0</t>
  </si>
  <si>
    <t>60396.0</t>
  </si>
  <si>
    <t>24647.0</t>
  </si>
  <si>
    <t>14821.0</t>
  </si>
  <si>
    <t>1077357.0</t>
  </si>
  <si>
    <t>60.533</t>
  </si>
  <si>
    <t>423066.0</t>
  </si>
  <si>
    <t>360721.0</t>
  </si>
  <si>
    <t>62345.0</t>
  </si>
  <si>
    <t>1080239.0</t>
  </si>
  <si>
    <t>60.695</t>
  </si>
  <si>
    <t>423400.0</t>
  </si>
  <si>
    <t>361055.0</t>
  </si>
  <si>
    <t>49530.9</t>
  </si>
  <si>
    <t>2751.56349629871</t>
  </si>
  <si>
    <t>1084922.0</t>
  </si>
  <si>
    <t>60.958</t>
  </si>
  <si>
    <t>444516.0</t>
  </si>
  <si>
    <t>64673.0</t>
  </si>
  <si>
    <t>21116.0</t>
  </si>
  <si>
    <t>15270.0</t>
  </si>
  <si>
    <t>1089083.0</t>
  </si>
  <si>
    <t>4161.0</t>
  </si>
  <si>
    <t>61.192</t>
  </si>
  <si>
    <t>456084.0</t>
  </si>
  <si>
    <t>388223.0</t>
  </si>
  <si>
    <t>67861.0</t>
  </si>
  <si>
    <t>13576.0</t>
  </si>
  <si>
    <t>1093712.0</t>
  </si>
  <si>
    <t>61.452</t>
  </si>
  <si>
    <t>468665.0</t>
  </si>
  <si>
    <t>400735.0</t>
  </si>
  <si>
    <t>67930.0</t>
  </si>
  <si>
    <t>12581.0</t>
  </si>
  <si>
    <t>1098730.0</t>
  </si>
  <si>
    <t>61.734</t>
  </si>
  <si>
    <t>501924.0</t>
  </si>
  <si>
    <t>424106.0</t>
  </si>
  <si>
    <t>77818.0</t>
  </si>
  <si>
    <t>33259.0</t>
  </si>
  <si>
    <t>1102083.0</t>
  </si>
  <si>
    <t>61.923</t>
  </si>
  <si>
    <t>515673.0</t>
  </si>
  <si>
    <t>430113.0</t>
  </si>
  <si>
    <t>85560.0</t>
  </si>
  <si>
    <t>1108379.0</t>
  </si>
  <si>
    <t>523160.0</t>
  </si>
  <si>
    <t>435892.0</t>
  </si>
  <si>
    <t>87268.0</t>
  </si>
  <si>
    <t>1111693.0</t>
  </si>
  <si>
    <t>62.463</t>
  </si>
  <si>
    <t>526160.0</t>
  </si>
  <si>
    <t>438701.0</t>
  </si>
  <si>
    <t>87459.0</t>
  </si>
  <si>
    <t>50860.2</t>
  </si>
  <si>
    <t>2825.4093855442</t>
  </si>
  <si>
    <t>1114077.0</t>
  </si>
  <si>
    <t>62.597</t>
  </si>
  <si>
    <t>575435.0</t>
  </si>
  <si>
    <t>471370.0</t>
  </si>
  <si>
    <t>49275.0</t>
  </si>
  <si>
    <t>18703.0</t>
  </si>
  <si>
    <t>1119122.0</t>
  </si>
  <si>
    <t>614709.0</t>
  </si>
  <si>
    <t>503590.0</t>
  </si>
  <si>
    <t>111119.0</t>
  </si>
  <si>
    <t>39274.0</t>
  </si>
  <si>
    <t>22661.0</t>
  </si>
  <si>
    <t>1124783.0</t>
  </si>
  <si>
    <t>63.198</t>
  </si>
  <si>
    <t>659274.0</t>
  </si>
  <si>
    <t>543878.0</t>
  </si>
  <si>
    <t>1127895.0</t>
  </si>
  <si>
    <t>63.373</t>
  </si>
  <si>
    <t>675855.0</t>
  </si>
  <si>
    <t>553900.0</t>
  </si>
  <si>
    <t>121955.0</t>
  </si>
  <si>
    <t>16581.0</t>
  </si>
  <si>
    <t>24847.0</t>
  </si>
  <si>
    <t>18542.0</t>
  </si>
  <si>
    <t>1133470.0</t>
  </si>
  <si>
    <t>686073.0</t>
  </si>
  <si>
    <t>560689.0</t>
  </si>
  <si>
    <t>125384.0</t>
  </si>
  <si>
    <t>18654.0</t>
  </si>
  <si>
    <t>1138846.0</t>
  </si>
  <si>
    <t>689028.0</t>
  </si>
  <si>
    <t>561873.0</t>
  </si>
  <si>
    <t>127155.0</t>
  </si>
  <si>
    <t>23695.0</t>
  </si>
  <si>
    <t>17997.0</t>
  </si>
  <si>
    <t>1139835.0</t>
  </si>
  <si>
    <t>64.044</t>
  </si>
  <si>
    <t>689046.0</t>
  </si>
  <si>
    <t>561882.0</t>
  </si>
  <si>
    <t>127164.0</t>
  </si>
  <si>
    <t>23269.0</t>
  </si>
  <si>
    <t>52357.5</t>
  </si>
  <si>
    <t>96.25</t>
  </si>
  <si>
    <t>2908.5880885964</t>
  </si>
  <si>
    <t>1141263.0</t>
  </si>
  <si>
    <t>64.124</t>
  </si>
  <si>
    <t>697927.0</t>
  </si>
  <si>
    <t>562745.0</t>
  </si>
  <si>
    <t>135182.0</t>
  </si>
  <si>
    <t>1149227.0</t>
  </si>
  <si>
    <t>64.572</t>
  </si>
  <si>
    <t>747359.0</t>
  </si>
  <si>
    <t>603632.0</t>
  </si>
  <si>
    <t>143727.0</t>
  </si>
  <si>
    <t>18950.0</t>
  </si>
  <si>
    <t>1160569.0</t>
  </si>
  <si>
    <t>65.209</t>
  </si>
  <si>
    <t>780395.0</t>
  </si>
  <si>
    <t>632527.0</t>
  </si>
  <si>
    <t>17303.0</t>
  </si>
  <si>
    <t>1162010.0</t>
  </si>
  <si>
    <t>817655.0</t>
  </si>
  <si>
    <t>661453.0</t>
  </si>
  <si>
    <t>156202.0</t>
  </si>
  <si>
    <t>1167753.0</t>
  </si>
  <si>
    <t>65.612</t>
  </si>
  <si>
    <t>861457.0</t>
  </si>
  <si>
    <t>690331.0</t>
  </si>
  <si>
    <t>171126.0</t>
  </si>
  <si>
    <t>25055.0</t>
  </si>
  <si>
    <t>18520.0</t>
  </si>
  <si>
    <t>1173806.0</t>
  </si>
  <si>
    <t>65.953</t>
  </si>
  <si>
    <t>907358.0</t>
  </si>
  <si>
    <t>731470.0</t>
  </si>
  <si>
    <t>175888.0</t>
  </si>
  <si>
    <t>45901.0</t>
  </si>
  <si>
    <t>24228.0</t>
  </si>
  <si>
    <t>1173859.0</t>
  </si>
  <si>
    <t>65.956</t>
  </si>
  <si>
    <t>910226.0</t>
  </si>
  <si>
    <t>734040.0</t>
  </si>
  <si>
    <t>176186.0</t>
  </si>
  <si>
    <t>31597.0</t>
  </si>
  <si>
    <t>24594.0</t>
  </si>
  <si>
    <t>53857.0</t>
  </si>
  <si>
    <t>2991.8890070675</t>
  </si>
  <si>
    <t>1175939.0</t>
  </si>
  <si>
    <t>66.072</t>
  </si>
  <si>
    <t>951497.0</t>
  </si>
  <si>
    <t>770219.0</t>
  </si>
  <si>
    <t>181278.0</t>
  </si>
  <si>
    <t>29639.0</t>
  </si>
  <si>
    <t>1180025.0</t>
  </si>
  <si>
    <t>66.302</t>
  </si>
  <si>
    <t>999929.0</t>
  </si>
  <si>
    <t>814385.0</t>
  </si>
  <si>
    <t>185544.0</t>
  </si>
  <si>
    <t>36081.0</t>
  </si>
  <si>
    <t>30108.0</t>
  </si>
  <si>
    <t>1186632.0</t>
  </si>
  <si>
    <t>6607.0</t>
  </si>
  <si>
    <t>66.673</t>
  </si>
  <si>
    <t>1060366.0</t>
  </si>
  <si>
    <t>868444.0</t>
  </si>
  <si>
    <t>191922.0</t>
  </si>
  <si>
    <t>60437.0</t>
  </si>
  <si>
    <t>39996.0</t>
  </si>
  <si>
    <t>33702.0</t>
  </si>
  <si>
    <t>1199803.0</t>
  </si>
  <si>
    <t>67.413</t>
  </si>
  <si>
    <t>1109869.0</t>
  </si>
  <si>
    <t>914921.0</t>
  </si>
  <si>
    <t>194948.0</t>
  </si>
  <si>
    <t>49503.0</t>
  </si>
  <si>
    <t>41745.0</t>
  </si>
  <si>
    <t>1203311.0</t>
  </si>
  <si>
    <t>1168656.0</t>
  </si>
  <si>
    <t>964925.0</t>
  </si>
  <si>
    <t>203731.0</t>
  </si>
  <si>
    <t>39228.0</t>
  </si>
  <si>
    <t>1204974.0</t>
  </si>
  <si>
    <t>67.704</t>
  </si>
  <si>
    <t>1191264.0</t>
  </si>
  <si>
    <t>982882.0</t>
  </si>
  <si>
    <t>208382.0</t>
  </si>
  <si>
    <t>40558.0</t>
  </si>
  <si>
    <t>1209182.0</t>
  </si>
  <si>
    <t>1199225.0</t>
  </si>
  <si>
    <t>990526.0</t>
  </si>
  <si>
    <t>208699.0</t>
  </si>
  <si>
    <t>41286.0</t>
  </si>
  <si>
    <t>36641.0</t>
  </si>
  <si>
    <t>55622.9</t>
  </si>
  <si>
    <t>117.41</t>
  </si>
  <si>
    <t>3089.98910171778</t>
  </si>
  <si>
    <t>1210896.0</t>
  </si>
  <si>
    <t>68.037</t>
  </si>
  <si>
    <t>1246077.0</t>
  </si>
  <si>
    <t>1026736.0</t>
  </si>
  <si>
    <t>219341.0</t>
  </si>
  <si>
    <t>46852.0</t>
  </si>
  <si>
    <t>36645.0</t>
  </si>
  <si>
    <t>1217273.0</t>
  </si>
  <si>
    <t>68.395</t>
  </si>
  <si>
    <t>1308278.0</t>
  </si>
  <si>
    <t>1078158.0</t>
  </si>
  <si>
    <t>230120.0</t>
  </si>
  <si>
    <t>44050.0</t>
  </si>
  <si>
    <t>1224690.0</t>
  </si>
  <si>
    <t>68.812</t>
  </si>
  <si>
    <t>1363307.0</t>
  </si>
  <si>
    <t>1124648.0</t>
  </si>
  <si>
    <t>238659.0</t>
  </si>
  <si>
    <t>55029.0</t>
  </si>
  <si>
    <t>1227352.0</t>
  </si>
  <si>
    <t>68.961</t>
  </si>
  <si>
    <t>1433868.0</t>
  </si>
  <si>
    <t>1193052.0</t>
  </si>
  <si>
    <t>240816.0</t>
  </si>
  <si>
    <t>39733.0</t>
  </si>
  <si>
    <t>1234598.0</t>
  </si>
  <si>
    <t>69.368</t>
  </si>
  <si>
    <t>1502538.0</t>
  </si>
  <si>
    <t>1249905.0</t>
  </si>
  <si>
    <t>252633.0</t>
  </si>
  <si>
    <t>68670.0</t>
  </si>
  <si>
    <t>1240408.0</t>
  </si>
  <si>
    <t>69.695</t>
  </si>
  <si>
    <t>1556520.0</t>
  </si>
  <si>
    <t>1300075.0</t>
  </si>
  <si>
    <t>256445.0</t>
  </si>
  <si>
    <t>53982.0</t>
  </si>
  <si>
    <t>52179.0</t>
  </si>
  <si>
    <t>45313.0</t>
  </si>
  <si>
    <t>1242860.0</t>
  </si>
  <si>
    <t>69.832</t>
  </si>
  <si>
    <t>1596900.0</t>
  </si>
  <si>
    <t>1339627.0</t>
  </si>
  <si>
    <t>257273.0</t>
  </si>
  <si>
    <t>56811.0</t>
  </si>
  <si>
    <t>49872.0</t>
  </si>
  <si>
    <t>57235.6</t>
  </si>
  <si>
    <t>3179.57855901577</t>
  </si>
  <si>
    <t>1253641.0</t>
  </si>
  <si>
    <t>1647111.0</t>
  </si>
  <si>
    <t>1386261.0</t>
  </si>
  <si>
    <t>260850.0</t>
  </si>
  <si>
    <t>57291.0</t>
  </si>
  <si>
    <t>51361.0</t>
  </si>
  <si>
    <t>1260184.0</t>
  </si>
  <si>
    <t>1687002.0</t>
  </si>
  <si>
    <t>1419009.0</t>
  </si>
  <si>
    <t>267993.0</t>
  </si>
  <si>
    <t>39891.0</t>
  </si>
  <si>
    <t>54103.0</t>
  </si>
  <si>
    <t>48693.0</t>
  </si>
  <si>
    <t>1267771.0</t>
  </si>
  <si>
    <t>71.232</t>
  </si>
  <si>
    <t>1738447.0</t>
  </si>
  <si>
    <t>1461243.0</t>
  </si>
  <si>
    <t>277204.0</t>
  </si>
  <si>
    <t>51445.0</t>
  </si>
  <si>
    <t>53591.0</t>
  </si>
  <si>
    <t>48085.0</t>
  </si>
  <si>
    <t>1272297.0</t>
  </si>
  <si>
    <t>71.486</t>
  </si>
  <si>
    <t>1796351.0</t>
  </si>
  <si>
    <t>1508443.0</t>
  </si>
  <si>
    <t>287908.0</t>
  </si>
  <si>
    <t>57904.0</t>
  </si>
  <si>
    <t>45056.0</t>
  </si>
  <si>
    <t>1279596.0</t>
  </si>
  <si>
    <t>71.897</t>
  </si>
  <si>
    <t>1842927.0</t>
  </si>
  <si>
    <t>1548985.0</t>
  </si>
  <si>
    <t>293942.0</t>
  </si>
  <si>
    <t>48627.0</t>
  </si>
  <si>
    <t>42726.0</t>
  </si>
  <si>
    <t>1283883.0</t>
  </si>
  <si>
    <t>72.137</t>
  </si>
  <si>
    <t>1860145.0</t>
  </si>
  <si>
    <t>1564336.0</t>
  </si>
  <si>
    <t>295809.0</t>
  </si>
  <si>
    <t>17218.0</t>
  </si>
  <si>
    <t>43375.0</t>
  </si>
  <si>
    <t>1288165.0</t>
  </si>
  <si>
    <t>72.378</t>
  </si>
  <si>
    <t>1865874.0</t>
  </si>
  <si>
    <t>1569600.0</t>
  </si>
  <si>
    <t>296274.0</t>
  </si>
  <si>
    <t>32853.0</t>
  </si>
  <si>
    <t>58627.9</t>
  </si>
  <si>
    <t>92.28</t>
  </si>
  <si>
    <t>3256.92425343878</t>
  </si>
  <si>
    <t>1289765.0</t>
  </si>
  <si>
    <t>72.468</t>
  </si>
  <si>
    <t>1896817.0</t>
  </si>
  <si>
    <t>1597119.0</t>
  </si>
  <si>
    <t>299698.0</t>
  </si>
  <si>
    <t>35672.0</t>
  </si>
  <si>
    <t>30123.0</t>
  </si>
  <si>
    <t>1296357.0</t>
  </si>
  <si>
    <t>72.838</t>
  </si>
  <si>
    <t>1933955.0</t>
  </si>
  <si>
    <t>1622752.0</t>
  </si>
  <si>
    <t>311203.0</t>
  </si>
  <si>
    <t>37138.0</t>
  </si>
  <si>
    <t>1300258.0</t>
  </si>
  <si>
    <t>73.057</t>
  </si>
  <si>
    <t>1974582.0</t>
  </si>
  <si>
    <t>1641434.0</t>
  </si>
  <si>
    <t>333148.0</t>
  </si>
  <si>
    <t>25742.0</t>
  </si>
  <si>
    <t>1304119.0</t>
  </si>
  <si>
    <t>73.274</t>
  </si>
  <si>
    <t>2020226.0</t>
  </si>
  <si>
    <t>1664813.0</t>
  </si>
  <si>
    <t>355413.0</t>
  </si>
  <si>
    <t>45644.0</t>
  </si>
  <si>
    <t>1312352.0</t>
  </si>
  <si>
    <t>73.737</t>
  </si>
  <si>
    <t>2082123.0</t>
  </si>
  <si>
    <t>1707046.0</t>
  </si>
  <si>
    <t>375077.0</t>
  </si>
  <si>
    <t>61897.0</t>
  </si>
  <si>
    <t>1314599.0</t>
  </si>
  <si>
    <t>2122051.0</t>
  </si>
  <si>
    <t>1725030.0</t>
  </si>
  <si>
    <t>397021.0</t>
  </si>
  <si>
    <t>39928.0</t>
  </si>
  <si>
    <t>37415.0</t>
  </si>
  <si>
    <t>22956.0</t>
  </si>
  <si>
    <t>1317050.0</t>
  </si>
  <si>
    <t>74.001</t>
  </si>
  <si>
    <t>2143795.0</t>
  </si>
  <si>
    <t>1740198.0</t>
  </si>
  <si>
    <t>403597.0</t>
  </si>
  <si>
    <t>24371.0</t>
  </si>
  <si>
    <t>59758.0</t>
  </si>
  <si>
    <t>3319.70409202777</t>
  </si>
  <si>
    <t>1319757.0</t>
  </si>
  <si>
    <t>74.153</t>
  </si>
  <si>
    <t>2191821.0</t>
  </si>
  <si>
    <t>1767464.0</t>
  </si>
  <si>
    <t>424357.0</t>
  </si>
  <si>
    <t>48026.0</t>
  </si>
  <si>
    <t>24335.0</t>
  </si>
  <si>
    <t>1325116.0</t>
  </si>
  <si>
    <t>74.454</t>
  </si>
  <si>
    <t>2235470.0</t>
  </si>
  <si>
    <t>1786544.0</t>
  </si>
  <si>
    <t>448926.0</t>
  </si>
  <si>
    <t>43649.0</t>
  </si>
  <si>
    <t>43074.0</t>
  </si>
  <si>
    <t>1331176.0</t>
  </si>
  <si>
    <t>74.795</t>
  </si>
  <si>
    <t>2284827.0</t>
  </si>
  <si>
    <t>1807824.0</t>
  </si>
  <si>
    <t>477003.0</t>
  </si>
  <si>
    <t>44321.0</t>
  </si>
  <si>
    <t>23770.0</t>
  </si>
  <si>
    <t>1336185.0</t>
  </si>
  <si>
    <t>75.076</t>
  </si>
  <si>
    <t>2362288.0</t>
  </si>
  <si>
    <t>1852555.0</t>
  </si>
  <si>
    <t>509733.0</t>
  </si>
  <si>
    <t>77461.0</t>
  </si>
  <si>
    <t>48866.0</t>
  </si>
  <si>
    <t>26820.0</t>
  </si>
  <si>
    <t>1340492.0</t>
  </si>
  <si>
    <t>75.318</t>
  </si>
  <si>
    <t>2447111.0</t>
  </si>
  <si>
    <t>1897451.0</t>
  </si>
  <si>
    <t>549660.0</t>
  </si>
  <si>
    <t>84823.0</t>
  </si>
  <si>
    <t>52141.0</t>
  </si>
  <si>
    <t>27201.0</t>
  </si>
  <si>
    <t>1344453.0</t>
  </si>
  <si>
    <t>75.541</t>
  </si>
  <si>
    <t>2504778.0</t>
  </si>
  <si>
    <t>1935689.0</t>
  </si>
  <si>
    <t>569089.0</t>
  </si>
  <si>
    <t>57667.0</t>
  </si>
  <si>
    <t>54675.0</t>
  </si>
  <si>
    <t>1345499.0</t>
  </si>
  <si>
    <t>75.599</t>
  </si>
  <si>
    <t>2595609.0</t>
  </si>
  <si>
    <t>2018957.0</t>
  </si>
  <si>
    <t>576652.0</t>
  </si>
  <si>
    <t>64545.0</t>
  </si>
  <si>
    <t>60652.1</t>
  </si>
  <si>
    <t>3369.37354931687</t>
  </si>
  <si>
    <t>1347909.0</t>
  </si>
  <si>
    <t>75.735</t>
  </si>
  <si>
    <t>2598792.0</t>
  </si>
  <si>
    <t>2019883.0</t>
  </si>
  <si>
    <t>578909.0</t>
  </si>
  <si>
    <t>1352166.0</t>
  </si>
  <si>
    <t>75.974</t>
  </si>
  <si>
    <t>2605308.0</t>
  </si>
  <si>
    <t>2025253.0</t>
  </si>
  <si>
    <t>580055.0</t>
  </si>
  <si>
    <t>52834.0</t>
  </si>
  <si>
    <t>34101.0</t>
  </si>
  <si>
    <t>1355737.0</t>
  </si>
  <si>
    <t>76.175</t>
  </si>
  <si>
    <t>2663829.0</t>
  </si>
  <si>
    <t>2031190.0</t>
  </si>
  <si>
    <t>632639.0</t>
  </si>
  <si>
    <t>58521.0</t>
  </si>
  <si>
    <t>54143.0</t>
  </si>
  <si>
    <t>31909.0</t>
  </si>
  <si>
    <t>1359061.0</t>
  </si>
  <si>
    <t>76.361</t>
  </si>
  <si>
    <t>2724637.0</t>
  </si>
  <si>
    <t>2033340.0</t>
  </si>
  <si>
    <t>691297.0</t>
  </si>
  <si>
    <t>60808.0</t>
  </si>
  <si>
    <t>51764.0</t>
  </si>
  <si>
    <t>1365017.0</t>
  </si>
  <si>
    <t>76.696</t>
  </si>
  <si>
    <t>2779707.0</t>
  </si>
  <si>
    <t>2045995.0</t>
  </si>
  <si>
    <t>733712.0</t>
  </si>
  <si>
    <t>55070.0</t>
  </si>
  <si>
    <t>47514.0</t>
  </si>
  <si>
    <t>1368679.0</t>
  </si>
  <si>
    <t>76.902</t>
  </si>
  <si>
    <t>2816614.0</t>
  </si>
  <si>
    <t>2062863.0</t>
  </si>
  <si>
    <t>753751.0</t>
  </si>
  <si>
    <t>1369762.0</t>
  </si>
  <si>
    <t>76.963</t>
  </si>
  <si>
    <t>2837640.0</t>
  </si>
  <si>
    <t>2076035.0</t>
  </si>
  <si>
    <t>761605.0</t>
  </si>
  <si>
    <t>21026.0</t>
  </si>
  <si>
    <t>34576.0</t>
  </si>
  <si>
    <t>61367.6</t>
  </si>
  <si>
    <t>3409.12133669004</t>
  </si>
  <si>
    <t>1373930.0</t>
  </si>
  <si>
    <t>77.197</t>
  </si>
  <si>
    <t>2896575.0</t>
  </si>
  <si>
    <t>2101930.0</t>
  </si>
  <si>
    <t>794645.0</t>
  </si>
  <si>
    <t>58935.0</t>
  </si>
  <si>
    <t>11721.0</t>
  </si>
  <si>
    <t>1378573.0</t>
  </si>
  <si>
    <t>77.458</t>
  </si>
  <si>
    <t>2947090.0</t>
  </si>
  <si>
    <t>2127085.0</t>
  </si>
  <si>
    <t>820005.0</t>
  </si>
  <si>
    <t>1382504.0</t>
  </si>
  <si>
    <t>77.679</t>
  </si>
  <si>
    <t>3004736.0</t>
  </si>
  <si>
    <t>2157118.0</t>
  </si>
  <si>
    <t>847618.0</t>
  </si>
  <si>
    <t>57646.0</t>
  </si>
  <si>
    <t>48701.0</t>
  </si>
  <si>
    <t>17990.0</t>
  </si>
  <si>
    <t>1386369.0</t>
  </si>
  <si>
    <t>77.896</t>
  </si>
  <si>
    <t>3084635.0</t>
  </si>
  <si>
    <t>2207972.0</t>
  </si>
  <si>
    <t>876663.0</t>
  </si>
  <si>
    <t>51428.0</t>
  </si>
  <si>
    <t>24947.0</t>
  </si>
  <si>
    <t>1388942.0</t>
  </si>
  <si>
    <t>3177601.0</t>
  </si>
  <si>
    <t>2264304.0</t>
  </si>
  <si>
    <t>913297.0</t>
  </si>
  <si>
    <t>92966.0</t>
  </si>
  <si>
    <t>56842.0</t>
  </si>
  <si>
    <t>31187.0</t>
  </si>
  <si>
    <t>1392634.0</t>
  </si>
  <si>
    <t>78.248</t>
  </si>
  <si>
    <t>3224184.0</t>
  </si>
  <si>
    <t>2293215.0</t>
  </si>
  <si>
    <t>930969.0</t>
  </si>
  <si>
    <t>46583.0</t>
  </si>
  <si>
    <t>32907.0</t>
  </si>
  <si>
    <t>1394714.0</t>
  </si>
  <si>
    <t>78.365</t>
  </si>
  <si>
    <t>3254855.0</t>
  </si>
  <si>
    <t>2312566.0</t>
  </si>
  <si>
    <t>942289.0</t>
  </si>
  <si>
    <t>59602.0</t>
  </si>
  <si>
    <t>33790.0</t>
  </si>
  <si>
    <t>61890.7</t>
  </si>
  <si>
    <t>3438.18083015601</t>
  </si>
  <si>
    <t>1396099.0</t>
  </si>
  <si>
    <t>78.443</t>
  </si>
  <si>
    <t>3314550.0</t>
  </si>
  <si>
    <t>2354049.0</t>
  </si>
  <si>
    <t>960501.0</t>
  </si>
  <si>
    <t>59695.0</t>
  </si>
  <si>
    <t>59711.0</t>
  </si>
  <si>
    <t>18.41</t>
  </si>
  <si>
    <t>36017.0</t>
  </si>
  <si>
    <t>1399540.0</t>
  </si>
  <si>
    <t>78.636</t>
  </si>
  <si>
    <t>3376069.0</t>
  </si>
  <si>
    <t>2396948.0</t>
  </si>
  <si>
    <t>979121.0</t>
  </si>
  <si>
    <t>61519.0</t>
  </si>
  <si>
    <t>61283.0</t>
  </si>
  <si>
    <t>38552.0</t>
  </si>
  <si>
    <t>1405855.0</t>
  </si>
  <si>
    <t>78.991</t>
  </si>
  <si>
    <t>3436306.0</t>
  </si>
  <si>
    <t>2435210.0</t>
  </si>
  <si>
    <t>1001096.0</t>
  </si>
  <si>
    <t>60237.0</t>
  </si>
  <si>
    <t>39727.0</t>
  </si>
  <si>
    <t>1409881.0</t>
  </si>
  <si>
    <t>3507059.0</t>
  </si>
  <si>
    <t>2472499.0</t>
  </si>
  <si>
    <t>1034560.0</t>
  </si>
  <si>
    <t>60346.0</t>
  </si>
  <si>
    <t>1414016.0</t>
  </si>
  <si>
    <t>79.449</t>
  </si>
  <si>
    <t>3592782.0</t>
  </si>
  <si>
    <t>2513790.0</t>
  </si>
  <si>
    <t>1078992.0</t>
  </si>
  <si>
    <t>85723.0</t>
  </si>
  <si>
    <t>59312.0</t>
  </si>
  <si>
    <t>35641.0</t>
  </si>
  <si>
    <t>1417925.0</t>
  </si>
  <si>
    <t>79.669</t>
  </si>
  <si>
    <t>3642516.0</t>
  </si>
  <si>
    <t>2539644.0</t>
  </si>
  <si>
    <t>1102872.0</t>
  </si>
  <si>
    <t>49734.0</t>
  </si>
  <si>
    <t>59762.0</t>
  </si>
  <si>
    <t>1418946.0</t>
  </si>
  <si>
    <t>79.726</t>
  </si>
  <si>
    <t>3678225.0</t>
  </si>
  <si>
    <t>2562513.0</t>
  </si>
  <si>
    <t>1115712.0</t>
  </si>
  <si>
    <t>60481.0</t>
  </si>
  <si>
    <t>35707.0</t>
  </si>
  <si>
    <t>62381.6</t>
  </si>
  <si>
    <t>3465.45153430904</t>
  </si>
  <si>
    <t>1420198.0</t>
  </si>
  <si>
    <t>79.797</t>
  </si>
  <si>
    <t>3734231.0</t>
  </si>
  <si>
    <t>2601633.0</t>
  </si>
  <si>
    <t>1132598.0</t>
  </si>
  <si>
    <t>56006.0</t>
  </si>
  <si>
    <t>59954.0</t>
  </si>
  <si>
    <t>1426165.0</t>
  </si>
  <si>
    <t>80.132</t>
  </si>
  <si>
    <t>3803098.0</t>
  </si>
  <si>
    <t>2651770.0</t>
  </si>
  <si>
    <t>1151328.0</t>
  </si>
  <si>
    <t>68867.0</t>
  </si>
  <si>
    <t>36403.0</t>
  </si>
  <si>
    <t>1430731.0</t>
  </si>
  <si>
    <t>3897170.0</t>
  </si>
  <si>
    <t>2712169.0</t>
  </si>
  <si>
    <t>1185001.0</t>
  </si>
  <si>
    <t>94072.0</t>
  </si>
  <si>
    <t>65838.0</t>
  </si>
  <si>
    <t>39566.0</t>
  </si>
  <si>
    <t>1437602.0</t>
  </si>
  <si>
    <t>4001683.0</t>
  </si>
  <si>
    <t>2771694.0</t>
  </si>
  <si>
    <t>1229989.0</t>
  </si>
  <si>
    <t>70661.0</t>
  </si>
  <si>
    <t>1442854.0</t>
  </si>
  <si>
    <t>4093937.0</t>
  </si>
  <si>
    <t>2834826.0</t>
  </si>
  <si>
    <t>1259111.0</t>
  </si>
  <si>
    <t>92254.0</t>
  </si>
  <si>
    <t>71594.0</t>
  </si>
  <si>
    <t>15.75</t>
  </si>
  <si>
    <t>1446108.0</t>
  </si>
  <si>
    <t>81.252</t>
  </si>
  <si>
    <t>4148333.0</t>
  </si>
  <si>
    <t>2878004.0</t>
  </si>
  <si>
    <t>1270329.0</t>
  </si>
  <si>
    <t>54396.0</t>
  </si>
  <si>
    <t>48337.0</t>
  </si>
  <si>
    <t>1447213.0</t>
  </si>
  <si>
    <t>81.314</t>
  </si>
  <si>
    <t>4165258.0</t>
  </si>
  <si>
    <t>2891272.0</t>
  </si>
  <si>
    <t>1273986.0</t>
  </si>
  <si>
    <t>69576.0</t>
  </si>
  <si>
    <t>46966.0</t>
  </si>
  <si>
    <t>62853.5</t>
  </si>
  <si>
    <t>3491.66674166249</t>
  </si>
  <si>
    <t>1449933.0</t>
  </si>
  <si>
    <t>81.467</t>
  </si>
  <si>
    <t>4232430.0</t>
  </si>
  <si>
    <t>2944399.0</t>
  </si>
  <si>
    <t>1288031.0</t>
  </si>
  <si>
    <t>67172.0</t>
  </si>
  <si>
    <t>71171.0</t>
  </si>
  <si>
    <t>1458030.0</t>
  </si>
  <si>
    <t>81.922</t>
  </si>
  <si>
    <t>4301388.0</t>
  </si>
  <si>
    <t>3000143.0</t>
  </si>
  <si>
    <t>1301245.0</t>
  </si>
  <si>
    <t>68958.0</t>
  </si>
  <si>
    <t>71184.0</t>
  </si>
  <si>
    <t>1459202.0</t>
  </si>
  <si>
    <t>81.988</t>
  </si>
  <si>
    <t>4375876.0</t>
  </si>
  <si>
    <t>3057705.0</t>
  </si>
  <si>
    <t>1318171.0</t>
  </si>
  <si>
    <t>74488.0</t>
  </si>
  <si>
    <t>68387.0</t>
  </si>
  <si>
    <t>49362.0</t>
  </si>
  <si>
    <t>1467527.0</t>
  </si>
  <si>
    <t>82.456</t>
  </si>
  <si>
    <t>4460390.0</t>
  </si>
  <si>
    <t>3113935.0</t>
  </si>
  <si>
    <t>1346455.0</t>
  </si>
  <si>
    <t>84514.0</t>
  </si>
  <si>
    <t>65530.0</t>
  </si>
  <si>
    <t>48892.0</t>
  </si>
  <si>
    <t>1472181.0</t>
  </si>
  <si>
    <t>82.717</t>
  </si>
  <si>
    <t>4530177.0</t>
  </si>
  <si>
    <t>3167620.0</t>
  </si>
  <si>
    <t>1362557.0</t>
  </si>
  <si>
    <t>62320.0</t>
  </si>
  <si>
    <t>47542.0</t>
  </si>
  <si>
    <t>1476687.0</t>
  </si>
  <si>
    <t>4585010.0</t>
  </si>
  <si>
    <t>3205607.0</t>
  </si>
  <si>
    <t>1379403.0</t>
  </si>
  <si>
    <t>62382.0</t>
  </si>
  <si>
    <t>1480394.0</t>
  </si>
  <si>
    <t>83.179</t>
  </si>
  <si>
    <t>4607065.0</t>
  </si>
  <si>
    <t>3219417.0</t>
  </si>
  <si>
    <t>1387648.0</t>
  </si>
  <si>
    <t>63115.0</t>
  </si>
  <si>
    <t>46878.0</t>
  </si>
  <si>
    <t>63288.4</t>
  </si>
  <si>
    <t>3515.82650787995</t>
  </si>
  <si>
    <t>1486903.0</t>
  </si>
  <si>
    <t>83.544</t>
  </si>
  <si>
    <t>4676242.0</t>
  </si>
  <si>
    <t>3267172.0</t>
  </si>
  <si>
    <t>1409070.0</t>
  </si>
  <si>
    <t>69177.0</t>
  </si>
  <si>
    <t>63402.0</t>
  </si>
  <si>
    <t>46110.0</t>
  </si>
  <si>
    <t>1491453.0</t>
  </si>
  <si>
    <t>4740784.0</t>
  </si>
  <si>
    <t>3315019.0</t>
  </si>
  <si>
    <t>1425765.0</t>
  </si>
  <si>
    <t>64542.0</t>
  </si>
  <si>
    <t>62771.0</t>
  </si>
  <si>
    <t>1496088.0</t>
  </si>
  <si>
    <t>84.061</t>
  </si>
  <si>
    <t>4821053.0</t>
  </si>
  <si>
    <t>3369155.0</t>
  </si>
  <si>
    <t>1451898.0</t>
  </si>
  <si>
    <t>80269.0</t>
  </si>
  <si>
    <t>63597.0</t>
  </si>
  <si>
    <t>44493.0</t>
  </si>
  <si>
    <t>1501840.0</t>
  </si>
  <si>
    <t>84.384</t>
  </si>
  <si>
    <t>4917896.0</t>
  </si>
  <si>
    <t>3421867.0</t>
  </si>
  <si>
    <t>1496029.0</t>
  </si>
  <si>
    <t>43990.0</t>
  </si>
  <si>
    <t>1505814.0</t>
  </si>
  <si>
    <t>84.607</t>
  </si>
  <si>
    <t>5022743.0</t>
  </si>
  <si>
    <t>3481980.0</t>
  </si>
  <si>
    <t>1540763.0</t>
  </si>
  <si>
    <t>104847.0</t>
  </si>
  <si>
    <t>70367.0</t>
  </si>
  <si>
    <t>44909.0</t>
  </si>
  <si>
    <t>5111729.0</t>
  </si>
  <si>
    <t>3544647.0</t>
  </si>
  <si>
    <t>1567082.0</t>
  </si>
  <si>
    <t>75246.0</t>
  </si>
  <si>
    <t>1507758.0</t>
  </si>
  <si>
    <t>84.716</t>
  </si>
  <si>
    <t>5168963.0</t>
  </si>
  <si>
    <t>3583704.0</t>
  </si>
  <si>
    <t>1585259.0</t>
  </si>
  <si>
    <t>57234.0</t>
  </si>
  <si>
    <t>52041.0</t>
  </si>
  <si>
    <t>63638.1</t>
  </si>
  <si>
    <t>3535.2532042383</t>
  </si>
  <si>
    <t>1512035.0</t>
  </si>
  <si>
    <t>84.957</t>
  </si>
  <si>
    <t>5316957.0</t>
  </si>
  <si>
    <t>3695238.0</t>
  </si>
  <si>
    <t>1621719.0</t>
  </si>
  <si>
    <t>147994.0</t>
  </si>
  <si>
    <t>91531.0</t>
  </si>
  <si>
    <t>61152.0</t>
  </si>
  <si>
    <t>1516500.0</t>
  </si>
  <si>
    <t>85.207</t>
  </si>
  <si>
    <t>5496098.0</t>
  </si>
  <si>
    <t>3834564.0</t>
  </si>
  <si>
    <t>1661534.0</t>
  </si>
  <si>
    <t>74221.0</t>
  </si>
  <si>
    <t>1520360.0</t>
  </si>
  <si>
    <t>5694159.0</t>
  </si>
  <si>
    <t>3997643.0</t>
  </si>
  <si>
    <t>1696516.0</t>
  </si>
  <si>
    <t>198061.0</t>
  </si>
  <si>
    <t>124729.0</t>
  </si>
  <si>
    <t>6929.0</t>
  </si>
  <si>
    <t>1524845.0</t>
  </si>
  <si>
    <t>85.676</t>
  </si>
  <si>
    <t>5925143.0</t>
  </si>
  <si>
    <t>4191204.0</t>
  </si>
  <si>
    <t>1733939.0</t>
  </si>
  <si>
    <t>230984.0</t>
  </si>
  <si>
    <t>143892.0</t>
  </si>
  <si>
    <t>23.28</t>
  </si>
  <si>
    <t>1527604.0</t>
  </si>
  <si>
    <t>85.831</t>
  </si>
  <si>
    <t>6196053.0</t>
  </si>
  <si>
    <t>4424085.0</t>
  </si>
  <si>
    <t>1771968.0</t>
  </si>
  <si>
    <t>270910.0</t>
  </si>
  <si>
    <t>167616.0</t>
  </si>
  <si>
    <t>9311.0</t>
  </si>
  <si>
    <t>134586.0</t>
  </si>
  <si>
    <t>1529055.0</t>
  </si>
  <si>
    <t>85.913</t>
  </si>
  <si>
    <t>6448672.0</t>
  </si>
  <si>
    <t>4657329.0</t>
  </si>
  <si>
    <t>1791343.0</t>
  </si>
  <si>
    <t>252619.0</t>
  </si>
  <si>
    <t>190992.0</t>
  </si>
  <si>
    <t>158955.0</t>
  </si>
  <si>
    <t>1529302.0</t>
  </si>
  <si>
    <t>85.927</t>
  </si>
  <si>
    <t>6638944.0</t>
  </si>
  <si>
    <t>4834608.0</t>
  </si>
  <si>
    <t>1804336.0</t>
  </si>
  <si>
    <t>190272.0</t>
  </si>
  <si>
    <t>209997.0</t>
  </si>
  <si>
    <t>178701.0</t>
  </si>
  <si>
    <t>64032.6</t>
  </si>
  <si>
    <t>3557.1686509451</t>
  </si>
  <si>
    <t>1534437.0</t>
  </si>
  <si>
    <t>6920076.0</t>
  </si>
  <si>
    <t>5088128.0</t>
  </si>
  <si>
    <t>1831948.0</t>
  </si>
  <si>
    <t>281132.0</t>
  </si>
  <si>
    <t>229017.0</t>
  </si>
  <si>
    <t>198984.0</t>
  </si>
  <si>
    <t>1538101.0</t>
  </si>
  <si>
    <t>86.421</t>
  </si>
  <si>
    <t>7272818.0</t>
  </si>
  <si>
    <t>5409502.0</t>
  </si>
  <si>
    <t>1863316.0</t>
  </si>
  <si>
    <t>352742.0</t>
  </si>
  <si>
    <t>253817.0</t>
  </si>
  <si>
    <t>224991.0</t>
  </si>
  <si>
    <t>1542173.0</t>
  </si>
  <si>
    <t>7674482.0</t>
  </si>
  <si>
    <t>5780354.0</t>
  </si>
  <si>
    <t>1894128.0</t>
  </si>
  <si>
    <t>401664.0</t>
  </si>
  <si>
    <t>282903.0</t>
  </si>
  <si>
    <t>254673.0</t>
  </si>
  <si>
    <t>1545962.0</t>
  </si>
  <si>
    <t>86.863</t>
  </si>
  <si>
    <t>8104268.0</t>
  </si>
  <si>
    <t>6185969.0</t>
  </si>
  <si>
    <t>1918299.0</t>
  </si>
  <si>
    <t>429786.0</t>
  </si>
  <si>
    <t>311304.0</t>
  </si>
  <si>
    <t>17294.0</t>
  </si>
  <si>
    <t>284966.0</t>
  </si>
  <si>
    <t>1551212.0</t>
  </si>
  <si>
    <t>87.158</t>
  </si>
  <si>
    <t>8517766.0</t>
  </si>
  <si>
    <t>6569164.0</t>
  </si>
  <si>
    <t>1948602.0</t>
  </si>
  <si>
    <t>413498.0</t>
  </si>
  <si>
    <t>331673.0</t>
  </si>
  <si>
    <t>306440.0</t>
  </si>
  <si>
    <t>1554976.0</t>
  </si>
  <si>
    <t>87.369</t>
  </si>
  <si>
    <t>8827187.0</t>
  </si>
  <si>
    <t>6858675.0</t>
  </si>
  <si>
    <t>1968512.0</t>
  </si>
  <si>
    <t>309421.0</t>
  </si>
  <si>
    <t>339788.0</t>
  </si>
  <si>
    <t>314478.0</t>
  </si>
  <si>
    <t>1556425.0</t>
  </si>
  <si>
    <t>87.451</t>
  </si>
  <si>
    <t>9081816.0</t>
  </si>
  <si>
    <t>7098633.0</t>
  </si>
  <si>
    <t>1983183.0</t>
  </si>
  <si>
    <t>254629.0</t>
  </si>
  <si>
    <t>348982.0</t>
  </si>
  <si>
    <t>323432.0</t>
  </si>
  <si>
    <t>64393.7</t>
  </si>
  <si>
    <t>3577.22864538319</t>
  </si>
  <si>
    <t>1562181.0</t>
  </si>
  <si>
    <t>5756.0</t>
  </si>
  <si>
    <t>87.774</t>
  </si>
  <si>
    <t>9402922.0</t>
  </si>
  <si>
    <t>7400080.0</t>
  </si>
  <si>
    <t>2002842.0</t>
  </si>
  <si>
    <t>321106.0</t>
  </si>
  <si>
    <t>354692.0</t>
  </si>
  <si>
    <t>19704.0</t>
  </si>
  <si>
    <t>330279.0</t>
  </si>
  <si>
    <t>1564660.0</t>
  </si>
  <si>
    <t>87.913</t>
  </si>
  <si>
    <t>9716252.0</t>
  </si>
  <si>
    <t>7693781.0</t>
  </si>
  <si>
    <t>2022471.0</t>
  </si>
  <si>
    <t>313330.0</t>
  </si>
  <si>
    <t>349062.0</t>
  </si>
  <si>
    <t>19391.0</t>
  </si>
  <si>
    <t>326326.0</t>
  </si>
  <si>
    <t>1568834.0</t>
  </si>
  <si>
    <t>88.148</t>
  </si>
  <si>
    <t>9994076.0</t>
  </si>
  <si>
    <t>7954844.0</t>
  </si>
  <si>
    <t>2039232.0</t>
  </si>
  <si>
    <t>277824.0</t>
  </si>
  <si>
    <t>331371.0</t>
  </si>
  <si>
    <t>310641.0</t>
  </si>
  <si>
    <t>1572356.0</t>
  </si>
  <si>
    <t>88.346</t>
  </si>
  <si>
    <t>10253844.0</t>
  </si>
  <si>
    <t>8186138.0</t>
  </si>
  <si>
    <t>2067706.0</t>
  </si>
  <si>
    <t>259768.0</t>
  </si>
  <si>
    <t>307082.0</t>
  </si>
  <si>
    <t>17059.0</t>
  </si>
  <si>
    <t>285738.0</t>
  </si>
  <si>
    <t>1576129.0</t>
  </si>
  <si>
    <t>88.558</t>
  </si>
  <si>
    <t>10505799.0</t>
  </si>
  <si>
    <t>8408870.0</t>
  </si>
  <si>
    <t>2096929.0</t>
  </si>
  <si>
    <t>251955.0</t>
  </si>
  <si>
    <t>284005.0</t>
  </si>
  <si>
    <t>262815.0</t>
  </si>
  <si>
    <t>1577353.0</t>
  </si>
  <si>
    <t>88.627</t>
  </si>
  <si>
    <t>10701718.0</t>
  </si>
  <si>
    <t>8585908.0</t>
  </si>
  <si>
    <t>2115810.0</t>
  </si>
  <si>
    <t>195919.0</t>
  </si>
  <si>
    <t>267790.0</t>
  </si>
  <si>
    <t>246748.0</t>
  </si>
  <si>
    <t>1580633.0</t>
  </si>
  <si>
    <t>88.811</t>
  </si>
  <si>
    <t>10842201.0</t>
  </si>
  <si>
    <t>8714585.0</t>
  </si>
  <si>
    <t>2127616.0</t>
  </si>
  <si>
    <t>140483.0</t>
  </si>
  <si>
    <t>251484.0</t>
  </si>
  <si>
    <t>230850.0</t>
  </si>
  <si>
    <t>64669.0</t>
  </si>
  <si>
    <t>3592.52223848428</t>
  </si>
  <si>
    <t>1583467.0</t>
  </si>
  <si>
    <t>11022262.0</t>
  </si>
  <si>
    <t>8854376.0</t>
  </si>
  <si>
    <t>2167886.0</t>
  </si>
  <si>
    <t>180061.0</t>
  </si>
  <si>
    <t>231334.0</t>
  </si>
  <si>
    <t>207757.0</t>
  </si>
  <si>
    <t>1586958.0</t>
  </si>
  <si>
    <t>89.166</t>
  </si>
  <si>
    <t>11285941.0</t>
  </si>
  <si>
    <t>9058601.0</t>
  </si>
  <si>
    <t>2227340.0</t>
  </si>
  <si>
    <t>263679.0</t>
  </si>
  <si>
    <t>224241.0</t>
  </si>
  <si>
    <t>194974.0</t>
  </si>
  <si>
    <t>1590801.0</t>
  </si>
  <si>
    <t>89.382</t>
  </si>
  <si>
    <t>11590422.0</t>
  </si>
  <si>
    <t>9285899.0</t>
  </si>
  <si>
    <t>2304523.0</t>
  </si>
  <si>
    <t>304481.0</t>
  </si>
  <si>
    <t>228049.0</t>
  </si>
  <si>
    <t>190151.0</t>
  </si>
  <si>
    <t>1594256.0</t>
  </si>
  <si>
    <t>89.576</t>
  </si>
  <si>
    <t>11908158.0</t>
  </si>
  <si>
    <t>9543339.0</t>
  </si>
  <si>
    <t>2364819.0</t>
  </si>
  <si>
    <t>317736.0</t>
  </si>
  <si>
    <t>236331.0</t>
  </si>
  <si>
    <t>13129.0</t>
  </si>
  <si>
    <t>193886.0</t>
  </si>
  <si>
    <t>1597860.0</t>
  </si>
  <si>
    <t>89.779</t>
  </si>
  <si>
    <t>12233843.0</t>
  </si>
  <si>
    <t>9812429.0</t>
  </si>
  <si>
    <t>2421414.0</t>
  </si>
  <si>
    <t>325685.0</t>
  </si>
  <si>
    <t>246863.0</t>
  </si>
  <si>
    <t>200508.0</t>
  </si>
  <si>
    <t>89.851</t>
  </si>
  <si>
    <t>12477610.0</t>
  </si>
  <si>
    <t>10013732.0</t>
  </si>
  <si>
    <t>2463878.0</t>
  </si>
  <si>
    <t>243767.0</t>
  </si>
  <si>
    <t>253699.0</t>
  </si>
  <si>
    <t>203975.0</t>
  </si>
  <si>
    <t>1599862.0</t>
  </si>
  <si>
    <t>89.891</t>
  </si>
  <si>
    <t>12641423.0</t>
  </si>
  <si>
    <t>10130519.0</t>
  </si>
  <si>
    <t>2510904.0</t>
  </si>
  <si>
    <t>163813.0</t>
  </si>
  <si>
    <t>257032.0</t>
  </si>
  <si>
    <t>14279.0</t>
  </si>
  <si>
    <t>202276.0</t>
  </si>
  <si>
    <t>65002.7</t>
  </si>
  <si>
    <t>3611.06009543247</t>
  </si>
  <si>
    <t>1604687.0</t>
  </si>
  <si>
    <t>90.162</t>
  </si>
  <si>
    <t>12838802.0</t>
  </si>
  <si>
    <t>10225907.0</t>
  </si>
  <si>
    <t>2612934.0</t>
  </si>
  <si>
    <t>197379.0</t>
  </si>
  <si>
    <t>259506.0</t>
  </si>
  <si>
    <t>195933.0</t>
  </si>
  <si>
    <t>1606497.0</t>
  </si>
  <si>
    <t>90.264</t>
  </si>
  <si>
    <t>13053708.0</t>
  </si>
  <si>
    <t>10317605.0</t>
  </si>
  <si>
    <t>2736142.0</t>
  </si>
  <si>
    <t>214906.0</t>
  </si>
  <si>
    <t>252538.0</t>
  </si>
  <si>
    <t>179858.0</t>
  </si>
  <si>
    <t>1610336.0</t>
  </si>
  <si>
    <t>13271582.0</t>
  </si>
  <si>
    <t>10396699.0</t>
  </si>
  <si>
    <t>2874922.0</t>
  </si>
  <si>
    <t>217874.0</t>
  </si>
  <si>
    <t>240166.0</t>
  </si>
  <si>
    <t>13342.0</t>
  </si>
  <si>
    <t>158686.0</t>
  </si>
  <si>
    <t>1614205.0</t>
  </si>
  <si>
    <t>90.697</t>
  </si>
  <si>
    <t>13500986.0</t>
  </si>
  <si>
    <t>10463859.0</t>
  </si>
  <si>
    <t>3037168.0</t>
  </si>
  <si>
    <t>229404.0</t>
  </si>
  <si>
    <t>227547.0</t>
  </si>
  <si>
    <t>131503.0</t>
  </si>
  <si>
    <t>1618185.0</t>
  </si>
  <si>
    <t>90.921</t>
  </si>
  <si>
    <t>13755490.0</t>
  </si>
  <si>
    <t>10516985.0</t>
  </si>
  <si>
    <t>3238546.0</t>
  </si>
  <si>
    <t>217378.0</t>
  </si>
  <si>
    <t>58.42</t>
  </si>
  <si>
    <t>12076.0</t>
  </si>
  <si>
    <t>100651.0</t>
  </si>
  <si>
    <t>1620209.0</t>
  </si>
  <si>
    <t>91.035</t>
  </si>
  <si>
    <t>13992854.0</t>
  </si>
  <si>
    <t>10563220.0</t>
  </si>
  <si>
    <t>3429675.0</t>
  </si>
  <si>
    <t>237364.0</t>
  </si>
  <si>
    <t>216463.0</t>
  </si>
  <si>
    <t>78498.0</t>
  </si>
  <si>
    <t>1620999.0</t>
  </si>
  <si>
    <t>91.079</t>
  </si>
  <si>
    <t>14199861.0</t>
  </si>
  <si>
    <t>10605030.0</t>
  </si>
  <si>
    <t>3594872.0</t>
  </si>
  <si>
    <t>207007.0</t>
  </si>
  <si>
    <t>222634.0</t>
  </si>
  <si>
    <t>12368.0</t>
  </si>
  <si>
    <t>67787.0</t>
  </si>
  <si>
    <t>65154.0</t>
  </si>
  <si>
    <t>3619.46518310481</t>
  </si>
  <si>
    <t>1621722.0</t>
  </si>
  <si>
    <t>91.12</t>
  </si>
  <si>
    <t>14204382.0</t>
  </si>
  <si>
    <t>10605501.0</t>
  </si>
  <si>
    <t>3598922.0</t>
  </si>
  <si>
    <t>195083.0</t>
  </si>
  <si>
    <t>1624890.0</t>
  </si>
  <si>
    <t>14583416.0</t>
  </si>
  <si>
    <t>10608516.0</t>
  </si>
  <si>
    <t>3974941.0</t>
  </si>
  <si>
    <t>379034.0</t>
  </si>
  <si>
    <t>218530.0</t>
  </si>
  <si>
    <t>41559.0</t>
  </si>
  <si>
    <t>1628513.0</t>
  </si>
  <si>
    <t>91.501</t>
  </si>
  <si>
    <t>14919957.0</t>
  </si>
  <si>
    <t>10610994.0</t>
  </si>
  <si>
    <t>4309296.0</t>
  </si>
  <si>
    <t>336541.0</t>
  </si>
  <si>
    <t>235482.0</t>
  </si>
  <si>
    <t>30614.0</t>
  </si>
  <si>
    <t>1632381.0</t>
  </si>
  <si>
    <t>91.718</t>
  </si>
  <si>
    <t>15191063.0</t>
  </si>
  <si>
    <t>10612935.0</t>
  </si>
  <si>
    <t>4578818.0</t>
  </si>
  <si>
    <t>271106.0</t>
  </si>
  <si>
    <t>241440.0</t>
  </si>
  <si>
    <t>21297.0</t>
  </si>
  <si>
    <t>1635105.0</t>
  </si>
  <si>
    <t>91.872</t>
  </si>
  <si>
    <t>15390151.0</t>
  </si>
  <si>
    <t>10615611.0</t>
  </si>
  <si>
    <t>4776537.0</t>
  </si>
  <si>
    <t>199088.0</t>
  </si>
  <si>
    <t>233523.0</t>
  </si>
  <si>
    <t>1636479.0</t>
  </si>
  <si>
    <t>91.949</t>
  </si>
  <si>
    <t>15493907.0</t>
  </si>
  <si>
    <t>10616571.0</t>
  </si>
  <si>
    <t>4879776.0</t>
  </si>
  <si>
    <t>103756.0</t>
  </si>
  <si>
    <t>214436.0</t>
  </si>
  <si>
    <t>1637661.0</t>
  </si>
  <si>
    <t>92.015</t>
  </si>
  <si>
    <t>15559087.0</t>
  </si>
  <si>
    <t>10617261.0</t>
  </si>
  <si>
    <t>4944406.0</t>
  </si>
  <si>
    <t>65180.0</t>
  </si>
  <si>
    <t>194175.0</t>
  </si>
  <si>
    <t>65278.5</t>
  </si>
  <si>
    <t>3626.38146476513</t>
  </si>
  <si>
    <t>1640348.0</t>
  </si>
  <si>
    <t>15936119.0</t>
  </si>
  <si>
    <t>10619135.0</t>
  </si>
  <si>
    <t>5320762.0</t>
  </si>
  <si>
    <t>377032.0</t>
  </si>
  <si>
    <t>247391.0</t>
  </si>
  <si>
    <t>1644911.0</t>
  </si>
  <si>
    <t>92.422</t>
  </si>
  <si>
    <t>16344434.0</t>
  </si>
  <si>
    <t>10624503.0</t>
  </si>
  <si>
    <t>5728292.0</t>
  </si>
  <si>
    <t>408315.0</t>
  </si>
  <si>
    <t>251574.0</t>
  </si>
  <si>
    <t>13976.0</t>
  </si>
  <si>
    <t>1647692.0</t>
  </si>
  <si>
    <t>92.579</t>
  </si>
  <si>
    <t>16728651.0</t>
  </si>
  <si>
    <t>10632145.0</t>
  </si>
  <si>
    <t>6111379.0</t>
  </si>
  <si>
    <t>384217.0</t>
  </si>
  <si>
    <t>258385.0</t>
  </si>
  <si>
    <t>92.93</t>
  </si>
  <si>
    <t>14354.0</t>
  </si>
  <si>
    <t>1651864.0</t>
  </si>
  <si>
    <t>92.813</t>
  </si>
  <si>
    <t>17054462.0</t>
  </si>
  <si>
    <t>10639941.0</t>
  </si>
  <si>
    <t>6435968.0</t>
  </si>
  <si>
    <t>325811.0</t>
  </si>
  <si>
    <t>266200.0</t>
  </si>
  <si>
    <t>1655781.0</t>
  </si>
  <si>
    <t>93.033</t>
  </si>
  <si>
    <t>17330176.0</t>
  </si>
  <si>
    <t>10646425.0</t>
  </si>
  <si>
    <t>6710639.0</t>
  </si>
  <si>
    <t>275714.0</t>
  </si>
  <si>
    <t>277146.0</t>
  </si>
  <si>
    <t>1656231.0</t>
  </si>
  <si>
    <t>93.059</t>
  </si>
  <si>
    <t>17521749.0</t>
  </si>
  <si>
    <t>10653892.0</t>
  </si>
  <si>
    <t>6901692.0</t>
  </si>
  <si>
    <t>191573.0</t>
  </si>
  <si>
    <t>289692.0</t>
  </si>
  <si>
    <t>97.34</t>
  </si>
  <si>
    <t>1656954.0</t>
  </si>
  <si>
    <t>93.099</t>
  </si>
  <si>
    <t>17653393.0</t>
  </si>
  <si>
    <t>10659805.0</t>
  </si>
  <si>
    <t>7032989.0</t>
  </si>
  <si>
    <t>131644.0</t>
  </si>
  <si>
    <t>299187.0</t>
  </si>
  <si>
    <t>98.07</t>
  </si>
  <si>
    <t>16621.0</t>
  </si>
  <si>
    <t>65352.2</t>
  </si>
  <si>
    <t>3630.47568129819</t>
  </si>
  <si>
    <t>1659612.0</t>
  </si>
  <si>
    <t>93.248</t>
  </si>
  <si>
    <t>17844396.0</t>
  </si>
  <si>
    <t>10670150.0</t>
  </si>
  <si>
    <t>7223294.0</t>
  </si>
  <si>
    <t>191003.0</t>
  </si>
  <si>
    <t>272611.0</t>
  </si>
  <si>
    <t>1662509.0</t>
  </si>
  <si>
    <t>93.411</t>
  </si>
  <si>
    <t>18071537.0</t>
  </si>
  <si>
    <t>10687641.0</t>
  </si>
  <si>
    <t>7448932.0</t>
  </si>
  <si>
    <t>227141.0</t>
  </si>
  <si>
    <t>246729.0</t>
  </si>
  <si>
    <t>100.39</t>
  </si>
  <si>
    <t>13706.0</t>
  </si>
  <si>
    <t>1666006.0</t>
  </si>
  <si>
    <t>93.608</t>
  </si>
  <si>
    <t>18301258.0</t>
  </si>
  <si>
    <t>10706903.0</t>
  </si>
  <si>
    <t>7673265.0</t>
  </si>
  <si>
    <t>229721.0</t>
  </si>
  <si>
    <t>224658.0</t>
  </si>
  <si>
    <t>101.67</t>
  </si>
  <si>
    <t>1668481.0</t>
  </si>
  <si>
    <t>93.747</t>
  </si>
  <si>
    <t>18548846.0</t>
  </si>
  <si>
    <t>10726520.0</t>
  </si>
  <si>
    <t>7919350.0</t>
  </si>
  <si>
    <t>247588.0</t>
  </si>
  <si>
    <t>213483.0</t>
  </si>
  <si>
    <t>59.59</t>
  </si>
  <si>
    <t>1671514.0</t>
  </si>
  <si>
    <t>93.917</t>
  </si>
  <si>
    <t>18814454.0</t>
  </si>
  <si>
    <t>10746271.0</t>
  </si>
  <si>
    <t>8183354.0</t>
  </si>
  <si>
    <t>265608.0</t>
  </si>
  <si>
    <t>212040.0</t>
  </si>
  <si>
    <t>104.52</t>
  </si>
  <si>
    <t>1672148.0</t>
  </si>
  <si>
    <t>93.953</t>
  </si>
  <si>
    <t>19000304.0</t>
  </si>
  <si>
    <t>10760514.0</t>
  </si>
  <si>
    <t>8368150.0</t>
  </si>
  <si>
    <t>185850.0</t>
  </si>
  <si>
    <t>1672797.0</t>
  </si>
  <si>
    <t>93.989</t>
  </si>
  <si>
    <t>19115351.0</t>
  </si>
  <si>
    <t>10772784.0</t>
  </si>
  <si>
    <t>8481218.0</t>
  </si>
  <si>
    <t>115047.0</t>
  </si>
  <si>
    <t>208851.0</t>
  </si>
  <si>
    <t>106.19</t>
  </si>
  <si>
    <t>16140.0</t>
  </si>
  <si>
    <t>65525.5</t>
  </si>
  <si>
    <t>3640.1029231595</t>
  </si>
  <si>
    <t>1675742.0</t>
  </si>
  <si>
    <t>94.155</t>
  </si>
  <si>
    <t>19296406.0</t>
  </si>
  <si>
    <t>10794687.0</t>
  </si>
  <si>
    <t>8659927.0</t>
  </si>
  <si>
    <t>181055.0</t>
  </si>
  <si>
    <t>207430.0</t>
  </si>
  <si>
    <t>1679015.0</t>
  </si>
  <si>
    <t>94.339</t>
  </si>
  <si>
    <t>19456354.0</t>
  </si>
  <si>
    <t>10817074.0</t>
  </si>
  <si>
    <t>8817252.0</t>
  </si>
  <si>
    <t>159948.0</t>
  </si>
  <si>
    <t>197831.0</t>
  </si>
  <si>
    <t>1683580.0</t>
  </si>
  <si>
    <t>94.595</t>
  </si>
  <si>
    <t>175934.0</t>
  </si>
  <si>
    <t>1686697.0</t>
  </si>
  <si>
    <t>151484.0</t>
  </si>
  <si>
    <t>1689179.0</t>
  </si>
  <si>
    <t>124460.0</t>
  </si>
  <si>
    <t>1689897.0</t>
  </si>
  <si>
    <t>94.95</t>
  </si>
  <si>
    <t>108830.0</t>
  </si>
  <si>
    <t>1690372.0</t>
  </si>
  <si>
    <t>94.977</t>
  </si>
  <si>
    <t>103315.0</t>
  </si>
  <si>
    <t>65594.4</t>
  </si>
  <si>
    <t>3643.93048786951</t>
  </si>
  <si>
    <t>1692914.0</t>
  </si>
  <si>
    <t>1697349.0</t>
  </si>
  <si>
    <t>95.369</t>
  </si>
  <si>
    <t>76440.0</t>
  </si>
  <si>
    <t>1698994.0</t>
  </si>
  <si>
    <t>95.461</t>
  </si>
  <si>
    <t>20067875.0</t>
  </si>
  <si>
    <t>10822280.0</t>
  </si>
  <si>
    <t>9530623.0</t>
  </si>
  <si>
    <t>111.48</t>
  </si>
  <si>
    <t>1701058.0</t>
  </si>
  <si>
    <t>95.577</t>
  </si>
  <si>
    <t>20121822.0</t>
  </si>
  <si>
    <t>10838560.0</t>
  </si>
  <si>
    <t>9577621.0</t>
  </si>
  <si>
    <t>53947.0</t>
  </si>
  <si>
    <t>73227.0</t>
  </si>
  <si>
    <t>1701245.0</t>
  </si>
  <si>
    <t>95.588</t>
  </si>
  <si>
    <t>20177462.0</t>
  </si>
  <si>
    <t>10855329.0</t>
  </si>
  <si>
    <t>9626101.0</t>
  </si>
  <si>
    <t>70255.0</t>
  </si>
  <si>
    <t>112.09</t>
  </si>
  <si>
    <t>1703645.0</t>
  </si>
  <si>
    <t>95.723</t>
  </si>
  <si>
    <t>20188740.0</t>
  </si>
  <si>
    <t>10858515.0</t>
  </si>
  <si>
    <t>9635837.0</t>
  </si>
  <si>
    <t>60946.0</t>
  </si>
  <si>
    <t>1704378.0</t>
  </si>
  <si>
    <t>95.764</t>
  </si>
  <si>
    <t>20194499.0</t>
  </si>
  <si>
    <t>10860128.0</t>
  </si>
  <si>
    <t>9640749.0</t>
  </si>
  <si>
    <t>50849.0</t>
  </si>
  <si>
    <t>65664.7</t>
  </si>
  <si>
    <t>3647.83582602791</t>
  </si>
  <si>
    <t>1707148.0</t>
  </si>
  <si>
    <t>95.919</t>
  </si>
  <si>
    <t>20251072.0</t>
  </si>
  <si>
    <t>10893166.0</t>
  </si>
  <si>
    <t>9670730.0</t>
  </si>
  <si>
    <t>56573.0</t>
  </si>
  <si>
    <t>1710032.0</t>
  </si>
  <si>
    <t>96.081</t>
  </si>
  <si>
    <t>20318065.0</t>
  </si>
  <si>
    <t>10935808.0</t>
  </si>
  <si>
    <t>9702280.0</t>
  </si>
  <si>
    <t>66993.0</t>
  </si>
  <si>
    <t>46661.0</t>
  </si>
  <si>
    <t>112.87</t>
  </si>
  <si>
    <t>1712449.0</t>
  </si>
  <si>
    <t>96.217</t>
  </si>
  <si>
    <t>20392844.0</t>
  </si>
  <si>
    <t>10987141.0</t>
  </si>
  <si>
    <t>9732661.0</t>
  </si>
  <si>
    <t>74779.0</t>
  </si>
  <si>
    <t>46424.0</t>
  </si>
  <si>
    <t>1714673.0</t>
  </si>
  <si>
    <t>96.342</t>
  </si>
  <si>
    <t>40423.0</t>
  </si>
  <si>
    <t>21589.0</t>
  </si>
  <si>
    <t>1716831.0</t>
  </si>
  <si>
    <t>96.463</t>
  </si>
  <si>
    <t>34179.0</t>
  </si>
  <si>
    <t>19556.0</t>
  </si>
  <si>
    <t>1716860.0</t>
  </si>
  <si>
    <t>96.465</t>
  </si>
  <si>
    <t>1717824.0</t>
  </si>
  <si>
    <t>96.519</t>
  </si>
  <si>
    <t>65769.0</t>
  </si>
  <si>
    <t>3653.6299479329</t>
  </si>
  <si>
    <t>1720775.0</t>
  </si>
  <si>
    <t>96.685</t>
  </si>
  <si>
    <t>20452529.0</t>
  </si>
  <si>
    <t>10999841.0</t>
  </si>
  <si>
    <t>9797946.0</t>
  </si>
  <si>
    <t>1722591.0</t>
  </si>
  <si>
    <t>96.787</t>
  </si>
  <si>
    <t>20515688.0</t>
  </si>
  <si>
    <t>11047509.0</t>
  </si>
  <si>
    <t>9816586.0</t>
  </si>
  <si>
    <t>63159.0</t>
  </si>
  <si>
    <t>28232.0</t>
  </si>
  <si>
    <t>1725710.0</t>
  </si>
  <si>
    <t>96.962</t>
  </si>
  <si>
    <t>20532260.0</t>
  </si>
  <si>
    <t>11050419.0</t>
  </si>
  <si>
    <t>9833158.0</t>
  </si>
  <si>
    <t>19917.0</t>
  </si>
  <si>
    <t>1729142.0</t>
  </si>
  <si>
    <t>97.155</t>
  </si>
  <si>
    <t>20571335.0</t>
  </si>
  <si>
    <t>11077714.0</t>
  </si>
  <si>
    <t>9847355.0</t>
  </si>
  <si>
    <t>39075.0</t>
  </si>
  <si>
    <t>23793.0</t>
  </si>
  <si>
    <t>114.28</t>
  </si>
  <si>
    <t>1732956.0</t>
  </si>
  <si>
    <t>97.369</t>
  </si>
  <si>
    <t>20611185.0</t>
  </si>
  <si>
    <t>11103923.0</t>
  </si>
  <si>
    <t>9864816.0</t>
  </si>
  <si>
    <t>1733590.0</t>
  </si>
  <si>
    <t>97.405</t>
  </si>
  <si>
    <t>20616156.0</t>
  </si>
  <si>
    <t>11107266.0</t>
  </si>
  <si>
    <t>9867095.0</t>
  </si>
  <si>
    <t>26786.0</t>
  </si>
  <si>
    <t>114.53</t>
  </si>
  <si>
    <t>1734533.0</t>
  </si>
  <si>
    <t>97.458</t>
  </si>
  <si>
    <t>20617749.0</t>
  </si>
  <si>
    <t>11108116.0</t>
  </si>
  <si>
    <t>9867974.0</t>
  </si>
  <si>
    <t>65828.3</t>
  </si>
  <si>
    <t>3656.92420899681</t>
  </si>
  <si>
    <t>1739233.0</t>
  </si>
  <si>
    <t>97.722</t>
  </si>
  <si>
    <t>20666054.0</t>
  </si>
  <si>
    <t>11146137.0</t>
  </si>
  <si>
    <t>9881500.0</t>
  </si>
  <si>
    <t>48305.0</t>
  </si>
  <si>
    <t>30504.0</t>
  </si>
  <si>
    <t>114.81</t>
  </si>
  <si>
    <t>1743821.0</t>
  </si>
  <si>
    <t>97.98</t>
  </si>
  <si>
    <t>20773286.0</t>
  </si>
  <si>
    <t>11244528.0</t>
  </si>
  <si>
    <t>9893962.0</t>
  </si>
  <si>
    <t>107232.0</t>
  </si>
  <si>
    <t>36800.0</t>
  </si>
  <si>
    <t>28146.0</t>
  </si>
  <si>
    <t>1748398.0</t>
  </si>
  <si>
    <t>98.237</t>
  </si>
  <si>
    <t>20841350.0</t>
  </si>
  <si>
    <t>11303434.0</t>
  </si>
  <si>
    <t>9907288.0</t>
  </si>
  <si>
    <t>68064.0</t>
  </si>
  <si>
    <t>44156.0</t>
  </si>
  <si>
    <t>115.78</t>
  </si>
  <si>
    <t>1752319.0</t>
  </si>
  <si>
    <t>98.457</t>
  </si>
  <si>
    <t>20896804.0</t>
  </si>
  <si>
    <t>11350433.0</t>
  </si>
  <si>
    <t>9918613.0</t>
  </si>
  <si>
    <t>55454.0</t>
  </si>
  <si>
    <t>46496.0</t>
  </si>
  <si>
    <t>116.09</t>
  </si>
  <si>
    <t>38960.0</t>
  </si>
  <si>
    <t>1755912.0</t>
  </si>
  <si>
    <t>98.659</t>
  </si>
  <si>
    <t>20976539.0</t>
  </si>
  <si>
    <t>11418793.0</t>
  </si>
  <si>
    <t>9933423.0</t>
  </si>
  <si>
    <t>79735.0</t>
  </si>
  <si>
    <t>52193.0</t>
  </si>
  <si>
    <t>116.53</t>
  </si>
  <si>
    <t>44981.0</t>
  </si>
  <si>
    <t>1756742.0</t>
  </si>
  <si>
    <t>98.706</t>
  </si>
  <si>
    <t>20981535.0</t>
  </si>
  <si>
    <t>11422887.0</t>
  </si>
  <si>
    <t>9934736.0</t>
  </si>
  <si>
    <t>52197.0</t>
  </si>
  <si>
    <t>45089.0</t>
  </si>
  <si>
    <t>1757899.0</t>
  </si>
  <si>
    <t>98.771</t>
  </si>
  <si>
    <t>20983147.0</t>
  </si>
  <si>
    <t>11424056.0</t>
  </si>
  <si>
    <t>9935352.0</t>
  </si>
  <si>
    <t>52200.0</t>
  </si>
  <si>
    <t>45134.0</t>
  </si>
  <si>
    <t>65995.2</t>
  </si>
  <si>
    <t>3666.19591509406</t>
  </si>
  <si>
    <t>1761061.0</t>
  </si>
  <si>
    <t>98.949</t>
  </si>
  <si>
    <t>21022027.0</t>
  </si>
  <si>
    <t>11453882.0</t>
  </si>
  <si>
    <t>9947067.0</t>
  </si>
  <si>
    <t>38880.0</t>
  </si>
  <si>
    <t>50853.0</t>
  </si>
  <si>
    <t>43964.0</t>
  </si>
  <si>
    <t>1763985.0</t>
  </si>
  <si>
    <t>99.113</t>
  </si>
  <si>
    <t>21066403.0</t>
  </si>
  <si>
    <t>11489289.0</t>
  </si>
  <si>
    <t>9958765.0</t>
  </si>
  <si>
    <t>44376.0</t>
  </si>
  <si>
    <t>41874.0</t>
  </si>
  <si>
    <t>117.03</t>
  </si>
  <si>
    <t>1767160.0</t>
  </si>
  <si>
    <t>99.291</t>
  </si>
  <si>
    <t>21112861.0</t>
  </si>
  <si>
    <t>11527736.0</t>
  </si>
  <si>
    <t>9969316.0</t>
  </si>
  <si>
    <t>46458.0</t>
  </si>
  <si>
    <t>117.29</t>
  </si>
  <si>
    <t>32043.0</t>
  </si>
  <si>
    <t>1769533.0</t>
  </si>
  <si>
    <t>99.425</t>
  </si>
  <si>
    <t>21155212.0</t>
  </si>
  <si>
    <t>11563516.0</t>
  </si>
  <si>
    <t>9978130.0</t>
  </si>
  <si>
    <t>36915.0</t>
  </si>
  <si>
    <t>117.52</t>
  </si>
  <si>
    <t>1770596.0</t>
  </si>
  <si>
    <t>99.484</t>
  </si>
  <si>
    <t>21163540.0</t>
  </si>
  <si>
    <t>11566614.0</t>
  </si>
  <si>
    <t>9984036.0</t>
  </si>
  <si>
    <t>21117.0</t>
  </si>
  <si>
    <t>1771831.0</t>
  </si>
  <si>
    <t>99.554</t>
  </si>
  <si>
    <t>21164423.0</t>
  </si>
  <si>
    <t>11567189.0</t>
  </si>
  <si>
    <t>9984510.0</t>
  </si>
  <si>
    <t>20615.0</t>
  </si>
  <si>
    <t>1772390.0</t>
  </si>
  <si>
    <t>99.585</t>
  </si>
  <si>
    <t>21165186.0</t>
  </si>
  <si>
    <t>11567583.0</t>
  </si>
  <si>
    <t>9984970.0</t>
  </si>
  <si>
    <t>20504.0</t>
  </si>
  <si>
    <t>66027.3</t>
  </si>
  <si>
    <t>3667.9791491607</t>
  </si>
  <si>
    <t>1776560.0</t>
  </si>
  <si>
    <t>99.819</t>
  </si>
  <si>
    <t>21208003.0</t>
  </si>
  <si>
    <t>11598188.0</t>
  </si>
  <si>
    <t>9999427.0</t>
  </si>
  <si>
    <t>42817.0</t>
  </si>
  <si>
    <t>1779047.0</t>
  </si>
  <si>
    <t>99.959</t>
  </si>
  <si>
    <t>21254562.0</t>
  </si>
  <si>
    <t>11635235.0</t>
  </si>
  <si>
    <t>10010755.0</t>
  </si>
  <si>
    <t>46559.0</t>
  </si>
  <si>
    <t>118.07</t>
  </si>
  <si>
    <t>20849.0</t>
  </si>
  <si>
    <t>1781166.0</t>
  </si>
  <si>
    <t>100.078</t>
  </si>
  <si>
    <t>21298743.0</t>
  </si>
  <si>
    <t>11671714.0</t>
  </si>
  <si>
    <t>10020281.0</t>
  </si>
  <si>
    <t>44181.0</t>
  </si>
  <si>
    <t>26555.0</t>
  </si>
  <si>
    <t>118.32</t>
  </si>
  <si>
    <t>20568.0</t>
  </si>
  <si>
    <t>1783301.0</t>
  </si>
  <si>
    <t>100.198</t>
  </si>
  <si>
    <t>21346159.0</t>
  </si>
  <si>
    <t>11708111.0</t>
  </si>
  <si>
    <t>10032731.0</t>
  </si>
  <si>
    <t>47416.0</t>
  </si>
  <si>
    <t>27278.0</t>
  </si>
  <si>
    <t>118.58</t>
  </si>
  <si>
    <t>20656.0</t>
  </si>
  <si>
    <t>1786875.0</t>
  </si>
  <si>
    <t>21396466.0</t>
  </si>
  <si>
    <t>11742466.0</t>
  </si>
  <si>
    <t>10050416.0</t>
  </si>
  <si>
    <t>1788830.0</t>
  </si>
  <si>
    <t>21405209.0</t>
  </si>
  <si>
    <t>11748955.0</t>
  </si>
  <si>
    <t>10052820.0</t>
  </si>
  <si>
    <t>34398.0</t>
  </si>
  <si>
    <t>1789980.0</t>
  </si>
  <si>
    <t>100.573</t>
  </si>
  <si>
    <t>21410061.0</t>
  </si>
  <si>
    <t>11752748.0</t>
  </si>
  <si>
    <t>10053955.0</t>
  </si>
  <si>
    <t>34982.0</t>
  </si>
  <si>
    <t>3674.79543638738</t>
  </si>
  <si>
    <t>1794688.0</t>
  </si>
  <si>
    <t>100.838</t>
  </si>
  <si>
    <t>21448846.0</t>
  </si>
  <si>
    <t>11774844.0</t>
  </si>
  <si>
    <t>10071705.0</t>
  </si>
  <si>
    <t>38785.0</t>
  </si>
  <si>
    <t>34406.0</t>
  </si>
  <si>
    <t>119.15</t>
  </si>
  <si>
    <t>1800893.0</t>
  </si>
  <si>
    <t>101.187</t>
  </si>
  <si>
    <t>21492532.0</t>
  </si>
  <si>
    <t>11800967.0</t>
  </si>
  <si>
    <t>10090387.0</t>
  </si>
  <si>
    <t>23676.0</t>
  </si>
  <si>
    <t>1804934.0</t>
  </si>
  <si>
    <t>101.414</t>
  </si>
  <si>
    <t>21690036.0</t>
  </si>
  <si>
    <t>11967286.0</t>
  </si>
  <si>
    <t>10115426.0</t>
  </si>
  <si>
    <t>197504.0</t>
  </si>
  <si>
    <t>55899.0</t>
  </si>
  <si>
    <t>42225.0</t>
  </si>
  <si>
    <t>1808466.0</t>
  </si>
  <si>
    <t>101.612</t>
  </si>
  <si>
    <t>21827147.0</t>
  </si>
  <si>
    <t>12078296.0</t>
  </si>
  <si>
    <t>10138971.0</t>
  </si>
  <si>
    <t>137111.0</t>
  </si>
  <si>
    <t>68713.0</t>
  </si>
  <si>
    <t>121.26</t>
  </si>
  <si>
    <t>52884.0</t>
  </si>
  <si>
    <t>1811834.0</t>
  </si>
  <si>
    <t>101.801</t>
  </si>
  <si>
    <t>21956630.0</t>
  </si>
  <si>
    <t>12176500.0</t>
  </si>
  <si>
    <t>10165274.0</t>
  </si>
  <si>
    <t>129483.0</t>
  </si>
  <si>
    <t>121.97</t>
  </si>
  <si>
    <t>1812547.0</t>
  </si>
  <si>
    <t>101.841</t>
  </si>
  <si>
    <t>21973130.0</t>
  </si>
  <si>
    <t>12186611.0</t>
  </si>
  <si>
    <t>10170050.0</t>
  </si>
  <si>
    <t>17934.0</t>
  </si>
  <si>
    <t>81132.0</t>
  </si>
  <si>
    <t>62522.0</t>
  </si>
  <si>
    <t>1813243.0</t>
  </si>
  <si>
    <t>101.881</t>
  </si>
  <si>
    <t>21979057.0</t>
  </si>
  <si>
    <t>12190340.0</t>
  </si>
  <si>
    <t>10171512.0</t>
  </si>
  <si>
    <t>18772.0</t>
  </si>
  <si>
    <t>81285.0</t>
  </si>
  <si>
    <t>62513.0</t>
  </si>
  <si>
    <t>66191.5</t>
  </si>
  <si>
    <t>47.25</t>
  </si>
  <si>
    <t>3677.10086360748</t>
  </si>
  <si>
    <t>1816186.0</t>
  </si>
  <si>
    <t>102.046</t>
  </si>
  <si>
    <t>22091381.0</t>
  </si>
  <si>
    <t>12274051.0</t>
  </si>
  <si>
    <t>10197348.0</t>
  </si>
  <si>
    <t>112324.0</t>
  </si>
  <si>
    <t>91791.0</t>
  </si>
  <si>
    <t>71315.0</t>
  </si>
  <si>
    <t>1819872.0</t>
  </si>
  <si>
    <t>102.253</t>
  </si>
  <si>
    <t>22219102.0</t>
  </si>
  <si>
    <t>12365104.0</t>
  </si>
  <si>
    <t>10226320.0</t>
  </si>
  <si>
    <t>127721.0</t>
  </si>
  <si>
    <t>80591.0</t>
  </si>
  <si>
    <t>1822735.0</t>
  </si>
  <si>
    <t>102.414</t>
  </si>
  <si>
    <t>22347638.0</t>
  </si>
  <si>
    <t>12456155.0</t>
  </si>
  <si>
    <t>10253022.0</t>
  </si>
  <si>
    <t>43382.0</t>
  </si>
  <si>
    <t>128536.0</t>
  </si>
  <si>
    <t>93943.0</t>
  </si>
  <si>
    <t>1826870.0</t>
  </si>
  <si>
    <t>102.646</t>
  </si>
  <si>
    <t>22475765.0</t>
  </si>
  <si>
    <t>12548312.0</t>
  </si>
  <si>
    <t>10281989.0</t>
  </si>
  <si>
    <t>51578.0</t>
  </si>
  <si>
    <t>128127.0</t>
  </si>
  <si>
    <t>92660.0</t>
  </si>
  <si>
    <t>124.86</t>
  </si>
  <si>
    <t>67145.0</t>
  </si>
  <si>
    <t>1830095.0</t>
  </si>
  <si>
    <t>102.827</t>
  </si>
  <si>
    <t>22586066.0</t>
  </si>
  <si>
    <t>12626054.0</t>
  </si>
  <si>
    <t>10309703.0</t>
  </si>
  <si>
    <t>57455.0</t>
  </si>
  <si>
    <t>110301.0</t>
  </si>
  <si>
    <t>89919.0</t>
  </si>
  <si>
    <t>1830975.0</t>
  </si>
  <si>
    <t>102.877</t>
  </si>
  <si>
    <t>22594076.0</t>
  </si>
  <si>
    <t>12629356.0</t>
  </si>
  <si>
    <t>10313723.0</t>
  </si>
  <si>
    <t>58332.0</t>
  </si>
  <si>
    <t>88707.0</t>
  </si>
  <si>
    <t>63249.0</t>
  </si>
  <si>
    <t>1833554.0</t>
  </si>
  <si>
    <t>22597171.0</t>
  </si>
  <si>
    <t>12630462.0</t>
  </si>
  <si>
    <t>10315176.0</t>
  </si>
  <si>
    <t>58948.0</t>
  </si>
  <si>
    <t>88302.0</t>
  </si>
  <si>
    <t>62875.0</t>
  </si>
  <si>
    <t>66224.4</t>
  </si>
  <si>
    <t>3678.92853964463</t>
  </si>
  <si>
    <t>1834500.0</t>
  </si>
  <si>
    <t>103.075</t>
  </si>
  <si>
    <t>22599848.0</t>
  </si>
  <si>
    <t>12631625.0</t>
  </si>
  <si>
    <t>10316252.0</t>
  </si>
  <si>
    <t>59468.0</t>
  </si>
  <si>
    <t>72638.0</t>
  </si>
  <si>
    <t>125.55</t>
  </si>
  <si>
    <t>51082.0</t>
  </si>
  <si>
    <t>1835258.0</t>
  </si>
  <si>
    <t>103.117</t>
  </si>
  <si>
    <t>22602509.0</t>
  </si>
  <si>
    <t>12632888.0</t>
  </si>
  <si>
    <t>10317108.0</t>
  </si>
  <si>
    <t>60099.0</t>
  </si>
  <si>
    <t>54772.0</t>
  </si>
  <si>
    <t>38255.0</t>
  </si>
  <si>
    <t>1838275.0</t>
  </si>
  <si>
    <t>103.287</t>
  </si>
  <si>
    <t>22606316.0</t>
  </si>
  <si>
    <t>12634513.0</t>
  </si>
  <si>
    <t>10318488.0</t>
  </si>
  <si>
    <t>60983.0</t>
  </si>
  <si>
    <t>36954.0</t>
  </si>
  <si>
    <t>125.58</t>
  </si>
  <si>
    <t>1842217.0</t>
  </si>
  <si>
    <t>103.508</t>
  </si>
  <si>
    <t>22692858.0</t>
  </si>
  <si>
    <t>12686924.0</t>
  </si>
  <si>
    <t>10344290.0</t>
  </si>
  <si>
    <t>70275.0</t>
  </si>
  <si>
    <t>31013.0</t>
  </si>
  <si>
    <t>1845990.0</t>
  </si>
  <si>
    <t>22796895.0</t>
  </si>
  <si>
    <t>12750851.0</t>
  </si>
  <si>
    <t>10369725.0</t>
  </si>
  <si>
    <t>85973.0</t>
  </si>
  <si>
    <t>104037.0</t>
  </si>
  <si>
    <t>30118.0</t>
  </si>
  <si>
    <t>1847393.0</t>
  </si>
  <si>
    <t>103.799</t>
  </si>
  <si>
    <t>22807270.0</t>
  </si>
  <si>
    <t>12755174.0</t>
  </si>
  <si>
    <t>10373074.0</t>
  </si>
  <si>
    <t>88801.0</t>
  </si>
  <si>
    <t>30456.0</t>
  </si>
  <si>
    <t>17974.0</t>
  </si>
  <si>
    <t>1847816.0</t>
  </si>
  <si>
    <t>103.823</t>
  </si>
  <si>
    <t>22811457.0</t>
  </si>
  <si>
    <t>12756571.0</t>
  </si>
  <si>
    <t>10374475.0</t>
  </si>
  <si>
    <t>90245.0</t>
  </si>
  <si>
    <t>126.72</t>
  </si>
  <si>
    <t>66227.9</t>
  </si>
  <si>
    <t>3679.1229732656</t>
  </si>
  <si>
    <t>1850621.0</t>
  </si>
  <si>
    <t>103.981</t>
  </si>
  <si>
    <t>22905479.0</t>
  </si>
  <si>
    <t>12810560.0</t>
  </si>
  <si>
    <t>10401261.0</t>
  </si>
  <si>
    <t>104664.0</t>
  </si>
  <si>
    <t>94022.0</t>
  </si>
  <si>
    <t>127.25</t>
  </si>
  <si>
    <t>25562.0</t>
  </si>
  <si>
    <t>1853851.0</t>
  </si>
  <si>
    <t>104.162</t>
  </si>
  <si>
    <t>23006933.0</t>
  </si>
  <si>
    <t>12867716.0</t>
  </si>
  <si>
    <t>10433369.0</t>
  </si>
  <si>
    <t>117978.0</t>
  </si>
  <si>
    <t>101454.0</t>
  </si>
  <si>
    <t>57775.0</t>
  </si>
  <si>
    <t>127.81</t>
  </si>
  <si>
    <t>1857016.0</t>
  </si>
  <si>
    <t>23112847.0</t>
  </si>
  <si>
    <t>12925941.0</t>
  </si>
  <si>
    <t>10468704.0</t>
  </si>
  <si>
    <t>131295.0</t>
  </si>
  <si>
    <t>105914.0</t>
  </si>
  <si>
    <t>72362.0</t>
  </si>
  <si>
    <t>41633.0</t>
  </si>
  <si>
    <t>1862216.0</t>
  </si>
  <si>
    <t>23217966.0</t>
  </si>
  <si>
    <t>12979386.0</t>
  </si>
  <si>
    <t>10507548.0</t>
  </si>
  <si>
    <t>145145.0</t>
  </si>
  <si>
    <t>105119.0</t>
  </si>
  <si>
    <t>75015.0</t>
  </si>
  <si>
    <t>1865463.0</t>
  </si>
  <si>
    <t>104.815</t>
  </si>
  <si>
    <t>23313709.0</t>
  </si>
  <si>
    <t>13029056.0</t>
  </si>
  <si>
    <t>10540095.0</t>
  </si>
  <si>
    <t>159751.0</t>
  </si>
  <si>
    <t>95743.0</t>
  </si>
  <si>
    <t>73831.0</t>
  </si>
  <si>
    <t>129.51</t>
  </si>
  <si>
    <t>1866577.0</t>
  </si>
  <si>
    <t>104.877</t>
  </si>
  <si>
    <t>23352185.0</t>
  </si>
  <si>
    <t>13055729.0</t>
  </si>
  <si>
    <t>10548437.0</t>
  </si>
  <si>
    <t>163419.0</t>
  </si>
  <si>
    <t>38476.0</t>
  </si>
  <si>
    <t>77845.0</t>
  </si>
  <si>
    <t>1867205.0</t>
  </si>
  <si>
    <t>104.912</t>
  </si>
  <si>
    <t>23372031.0</t>
  </si>
  <si>
    <t>13069423.0</t>
  </si>
  <si>
    <t>10552429.0</t>
  </si>
  <si>
    <t>165699.0</t>
  </si>
  <si>
    <t>80082.0</t>
  </si>
  <si>
    <t>66315.6</t>
  </si>
  <si>
    <t>3683.99492428255</t>
  </si>
  <si>
    <t>1872174.0</t>
  </si>
  <si>
    <t>105.192</t>
  </si>
  <si>
    <t>23477052.0</t>
  </si>
  <si>
    <t>13120241.0</t>
  </si>
  <si>
    <t>10590333.0</t>
  </si>
  <si>
    <t>183097.0</t>
  </si>
  <si>
    <t>105021.0</t>
  </si>
  <si>
    <t>81653.0</t>
  </si>
  <si>
    <t>1875949.0</t>
  </si>
  <si>
    <t>105.404</t>
  </si>
  <si>
    <t>23595418.0</t>
  </si>
  <si>
    <t>13178694.0</t>
  </si>
  <si>
    <t>10634554.0</t>
  </si>
  <si>
    <t>199723.0</t>
  </si>
  <si>
    <t>84069.0</t>
  </si>
  <si>
    <t>44425.0</t>
  </si>
  <si>
    <t>1879740.0</t>
  </si>
  <si>
    <t>105.617</t>
  </si>
  <si>
    <t>23729189.0</t>
  </si>
  <si>
    <t>13234483.0</t>
  </si>
  <si>
    <t>10688744.0</t>
  </si>
  <si>
    <t>224409.0</t>
  </si>
  <si>
    <t>133771.0</t>
  </si>
  <si>
    <t>44077.0</t>
  </si>
  <si>
    <t>1884001.0</t>
  </si>
  <si>
    <t>105.856</t>
  </si>
  <si>
    <t>23857066.0</t>
  </si>
  <si>
    <t>13281796.0</t>
  </si>
  <si>
    <t>10749169.0</t>
  </si>
  <si>
    <t>245562.0</t>
  </si>
  <si>
    <t>127877.0</t>
  </si>
  <si>
    <t>91300.0</t>
  </si>
  <si>
    <t>43201.0</t>
  </si>
  <si>
    <t>1887366.0</t>
  </si>
  <si>
    <t>106.045</t>
  </si>
  <si>
    <t>23990152.0</t>
  </si>
  <si>
    <t>13336322.0</t>
  </si>
  <si>
    <t>10811731.0</t>
  </si>
  <si>
    <t>262429.0</t>
  </si>
  <si>
    <t>133086.0</t>
  </si>
  <si>
    <t>96635.0</t>
  </si>
  <si>
    <t>133.27</t>
  </si>
  <si>
    <t>43895.0</t>
  </si>
  <si>
    <t>1889047.0</t>
  </si>
  <si>
    <t>24048640.0</t>
  </si>
  <si>
    <t>13363543.0</t>
  </si>
  <si>
    <t>10836015.0</t>
  </si>
  <si>
    <t>269861.0</t>
  </si>
  <si>
    <t>58488.0</t>
  </si>
  <si>
    <t>99494.0</t>
  </si>
  <si>
    <t>43973.0</t>
  </si>
  <si>
    <t>1889913.0</t>
  </si>
  <si>
    <t>106.188</t>
  </si>
  <si>
    <t>24088225.0</t>
  </si>
  <si>
    <t>13381327.0</t>
  </si>
  <si>
    <t>10852890.0</t>
  </si>
  <si>
    <t>275137.0</t>
  </si>
  <si>
    <t>102313.0</t>
  </si>
  <si>
    <t>44558.0</t>
  </si>
  <si>
    <t>66464.3</t>
  </si>
  <si>
    <t>3692.25557555074</t>
  </si>
  <si>
    <t>1893175.0</t>
  </si>
  <si>
    <t>106.372</t>
  </si>
  <si>
    <t>24320682.0</t>
  </si>
  <si>
    <t>13477197.0</t>
  </si>
  <si>
    <t>10978542.0</t>
  </si>
  <si>
    <t>295142.0</t>
  </si>
  <si>
    <t>232457.0</t>
  </si>
  <si>
    <t>120519.0</t>
  </si>
  <si>
    <t>135.11</t>
  </si>
  <si>
    <t>50994.0</t>
  </si>
  <si>
    <t>1897437.0</t>
  </si>
  <si>
    <t>106.611</t>
  </si>
  <si>
    <t>24463980.0</t>
  </si>
  <si>
    <t>13528290.0</t>
  </si>
  <si>
    <t>11052308.0</t>
  </si>
  <si>
    <t>314608.0</t>
  </si>
  <si>
    <t>143298.0</t>
  </si>
  <si>
    <t>124080.0</t>
  </si>
  <si>
    <t>135.9</t>
  </si>
  <si>
    <t>49942.0</t>
  </si>
  <si>
    <t>1900726.0</t>
  </si>
  <si>
    <t>106.796</t>
  </si>
  <si>
    <t>24619310.0</t>
  </si>
  <si>
    <t>13580391.0</t>
  </si>
  <si>
    <t>11140453.0</t>
  </si>
  <si>
    <t>330744.0</t>
  </si>
  <si>
    <t>155330.0</t>
  </si>
  <si>
    <t>127160.0</t>
  </si>
  <si>
    <t>1904122.0</t>
  </si>
  <si>
    <t>106.987</t>
  </si>
  <si>
    <t>24773514.0</t>
  </si>
  <si>
    <t>13632600.0</t>
  </si>
  <si>
    <t>11228020.0</t>
  </si>
  <si>
    <t>346227.0</t>
  </si>
  <si>
    <t>154204.0</t>
  </si>
  <si>
    <t>130921.0</t>
  </si>
  <si>
    <t>137.62</t>
  </si>
  <si>
    <t>50115.0</t>
  </si>
  <si>
    <t>1908306.0</t>
  </si>
  <si>
    <t>107.222</t>
  </si>
  <si>
    <t>24916561.0</t>
  </si>
  <si>
    <t>13676032.0</t>
  </si>
  <si>
    <t>11311710.0</t>
  </si>
  <si>
    <t>363351.0</t>
  </si>
  <si>
    <t>143047.0</t>
  </si>
  <si>
    <t>48530.0</t>
  </si>
  <si>
    <t>1911326.0</t>
  </si>
  <si>
    <t>107.392</t>
  </si>
  <si>
    <t>24957994.0</t>
  </si>
  <si>
    <t>13692546.0</t>
  </si>
  <si>
    <t>11328702.0</t>
  </si>
  <si>
    <t>371683.0</t>
  </si>
  <si>
    <t>129908.0</t>
  </si>
  <si>
    <t>1913516.0</t>
  </si>
  <si>
    <t>107.515</t>
  </si>
  <si>
    <t>24979864.0</t>
  </si>
  <si>
    <t>13700908.0</t>
  </si>
  <si>
    <t>11337778.0</t>
  </si>
  <si>
    <t>376454.0</t>
  </si>
  <si>
    <t>21870.0</t>
  </si>
  <si>
    <t>127377.0</t>
  </si>
  <si>
    <t>45654.0</t>
  </si>
  <si>
    <t>66611.6</t>
  </si>
  <si>
    <t>3700.43845337054</t>
  </si>
  <si>
    <t>1916984.0</t>
  </si>
  <si>
    <t>107.709</t>
  </si>
  <si>
    <t>25093846.0</t>
  </si>
  <si>
    <t>13733215.0</t>
  </si>
  <si>
    <t>11398382.0</t>
  </si>
  <si>
    <t>398798.0</t>
  </si>
  <si>
    <t>113982.0</t>
  </si>
  <si>
    <t>110452.0</t>
  </si>
  <si>
    <t>36574.0</t>
  </si>
  <si>
    <t>1919611.0</t>
  </si>
  <si>
    <t>107.857</t>
  </si>
  <si>
    <t>25200571.0</t>
  </si>
  <si>
    <t>13766680.0</t>
  </si>
  <si>
    <t>11451335.0</t>
  </si>
  <si>
    <t>420442.0</t>
  </si>
  <si>
    <t>106725.0</t>
  </si>
  <si>
    <t>105227.0</t>
  </si>
  <si>
    <t>1923047.0</t>
  </si>
  <si>
    <t>25309620.0</t>
  </si>
  <si>
    <t>13796237.0</t>
  </si>
  <si>
    <t>11501793.0</t>
  </si>
  <si>
    <t>451239.0</t>
  </si>
  <si>
    <t>109049.0</t>
  </si>
  <si>
    <t>30835.0</t>
  </si>
  <si>
    <t>1927401.0</t>
  </si>
  <si>
    <t>108.295</t>
  </si>
  <si>
    <t>25432150.0</t>
  </si>
  <si>
    <t>13828785.0</t>
  </si>
  <si>
    <t>11560519.0</t>
  </si>
  <si>
    <t>484744.0</t>
  </si>
  <si>
    <t>94091.0</t>
  </si>
  <si>
    <t>28026.0</t>
  </si>
  <si>
    <t>1932122.0</t>
  </si>
  <si>
    <t>25530853.0</t>
  </si>
  <si>
    <t>13852920.0</t>
  </si>
  <si>
    <t>11608651.0</t>
  </si>
  <si>
    <t>513246.0</t>
  </si>
  <si>
    <t>98703.0</t>
  </si>
  <si>
    <t>87756.0</t>
  </si>
  <si>
    <t>25270.0</t>
  </si>
  <si>
    <t>1934910.0</t>
  </si>
  <si>
    <t>108.717</t>
  </si>
  <si>
    <t>25563245.0</t>
  </si>
  <si>
    <t>13860258.0</t>
  </si>
  <si>
    <t>11622151.0</t>
  </si>
  <si>
    <t>525425.0</t>
  </si>
  <si>
    <t>32392.0</t>
  </si>
  <si>
    <t>86464.0</t>
  </si>
  <si>
    <t>142.01</t>
  </si>
  <si>
    <t>23959.0</t>
  </si>
  <si>
    <t>1936310.0</t>
  </si>
  <si>
    <t>108.795</t>
  </si>
  <si>
    <t>25580686.0</t>
  </si>
  <si>
    <t>13864158.0</t>
  </si>
  <si>
    <t>11629093.0</t>
  </si>
  <si>
    <t>532414.0</t>
  </si>
  <si>
    <t>85832.0</t>
  </si>
  <si>
    <t>66690.9</t>
  </si>
  <si>
    <t>3704.84376369715</t>
  </si>
  <si>
    <t>1940555.0</t>
  </si>
  <si>
    <t>109.034</t>
  </si>
  <si>
    <t>25658021.0</t>
  </si>
  <si>
    <t>13882102.0</t>
  </si>
  <si>
    <t>11663974.0</t>
  </si>
  <si>
    <t>558925.0</t>
  </si>
  <si>
    <t>77335.0</t>
  </si>
  <si>
    <t>80596.0</t>
  </si>
  <si>
    <t>142.54</t>
  </si>
  <si>
    <t>21270.0</t>
  </si>
  <si>
    <t>1945256.0</t>
  </si>
  <si>
    <t>109.298</t>
  </si>
  <si>
    <t>25748271.0</t>
  </si>
  <si>
    <t>13899501.0</t>
  </si>
  <si>
    <t>11707691.0</t>
  </si>
  <si>
    <t>589685.0</t>
  </si>
  <si>
    <t>90250.0</t>
  </si>
  <si>
    <t>78243.0</t>
  </si>
  <si>
    <t>1949509.0</t>
  </si>
  <si>
    <t>109.537</t>
  </si>
  <si>
    <t>25842231.0</t>
  </si>
  <si>
    <t>13915757.0</t>
  </si>
  <si>
    <t>11760574.0</t>
  </si>
  <si>
    <t>616034.0</t>
  </si>
  <si>
    <t>93960.0</t>
  </si>
  <si>
    <t>76087.0</t>
  </si>
  <si>
    <t>17074.0</t>
  </si>
  <si>
    <t>1953591.0</t>
  </si>
  <si>
    <t>109.766</t>
  </si>
  <si>
    <t>25952255.0</t>
  </si>
  <si>
    <t>13936959.0</t>
  </si>
  <si>
    <t>11825366.0</t>
  </si>
  <si>
    <t>641463.0</t>
  </si>
  <si>
    <t>110024.0</t>
  </si>
  <si>
    <t>74301.0</t>
  </si>
  <si>
    <t>1958024.0</t>
  </si>
  <si>
    <t>110.015</t>
  </si>
  <si>
    <t>26072484.0</t>
  </si>
  <si>
    <t>13960603.0</t>
  </si>
  <si>
    <t>11898140.0</t>
  </si>
  <si>
    <t>666663.0</t>
  </si>
  <si>
    <t>120229.0</t>
  </si>
  <si>
    <t>77376.0</t>
  </si>
  <si>
    <t>144.84</t>
  </si>
  <si>
    <t>1960711.0</t>
  </si>
  <si>
    <t>110.166</t>
  </si>
  <si>
    <t>26125243.0</t>
  </si>
  <si>
    <t>13972603.0</t>
  </si>
  <si>
    <t>11927573.0</t>
  </si>
  <si>
    <t>678926.0</t>
  </si>
  <si>
    <t>52759.0</t>
  </si>
  <si>
    <t>80285.0</t>
  </si>
  <si>
    <t>145.13</t>
  </si>
  <si>
    <t>1961826.0</t>
  </si>
  <si>
    <t>110.229</t>
  </si>
  <si>
    <t>26157005.0</t>
  </si>
  <si>
    <t>13979769.0</t>
  </si>
  <si>
    <t>11943911.0</t>
  </si>
  <si>
    <t>687901.0</t>
  </si>
  <si>
    <t>31762.0</t>
  </si>
  <si>
    <t>82331.0</t>
  </si>
  <si>
    <t>66863.4</t>
  </si>
  <si>
    <t>3714.42656358796</t>
  </si>
  <si>
    <t>1965247.0</t>
  </si>
  <si>
    <t>110.421</t>
  </si>
  <si>
    <t>26261183.0</t>
  </si>
  <si>
    <t>13997698.0</t>
  </si>
  <si>
    <t>12008353.0</t>
  </si>
  <si>
    <t>711012.0</t>
  </si>
  <si>
    <t>104178.0</t>
  </si>
  <si>
    <t>86166.0</t>
  </si>
  <si>
    <t>145.89</t>
  </si>
  <si>
    <t>1969303.0</t>
  </si>
  <si>
    <t>110.649</t>
  </si>
  <si>
    <t>26362850.0</t>
  </si>
  <si>
    <t>14016690.0</t>
  </si>
  <si>
    <t>12071652.0</t>
  </si>
  <si>
    <t>731529.0</t>
  </si>
  <si>
    <t>101667.0</t>
  </si>
  <si>
    <t>87797.0</t>
  </si>
  <si>
    <t>16741.0</t>
  </si>
  <si>
    <t>1973499.0</t>
  </si>
  <si>
    <t>110.885</t>
  </si>
  <si>
    <t>26552900.0</t>
  </si>
  <si>
    <t>14047121.0</t>
  </si>
  <si>
    <t>12164507.0</t>
  </si>
  <si>
    <t>800238.0</t>
  </si>
  <si>
    <t>190050.0</t>
  </si>
  <si>
    <t>101524.0</t>
  </si>
  <si>
    <t>18766.0</t>
  </si>
  <si>
    <t>1978374.0</t>
  </si>
  <si>
    <t>111.159</t>
  </si>
  <si>
    <t>26667732.0</t>
  </si>
  <si>
    <t>14067604.0</t>
  </si>
  <si>
    <t>12232469.0</t>
  </si>
  <si>
    <t>827873.0</t>
  </si>
  <si>
    <t>114832.0</t>
  </si>
  <si>
    <t>102211.0</t>
  </si>
  <si>
    <t>1983595.0</t>
  </si>
  <si>
    <t>111.452</t>
  </si>
  <si>
    <t>26765445.0</t>
  </si>
  <si>
    <t>14083207.0</t>
  </si>
  <si>
    <t>12288447.0</t>
  </si>
  <si>
    <t>855034.0</t>
  </si>
  <si>
    <t>97713.0</t>
  </si>
  <si>
    <t>98994.0</t>
  </si>
  <si>
    <t>148.69</t>
  </si>
  <si>
    <t>1985863.0</t>
  </si>
  <si>
    <t>26802584.0</t>
  </si>
  <si>
    <t>14089507.0</t>
  </si>
  <si>
    <t>12307989.0</t>
  </si>
  <si>
    <t>866940.0</t>
  </si>
  <si>
    <t>148.89</t>
  </si>
  <si>
    <t>1987347.0</t>
  </si>
  <si>
    <t>111.663</t>
  </si>
  <si>
    <t>26825886.0</t>
  </si>
  <si>
    <t>14094180.0</t>
  </si>
  <si>
    <t>12318522.0</t>
  </si>
  <si>
    <t>875565.0</t>
  </si>
  <si>
    <t>95554.0</t>
  </si>
  <si>
    <t>16344.0</t>
  </si>
  <si>
    <t>67023.7</t>
  </si>
  <si>
    <t>3723.33162342852</t>
  </si>
  <si>
    <t>1992414.0</t>
  </si>
  <si>
    <t>111.948</t>
  </si>
  <si>
    <t>26917585.0</t>
  </si>
  <si>
    <t>14107002.0</t>
  </si>
  <si>
    <t>12371926.0</t>
  </si>
  <si>
    <t>902174.0</t>
  </si>
  <si>
    <t>91699.0</t>
  </si>
  <si>
    <t>93772.0</t>
  </si>
  <si>
    <t>149.53</t>
  </si>
  <si>
    <t>15615.0</t>
  </si>
  <si>
    <t>1997716.0</t>
  </si>
  <si>
    <t>112.246</t>
  </si>
  <si>
    <t>27015074.0</t>
  </si>
  <si>
    <t>14121500.0</t>
  </si>
  <si>
    <t>12431499.0</t>
  </si>
  <si>
    <t>926750.0</t>
  </si>
  <si>
    <t>97489.0</t>
  </si>
  <si>
    <t>93175.0</t>
  </si>
  <si>
    <t>2003052.0</t>
  </si>
  <si>
    <t>112.545</t>
  </si>
  <si>
    <t>27103281.0</t>
  </si>
  <si>
    <t>14134491.0</t>
  </si>
  <si>
    <t>12475933.0</t>
  </si>
  <si>
    <t>958996.0</t>
  </si>
  <si>
    <t>88207.0</t>
  </si>
  <si>
    <t>78626.0</t>
  </si>
  <si>
    <t>150.57</t>
  </si>
  <si>
    <t>12481.0</t>
  </si>
  <si>
    <t>2008313.0</t>
  </si>
  <si>
    <t>112.841</t>
  </si>
  <si>
    <t>27184143.0</t>
  </si>
  <si>
    <t>14146248.0</t>
  </si>
  <si>
    <t>12515350.0</t>
  </si>
  <si>
    <t>989899.0</t>
  </si>
  <si>
    <t>80862.0</t>
  </si>
  <si>
    <t>73773.0</t>
  </si>
  <si>
    <t>151.01</t>
  </si>
  <si>
    <t>11235.0</t>
  </si>
  <si>
    <t>2012465.0</t>
  </si>
  <si>
    <t>113.074</t>
  </si>
  <si>
    <t>27192880.0</t>
  </si>
  <si>
    <t>14147785.0</t>
  </si>
  <si>
    <t>12519284.0</t>
  </si>
  <si>
    <t>993345.0</t>
  </si>
  <si>
    <t>61062.0</t>
  </si>
  <si>
    <t>151.06</t>
  </si>
  <si>
    <t>2013549.0</t>
  </si>
  <si>
    <t>113.135</t>
  </si>
  <si>
    <t>27205912.0</t>
  </si>
  <si>
    <t>14150180.0</t>
  </si>
  <si>
    <t>12525866.0</t>
  </si>
  <si>
    <t>997741.0</t>
  </si>
  <si>
    <t>151.14</t>
  </si>
  <si>
    <t>2017284.0</t>
  </si>
  <si>
    <t>113.345</t>
  </si>
  <si>
    <t>27213319.0</t>
  </si>
  <si>
    <t>14151518.0</t>
  </si>
  <si>
    <t>12528460.0</t>
  </si>
  <si>
    <t>1001469.0</t>
  </si>
  <si>
    <t>55348.0</t>
  </si>
  <si>
    <t>67247.8</t>
  </si>
  <si>
    <t>3735.7809304171</t>
  </si>
  <si>
    <t>2022393.0</t>
  </si>
  <si>
    <t>113.632</t>
  </si>
  <si>
    <t>27304608.0</t>
  </si>
  <si>
    <t>14167323.0</t>
  </si>
  <si>
    <t>12569652.0</t>
  </si>
  <si>
    <t>1037664.0</t>
  </si>
  <si>
    <t>91289.0</t>
  </si>
  <si>
    <t>2028330.0</t>
  </si>
  <si>
    <t>113.966</t>
  </si>
  <si>
    <t>27411962.0</t>
  </si>
  <si>
    <t>14188494.0</t>
  </si>
  <si>
    <t>12619447.0</t>
  </si>
  <si>
    <t>1076436.0</t>
  </si>
  <si>
    <t>107354.0</t>
  </si>
  <si>
    <t>56698.0</t>
  </si>
  <si>
    <t>2032854.0</t>
  </si>
  <si>
    <t>27501719.0</t>
  </si>
  <si>
    <t>14208815.0</t>
  </si>
  <si>
    <t>12661253.0</t>
  </si>
  <si>
    <t>1106443.0</t>
  </si>
  <si>
    <t>89757.0</t>
  </si>
  <si>
    <t>56920.0</t>
  </si>
  <si>
    <t>2039621.0</t>
  </si>
  <si>
    <t>27561198.0</t>
  </si>
  <si>
    <t>14223216.0</t>
  </si>
  <si>
    <t>12688649.0</t>
  </si>
  <si>
    <t>1125868.0</t>
  </si>
  <si>
    <t>53865.0</t>
  </si>
  <si>
    <t>153.11</t>
  </si>
  <si>
    <t>2046961.0</t>
  </si>
  <si>
    <t>115.012</t>
  </si>
  <si>
    <t>27566331.0</t>
  </si>
  <si>
    <t>14224604.0</t>
  </si>
  <si>
    <t>12690467.0</t>
  </si>
  <si>
    <t>1127965.0</t>
  </si>
  <si>
    <t>53350.0</t>
  </si>
  <si>
    <t>2048815.0</t>
  </si>
  <si>
    <t>115.117</t>
  </si>
  <si>
    <t>27567784.0</t>
  </si>
  <si>
    <t>14224890.0</t>
  </si>
  <si>
    <t>12690811.0</t>
  </si>
  <si>
    <t>1128844.0</t>
  </si>
  <si>
    <t>51696.0</t>
  </si>
  <si>
    <t>2051831.0</t>
  </si>
  <si>
    <t>115.286</t>
  </si>
  <si>
    <t>27574142.0</t>
  </si>
  <si>
    <t>14226074.0</t>
  </si>
  <si>
    <t>12692501.0</t>
  </si>
  <si>
    <t>1132538.0</t>
  </si>
  <si>
    <t>51546.0</t>
  </si>
  <si>
    <t>153.18</t>
  </si>
  <si>
    <t>67568.9</t>
  </si>
  <si>
    <t>3753.61882632978</t>
  </si>
  <si>
    <t>2055351.0</t>
  </si>
  <si>
    <t>115.484</t>
  </si>
  <si>
    <t>27660809.0</t>
  </si>
  <si>
    <t>14242950.0</t>
  </si>
  <si>
    <t>12717952.0</t>
  </si>
  <si>
    <t>1179442.0</t>
  </si>
  <si>
    <t>2062569.0</t>
  </si>
  <si>
    <t>27770818.0</t>
  </si>
  <si>
    <t>14263124.0</t>
  </si>
  <si>
    <t>12749476.0</t>
  </si>
  <si>
    <t>1240827.0</t>
  </si>
  <si>
    <t>110009.0</t>
  </si>
  <si>
    <t>51265.0</t>
  </si>
  <si>
    <t>154.27</t>
  </si>
  <si>
    <t>2067946.0</t>
  </si>
  <si>
    <t>116.192</t>
  </si>
  <si>
    <t>27889104.0</t>
  </si>
  <si>
    <t>14285514.0</t>
  </si>
  <si>
    <t>12782693.0</t>
  </si>
  <si>
    <t>1306812.0</t>
  </si>
  <si>
    <t>118286.0</t>
  </si>
  <si>
    <t>55341.0</t>
  </si>
  <si>
    <t>2070727.0</t>
  </si>
  <si>
    <t>116.348</t>
  </si>
  <si>
    <t>28008270.0</t>
  </si>
  <si>
    <t>14308445.0</t>
  </si>
  <si>
    <t>12817124.0</t>
  </si>
  <si>
    <t>1372058.0</t>
  </si>
  <si>
    <t>63867.0</t>
  </si>
  <si>
    <t>155.59</t>
  </si>
  <si>
    <t>2075823.0</t>
  </si>
  <si>
    <t>116.634</t>
  </si>
  <si>
    <t>28127567.0</t>
  </si>
  <si>
    <t>14329119.0</t>
  </si>
  <si>
    <t>12849242.0</t>
  </si>
  <si>
    <t>1441669.0</t>
  </si>
  <si>
    <t>119297.0</t>
  </si>
  <si>
    <t>80177.0</t>
  </si>
  <si>
    <t>14931.0</t>
  </si>
  <si>
    <t>2082236.0</t>
  </si>
  <si>
    <t>116.994</t>
  </si>
  <si>
    <t>28172752.0</t>
  </si>
  <si>
    <t>14336367.0</t>
  </si>
  <si>
    <t>12859467.0</t>
  </si>
  <si>
    <t>1470293.0</t>
  </si>
  <si>
    <t>45185.0</t>
  </si>
  <si>
    <t>86424.0</t>
  </si>
  <si>
    <t>156.51</t>
  </si>
  <si>
    <t>15925.0</t>
  </si>
  <si>
    <t>2086588.0</t>
  </si>
  <si>
    <t>28210822.0</t>
  </si>
  <si>
    <t>14343201.0</t>
  </si>
  <si>
    <t>12867653.0</t>
  </si>
  <si>
    <t>1494390.0</t>
  </si>
  <si>
    <t>38070.0</t>
  </si>
  <si>
    <t>90954.0</t>
  </si>
  <si>
    <t>156.72</t>
  </si>
  <si>
    <t>16732.0</t>
  </si>
  <si>
    <t>67934.6</t>
  </si>
  <si>
    <t>3773.93436209829</t>
  </si>
  <si>
    <t>2101488.0</t>
  </si>
  <si>
    <t>14900.0</t>
  </si>
  <si>
    <t>118.076</t>
  </si>
  <si>
    <t>28348820.0</t>
  </si>
  <si>
    <t>14371961.0</t>
  </si>
  <si>
    <t>12907842.0</t>
  </si>
  <si>
    <t>1567639.0</t>
  </si>
  <si>
    <t>137998.0</t>
  </si>
  <si>
    <t>157.48</t>
  </si>
  <si>
    <t>2118075.0</t>
  </si>
  <si>
    <t>16587.0</t>
  </si>
  <si>
    <t>119.008</t>
  </si>
  <si>
    <t>28491355.0</t>
  </si>
  <si>
    <t>14402651.0</t>
  </si>
  <si>
    <t>12951049.0</t>
  </si>
  <si>
    <t>1640440.0</t>
  </si>
  <si>
    <t>142535.0</t>
  </si>
  <si>
    <t>102934.0</t>
  </si>
  <si>
    <t>158.28</t>
  </si>
  <si>
    <t>19932.0</t>
  </si>
  <si>
    <t>2125878.0</t>
  </si>
  <si>
    <t>119.447</t>
  </si>
  <si>
    <t>28635431.0</t>
  </si>
  <si>
    <t>14434196.0</t>
  </si>
  <si>
    <t>12992140.0</t>
  </si>
  <si>
    <t>1716799.0</t>
  </si>
  <si>
    <t>144076.0</t>
  </si>
  <si>
    <t>21240.0</t>
  </si>
  <si>
    <t>2140735.0</t>
  </si>
  <si>
    <t>120.281</t>
  </si>
  <si>
    <t>28766520.0</t>
  </si>
  <si>
    <t>14460922.0</t>
  </si>
  <si>
    <t>13027708.0</t>
  </si>
  <si>
    <t>1789833.0</t>
  </si>
  <si>
    <t>131089.0</t>
  </si>
  <si>
    <t>159.81</t>
  </si>
  <si>
    <t>2156894.0</t>
  </si>
  <si>
    <t>121.189</t>
  </si>
  <si>
    <t>28894911.0</t>
  </si>
  <si>
    <t>14485362.0</t>
  </si>
  <si>
    <t>13060363.0</t>
  </si>
  <si>
    <t>1864833.0</t>
  </si>
  <si>
    <t>128391.0</t>
  </si>
  <si>
    <t>109621.0</t>
  </si>
  <si>
    <t>22320.0</t>
  </si>
  <si>
    <t>2173087.0</t>
  </si>
  <si>
    <t>122.099</t>
  </si>
  <si>
    <t>28946355.0</t>
  </si>
  <si>
    <t>14493488.0</t>
  </si>
  <si>
    <t>13072046.0</t>
  </si>
  <si>
    <t>1897510.0</t>
  </si>
  <si>
    <t>51444.0</t>
  </si>
  <si>
    <t>110515.0</t>
  </si>
  <si>
    <t>22446.0</t>
  </si>
  <si>
    <t>2180347.0</t>
  </si>
  <si>
    <t>122.507</t>
  </si>
  <si>
    <t>28986467.0</t>
  </si>
  <si>
    <t>14500445.0</t>
  </si>
  <si>
    <t>13081297.0</t>
  </si>
  <si>
    <t>1922490.0</t>
  </si>
  <si>
    <t>40112.0</t>
  </si>
  <si>
    <t>110806.0</t>
  </si>
  <si>
    <t>161.03</t>
  </si>
  <si>
    <t>22463.0</t>
  </si>
  <si>
    <t>68639.5</t>
  </si>
  <si>
    <t>3813.09329336223</t>
  </si>
  <si>
    <t>2193894.0</t>
  </si>
  <si>
    <t>123.268</t>
  </si>
  <si>
    <t>13201.0</t>
  </si>
  <si>
    <t>29107463.0</t>
  </si>
  <si>
    <t>14525746.0</t>
  </si>
  <si>
    <t>13112246.0</t>
  </si>
  <si>
    <t>1990717.0</t>
  </si>
  <si>
    <t>120996.0</t>
  </si>
  <si>
    <t>108378.0</t>
  </si>
  <si>
    <t>21969.0</t>
  </si>
  <si>
    <t>2209192.0</t>
  </si>
  <si>
    <t>124.128</t>
  </si>
  <si>
    <t>13017.0</t>
  </si>
  <si>
    <t>29217441.0</t>
  </si>
  <si>
    <t>14544501.0</t>
  </si>
  <si>
    <t>13137161.0</t>
  </si>
  <si>
    <t>2059690.0</t>
  </si>
  <si>
    <t>109978.0</t>
  </si>
  <si>
    <t>103727.0</t>
  </si>
  <si>
    <t>162.31</t>
  </si>
  <si>
    <t>20264.0</t>
  </si>
  <si>
    <t>2222066.0</t>
  </si>
  <si>
    <t>124.851</t>
  </si>
  <si>
    <t>29311690.0</t>
  </si>
  <si>
    <t>14560322.0</t>
  </si>
  <si>
    <t>13158219.0</t>
  </si>
  <si>
    <t>2118921.0</t>
  </si>
  <si>
    <t>94249.0</t>
  </si>
  <si>
    <t>96608.0</t>
  </si>
  <si>
    <t>162.83</t>
  </si>
  <si>
    <t>2232537.0</t>
  </si>
  <si>
    <t>125.439</t>
  </si>
  <si>
    <t>29400794.0</t>
  </si>
  <si>
    <t>14574653.0</t>
  </si>
  <si>
    <t>13178881.0</t>
  </si>
  <si>
    <t>2174845.0</t>
  </si>
  <si>
    <t>89104.0</t>
  </si>
  <si>
    <t>90611.0</t>
  </si>
  <si>
    <t>163.33</t>
  </si>
  <si>
    <t>16247.0</t>
  </si>
  <si>
    <t>2247775.0</t>
  </si>
  <si>
    <t>126.296</t>
  </si>
  <si>
    <t>12983.0</t>
  </si>
  <si>
    <t>29495833.0</t>
  </si>
  <si>
    <t>14587541.0</t>
  </si>
  <si>
    <t>13198815.0</t>
  </si>
  <si>
    <t>2238716.0</t>
  </si>
  <si>
    <t>95039.0</t>
  </si>
  <si>
    <t>85846.0</t>
  </si>
  <si>
    <t>163.86</t>
  </si>
  <si>
    <t>2257495.0</t>
  </si>
  <si>
    <t>126.842</t>
  </si>
  <si>
    <t>29542574.0</t>
  </si>
  <si>
    <t>14591532.0</t>
  </si>
  <si>
    <t>13205184.0</t>
  </si>
  <si>
    <t>2275552.0</t>
  </si>
  <si>
    <t>85174.0</t>
  </si>
  <si>
    <t>164.12</t>
  </si>
  <si>
    <t>14006.0</t>
  </si>
  <si>
    <t>2261627.0</t>
  </si>
  <si>
    <t>127.074</t>
  </si>
  <si>
    <t>29564789.0</t>
  </si>
  <si>
    <t>14593920.0</t>
  </si>
  <si>
    <t>13208512.0</t>
  </si>
  <si>
    <t>2292525.0</t>
  </si>
  <si>
    <t>22215.0</t>
  </si>
  <si>
    <t>69722.4</t>
  </si>
  <si>
    <t>3873.25105569123</t>
  </si>
  <si>
    <t>2272966.0</t>
  </si>
  <si>
    <t>127.711</t>
  </si>
  <si>
    <t>11296.0</t>
  </si>
  <si>
    <t>29635565.0</t>
  </si>
  <si>
    <t>14605522.0</t>
  </si>
  <si>
    <t>13225378.0</t>
  </si>
  <si>
    <t>2336390.0</t>
  </si>
  <si>
    <t>70776.0</t>
  </si>
  <si>
    <t>75443.0</t>
  </si>
  <si>
    <t>11397.0</t>
  </si>
  <si>
    <t>2281283.0</t>
  </si>
  <si>
    <t>128.178</t>
  </si>
  <si>
    <t>29706090.0</t>
  </si>
  <si>
    <t>14615853.0</t>
  </si>
  <si>
    <t>13241574.0</t>
  </si>
  <si>
    <t>2381687.0</t>
  </si>
  <si>
    <t>69807.0</t>
  </si>
  <si>
    <t>2296176.0</t>
  </si>
  <si>
    <t>129.015</t>
  </si>
  <si>
    <t>29773279.0</t>
  </si>
  <si>
    <t>14625618.0</t>
  </si>
  <si>
    <t>13257403.0</t>
  </si>
  <si>
    <t>2424415.0</t>
  </si>
  <si>
    <t>67189.0</t>
  </si>
  <si>
    <t>9328.0</t>
  </si>
  <si>
    <t>2310420.0</t>
  </si>
  <si>
    <t>129.815</t>
  </si>
  <si>
    <t>29840071.0</t>
  </si>
  <si>
    <t>14634169.0</t>
  </si>
  <si>
    <t>13272540.0</t>
  </si>
  <si>
    <t>2468533.0</t>
  </si>
  <si>
    <t>66792.0</t>
  </si>
  <si>
    <t>62754.0</t>
  </si>
  <si>
    <t>165.77</t>
  </si>
  <si>
    <t>2324151.0</t>
  </si>
  <si>
    <t>130.587</t>
  </si>
  <si>
    <t>29911659.0</t>
  </si>
  <si>
    <t>14641333.0</t>
  </si>
  <si>
    <t>13286510.0</t>
  </si>
  <si>
    <t>2520028.0</t>
  </si>
  <si>
    <t>71588.0</t>
  </si>
  <si>
    <t>7685.0</t>
  </si>
  <si>
    <t>2330417.0</t>
  </si>
  <si>
    <t>130.939</t>
  </si>
  <si>
    <t>29946237.0</t>
  </si>
  <si>
    <t>14643923.0</t>
  </si>
  <si>
    <t>13290852.0</t>
  </si>
  <si>
    <t>2547956.0</t>
  </si>
  <si>
    <t>57666.0</t>
  </si>
  <si>
    <t>166.36</t>
  </si>
  <si>
    <t>7484.0</t>
  </si>
  <si>
    <t>2334107.0</t>
  </si>
  <si>
    <t>131.146</t>
  </si>
  <si>
    <t>29965534.0</t>
  </si>
  <si>
    <t>14645580.0</t>
  </si>
  <si>
    <t>13293525.0</t>
  </si>
  <si>
    <t>2563226.0</t>
  </si>
  <si>
    <t>57249.0</t>
  </si>
  <si>
    <t>70677.7</t>
  </si>
  <si>
    <t>3926.3203237242</t>
  </si>
  <si>
    <t>2346485.0</t>
  </si>
  <si>
    <t>131.842</t>
  </si>
  <si>
    <t>30028057.0</t>
  </si>
  <si>
    <t>14653284.0</t>
  </si>
  <si>
    <t>13306352.0</t>
  </si>
  <si>
    <t>2606196.0</t>
  </si>
  <si>
    <t>62523.0</t>
  </si>
  <si>
    <t>56070.0</t>
  </si>
  <si>
    <t>166.81</t>
  </si>
  <si>
    <t>2356969.0</t>
  </si>
  <si>
    <t>10812.0</t>
  </si>
  <si>
    <t>30095861.0</t>
  </si>
  <si>
    <t>14660555.0</t>
  </si>
  <si>
    <t>13318623.0</t>
  </si>
  <si>
    <t>2655334.0</t>
  </si>
  <si>
    <t>67804.0</t>
  </si>
  <si>
    <t>55682.0</t>
  </si>
  <si>
    <t>167.19</t>
  </si>
  <si>
    <t>2367301.0</t>
  </si>
  <si>
    <t>133.011</t>
  </si>
  <si>
    <t>30165621.0</t>
  </si>
  <si>
    <t>14667297.0</t>
  </si>
  <si>
    <t>13330571.0</t>
  </si>
  <si>
    <t>2707262.0</t>
  </si>
  <si>
    <t>69760.0</t>
  </si>
  <si>
    <t>56049.0</t>
  </si>
  <si>
    <t>2381291.0</t>
  </si>
  <si>
    <t>13990.0</t>
  </si>
  <si>
    <t>133.797</t>
  </si>
  <si>
    <t>30237193.0</t>
  </si>
  <si>
    <t>14673662.0</t>
  </si>
  <si>
    <t>13342785.0</t>
  </si>
  <si>
    <t>2761016.0</t>
  </si>
  <si>
    <t>71572.0</t>
  </si>
  <si>
    <t>2390090.0</t>
  </si>
  <si>
    <t>134.292</t>
  </si>
  <si>
    <t>30314487.0</t>
  </si>
  <si>
    <t>14679916.0</t>
  </si>
  <si>
    <t>13355018.0</t>
  </si>
  <si>
    <t>2820600.0</t>
  </si>
  <si>
    <t>77294.0</t>
  </si>
  <si>
    <t>57547.0</t>
  </si>
  <si>
    <t>2394669.0</t>
  </si>
  <si>
    <t>134.549</t>
  </si>
  <si>
    <t>30347034.0</t>
  </si>
  <si>
    <t>14682053.0</t>
  </si>
  <si>
    <t>13359625.0</t>
  </si>
  <si>
    <t>2846597.0</t>
  </si>
  <si>
    <t>32547.0</t>
  </si>
  <si>
    <t>57257.0</t>
  </si>
  <si>
    <t>2398711.0</t>
  </si>
  <si>
    <t>134.776</t>
  </si>
  <si>
    <t>9229.0</t>
  </si>
  <si>
    <t>30372108.0</t>
  </si>
  <si>
    <t>14683837.0</t>
  </si>
  <si>
    <t>13363222.0</t>
  </si>
  <si>
    <t>2866514.0</t>
  </si>
  <si>
    <t>168.72</t>
  </si>
  <si>
    <t>71512.0</t>
  </si>
  <si>
    <t>43.96</t>
  </si>
  <si>
    <t>3972.66774371782</t>
  </si>
  <si>
    <t>2409160.0</t>
  </si>
  <si>
    <t>135.363</t>
  </si>
  <si>
    <t>8954.0</t>
  </si>
  <si>
    <t>30451413.0</t>
  </si>
  <si>
    <t>14690764.0</t>
  </si>
  <si>
    <t>13377397.0</t>
  </si>
  <si>
    <t>2925629.0</t>
  </si>
  <si>
    <t>79305.0</t>
  </si>
  <si>
    <t>60479.0</t>
  </si>
  <si>
    <t>2415871.0</t>
  </si>
  <si>
    <t>6711.0</t>
  </si>
  <si>
    <t>30533321.0</t>
  </si>
  <si>
    <t>14697376.0</t>
  </si>
  <si>
    <t>13391264.0</t>
  </si>
  <si>
    <t>2987796.0</t>
  </si>
  <si>
    <t>169.62</t>
  </si>
  <si>
    <t>2427963.0</t>
  </si>
  <si>
    <t>30616474.0</t>
  </si>
  <si>
    <t>14703599.0</t>
  </si>
  <si>
    <t>13404880.0</t>
  </si>
  <si>
    <t>3051813.0</t>
  </si>
  <si>
    <t>83153.0</t>
  </si>
  <si>
    <t>64408.0</t>
  </si>
  <si>
    <t>170.08</t>
  </si>
  <si>
    <t>2436570.0</t>
  </si>
  <si>
    <t>136.903</t>
  </si>
  <si>
    <t>30700295.0</t>
  </si>
  <si>
    <t>14709000.0</t>
  </si>
  <si>
    <t>13417713.0</t>
  </si>
  <si>
    <t>3118069.0</t>
  </si>
  <si>
    <t>2442857.0</t>
  </si>
  <si>
    <t>137.257</t>
  </si>
  <si>
    <t>30789811.0</t>
  </si>
  <si>
    <t>14713898.0</t>
  </si>
  <si>
    <t>13428974.0</t>
  </si>
  <si>
    <t>3192064.0</t>
  </si>
  <si>
    <t>67903.0</t>
  </si>
  <si>
    <t>171.04</t>
  </si>
  <si>
    <t>2446647.0</t>
  </si>
  <si>
    <t>137.47</t>
  </si>
  <si>
    <t>30829086.0</t>
  </si>
  <si>
    <t>14715524.0</t>
  </si>
  <si>
    <t>13432666.0</t>
  </si>
  <si>
    <t>3226155.0</t>
  </si>
  <si>
    <t>39275.0</t>
  </si>
  <si>
    <t>68865.0</t>
  </si>
  <si>
    <t>2448718.0</t>
  </si>
  <si>
    <t>137.586</t>
  </si>
  <si>
    <t>30857342.0</t>
  </si>
  <si>
    <t>14716622.0</t>
  </si>
  <si>
    <t>13435227.0</t>
  </si>
  <si>
    <t>3250859.0</t>
  </si>
  <si>
    <t>69319.0</t>
  </si>
  <si>
    <t>71994.7</t>
  </si>
  <si>
    <t>3999.48291767314</t>
  </si>
  <si>
    <t>2455855.0</t>
  </si>
  <si>
    <t>137.987</t>
  </si>
  <si>
    <t>30940299.0</t>
  </si>
  <si>
    <t>14720847.0</t>
  </si>
  <si>
    <t>13445061.0</t>
  </si>
  <si>
    <t>3320280.0</t>
  </si>
  <si>
    <t>82957.0</t>
  </si>
  <si>
    <t>69841.0</t>
  </si>
  <si>
    <t>2464122.0</t>
  </si>
  <si>
    <t>138.451</t>
  </si>
  <si>
    <t>31037001.0</t>
  </si>
  <si>
    <t>14725195.0</t>
  </si>
  <si>
    <t>13455304.0</t>
  </si>
  <si>
    <t>3402920.0</t>
  </si>
  <si>
    <t>96702.0</t>
  </si>
  <si>
    <t>71954.0</t>
  </si>
  <si>
    <t>172.42</t>
  </si>
  <si>
    <t>2472719.0</t>
  </si>
  <si>
    <t>138.934</t>
  </si>
  <si>
    <t>31141956.0</t>
  </si>
  <si>
    <t>14729705.0</t>
  </si>
  <si>
    <t>13465195.0</t>
  </si>
  <si>
    <t>3493933.0</t>
  </si>
  <si>
    <t>104955.0</t>
  </si>
  <si>
    <t>2479202.0</t>
  </si>
  <si>
    <t>139.299</t>
  </si>
  <si>
    <t>31244217.0</t>
  </si>
  <si>
    <t>14733827.0</t>
  </si>
  <si>
    <t>13474627.0</t>
  </si>
  <si>
    <t>3583130.0</t>
  </si>
  <si>
    <t>102261.0</t>
  </si>
  <si>
    <t>77703.0</t>
  </si>
  <si>
    <t>173.57</t>
  </si>
  <si>
    <t>2486700.0</t>
  </si>
  <si>
    <t>31359682.0</t>
  </si>
  <si>
    <t>14737783.0</t>
  </si>
  <si>
    <t>13483719.0</t>
  </si>
  <si>
    <t>3685954.0</t>
  </si>
  <si>
    <t>115465.0</t>
  </si>
  <si>
    <t>81410.0</t>
  </si>
  <si>
    <t>174.21</t>
  </si>
  <si>
    <t>2489727.0</t>
  </si>
  <si>
    <t>139.89</t>
  </si>
  <si>
    <t>31415784.0</t>
  </si>
  <si>
    <t>14739221.0</t>
  </si>
  <si>
    <t>13486870.0</t>
  </si>
  <si>
    <t>3737592.0</t>
  </si>
  <si>
    <t>56102.0</t>
  </si>
  <si>
    <t>83814.0</t>
  </si>
  <si>
    <t>174.52</t>
  </si>
  <si>
    <t>2491215.0</t>
  </si>
  <si>
    <t>139.974</t>
  </si>
  <si>
    <t>31449713.0</t>
  </si>
  <si>
    <t>14740119.0</t>
  </si>
  <si>
    <t>13488731.0</t>
  </si>
  <si>
    <t>3768872.0</t>
  </si>
  <si>
    <t>33929.0</t>
  </si>
  <si>
    <t>84624.0</t>
  </si>
  <si>
    <t>174.71</t>
  </si>
  <si>
    <t>72251.2</t>
  </si>
  <si>
    <t>4013.73212446729</t>
  </si>
  <si>
    <t>2497542.0</t>
  </si>
  <si>
    <t>140.329</t>
  </si>
  <si>
    <t>31557975.0</t>
  </si>
  <si>
    <t>14745864.0</t>
  </si>
  <si>
    <t>13500734.0</t>
  </si>
  <si>
    <t>3859768.0</t>
  </si>
  <si>
    <t>108262.0</t>
  </si>
  <si>
    <t>88239.0</t>
  </si>
  <si>
    <t>175.31</t>
  </si>
  <si>
    <t>2502959.0</t>
  </si>
  <si>
    <t>140.634</t>
  </si>
  <si>
    <t>31670480.0</t>
  </si>
  <si>
    <t>14753523.0</t>
  </si>
  <si>
    <t>13517813.0</t>
  </si>
  <si>
    <t>3947920.0</t>
  </si>
  <si>
    <t>112505.0</t>
  </si>
  <si>
    <t>90497.0</t>
  </si>
  <si>
    <t>2509214.0</t>
  </si>
  <si>
    <t>140.985</t>
  </si>
  <si>
    <t>31772830.0</t>
  </si>
  <si>
    <t>14761254.0</t>
  </si>
  <si>
    <t>13535095.0</t>
  </si>
  <si>
    <t>4025695.0</t>
  </si>
  <si>
    <t>102350.0</t>
  </si>
  <si>
    <t>176.51</t>
  </si>
  <si>
    <t>2515184.0</t>
  </si>
  <si>
    <t>31865163.0</t>
  </si>
  <si>
    <t>14768005.0</t>
  </si>
  <si>
    <t>13550482.0</t>
  </si>
  <si>
    <t>4096278.0</t>
  </si>
  <si>
    <t>92333.0</t>
  </si>
  <si>
    <t>177.02</t>
  </si>
  <si>
    <t>2521203.0</t>
  </si>
  <si>
    <t>141.659</t>
  </si>
  <si>
    <t>31940171.0</t>
  </si>
  <si>
    <t>14772986.0</t>
  </si>
  <si>
    <t>13561581.0</t>
  </si>
  <si>
    <t>4155506.0</t>
  </si>
  <si>
    <t>75008.0</t>
  </si>
  <si>
    <t>82927.0</t>
  </si>
  <si>
    <t>177.44</t>
  </si>
  <si>
    <t>2523240.0</t>
  </si>
  <si>
    <t>141.773</t>
  </si>
  <si>
    <t>31963953.0</t>
  </si>
  <si>
    <t>14773737.0</t>
  </si>
  <si>
    <t>13563271.0</t>
  </si>
  <si>
    <t>4176915.0</t>
  </si>
  <si>
    <t>23782.0</t>
  </si>
  <si>
    <t>177.57</t>
  </si>
  <si>
    <t>2524296.0</t>
  </si>
  <si>
    <t>141.832</t>
  </si>
  <si>
    <t>31975887.0</t>
  </si>
  <si>
    <t>14774084.0</t>
  </si>
  <si>
    <t>13564008.0</t>
  </si>
  <si>
    <t>4187803.0</t>
  </si>
  <si>
    <t>75168.0</t>
  </si>
  <si>
    <t>72365.5</t>
  </si>
  <si>
    <t>43.23</t>
  </si>
  <si>
    <t>4020.08177100364</t>
  </si>
  <si>
    <t>2525717.0</t>
  </si>
  <si>
    <t>31989116.0</t>
  </si>
  <si>
    <t>14774659.0</t>
  </si>
  <si>
    <t>13565023.0</t>
  </si>
  <si>
    <t>4199479.0</t>
  </si>
  <si>
    <t>61592.0</t>
  </si>
  <si>
    <t>177.71</t>
  </si>
  <si>
    <t>2527287.0</t>
  </si>
  <si>
    <t>31996832.0</t>
  </si>
  <si>
    <t>14774852.0</t>
  </si>
  <si>
    <t>13565454.0</t>
  </si>
  <si>
    <t>4206584.0</t>
  </si>
  <si>
    <t>46622.0</t>
  </si>
  <si>
    <t>177.75</t>
  </si>
  <si>
    <t>2534499.0</t>
  </si>
  <si>
    <t>142.406</t>
  </si>
  <si>
    <t>32059388.0</t>
  </si>
  <si>
    <t>14778122.0</t>
  </si>
  <si>
    <t>13573417.0</t>
  </si>
  <si>
    <t>4258106.0</t>
  </si>
  <si>
    <t>62556.0</t>
  </si>
  <si>
    <t>40937.0</t>
  </si>
  <si>
    <t>2541547.0</t>
  </si>
  <si>
    <t>142.802</t>
  </si>
  <si>
    <t>32131368.0</t>
  </si>
  <si>
    <t>14782089.0</t>
  </si>
  <si>
    <t>13583056.0</t>
  </si>
  <si>
    <t>4316743.0</t>
  </si>
  <si>
    <t>71980.0</t>
  </si>
  <si>
    <t>2548125.0</t>
  </si>
  <si>
    <t>143.171</t>
  </si>
  <si>
    <t>32210298.0</t>
  </si>
  <si>
    <t>14786115.0</t>
  </si>
  <si>
    <t>13592871.0</t>
  </si>
  <si>
    <t>4382130.0</t>
  </si>
  <si>
    <t>78930.0</t>
  </si>
  <si>
    <t>38590.0</t>
  </si>
  <si>
    <t>178.94</t>
  </si>
  <si>
    <t>2550501.0</t>
  </si>
  <si>
    <t>143.305</t>
  </si>
  <si>
    <t>32244231.0</t>
  </si>
  <si>
    <t>14787129.0</t>
  </si>
  <si>
    <t>13595355.0</t>
  </si>
  <si>
    <t>4412659.0</t>
  </si>
  <si>
    <t>33933.0</t>
  </si>
  <si>
    <t>40040.0</t>
  </si>
  <si>
    <t>179.12</t>
  </si>
  <si>
    <t>2551720.0</t>
  </si>
  <si>
    <t>143.373</t>
  </si>
  <si>
    <t>32269789.0</t>
  </si>
  <si>
    <t>14787910.0</t>
  </si>
  <si>
    <t>13596989.0</t>
  </si>
  <si>
    <t>4435855.0</t>
  </si>
  <si>
    <t>25558.0</t>
  </si>
  <si>
    <t>41986.0</t>
  </si>
  <si>
    <t>179.27</t>
  </si>
  <si>
    <t>72590.0</t>
  </si>
  <si>
    <t>4032.55329897747</t>
  </si>
  <si>
    <t>2556907.0</t>
  </si>
  <si>
    <t>143.665</t>
  </si>
  <si>
    <t>32337184.0</t>
  </si>
  <si>
    <t>14791669.0</t>
  </si>
  <si>
    <t>13605769.0</t>
  </si>
  <si>
    <t>4491007.0</t>
  </si>
  <si>
    <t>67395.0</t>
  </si>
  <si>
    <t>49724.0</t>
  </si>
  <si>
    <t>179.64</t>
  </si>
  <si>
    <t>2562716.0</t>
  </si>
  <si>
    <t>143.991</t>
  </si>
  <si>
    <t>32402150.0</t>
  </si>
  <si>
    <t>14795402.0</t>
  </si>
  <si>
    <t>13614537.0</t>
  </si>
  <si>
    <t>4543716.0</t>
  </si>
  <si>
    <t>64966.0</t>
  </si>
  <si>
    <t>2567821.0</t>
  </si>
  <si>
    <t>144.278</t>
  </si>
  <si>
    <t>32465596.0</t>
  </si>
  <si>
    <t>14798926.0</t>
  </si>
  <si>
    <t>13622625.0</t>
  </si>
  <si>
    <t>4595796.0</t>
  </si>
  <si>
    <t>63446.0</t>
  </si>
  <si>
    <t>58030.0</t>
  </si>
  <si>
    <t>180.35</t>
  </si>
  <si>
    <t>2573708.0</t>
  </si>
  <si>
    <t>144.609</t>
  </si>
  <si>
    <t>32547669.0</t>
  </si>
  <si>
    <t>14806118.0</t>
  </si>
  <si>
    <t>13640319.0</t>
  </si>
  <si>
    <t>4653495.0</t>
  </si>
  <si>
    <t>82073.0</t>
  </si>
  <si>
    <t>2577631.0</t>
  </si>
  <si>
    <t>144.829</t>
  </si>
  <si>
    <t>32609652.0</t>
  </si>
  <si>
    <t>14809167.0</t>
  </si>
  <si>
    <t>13646969.0</t>
  </si>
  <si>
    <t>4706019.0</t>
  </si>
  <si>
    <t>61983.0</t>
  </si>
  <si>
    <t>181.15</t>
  </si>
  <si>
    <t>2579024.0</t>
  </si>
  <si>
    <t>144.907</t>
  </si>
  <si>
    <t>32640891.0</t>
  </si>
  <si>
    <t>14810181.0</t>
  </si>
  <si>
    <t>13649037.0</t>
  </si>
  <si>
    <t>4734218.0</t>
  </si>
  <si>
    <t>31239.0</t>
  </si>
  <si>
    <t>56666.0</t>
  </si>
  <si>
    <t>2579991.0</t>
  </si>
  <si>
    <t>144.962</t>
  </si>
  <si>
    <t>32658435.0</t>
  </si>
  <si>
    <t>14810687.0</t>
  </si>
  <si>
    <t>13650230.0</t>
  </si>
  <si>
    <t>4750101.0</t>
  </si>
  <si>
    <t>55521.0</t>
  </si>
  <si>
    <t>72563.1</t>
  </si>
  <si>
    <t>-1.64</t>
  </si>
  <si>
    <t>4031.05893771913</t>
  </si>
  <si>
    <t>2584491.0</t>
  </si>
  <si>
    <t>145.215</t>
  </si>
  <si>
    <t>32710303.0</t>
  </si>
  <si>
    <t>14813590.0</t>
  </si>
  <si>
    <t>13656578.0</t>
  </si>
  <si>
    <t>4792972.0</t>
  </si>
  <si>
    <t>2590807.0</t>
  </si>
  <si>
    <t>6316.0</t>
  </si>
  <si>
    <t>145.569</t>
  </si>
  <si>
    <t>32761565.0</t>
  </si>
  <si>
    <t>14816661.0</t>
  </si>
  <si>
    <t>13663158.0</t>
  </si>
  <si>
    <t>4834824.0</t>
  </si>
  <si>
    <t>51345.0</t>
  </si>
  <si>
    <t>2595194.0</t>
  </si>
  <si>
    <t>145.816</t>
  </si>
  <si>
    <t>32813123.0</t>
  </si>
  <si>
    <t>14819542.0</t>
  </si>
  <si>
    <t>13669308.0</t>
  </si>
  <si>
    <t>4877560.0</t>
  </si>
  <si>
    <t>182.28</t>
  </si>
  <si>
    <t>2598716.0</t>
  </si>
  <si>
    <t>146.014</t>
  </si>
  <si>
    <t>32868137.0</t>
  </si>
  <si>
    <t>14822468.0</t>
  </si>
  <si>
    <t>13675442.0</t>
  </si>
  <si>
    <t>4923705.0</t>
  </si>
  <si>
    <t>45781.0</t>
  </si>
  <si>
    <t>2602908.0</t>
  </si>
  <si>
    <t>146.249</t>
  </si>
  <si>
    <t>32922242.0</t>
  </si>
  <si>
    <t>14825147.0</t>
  </si>
  <si>
    <t>13680886.0</t>
  </si>
  <si>
    <t>4969852.0</t>
  </si>
  <si>
    <t>54105.0</t>
  </si>
  <si>
    <t>182.89</t>
  </si>
  <si>
    <t>2603939.0</t>
  </si>
  <si>
    <t>146.307</t>
  </si>
  <si>
    <t>32938768.0</t>
  </si>
  <si>
    <t>14825781.0</t>
  </si>
  <si>
    <t>13682255.0</t>
  </si>
  <si>
    <t>4984429.0</t>
  </si>
  <si>
    <t>42554.0</t>
  </si>
  <si>
    <t>2605088.0</t>
  </si>
  <si>
    <t>32965660.0</t>
  </si>
  <si>
    <t>14826497.0</t>
  </si>
  <si>
    <t>13683759.0</t>
  </si>
  <si>
    <t>5009139.0</t>
  </si>
  <si>
    <t>26892.0</t>
  </si>
  <si>
    <t>183.13</t>
  </si>
  <si>
    <t>72580.2</t>
  </si>
  <si>
    <t>4032.00888483875</t>
  </si>
  <si>
    <t>2610290.0</t>
  </si>
  <si>
    <t>146.664</t>
  </si>
  <si>
    <t>33005014.0</t>
  </si>
  <si>
    <t>14828646.0</t>
  </si>
  <si>
    <t>13688859.0</t>
  </si>
  <si>
    <t>5041457.0</t>
  </si>
  <si>
    <t>183.35</t>
  </si>
  <si>
    <t>2614413.0</t>
  </si>
  <si>
    <t>146.896</t>
  </si>
  <si>
    <t>33040342.0</t>
  </si>
  <si>
    <t>14829339.0</t>
  </si>
  <si>
    <t>13691186.0</t>
  </si>
  <si>
    <t>5073944.0</t>
  </si>
  <si>
    <t>35328.0</t>
  </si>
  <si>
    <t>39825.0</t>
  </si>
  <si>
    <t>183.55</t>
  </si>
  <si>
    <t>28.19</t>
  </si>
  <si>
    <t>2621582.0</t>
  </si>
  <si>
    <t>147.299</t>
  </si>
  <si>
    <t>33080633.0</t>
  </si>
  <si>
    <t>14831598.0</t>
  </si>
  <si>
    <t>13697506.0</t>
  </si>
  <si>
    <t>5105849.0</t>
  </si>
  <si>
    <t>183.77</t>
  </si>
  <si>
    <t>2626789.0</t>
  </si>
  <si>
    <t>33114842.0</t>
  </si>
  <si>
    <t>14833724.0</t>
  </si>
  <si>
    <t>13703115.0</t>
  </si>
  <si>
    <t>5132502.0</t>
  </si>
  <si>
    <t>34209.0</t>
  </si>
  <si>
    <t>35244.0</t>
  </si>
  <si>
    <t>183.96</t>
  </si>
  <si>
    <t>2633037.0</t>
  </si>
  <si>
    <t>147.942</t>
  </si>
  <si>
    <t>33149713.0</t>
  </si>
  <si>
    <t>14835664.0</t>
  </si>
  <si>
    <t>13708619.0</t>
  </si>
  <si>
    <t>5160121.0</t>
  </si>
  <si>
    <t>32496.0</t>
  </si>
  <si>
    <t>2633932.0</t>
  </si>
  <si>
    <t>147.993</t>
  </si>
  <si>
    <t>33165706.0</t>
  </si>
  <si>
    <t>14836133.0</t>
  </si>
  <si>
    <t>13709968.0</t>
  </si>
  <si>
    <t>5174354.0</t>
  </si>
  <si>
    <t>32420.0</t>
  </si>
  <si>
    <t>184.24</t>
  </si>
  <si>
    <t>2635237.0</t>
  </si>
  <si>
    <t>148.066</t>
  </si>
  <si>
    <t>33174440.0</t>
  </si>
  <si>
    <t>14836406.0</t>
  </si>
  <si>
    <t>13710693.0</t>
  </si>
  <si>
    <t>5182118.0</t>
  </si>
  <si>
    <t>8734.0</t>
  </si>
  <si>
    <t>184.29</t>
  </si>
  <si>
    <t>72752.3</t>
  </si>
  <si>
    <t>4041.5694637443</t>
  </si>
  <si>
    <t>2640619.0</t>
  </si>
  <si>
    <t>148.368</t>
  </si>
  <si>
    <t>33206162.0</t>
  </si>
  <si>
    <t>14838375.0</t>
  </si>
  <si>
    <t>13715318.0</t>
  </si>
  <si>
    <t>5207406.0</t>
  </si>
  <si>
    <t>184.47</t>
  </si>
  <si>
    <t>2644855.0</t>
  </si>
  <si>
    <t>148.606</t>
  </si>
  <si>
    <t>33236717.0</t>
  </si>
  <si>
    <t>14840346.0</t>
  </si>
  <si>
    <t>13719727.0</t>
  </si>
  <si>
    <t>5231702.0</t>
  </si>
  <si>
    <t>30555.0</t>
  </si>
  <si>
    <t>28054.0</t>
  </si>
  <si>
    <t>184.64</t>
  </si>
  <si>
    <t>2649267.0</t>
  </si>
  <si>
    <t>148.854</t>
  </si>
  <si>
    <t>33279161.0</t>
  </si>
  <si>
    <t>14844186.0</t>
  </si>
  <si>
    <t>13728482.0</t>
  </si>
  <si>
    <t>5261747.0</t>
  </si>
  <si>
    <t>42444.0</t>
  </si>
  <si>
    <t>28361.0</t>
  </si>
  <si>
    <t>2653010.0</t>
  </si>
  <si>
    <t>149.064</t>
  </si>
  <si>
    <t>33311915.0</t>
  </si>
  <si>
    <t>14846129.0</t>
  </si>
  <si>
    <t>13732623.0</t>
  </si>
  <si>
    <t>5288533.0</t>
  </si>
  <si>
    <t>32754.0</t>
  </si>
  <si>
    <t>2656146.0</t>
  </si>
  <si>
    <t>149.241</t>
  </si>
  <si>
    <t>33483.0</t>
  </si>
  <si>
    <t>2657034.0</t>
  </si>
  <si>
    <t>149.291</t>
  </si>
  <si>
    <t>41509.0</t>
  </si>
  <si>
    <t>16440.0</t>
  </si>
  <si>
    <t>2657555.0</t>
  </si>
  <si>
    <t>149.32</t>
  </si>
  <si>
    <t>50572.0</t>
  </si>
  <si>
    <t>72866.6</t>
  </si>
  <si>
    <t>4047.91911028064</t>
  </si>
  <si>
    <t>2661321.0</t>
  </si>
  <si>
    <t>149.531</t>
  </si>
  <si>
    <t>33600621.0</t>
  </si>
  <si>
    <t>15056294.0</t>
  </si>
  <si>
    <t>13801308.0</t>
  </si>
  <si>
    <t>5358697.0</t>
  </si>
  <si>
    <t>56351.0</t>
  </si>
  <si>
    <t>186.66</t>
  </si>
  <si>
    <t>31131.0</t>
  </si>
  <si>
    <t>2665311.0</t>
  </si>
  <si>
    <t>149.756</t>
  </si>
  <si>
    <t>33699208.0</t>
  </si>
  <si>
    <t>15059937.0</t>
  </si>
  <si>
    <t>13808308.0</t>
  </si>
  <si>
    <t>5386767.0</t>
  </si>
  <si>
    <t>98587.0</t>
  </si>
  <si>
    <t>66070.0</t>
  </si>
  <si>
    <t>187.21</t>
  </si>
  <si>
    <t>31370.0</t>
  </si>
  <si>
    <t>2668484.0</t>
  </si>
  <si>
    <t>149.934</t>
  </si>
  <si>
    <t>33735199.0</t>
  </si>
  <si>
    <t>15063303.0</t>
  </si>
  <si>
    <t>13815061.0</t>
  </si>
  <si>
    <t>5412786.0</t>
  </si>
  <si>
    <t>35991.0</t>
  </si>
  <si>
    <t>65148.0</t>
  </si>
  <si>
    <t>187.41</t>
  </si>
  <si>
    <t>2672426.0</t>
  </si>
  <si>
    <t>150.155</t>
  </si>
  <si>
    <t>33767971.0</t>
  </si>
  <si>
    <t>15066463.0</t>
  </si>
  <si>
    <t>13821180.0</t>
  </si>
  <si>
    <t>5436425.0</t>
  </si>
  <si>
    <t>32772.0</t>
  </si>
  <si>
    <t>65151.0</t>
  </si>
  <si>
    <t>31476.0</t>
  </si>
  <si>
    <t>2678493.0</t>
  </si>
  <si>
    <t>150.496</t>
  </si>
  <si>
    <t>33804053.0</t>
  </si>
  <si>
    <t>15069664.0</t>
  </si>
  <si>
    <t>13827776.0</t>
  </si>
  <si>
    <t>5462840.0</t>
  </si>
  <si>
    <t>36082.0</t>
  </si>
  <si>
    <t>187.79</t>
  </si>
  <si>
    <t>2679205.0</t>
  </si>
  <si>
    <t>150.536</t>
  </si>
  <si>
    <t>33818015.0</t>
  </si>
  <si>
    <t>15070420.0</t>
  </si>
  <si>
    <t>13829366.0</t>
  </si>
  <si>
    <t>5474492.0</t>
  </si>
  <si>
    <t>187.87</t>
  </si>
  <si>
    <t>2680089.0</t>
  </si>
  <si>
    <t>150.586</t>
  </si>
  <si>
    <t>33825781.0</t>
  </si>
  <si>
    <t>15070782.0</t>
  </si>
  <si>
    <t>13830228.0</t>
  </si>
  <si>
    <t>5481048.0</t>
  </si>
  <si>
    <t>42477.0</t>
  </si>
  <si>
    <t>72892.9</t>
  </si>
  <si>
    <t>4049.38014006109</t>
  </si>
  <si>
    <t>2682516.0</t>
  </si>
  <si>
    <t>150.722</t>
  </si>
  <si>
    <t>33858666.0</t>
  </si>
  <si>
    <t>15073398.0</t>
  </si>
  <si>
    <t>13835716.0</t>
  </si>
  <si>
    <t>5505928.0</t>
  </si>
  <si>
    <t>32885.0</t>
  </si>
  <si>
    <t>188.09</t>
  </si>
  <si>
    <t>2685527.0</t>
  </si>
  <si>
    <t>150.891</t>
  </si>
  <si>
    <t>33895979.0</t>
  </si>
  <si>
    <t>15076692.0</t>
  </si>
  <si>
    <t>13841438.0</t>
  </si>
  <si>
    <t>5534353.0</t>
  </si>
  <si>
    <t>28110.0</t>
  </si>
  <si>
    <t>2688122.0</t>
  </si>
  <si>
    <t>151.037</t>
  </si>
  <si>
    <t>33942344.0</t>
  </si>
  <si>
    <t>15080065.0</t>
  </si>
  <si>
    <t>13846927.0</t>
  </si>
  <si>
    <t>5571956.0</t>
  </si>
  <si>
    <t>2692794.0</t>
  </si>
  <si>
    <t>33984542.0</t>
  </si>
  <si>
    <t>15082956.0</t>
  </si>
  <si>
    <t>13852163.0</t>
  </si>
  <si>
    <t>5606116.0</t>
  </si>
  <si>
    <t>42198.0</t>
  </si>
  <si>
    <t>30939.0</t>
  </si>
  <si>
    <t>2693895.0</t>
  </si>
  <si>
    <t>151.362</t>
  </si>
  <si>
    <t>33989184.0</t>
  </si>
  <si>
    <t>15083152.0</t>
  </si>
  <si>
    <t>13852578.0</t>
  </si>
  <si>
    <t>5610166.0</t>
  </si>
  <si>
    <t>26447.0</t>
  </si>
  <si>
    <t>188.82</t>
  </si>
  <si>
    <t>2694809.0</t>
  </si>
  <si>
    <t>151.413</t>
  </si>
  <si>
    <t>33997072.0</t>
  </si>
  <si>
    <t>15083471.0</t>
  </si>
  <si>
    <t>13853264.0</t>
  </si>
  <si>
    <t>5617066.0</t>
  </si>
  <si>
    <t>188.86</t>
  </si>
  <si>
    <t>2695684.0</t>
  </si>
  <si>
    <t>151.462</t>
  </si>
  <si>
    <t>34002948.0</t>
  </si>
  <si>
    <t>15083709.0</t>
  </si>
  <si>
    <t>13853826.0</t>
  </si>
  <si>
    <t>5622159.0</t>
  </si>
  <si>
    <t>25310.0</t>
  </si>
  <si>
    <t>188.89</t>
  </si>
  <si>
    <t>72817.4</t>
  </si>
  <si>
    <t>4045.18592909439</t>
  </si>
  <si>
    <t>2699318.0</t>
  </si>
  <si>
    <t>151.666</t>
  </si>
  <si>
    <t>34040761.0</t>
  </si>
  <si>
    <t>15087020.0</t>
  </si>
  <si>
    <t>13859316.0</t>
  </si>
  <si>
    <t>5651296.0</t>
  </si>
  <si>
    <t>37813.0</t>
  </si>
  <si>
    <t>26014.0</t>
  </si>
  <si>
    <t>2703184.0</t>
  </si>
  <si>
    <t>151.884</t>
  </si>
  <si>
    <t>34080446.0</t>
  </si>
  <si>
    <t>15090661.0</t>
  </si>
  <si>
    <t>13864999.0</t>
  </si>
  <si>
    <t>5681779.0</t>
  </si>
  <si>
    <t>39685.0</t>
  </si>
  <si>
    <t>26352.0</t>
  </si>
  <si>
    <t>189.33</t>
  </si>
  <si>
    <t>2705858.0</t>
  </si>
  <si>
    <t>152.034</t>
  </si>
  <si>
    <t>34117238.0</t>
  </si>
  <si>
    <t>15093922.0</t>
  </si>
  <si>
    <t>13869949.0</t>
  </si>
  <si>
    <t>5710484.0</t>
  </si>
  <si>
    <t>36792.0</t>
  </si>
  <si>
    <t>189.53</t>
  </si>
  <si>
    <t>2709123.0</t>
  </si>
  <si>
    <t>152.217</t>
  </si>
  <si>
    <t>34158675.0</t>
  </si>
  <si>
    <t>15097427.0</t>
  </si>
  <si>
    <t>13875266.0</t>
  </si>
  <si>
    <t>5743227.0</t>
  </si>
  <si>
    <t>41437.0</t>
  </si>
  <si>
    <t>24876.0</t>
  </si>
  <si>
    <t>2711880.0</t>
  </si>
  <si>
    <t>152.372</t>
  </si>
  <si>
    <t>34196405.0</t>
  </si>
  <si>
    <t>15100602.0</t>
  </si>
  <si>
    <t>13880344.0</t>
  </si>
  <si>
    <t>5772786.0</t>
  </si>
  <si>
    <t>29603.0</t>
  </si>
  <si>
    <t>189.97</t>
  </si>
  <si>
    <t>2712427.0</t>
  </si>
  <si>
    <t>152.403</t>
  </si>
  <si>
    <t>34213998.0</t>
  </si>
  <si>
    <t>15101763.0</t>
  </si>
  <si>
    <t>13882180.0</t>
  </si>
  <si>
    <t>5787419.0</t>
  </si>
  <si>
    <t>17593.0</t>
  </si>
  <si>
    <t>30989.0</t>
  </si>
  <si>
    <t>190.07</t>
  </si>
  <si>
    <t>32.15</t>
  </si>
  <si>
    <t>2712916.0</t>
  </si>
  <si>
    <t>34224001.0</t>
  </si>
  <si>
    <t>15102282.0</t>
  </si>
  <si>
    <t>13883165.0</t>
  </si>
  <si>
    <t>5795938.0</t>
  </si>
  <si>
    <t>31579.0</t>
  </si>
  <si>
    <t>190.12</t>
  </si>
  <si>
    <t>72891.3</t>
  </si>
  <si>
    <t>4049.29125612008</t>
  </si>
  <si>
    <t>2715636.0</t>
  </si>
  <si>
    <t>152.583</t>
  </si>
  <si>
    <t>34269207.0</t>
  </si>
  <si>
    <t>15106900.0</t>
  </si>
  <si>
    <t>13889470.0</t>
  </si>
  <si>
    <t>5830375.0</t>
  </si>
  <si>
    <t>32635.0</t>
  </si>
  <si>
    <t>2718095.0</t>
  </si>
  <si>
    <t>152.721</t>
  </si>
  <si>
    <t>34322103.0</t>
  </si>
  <si>
    <t>15111813.0</t>
  </si>
  <si>
    <t>13896078.0</t>
  </si>
  <si>
    <t>5871860.0</t>
  </si>
  <si>
    <t>52896.0</t>
  </si>
  <si>
    <t>34522.0</t>
  </si>
  <si>
    <t>190.67</t>
  </si>
  <si>
    <t>2720826.0</t>
  </si>
  <si>
    <t>152.875</t>
  </si>
  <si>
    <t>34374992.0</t>
  </si>
  <si>
    <t>15116652.0</t>
  </si>
  <si>
    <t>13902367.0</t>
  </si>
  <si>
    <t>5913752.0</t>
  </si>
  <si>
    <t>36822.0</t>
  </si>
  <si>
    <t>190.96</t>
  </si>
  <si>
    <t>2723885.0</t>
  </si>
  <si>
    <t>153.047</t>
  </si>
  <si>
    <t>34424185.0</t>
  </si>
  <si>
    <t>15121324.0</t>
  </si>
  <si>
    <t>13908549.0</t>
  </si>
  <si>
    <t>5952226.0</t>
  </si>
  <si>
    <t>191.23</t>
  </si>
  <si>
    <t>2726895.0</t>
  </si>
  <si>
    <t>153.216</t>
  </si>
  <si>
    <t>34475610.0</t>
  </si>
  <si>
    <t>15125704.0</t>
  </si>
  <si>
    <t>13914466.0</t>
  </si>
  <si>
    <t>5993482.0</t>
  </si>
  <si>
    <t>51425.0</t>
  </si>
  <si>
    <t>191.52</t>
  </si>
  <si>
    <t>2727362.0</t>
  </si>
  <si>
    <t>153.242</t>
  </si>
  <si>
    <t>34491005.0</t>
  </si>
  <si>
    <t>15126559.0</t>
  </si>
  <si>
    <t>13915736.0</t>
  </si>
  <si>
    <t>6006789.0</t>
  </si>
  <si>
    <t>39572.0</t>
  </si>
  <si>
    <t>2727817.0</t>
  </si>
  <si>
    <t>153.268</t>
  </si>
  <si>
    <t>34496511.0</t>
  </si>
  <si>
    <t>15126813.0</t>
  </si>
  <si>
    <t>13916146.0</t>
  </si>
  <si>
    <t>6011651.0</t>
  </si>
  <si>
    <t>38930.0</t>
  </si>
  <si>
    <t>191.64</t>
  </si>
  <si>
    <t>72910.0</t>
  </si>
  <si>
    <t>4050.3300871807</t>
  </si>
  <si>
    <t>2728366.0</t>
  </si>
  <si>
    <t>153.298</t>
  </si>
  <si>
    <t>34500604.0</t>
  </si>
  <si>
    <t>15127020.0</t>
  </si>
  <si>
    <t>13916443.0</t>
  </si>
  <si>
    <t>6015247.0</t>
  </si>
  <si>
    <t>33057.0</t>
  </si>
  <si>
    <t>191.66</t>
  </si>
  <si>
    <t>2731306.0</t>
  </si>
  <si>
    <t>153.464</t>
  </si>
  <si>
    <t>34530491.0</t>
  </si>
  <si>
    <t>15130252.0</t>
  </si>
  <si>
    <t>13920434.0</t>
  </si>
  <si>
    <t>6038048.0</t>
  </si>
  <si>
    <t>191.83</t>
  </si>
  <si>
    <t>2733785.0</t>
  </si>
  <si>
    <t>153.603</t>
  </si>
  <si>
    <t>34566499.0</t>
  </si>
  <si>
    <t>15134584.0</t>
  </si>
  <si>
    <t>13925623.0</t>
  </si>
  <si>
    <t>6064722.0</t>
  </si>
  <si>
    <t>36008.0</t>
  </si>
  <si>
    <t>27358.0</t>
  </si>
  <si>
    <t>192.03</t>
  </si>
  <si>
    <t>2736220.0</t>
  </si>
  <si>
    <t>34598879.0</t>
  </si>
  <si>
    <t>15137769.0</t>
  </si>
  <si>
    <t>13929847.0</t>
  </si>
  <si>
    <t>6089851.0</t>
  </si>
  <si>
    <t>24956.0</t>
  </si>
  <si>
    <t>192.21</t>
  </si>
  <si>
    <t>2738703.0</t>
  </si>
  <si>
    <t>153.879</t>
  </si>
  <si>
    <t>34631697.0</t>
  </si>
  <si>
    <t>15140765.0</t>
  </si>
  <si>
    <t>13933902.0</t>
  </si>
  <si>
    <t>6115772.0</t>
  </si>
  <si>
    <t>32818.0</t>
  </si>
  <si>
    <t>192.39</t>
  </si>
  <si>
    <t>2739347.0</t>
  </si>
  <si>
    <t>153.915</t>
  </si>
  <si>
    <t>34639832.0</t>
  </si>
  <si>
    <t>15141295.0</t>
  </si>
  <si>
    <t>13934639.0</t>
  </si>
  <si>
    <t>6122677.0</t>
  </si>
  <si>
    <t>192.43</t>
  </si>
  <si>
    <t>2739648.0</t>
  </si>
  <si>
    <t>153.932</t>
  </si>
  <si>
    <t>34642871.0</t>
  </si>
  <si>
    <t>15141470.0</t>
  </si>
  <si>
    <t>13934919.0</t>
  </si>
  <si>
    <t>6125277.0</t>
  </si>
  <si>
    <t>192.45</t>
  </si>
  <si>
    <t>72893.3</t>
  </si>
  <si>
    <t>4049.40236104635</t>
  </si>
  <si>
    <t>2742272.0</t>
  </si>
  <si>
    <t>34664440.0</t>
  </si>
  <si>
    <t>15143061.0</t>
  </si>
  <si>
    <t>13937181.0</t>
  </si>
  <si>
    <t>6143115.0</t>
  </si>
  <si>
    <t>23405.0</t>
  </si>
  <si>
    <t>2744969.0</t>
  </si>
  <si>
    <t>154.231</t>
  </si>
  <si>
    <t>34691660.0</t>
  </si>
  <si>
    <t>15144779.0</t>
  </si>
  <si>
    <t>13939694.0</t>
  </si>
  <si>
    <t>6166271.0</t>
  </si>
  <si>
    <t>192.72</t>
  </si>
  <si>
    <t>2747750.0</t>
  </si>
  <si>
    <t>154.388</t>
  </si>
  <si>
    <t>34725767.0</t>
  </si>
  <si>
    <t>15146886.0</t>
  </si>
  <si>
    <t>13942973.0</t>
  </si>
  <si>
    <t>6195180.0</t>
  </si>
  <si>
    <t>34107.0</t>
  </si>
  <si>
    <t>22753.0</t>
  </si>
  <si>
    <t>2750361.0</t>
  </si>
  <si>
    <t>154.534</t>
  </si>
  <si>
    <t>34752580.0</t>
  </si>
  <si>
    <t>15148378.0</t>
  </si>
  <si>
    <t>13945353.0</t>
  </si>
  <si>
    <t>6218269.0</t>
  </si>
  <si>
    <t>21957.0</t>
  </si>
  <si>
    <t>193.06</t>
  </si>
  <si>
    <t>2752591.0</t>
  </si>
  <si>
    <t>154.66</t>
  </si>
  <si>
    <t>34789134.0</t>
  </si>
  <si>
    <t>15150228.0</t>
  </si>
  <si>
    <t>13948406.0</t>
  </si>
  <si>
    <t>6250065.0</t>
  </si>
  <si>
    <t>22491.0</t>
  </si>
  <si>
    <t>193.26</t>
  </si>
  <si>
    <t>2753082.0</t>
  </si>
  <si>
    <t>154.687</t>
  </si>
  <si>
    <t>34802408.0</t>
  </si>
  <si>
    <t>15150598.0</t>
  </si>
  <si>
    <t>13949111.0</t>
  </si>
  <si>
    <t>6262285.0</t>
  </si>
  <si>
    <t>2753406.0</t>
  </si>
  <si>
    <t>34809185.0</t>
  </si>
  <si>
    <t>15150781.0</t>
  </si>
  <si>
    <t>13949414.0</t>
  </si>
  <si>
    <t>6268590.0</t>
  </si>
  <si>
    <t>23759.0</t>
  </si>
  <si>
    <t>73010.4</t>
  </si>
  <si>
    <t>4055.90755447947</t>
  </si>
  <si>
    <t>2755738.0</t>
  </si>
  <si>
    <t>154.836</t>
  </si>
  <si>
    <t>34854255.0</t>
  </si>
  <si>
    <t>15152679.0</t>
  </si>
  <si>
    <t>13952428.0</t>
  </si>
  <si>
    <t>6308993.0</t>
  </si>
  <si>
    <t>193.62</t>
  </si>
  <si>
    <t>2758053.0</t>
  </si>
  <si>
    <t>154.966</t>
  </si>
  <si>
    <t>34891265.0</t>
  </si>
  <si>
    <t>15154025.0</t>
  </si>
  <si>
    <t>13954532.0</t>
  </si>
  <si>
    <t>6342721.0</t>
  </si>
  <si>
    <t>193.83</t>
  </si>
  <si>
    <t>2761407.0</t>
  </si>
  <si>
    <t>155.155</t>
  </si>
  <si>
    <t>34927182.0</t>
  </si>
  <si>
    <t>15155372.0</t>
  </si>
  <si>
    <t>13956857.0</t>
  </si>
  <si>
    <t>6375129.0</t>
  </si>
  <si>
    <t>194.03</t>
  </si>
  <si>
    <t>2764319.0</t>
  </si>
  <si>
    <t>155.319</t>
  </si>
  <si>
    <t>34967106.0</t>
  </si>
  <si>
    <t>15156780.0</t>
  </si>
  <si>
    <t>13959139.0</t>
  </si>
  <si>
    <t>6411531.0</t>
  </si>
  <si>
    <t>30647.0</t>
  </si>
  <si>
    <t>194.25</t>
  </si>
  <si>
    <t>2767439.0</t>
  </si>
  <si>
    <t>155.494</t>
  </si>
  <si>
    <t>35005082.0</t>
  </si>
  <si>
    <t>15158250.0</t>
  </si>
  <si>
    <t>13961551.0</t>
  </si>
  <si>
    <t>6445752.0</t>
  </si>
  <si>
    <t>37976.0</t>
  </si>
  <si>
    <t>194.46</t>
  </si>
  <si>
    <t>77.56</t>
  </si>
  <si>
    <t>2768229.0</t>
  </si>
  <si>
    <t>155.538</t>
  </si>
  <si>
    <t>35015478.0</t>
  </si>
  <si>
    <t>15158545.0</t>
  </si>
  <si>
    <t>13962058.0</t>
  </si>
  <si>
    <t>6455373.0</t>
  </si>
  <si>
    <t>30439.0</t>
  </si>
  <si>
    <t>194.52</t>
  </si>
  <si>
    <t>2768558.0</t>
  </si>
  <si>
    <t>155.557</t>
  </si>
  <si>
    <t>35020585.0</t>
  </si>
  <si>
    <t>15158663.0</t>
  </si>
  <si>
    <t>13962308.0</t>
  </si>
  <si>
    <t>6460125.0</t>
  </si>
  <si>
    <t>30200.0</t>
  </si>
  <si>
    <t>194.55</t>
  </si>
  <si>
    <t>73044.5</t>
  </si>
  <si>
    <t>4057.80189347238</t>
  </si>
  <si>
    <t>2768975.0</t>
  </si>
  <si>
    <t>155.58</t>
  </si>
  <si>
    <t>35024374.0</t>
  </si>
  <si>
    <t>15158781.0</t>
  </si>
  <si>
    <t>13962486.0</t>
  </si>
  <si>
    <t>6463630.0</t>
  </si>
  <si>
    <t>2772031.0</t>
  </si>
  <si>
    <t>155.752</t>
  </si>
  <si>
    <t>35061061.0</t>
  </si>
  <si>
    <t>15160271.0</t>
  </si>
  <si>
    <t>13965130.0</t>
  </si>
  <si>
    <t>6496346.0</t>
  </si>
  <si>
    <t>24257.0</t>
  </si>
  <si>
    <t>194.77</t>
  </si>
  <si>
    <t>2774651.0</t>
  </si>
  <si>
    <t>155.899</t>
  </si>
  <si>
    <t>35094828.0</t>
  </si>
  <si>
    <t>15161446.0</t>
  </si>
  <si>
    <t>13967408.0</t>
  </si>
  <si>
    <t>6525781.0</t>
  </si>
  <si>
    <t>33767.0</t>
  </si>
  <si>
    <t>194.96</t>
  </si>
  <si>
    <t>2779070.0</t>
  </si>
  <si>
    <t>156.147</t>
  </si>
  <si>
    <t>35129051.0</t>
  </si>
  <si>
    <t>15162815.0</t>
  </si>
  <si>
    <t>13969785.0</t>
  </si>
  <si>
    <t>6557424.0</t>
  </si>
  <si>
    <t>34223.0</t>
  </si>
  <si>
    <t>23135.0</t>
  </si>
  <si>
    <t>195.15</t>
  </si>
  <si>
    <t>2782360.0</t>
  </si>
  <si>
    <t>156.332</t>
  </si>
  <si>
    <t>35162630.0</t>
  </si>
  <si>
    <t>15164266.0</t>
  </si>
  <si>
    <t>13972509.0</t>
  </si>
  <si>
    <t>6587000.0</t>
  </si>
  <si>
    <t>33579.0</t>
  </si>
  <si>
    <t>22507.0</t>
  </si>
  <si>
    <t>195.34</t>
  </si>
  <si>
    <t>2782785.0</t>
  </si>
  <si>
    <t>156.356</t>
  </si>
  <si>
    <t>35173314.0</t>
  </si>
  <si>
    <t>15164582.0</t>
  </si>
  <si>
    <t>13973105.0</t>
  </si>
  <si>
    <t>6596828.0</t>
  </si>
  <si>
    <t>195.4</t>
  </si>
  <si>
    <t>2783204.0</t>
  </si>
  <si>
    <t>156.38</t>
  </si>
  <si>
    <t>35178525.0</t>
  </si>
  <si>
    <t>15164739.0</t>
  </si>
  <si>
    <t>13973360.0</t>
  </si>
  <si>
    <t>6601644.0</t>
  </si>
  <si>
    <t>195.43</t>
  </si>
  <si>
    <t>73133.0</t>
  </si>
  <si>
    <t>4062.71828645983</t>
  </si>
  <si>
    <t>2786987.0</t>
  </si>
  <si>
    <t>156.592</t>
  </si>
  <si>
    <t>35207800.0</t>
  </si>
  <si>
    <t>15165909.0</t>
  </si>
  <si>
    <t>13975359.0</t>
  </si>
  <si>
    <t>6627923.0</t>
  </si>
  <si>
    <t>29275.0</t>
  </si>
  <si>
    <t>195.59</t>
  </si>
  <si>
    <t>2807951.0</t>
  </si>
  <si>
    <t>20964.0</t>
  </si>
  <si>
    <t>35238813.0</t>
  </si>
  <si>
    <t>15166918.0</t>
  </si>
  <si>
    <t>13977134.0</t>
  </si>
  <si>
    <t>6656256.0</t>
  </si>
  <si>
    <t>25393.0</t>
  </si>
  <si>
    <t>195.76</t>
  </si>
  <si>
    <t>2810685.0</t>
  </si>
  <si>
    <t>157.924</t>
  </si>
  <si>
    <t>35268629.0</t>
  </si>
  <si>
    <t>15167714.0</t>
  </si>
  <si>
    <t>13978528.0</t>
  </si>
  <si>
    <t>6684007.0</t>
  </si>
  <si>
    <t>24829.0</t>
  </si>
  <si>
    <t>195.93</t>
  </si>
  <si>
    <t>2814277.0</t>
  </si>
  <si>
    <t>158.126</t>
  </si>
  <si>
    <t>35300621.0</t>
  </si>
  <si>
    <t>15168697.0</t>
  </si>
  <si>
    <t>13980420.0</t>
  </si>
  <si>
    <t>6713240.0</t>
  </si>
  <si>
    <t>24510.0</t>
  </si>
  <si>
    <t>2819516.0</t>
  </si>
  <si>
    <t>158.42</t>
  </si>
  <si>
    <t>35336874.0</t>
  </si>
  <si>
    <t>15169802.0</t>
  </si>
  <si>
    <t>13982486.0</t>
  </si>
  <si>
    <t>6746442.0</t>
  </si>
  <si>
    <t>2820610.0</t>
  </si>
  <si>
    <t>35347262.0</t>
  </si>
  <si>
    <t>15170094.0</t>
  </si>
  <si>
    <t>13982935.0</t>
  </si>
  <si>
    <t>6756129.0</t>
  </si>
  <si>
    <t>196.36</t>
  </si>
  <si>
    <t>2821060.0</t>
  </si>
  <si>
    <t>158.507</t>
  </si>
  <si>
    <t>35352734.0</t>
  </si>
  <si>
    <t>15170314.0</t>
  </si>
  <si>
    <t>13983203.0</t>
  </si>
  <si>
    <t>6761161.0</t>
  </si>
  <si>
    <t>24887.0</t>
  </si>
  <si>
    <t>196.39</t>
  </si>
  <si>
    <t>37.56</t>
  </si>
  <si>
    <t>73216.1</t>
  </si>
  <si>
    <t>4067.33469614636</t>
  </si>
  <si>
    <t>2824935.0</t>
  </si>
  <si>
    <t>35382176.0</t>
  </si>
  <si>
    <t>15171383.0</t>
  </si>
  <si>
    <t>13985109.0</t>
  </si>
  <si>
    <t>6787781.0</t>
  </si>
  <si>
    <t>29442.0</t>
  </si>
  <si>
    <t>24911.0</t>
  </si>
  <si>
    <t>196.56</t>
  </si>
  <si>
    <t>2829405.0</t>
  </si>
  <si>
    <t>158.976</t>
  </si>
  <si>
    <t>35416816.0</t>
  </si>
  <si>
    <t>15172356.0</t>
  </si>
  <si>
    <t>13987133.0</t>
  </si>
  <si>
    <t>6819572.0</t>
  </si>
  <si>
    <t>2832876.0</t>
  </si>
  <si>
    <t>159.171</t>
  </si>
  <si>
    <t>35455721.0</t>
  </si>
  <si>
    <t>15173533.0</t>
  </si>
  <si>
    <t>13989107.0</t>
  </si>
  <si>
    <t>6855501.0</t>
  </si>
  <si>
    <t>38905.0</t>
  </si>
  <si>
    <t>196.97</t>
  </si>
  <si>
    <t>2836842.0</t>
  </si>
  <si>
    <t>159.393</t>
  </si>
  <si>
    <t>35491601.0</t>
  </si>
  <si>
    <t>15174538.0</t>
  </si>
  <si>
    <t>13991018.0</t>
  </si>
  <si>
    <t>6888604.0</t>
  </si>
  <si>
    <t>35880.0</t>
  </si>
  <si>
    <t>2840900.0</t>
  </si>
  <si>
    <t>159.621</t>
  </si>
  <si>
    <t>35530448.0</t>
  </si>
  <si>
    <t>15175828.0</t>
  </si>
  <si>
    <t>13993245.0</t>
  </si>
  <si>
    <t>6924121.0</t>
  </si>
  <si>
    <t>38847.0</t>
  </si>
  <si>
    <t>197.38</t>
  </si>
  <si>
    <t>2842547.0</t>
  </si>
  <si>
    <t>159.714</t>
  </si>
  <si>
    <t>35541191.0</t>
  </si>
  <si>
    <t>15176097.0</t>
  </si>
  <si>
    <t>13993740.0</t>
  </si>
  <si>
    <t>6934148.0</t>
  </si>
  <si>
    <t>2843361.0</t>
  </si>
  <si>
    <t>35546798.0</t>
  </si>
  <si>
    <t>15176263.0</t>
  </si>
  <si>
    <t>13994007.0</t>
  </si>
  <si>
    <t>6939381.0</t>
  </si>
  <si>
    <t>27723.0</t>
  </si>
  <si>
    <t>197.47</t>
  </si>
  <si>
    <t>73364.0</t>
  </si>
  <si>
    <t>4075.55090544404</t>
  </si>
  <si>
    <t>2847767.0</t>
  </si>
  <si>
    <t>160.007</t>
  </si>
  <si>
    <t>35574876.0</t>
  </si>
  <si>
    <t>15177316.0</t>
  </si>
  <si>
    <t>13995917.0</t>
  </si>
  <si>
    <t>6964640.0</t>
  </si>
  <si>
    <t>28078.0</t>
  </si>
  <si>
    <t>197.63</t>
  </si>
  <si>
    <t>2853491.0</t>
  </si>
  <si>
    <t>35610525.0</t>
  </si>
  <si>
    <t>15178727.0</t>
  </si>
  <si>
    <t>13998226.0</t>
  </si>
  <si>
    <t>35649.0</t>
  </si>
  <si>
    <t>197.83</t>
  </si>
  <si>
    <t>2858034.0</t>
  </si>
  <si>
    <t>160.584</t>
  </si>
  <si>
    <t>35637699.0</t>
  </si>
  <si>
    <t>15179969.0</t>
  </si>
  <si>
    <t>14000364.0</t>
  </si>
  <si>
    <t>7020739.0</t>
  </si>
  <si>
    <t>197.98</t>
  </si>
  <si>
    <t>2862908.0</t>
  </si>
  <si>
    <t>160.858</t>
  </si>
  <si>
    <t>35661833.0</t>
  </si>
  <si>
    <t>15181060.0</t>
  </si>
  <si>
    <t>14002286.0</t>
  </si>
  <si>
    <t>7041978.0</t>
  </si>
  <si>
    <t>24134.0</t>
  </si>
  <si>
    <t>198.11</t>
  </si>
  <si>
    <t>2867868.0</t>
  </si>
  <si>
    <t>161.137</t>
  </si>
  <si>
    <t>35682696.0</t>
  </si>
  <si>
    <t>15182093.0</t>
  </si>
  <si>
    <t>14004047.0</t>
  </si>
  <si>
    <t>7060157.0</t>
  </si>
  <si>
    <t>21750.0</t>
  </si>
  <si>
    <t>198.23</t>
  </si>
  <si>
    <t>2870685.0</t>
  </si>
  <si>
    <t>161.295</t>
  </si>
  <si>
    <t>35687504.0</t>
  </si>
  <si>
    <t>15182240.0</t>
  </si>
  <si>
    <t>14004302.0</t>
  </si>
  <si>
    <t>7064576.0</t>
  </si>
  <si>
    <t>20902.0</t>
  </si>
  <si>
    <t>198.25</t>
  </si>
  <si>
    <t>35689591.0</t>
  </si>
  <si>
    <t>15182320.0</t>
  </si>
  <si>
    <t>14004436.0</t>
  </si>
  <si>
    <t>7067460.0</t>
  </si>
  <si>
    <t>20399.0</t>
  </si>
  <si>
    <t>198.26</t>
  </si>
  <si>
    <t>73508.9</t>
  </si>
  <si>
    <t>4083.60045735232</t>
  </si>
  <si>
    <t>35709732.0</t>
  </si>
  <si>
    <t>15183255.0</t>
  </si>
  <si>
    <t>14005998.0</t>
  </si>
  <si>
    <t>7084223.0</t>
  </si>
  <si>
    <t>20141.0</t>
  </si>
  <si>
    <t>19265.0</t>
  </si>
  <si>
    <t>35728885.0</t>
  </si>
  <si>
    <t>15184256.0</t>
  </si>
  <si>
    <t>14007688.0</t>
  </si>
  <si>
    <t>7100793.0</t>
  </si>
  <si>
    <t>19153.0</t>
  </si>
  <si>
    <t>16909.0</t>
  </si>
  <si>
    <t>35766841.0</t>
  </si>
  <si>
    <t>15186219.0</t>
  </si>
  <si>
    <t>14010894.0</t>
  </si>
  <si>
    <t>7133756.0</t>
  </si>
  <si>
    <t>15001.0</t>
  </si>
  <si>
    <t>35784867.0</t>
  </si>
  <si>
    <t>15186980.0</t>
  </si>
  <si>
    <t>14012151.0</t>
  </si>
  <si>
    <t>7149839.0</t>
  </si>
  <si>
    <t>18026.0</t>
  </si>
  <si>
    <t>198.79</t>
  </si>
  <si>
    <t>77.84</t>
  </si>
  <si>
    <t>35788596.0</t>
  </si>
  <si>
    <t>15187116.0</t>
  </si>
  <si>
    <t>14012382.0</t>
  </si>
  <si>
    <t>7153208.0</t>
  </si>
  <si>
    <t>198.81</t>
  </si>
  <si>
    <t>35790713.0</t>
  </si>
  <si>
    <t>15187191.0</t>
  </si>
  <si>
    <t>14012520.0</t>
  </si>
  <si>
    <t>7155120.0</t>
  </si>
  <si>
    <t>14446.0</t>
  </si>
  <si>
    <t>198.83</t>
  </si>
  <si>
    <t>73683.8</t>
  </si>
  <si>
    <t>4093.31658315465</t>
  </si>
  <si>
    <t>35808013.0</t>
  </si>
  <si>
    <t>15188060.0</t>
  </si>
  <si>
    <t>14013978.0</t>
  </si>
  <si>
    <t>7170205.0</t>
  </si>
  <si>
    <t>17300.0</t>
  </si>
  <si>
    <t>198.92</t>
  </si>
  <si>
    <t>35827364.0</t>
  </si>
  <si>
    <t>15189092.0</t>
  </si>
  <si>
    <t>14015575.0</t>
  </si>
  <si>
    <t>7186610.0</t>
  </si>
  <si>
    <t>14068.0</t>
  </si>
  <si>
    <t>199.03</t>
  </si>
  <si>
    <t>35845982.0</t>
  </si>
  <si>
    <t>15190050.0</t>
  </si>
  <si>
    <t>14017123.0</t>
  </si>
  <si>
    <t>7203299.0</t>
  </si>
  <si>
    <t>18618.0</t>
  </si>
  <si>
    <t>14017.0</t>
  </si>
  <si>
    <t>35862320.0</t>
  </si>
  <si>
    <t>15190772.0</t>
  </si>
  <si>
    <t>14018382.0</t>
  </si>
  <si>
    <t>7217745.0</t>
  </si>
  <si>
    <t>35878469.0</t>
  </si>
  <si>
    <t>15191519.0</t>
  </si>
  <si>
    <t>14019623.0</t>
  </si>
  <si>
    <t>7231994.0</t>
  </si>
  <si>
    <t>199.31</t>
  </si>
  <si>
    <t>35883460.0</t>
  </si>
  <si>
    <t>15191684.0</t>
  </si>
  <si>
    <t>14019919.0</t>
  </si>
  <si>
    <t>7236543.0</t>
  </si>
  <si>
    <t>35885285.0</t>
  </si>
  <si>
    <t>15191733.0</t>
  </si>
  <si>
    <t>14020029.0</t>
  </si>
  <si>
    <t>7238213.0</t>
  </si>
  <si>
    <t>13510.0</t>
  </si>
  <si>
    <t>199.35</t>
  </si>
  <si>
    <t>73820.5</t>
  </si>
  <si>
    <t>4100.91060486522</t>
  </si>
  <si>
    <t>35903766.0</t>
  </si>
  <si>
    <t>15192428.0</t>
  </si>
  <si>
    <t>14021271.0</t>
  </si>
  <si>
    <t>7254877.0</t>
  </si>
  <si>
    <t>199.45</t>
  </si>
  <si>
    <t>35929463.0</t>
  </si>
  <si>
    <t>15193311.0</t>
  </si>
  <si>
    <t>14022777.0</t>
  </si>
  <si>
    <t>7278295.0</t>
  </si>
  <si>
    <t>14586.0</t>
  </si>
  <si>
    <t>35961136.0</t>
  </si>
  <si>
    <t>15194416.0</t>
  </si>
  <si>
    <t>14024552.0</t>
  </si>
  <si>
    <t>7307327.0</t>
  </si>
  <si>
    <t>31673.0</t>
  </si>
  <si>
    <t>16451.0</t>
  </si>
  <si>
    <t>199.77</t>
  </si>
  <si>
    <t>35994549.0</t>
  </si>
  <si>
    <t>15195537.0</t>
  </si>
  <si>
    <t>14026499.0</t>
  </si>
  <si>
    <t>7337736.0</t>
  </si>
  <si>
    <t>199.96</t>
  </si>
  <si>
    <t>36034972.0</t>
  </si>
  <si>
    <t>15196858.0</t>
  </si>
  <si>
    <t>14028482.0</t>
  </si>
  <si>
    <t>7375054.0</t>
  </si>
  <si>
    <t>200.18</t>
  </si>
  <si>
    <t>36045697.0</t>
  </si>
  <si>
    <t>15197084.0</t>
  </si>
  <si>
    <t>14028875.0</t>
  </si>
  <si>
    <t>7385180.0</t>
  </si>
  <si>
    <t>36052589.0</t>
  </si>
  <si>
    <t>15197225.0</t>
  </si>
  <si>
    <t>14029101.0</t>
  </si>
  <si>
    <t>7391719.0</t>
  </si>
  <si>
    <t>23901.0</t>
  </si>
  <si>
    <t>73930.0</t>
  </si>
  <si>
    <t>4106.99359957851</t>
  </si>
  <si>
    <t>36089411.0</t>
  </si>
  <si>
    <t>15198297.0</t>
  </si>
  <si>
    <t>14030781.0</t>
  </si>
  <si>
    <t>7425928.0</t>
  </si>
  <si>
    <t>200.49</t>
  </si>
  <si>
    <t>36127098.0</t>
  </si>
  <si>
    <t>15199450.0</t>
  </si>
  <si>
    <t>14032388.0</t>
  </si>
  <si>
    <t>7461023.0</t>
  </si>
  <si>
    <t>37687.0</t>
  </si>
  <si>
    <t>28234.0</t>
  </si>
  <si>
    <t>200.69</t>
  </si>
  <si>
    <t>36164779.0</t>
  </si>
  <si>
    <t>15200589.0</t>
  </si>
  <si>
    <t>14034185.0</t>
  </si>
  <si>
    <t>7495961.0</t>
  </si>
  <si>
    <t>37681.0</t>
  </si>
  <si>
    <t>29092.0</t>
  </si>
  <si>
    <t>200.9</t>
  </si>
  <si>
    <t>36204703.0</t>
  </si>
  <si>
    <t>15201795.0</t>
  </si>
  <si>
    <t>14036088.0</t>
  </si>
  <si>
    <t>7532977.0</t>
  </si>
  <si>
    <t>201.13</t>
  </si>
  <si>
    <t>36243235.0</t>
  </si>
  <si>
    <t>15202906.0</t>
  </si>
  <si>
    <t>14037857.0</t>
  </si>
  <si>
    <t>7568773.0</t>
  </si>
  <si>
    <t>38532.0</t>
  </si>
  <si>
    <t>29752.0</t>
  </si>
  <si>
    <t>201.34</t>
  </si>
  <si>
    <t>36258364.0</t>
  </si>
  <si>
    <t>15203192.0</t>
  </si>
  <si>
    <t>14038313.0</t>
  </si>
  <si>
    <t>7583192.0</t>
  </si>
  <si>
    <t>30381.0</t>
  </si>
  <si>
    <t>36264965.0</t>
  </si>
  <si>
    <t>15203296.0</t>
  </si>
  <si>
    <t>14038474.0</t>
  </si>
  <si>
    <t>7589537.0</t>
  </si>
  <si>
    <t>30339.0</t>
  </si>
  <si>
    <t>201.46</t>
  </si>
  <si>
    <t>74138.1</t>
  </si>
  <si>
    <t>4118.55406715693</t>
  </si>
  <si>
    <t>36301127.0</t>
  </si>
  <si>
    <t>15204461.0</t>
  </si>
  <si>
    <t>14040192.0</t>
  </si>
  <si>
    <t>7622984.0</t>
  </si>
  <si>
    <t>36162.0</t>
  </si>
  <si>
    <t>201.66</t>
  </si>
  <si>
    <t>36343088.0</t>
  </si>
  <si>
    <t>15205600.0</t>
  </si>
  <si>
    <t>14041999.0</t>
  </si>
  <si>
    <t>7662155.0</t>
  </si>
  <si>
    <t>41961.0</t>
  </si>
  <si>
    <t>201.89</t>
  </si>
  <si>
    <t>36387410.0</t>
  </si>
  <si>
    <t>15206932.0</t>
  </si>
  <si>
    <t>14043979.0</t>
  </si>
  <si>
    <t>7703342.0</t>
  </si>
  <si>
    <t>44322.0</t>
  </si>
  <si>
    <t>31804.0</t>
  </si>
  <si>
    <t>36432241.0</t>
  </si>
  <si>
    <t>15208238.0</t>
  </si>
  <si>
    <t>14046184.0</t>
  </si>
  <si>
    <t>7744857.0</t>
  </si>
  <si>
    <t>44831.0</t>
  </si>
  <si>
    <t>32505.0</t>
  </si>
  <si>
    <t>202.39</t>
  </si>
  <si>
    <t>36473481.0</t>
  </si>
  <si>
    <t>15209515.0</t>
  </si>
  <si>
    <t>14048091.0</t>
  </si>
  <si>
    <t>7783071.0</t>
  </si>
  <si>
    <t>36487194.0</t>
  </si>
  <si>
    <t>15209799.0</t>
  </si>
  <si>
    <t>14048567.0</t>
  </si>
  <si>
    <t>7796042.0</t>
  </si>
  <si>
    <t>13713.0</t>
  </si>
  <si>
    <t>36494637.0</t>
  </si>
  <si>
    <t>15209929.0</t>
  </si>
  <si>
    <t>14048752.0</t>
  </si>
  <si>
    <t>7803175.0</t>
  </si>
  <si>
    <t>202.74</t>
  </si>
  <si>
    <t>74359.4</t>
  </si>
  <si>
    <t>4130.84782724873</t>
  </si>
  <si>
    <t>36525038.0</t>
  </si>
  <si>
    <t>15210904.0</t>
  </si>
  <si>
    <t>14050213.0</t>
  </si>
  <si>
    <t>7831249.0</t>
  </si>
  <si>
    <t>30401.0</t>
  </si>
  <si>
    <t>31987.0</t>
  </si>
  <si>
    <t>36561592.0</t>
  </si>
  <si>
    <t>15212010.0</t>
  </si>
  <si>
    <t>14051963.0</t>
  </si>
  <si>
    <t>7865056.0</t>
  </si>
  <si>
    <t>31215.0</t>
  </si>
  <si>
    <t>36604420.0</t>
  </si>
  <si>
    <t>15213426.0</t>
  </si>
  <si>
    <t>14054085.0</t>
  </si>
  <si>
    <t>7904464.0</t>
  </si>
  <si>
    <t>42828.0</t>
  </si>
  <si>
    <t>31001.0</t>
  </si>
  <si>
    <t>36650029.0</t>
  </si>
  <si>
    <t>15214844.0</t>
  </si>
  <si>
    <t>14056237.0</t>
  </si>
  <si>
    <t>7946649.0</t>
  </si>
  <si>
    <t>45609.0</t>
  </si>
  <si>
    <t>36691280.0</t>
  </si>
  <si>
    <t>15216218.0</t>
  </si>
  <si>
    <t>14058178.0</t>
  </si>
  <si>
    <t>7984816.0</t>
  </si>
  <si>
    <t>41251.0</t>
  </si>
  <si>
    <t>36705217.0</t>
  </si>
  <si>
    <t>15216542.0</t>
  </si>
  <si>
    <t>14058602.0</t>
  </si>
  <si>
    <t>7998015.0</t>
  </si>
  <si>
    <t>31146.0</t>
  </si>
  <si>
    <t>203.91</t>
  </si>
  <si>
    <t>36712947.0</t>
  </si>
  <si>
    <t>15216673.0</t>
  </si>
  <si>
    <t>14058805.0</t>
  </si>
  <si>
    <t>8005416.0</t>
  </si>
  <si>
    <t>203.95</t>
  </si>
  <si>
    <t>74627.1</t>
  </si>
  <si>
    <t>4145.71922163</t>
  </si>
  <si>
    <t>36761623.0</t>
  </si>
  <si>
    <t>15218422.0</t>
  </si>
  <si>
    <t>14061301.0</t>
  </si>
  <si>
    <t>8050031.0</t>
  </si>
  <si>
    <t>33798.0</t>
  </si>
  <si>
    <t>204.22</t>
  </si>
  <si>
    <t>36801542.0</t>
  </si>
  <si>
    <t>15219781.0</t>
  </si>
  <si>
    <t>14063328.0</t>
  </si>
  <si>
    <t>8086677.0</t>
  </si>
  <si>
    <t>34279.0</t>
  </si>
  <si>
    <t>204.44</t>
  </si>
  <si>
    <t>36843951.0</t>
  </si>
  <si>
    <t>15221396.0</t>
  </si>
  <si>
    <t>14065678.0</t>
  </si>
  <si>
    <t>8125360.0</t>
  </si>
  <si>
    <t>204.68</t>
  </si>
  <si>
    <t>36883695.0</t>
  </si>
  <si>
    <t>15222920.0</t>
  </si>
  <si>
    <t>14067752.0</t>
  </si>
  <si>
    <t>8161570.0</t>
  </si>
  <si>
    <t>33381.0</t>
  </si>
  <si>
    <t>204.9</t>
  </si>
  <si>
    <t>36919760.0</t>
  </si>
  <si>
    <t>15224170.0</t>
  </si>
  <si>
    <t>14069415.0</t>
  </si>
  <si>
    <t>8194787.0</t>
  </si>
  <si>
    <t>32640.0</t>
  </si>
  <si>
    <t>36931791.0</t>
  </si>
  <si>
    <t>15224476.0</t>
  </si>
  <si>
    <t>14069818.0</t>
  </si>
  <si>
    <t>8206112.0</t>
  </si>
  <si>
    <t>32368.0</t>
  </si>
  <si>
    <t>205.17</t>
  </si>
  <si>
    <t>36938687.0</t>
  </si>
  <si>
    <t>15224602.0</t>
  </si>
  <si>
    <t>14070023.0</t>
  </si>
  <si>
    <t>8212681.0</t>
  </si>
  <si>
    <t>74826.4</t>
  </si>
  <si>
    <t>4156.79082753283</t>
  </si>
  <si>
    <t>36969074.0</t>
  </si>
  <si>
    <t>15225850.0</t>
  </si>
  <si>
    <t>14071713.0</t>
  </si>
  <si>
    <t>8240131.0</t>
  </si>
  <si>
    <t>30387.0</t>
  </si>
  <si>
    <t>29636.0</t>
  </si>
  <si>
    <t>37002170.0</t>
  </si>
  <si>
    <t>15227058.0</t>
  </si>
  <si>
    <t>14073525.0</t>
  </si>
  <si>
    <t>8270207.0</t>
  </si>
  <si>
    <t>33096.0</t>
  </si>
  <si>
    <t>37035516.0</t>
  </si>
  <si>
    <t>15228197.0</t>
  </si>
  <si>
    <t>14075232.0</t>
  </si>
  <si>
    <t>8300707.0</t>
  </si>
  <si>
    <t>205.74</t>
  </si>
  <si>
    <t>37067051.0</t>
  </si>
  <si>
    <t>15229338.0</t>
  </si>
  <si>
    <t>14076940.0</t>
  </si>
  <si>
    <t>8329398.0</t>
  </si>
  <si>
    <t>31535.0</t>
  </si>
  <si>
    <t>205.92</t>
  </si>
  <si>
    <t>37074849.0</t>
  </si>
  <si>
    <t>15229567.0</t>
  </si>
  <si>
    <t>14077247.0</t>
  </si>
  <si>
    <t>8336660.0</t>
  </si>
  <si>
    <t>22156.0</t>
  </si>
  <si>
    <t>37083106.0</t>
  </si>
  <si>
    <t>15229734.0</t>
  </si>
  <si>
    <t>14077515.0</t>
  </si>
  <si>
    <t>8344483.0</t>
  </si>
  <si>
    <t>206.01</t>
  </si>
  <si>
    <t>37088693.0</t>
  </si>
  <si>
    <t>15229853.0</t>
  </si>
  <si>
    <t>14077668.0</t>
  </si>
  <si>
    <t>8349798.0</t>
  </si>
  <si>
    <t>21429.0</t>
  </si>
  <si>
    <t>206.04</t>
  </si>
  <si>
    <t>75115.9</t>
  </si>
  <si>
    <t>4172.87326561044</t>
  </si>
  <si>
    <t>37112883.0</t>
  </si>
  <si>
    <t>15231042.0</t>
  </si>
  <si>
    <t>14079250.0</t>
  </si>
  <si>
    <t>8371218.0</t>
  </si>
  <si>
    <t>206.17</t>
  </si>
  <si>
    <t>37137741.0</t>
  </si>
  <si>
    <t>15232119.0</t>
  </si>
  <si>
    <t>14080676.0</t>
  </si>
  <si>
    <t>8393573.0</t>
  </si>
  <si>
    <t>24858.0</t>
  </si>
  <si>
    <t>206.31</t>
  </si>
  <si>
    <t>37168847.0</t>
  </si>
  <si>
    <t>15233405.0</t>
  </si>
  <si>
    <t>14082537.0</t>
  </si>
  <si>
    <t>8421533.0</t>
  </si>
  <si>
    <t>206.48</t>
  </si>
  <si>
    <t>37196851.0</t>
  </si>
  <si>
    <t>15234634.0</t>
  </si>
  <si>
    <t>14084377.0</t>
  </si>
  <si>
    <t>8446468.0</t>
  </si>
  <si>
    <t>18543.0</t>
  </si>
  <si>
    <t>206.64</t>
  </si>
  <si>
    <t>37223508.0</t>
  </si>
  <si>
    <t>15235695.0</t>
  </si>
  <si>
    <t>14085905.0</t>
  </si>
  <si>
    <t>8470536.0</t>
  </si>
  <si>
    <t>26657.0</t>
  </si>
  <si>
    <t>37233220.0</t>
  </si>
  <si>
    <t>15235989.0</t>
  </si>
  <si>
    <t>14086343.0</t>
  </si>
  <si>
    <t>8479518.0</t>
  </si>
  <si>
    <t>21445.0</t>
  </si>
  <si>
    <t>206.84</t>
  </si>
  <si>
    <t>37237645.0</t>
  </si>
  <si>
    <t>15236108.0</t>
  </si>
  <si>
    <t>14086517.0</t>
  </si>
  <si>
    <t>8483650.0</t>
  </si>
  <si>
    <t>21279.0</t>
  </si>
  <si>
    <t>75315.6</t>
  </si>
  <si>
    <t>4183.96709249852</t>
  </si>
  <si>
    <t>37260948.0</t>
  </si>
  <si>
    <t>15237333.0</t>
  </si>
  <si>
    <t>14088206.0</t>
  </si>
  <si>
    <t>8504039.0</t>
  </si>
  <si>
    <t>20112.0</t>
  </si>
  <si>
    <t>16689.0</t>
  </si>
  <si>
    <t>18394.0</t>
  </si>
  <si>
    <t>75514.9</t>
  </si>
  <si>
    <t>4195.03869840135</t>
  </si>
  <si>
    <t>17576.0</t>
  </si>
  <si>
    <t>75597.8</t>
  </si>
  <si>
    <t>4199.64399759525</t>
  </si>
  <si>
    <t>75649.1</t>
  </si>
  <si>
    <t>4202.49383895408</t>
  </si>
  <si>
    <t>75775.4</t>
  </si>
  <si>
    <t>4209.51011504804</t>
  </si>
  <si>
    <t>75848.7</t>
  </si>
  <si>
    <t>4213.58211059585</t>
  </si>
  <si>
    <t>75920.6</t>
  </si>
  <si>
    <t>4217.57633269526</t>
  </si>
  <si>
    <t>75967.7</t>
  </si>
  <si>
    <t>4220.19285370892</t>
  </si>
  <si>
    <t>76040.4</t>
  </si>
  <si>
    <t>4224.23151777885</t>
  </si>
  <si>
    <t>76095.9</t>
  </si>
  <si>
    <t>4227.31467948284</t>
  </si>
  <si>
    <t>76143.8</t>
  </si>
  <si>
    <t>34.48</t>
  </si>
  <si>
    <t>4229.97564246702</t>
  </si>
  <si>
    <t>76222.3</t>
  </si>
  <si>
    <t>4234.33651082312</t>
  </si>
  <si>
    <t>76135.0</t>
  </si>
  <si>
    <t>-5.68</t>
  </si>
  <si>
    <t>4229.48678079143</t>
  </si>
  <si>
    <t>38807593.0</t>
  </si>
  <si>
    <t>15293861.0</t>
  </si>
  <si>
    <t>14183204.0</t>
  </si>
  <si>
    <t>9895718.0</t>
  </si>
  <si>
    <t>54.97</t>
  </si>
  <si>
    <t>17389.0</t>
  </si>
  <si>
    <t>76146.7</t>
  </si>
  <si>
    <t>4230.13674461011</t>
  </si>
  <si>
    <t>17016.0</t>
  </si>
  <si>
    <t>16829.0</t>
  </si>
  <si>
    <t>16456.0</t>
  </si>
  <si>
    <t>76252.0</t>
  </si>
  <si>
    <t>4235.98641897823</t>
  </si>
  <si>
    <t>39035363.0</t>
  </si>
  <si>
    <t>15303829.0</t>
  </si>
  <si>
    <t>14197716.0</t>
  </si>
  <si>
    <t>10099008.0</t>
  </si>
  <si>
    <t>216.85</t>
  </si>
  <si>
    <t>76403.3</t>
  </si>
  <si>
    <t>4244.39150665058</t>
  </si>
  <si>
    <t>39111177.0</t>
  </si>
  <si>
    <t>15307203.0</t>
  </si>
  <si>
    <t>14202491.0</t>
  </si>
  <si>
    <t>10166673.0</t>
  </si>
  <si>
    <t>15479.0</t>
  </si>
  <si>
    <t>39131610.0</t>
  </si>
  <si>
    <t>15308130.0</t>
  </si>
  <si>
    <t>14203618.0</t>
  </si>
  <si>
    <t>10185052.0</t>
  </si>
  <si>
    <t>14064.0</t>
  </si>
  <si>
    <t>14168.0</t>
  </si>
  <si>
    <t>39226982.0</t>
  </si>
  <si>
    <t>15312264.0</t>
  </si>
  <si>
    <t>14209622.0</t>
  </si>
  <si>
    <t>10270286.0</t>
  </si>
  <si>
    <t>217.92</t>
  </si>
  <si>
    <t>39244571.0</t>
  </si>
  <si>
    <t>15313094.0</t>
  </si>
  <si>
    <t>14210874.0</t>
  </si>
  <si>
    <t>10285793.0</t>
  </si>
  <si>
    <t>218.01</t>
  </si>
  <si>
    <t>15101.0</t>
  </si>
  <si>
    <t>39296436.0</t>
  </si>
  <si>
    <t>15315909.0</t>
  </si>
  <si>
    <t>14214551.0</t>
  </si>
  <si>
    <t>10331166.0</t>
  </si>
  <si>
    <t>218.3</t>
  </si>
  <si>
    <t>7697.0</t>
  </si>
  <si>
    <t>5802.0</t>
  </si>
  <si>
    <t>39320580.0</t>
  </si>
  <si>
    <t>15317477.0</t>
  </si>
  <si>
    <t>14216691.0</t>
  </si>
  <si>
    <t>10351602.0</t>
  </si>
  <si>
    <t>EGY</t>
  </si>
  <si>
    <t>Egypt</t>
  </si>
  <si>
    <t>1.54067800788279</t>
  </si>
  <si>
    <t>3124.8</t>
  </si>
  <si>
    <t>28.1538633861529</t>
  </si>
  <si>
    <t>2889.4</t>
  </si>
  <si>
    <t>-0.56</t>
  </si>
  <si>
    <t>26.0329534267634</t>
  </si>
  <si>
    <t>16112.4</t>
  </si>
  <si>
    <t>145.169709556788</t>
  </si>
  <si>
    <t>52029.0</t>
  </si>
  <si>
    <t>468.771555977391</t>
  </si>
  <si>
    <t>66080.4</t>
  </si>
  <si>
    <t>595.372041123381</t>
  </si>
  <si>
    <t>73052.2</t>
  </si>
  <si>
    <t>658.186654780441</t>
  </si>
  <si>
    <t>79892.8</t>
  </si>
  <si>
    <t>719.8191809835</t>
  </si>
  <si>
    <t>82956.4</t>
  </si>
  <si>
    <t>747.421643819463</t>
  </si>
  <si>
    <t>89816.6</t>
  </si>
  <si>
    <t>809.230762355589</t>
  </si>
  <si>
    <t>105580.2</t>
  </si>
  <si>
    <t>951.257849168813</t>
  </si>
  <si>
    <t>116560.7</t>
  </si>
  <si>
    <t>1050.19009984458</t>
  </si>
  <si>
    <t>122638.0</t>
  </si>
  <si>
    <t>1104.94543585222</t>
  </si>
  <si>
    <t>164534.0</t>
  </si>
  <si>
    <t>14118.0</t>
  </si>
  <si>
    <t>137077.7</t>
  </si>
  <si>
    <t>1235.04443135178</t>
  </si>
  <si>
    <t>19720.0</t>
  </si>
  <si>
    <t>22521.0</t>
  </si>
  <si>
    <t>660000.0</t>
  </si>
  <si>
    <t>23659.0</t>
  </si>
  <si>
    <t>24797.0</t>
  </si>
  <si>
    <t>25935.0</t>
  </si>
  <si>
    <t>20655.0</t>
  </si>
  <si>
    <t>28211.0</t>
  </si>
  <si>
    <t>29348.0</t>
  </si>
  <si>
    <t>19722.0</t>
  </si>
  <si>
    <t>30486.0</t>
  </si>
  <si>
    <t>161952.2</t>
  </si>
  <si>
    <t>1459.15902262126</t>
  </si>
  <si>
    <t>1300212.0</t>
  </si>
  <si>
    <t>1064360.0</t>
  </si>
  <si>
    <t>235852.0</t>
  </si>
  <si>
    <t>1371976.0</t>
  </si>
  <si>
    <t>1133956.0</t>
  </si>
  <si>
    <t>238020.0</t>
  </si>
  <si>
    <t>32028.0</t>
  </si>
  <si>
    <t>23696.0</t>
  </si>
  <si>
    <t>26679.0</t>
  </si>
  <si>
    <t>36461.0</t>
  </si>
  <si>
    <t>29662.0</t>
  </si>
  <si>
    <t>38677.0</t>
  </si>
  <si>
    <t>32645.0</t>
  </si>
  <si>
    <t>40894.0</t>
  </si>
  <si>
    <t>44556.0</t>
  </si>
  <si>
    <t>40136.0</t>
  </si>
  <si>
    <t>1877993.0</t>
  </si>
  <si>
    <t>1575449.0</t>
  </si>
  <si>
    <t>302544.0</t>
  </si>
  <si>
    <t>1962216.0</t>
  </si>
  <si>
    <t>1653599.0</t>
  </si>
  <si>
    <t>308617.0</t>
  </si>
  <si>
    <t>51462.0</t>
  </si>
  <si>
    <t>45566.0</t>
  </si>
  <si>
    <t>2059987.0</t>
  </si>
  <si>
    <t>1745841.0</t>
  </si>
  <si>
    <t>314146.0</t>
  </si>
  <si>
    <t>58857.0</t>
  </si>
  <si>
    <t>53010.0</t>
  </si>
  <si>
    <t>2128164.0</t>
  </si>
  <si>
    <t>1812826.0</t>
  </si>
  <si>
    <t>315338.0</t>
  </si>
  <si>
    <t>62025.0</t>
  </si>
  <si>
    <t>56846.0</t>
  </si>
  <si>
    <t>71815.0</t>
  </si>
  <si>
    <t>66881.0</t>
  </si>
  <si>
    <t>81604.0</t>
  </si>
  <si>
    <t>76917.0</t>
  </si>
  <si>
    <t>86953.0</t>
  </si>
  <si>
    <t>2586274.0</t>
  </si>
  <si>
    <t>2254371.0</t>
  </si>
  <si>
    <t>331903.0</t>
  </si>
  <si>
    <t>100399.0</t>
  </si>
  <si>
    <t>92757.0</t>
  </si>
  <si>
    <t>191900.1</t>
  </si>
  <si>
    <t>1728.98399871643</t>
  </si>
  <si>
    <t>2822479.0</t>
  </si>
  <si>
    <t>2465521.0</t>
  </si>
  <si>
    <t>356958.0</t>
  </si>
  <si>
    <t>99188.0</t>
  </si>
  <si>
    <t>93242.0</t>
  </si>
  <si>
    <t>83806.0</t>
  </si>
  <si>
    <t>84956.0</t>
  </si>
  <si>
    <t>74369.0</t>
  </si>
  <si>
    <t>77841.0</t>
  </si>
  <si>
    <t>64933.0</t>
  </si>
  <si>
    <t>70725.0</t>
  </si>
  <si>
    <t>55497.0</t>
  </si>
  <si>
    <t>68722.0</t>
  </si>
  <si>
    <t>51775.0</t>
  </si>
  <si>
    <t>66720.0</t>
  </si>
  <si>
    <t>64717.0</t>
  </si>
  <si>
    <t>44332.0</t>
  </si>
  <si>
    <t>3340216.0</t>
  </si>
  <si>
    <t>2820175.0</t>
  </si>
  <si>
    <t>520041.0</t>
  </si>
  <si>
    <t>43310.0</t>
  </si>
  <si>
    <t>62088.0</t>
  </si>
  <si>
    <t>3506760.0</t>
  </si>
  <si>
    <t>2931715.0</t>
  </si>
  <si>
    <t>575045.0</t>
  </si>
  <si>
    <t>60773.0</t>
  </si>
  <si>
    <t>41267.0</t>
  </si>
  <si>
    <t>68686.0</t>
  </si>
  <si>
    <t>45451.0</t>
  </si>
  <si>
    <t>3746978.0</t>
  </si>
  <si>
    <t>3078964.0</t>
  </si>
  <si>
    <t>668014.0</t>
  </si>
  <si>
    <t>76599.0</t>
  </si>
  <si>
    <t>49636.0</t>
  </si>
  <si>
    <t>70763.0</t>
  </si>
  <si>
    <t>46078.0</t>
  </si>
  <si>
    <t>3794707.0</t>
  </si>
  <si>
    <t>3117818.0</t>
  </si>
  <si>
    <t>676889.0</t>
  </si>
  <si>
    <t>64927.0</t>
  </si>
  <si>
    <t>42520.0</t>
  </si>
  <si>
    <t>64702.0</t>
  </si>
  <si>
    <t>64477.0</t>
  </si>
  <si>
    <t>46043.0</t>
  </si>
  <si>
    <t>64252.0</t>
  </si>
  <si>
    <t>4010467.0</t>
  </si>
  <si>
    <t>3315854.0</t>
  </si>
  <si>
    <t>694613.0</t>
  </si>
  <si>
    <t>44359.0</t>
  </si>
  <si>
    <t>43759.0</t>
  </si>
  <si>
    <t>38721.0</t>
  </si>
  <si>
    <t>46467.0</t>
  </si>
  <si>
    <t>4138935.0</t>
  </si>
  <si>
    <t>3418331.0</t>
  </si>
  <si>
    <t>720604.0</t>
  </si>
  <si>
    <t>49175.0</t>
  </si>
  <si>
    <t>42930.0</t>
  </si>
  <si>
    <t>38400.0</t>
  </si>
  <si>
    <t>41940.0</t>
  </si>
  <si>
    <t>38322.0</t>
  </si>
  <si>
    <t>29338.0</t>
  </si>
  <si>
    <t>4253397.0</t>
  </si>
  <si>
    <t>3489503.0</t>
  </si>
  <si>
    <t>763894.0</t>
  </si>
  <si>
    <t>34704.0</t>
  </si>
  <si>
    <t>4282641.0</t>
  </si>
  <si>
    <t>3502181.0</t>
  </si>
  <si>
    <t>780460.0</t>
  </si>
  <si>
    <t>29244.0</t>
  </si>
  <si>
    <t>32764.0</t>
  </si>
  <si>
    <t>21738.0</t>
  </si>
  <si>
    <t>30444.0</t>
  </si>
  <si>
    <t>14770.0</t>
  </si>
  <si>
    <t>203343.6</t>
  </si>
  <si>
    <t>1832.08779277027</t>
  </si>
  <si>
    <t>27832.0</t>
  </si>
  <si>
    <t>27540.0</t>
  </si>
  <si>
    <t>27249.0</t>
  </si>
  <si>
    <t>4442102.0</t>
  </si>
  <si>
    <t>3560795.0</t>
  </si>
  <si>
    <t>881307.0</t>
  </si>
  <si>
    <t>26767.0</t>
  </si>
  <si>
    <t>8891.0</t>
  </si>
  <si>
    <t>4497919.0</t>
  </si>
  <si>
    <t>3568042.0</t>
  </si>
  <si>
    <t>929877.0</t>
  </si>
  <si>
    <t>26957.0</t>
  </si>
  <si>
    <t>8013.0</t>
  </si>
  <si>
    <t>4529884.0</t>
  </si>
  <si>
    <t>3576269.0</t>
  </si>
  <si>
    <t>953615.0</t>
  </si>
  <si>
    <t>4560082.0</t>
  </si>
  <si>
    <t>3580443.0</t>
  </si>
  <si>
    <t>979639.0</t>
  </si>
  <si>
    <t>5056303.0</t>
  </si>
  <si>
    <t>3627345.0</t>
  </si>
  <si>
    <t>1428958.0</t>
  </si>
  <si>
    <t>83756.0</t>
  </si>
  <si>
    <t>9237.0</t>
  </si>
  <si>
    <t>80662.0</t>
  </si>
  <si>
    <t>79078.0</t>
  </si>
  <si>
    <t>64085.0</t>
  </si>
  <si>
    <t>34100.0</t>
  </si>
  <si>
    <t>5304701.0</t>
  </si>
  <si>
    <t>3696996.0</t>
  </si>
  <si>
    <t>1607705.0</t>
  </si>
  <si>
    <t>5337506.0</t>
  </si>
  <si>
    <t>3697974.0</t>
  </si>
  <si>
    <t>1639532.0</t>
  </si>
  <si>
    <t>32805.0</t>
  </si>
  <si>
    <t>21064.0</t>
  </si>
  <si>
    <t>6005.0</t>
  </si>
  <si>
    <t>29522.0</t>
  </si>
  <si>
    <t>32341.0</t>
  </si>
  <si>
    <t>11096.0</t>
  </si>
  <si>
    <t>211201.9</t>
  </si>
  <si>
    <t>1902.88960557346</t>
  </si>
  <si>
    <t>5570554.0</t>
  </si>
  <si>
    <t>3783581.0</t>
  </si>
  <si>
    <t>1786973.0</t>
  </si>
  <si>
    <t>12369.0</t>
  </si>
  <si>
    <t>14271.0</t>
  </si>
  <si>
    <t>33370.0</t>
  </si>
  <si>
    <t>14274.0</t>
  </si>
  <si>
    <t>30634.0</t>
  </si>
  <si>
    <t>5649322.0</t>
  </si>
  <si>
    <t>3840732.0</t>
  </si>
  <si>
    <t>1808590.0</t>
  </si>
  <si>
    <t>25242.0</t>
  </si>
  <si>
    <t>12671.0</t>
  </si>
  <si>
    <t>19929.0</t>
  </si>
  <si>
    <t>11867.0</t>
  </si>
  <si>
    <t>11060.0</t>
  </si>
  <si>
    <t>5750549.0</t>
  </si>
  <si>
    <t>3883927.0</t>
  </si>
  <si>
    <t>1866622.0</t>
  </si>
  <si>
    <t>20087.0</t>
  </si>
  <si>
    <t>26919.0</t>
  </si>
  <si>
    <t>63496.0</t>
  </si>
  <si>
    <t>45198.0</t>
  </si>
  <si>
    <t>92330.0</t>
  </si>
  <si>
    <t>6477535.0</t>
  </si>
  <si>
    <t>4319631.0</t>
  </si>
  <si>
    <t>2157904.0</t>
  </si>
  <si>
    <t>106747.0</t>
  </si>
  <si>
    <t>63478.0</t>
  </si>
  <si>
    <t>128094.0</t>
  </si>
  <si>
    <t>74789.0</t>
  </si>
  <si>
    <t>135024.0</t>
  </si>
  <si>
    <t>76960.0</t>
  </si>
  <si>
    <t>141953.0</t>
  </si>
  <si>
    <t>79132.0</t>
  </si>
  <si>
    <t>148883.0</t>
  </si>
  <si>
    <t>81304.0</t>
  </si>
  <si>
    <t>155813.0</t>
  </si>
  <si>
    <t>162743.0</t>
  </si>
  <si>
    <t>85647.0</t>
  </si>
  <si>
    <t>169672.0</t>
  </si>
  <si>
    <t>87818.0</t>
  </si>
  <si>
    <t>8004586.0</t>
  </si>
  <si>
    <t>5109996.0</t>
  </si>
  <si>
    <t>2894590.0</t>
  </si>
  <si>
    <t>198035.0</t>
  </si>
  <si>
    <t>111459.0</t>
  </si>
  <si>
    <t>8741005.0</t>
  </si>
  <si>
    <t>5616607.0</t>
  </si>
  <si>
    <t>3124398.0</t>
  </si>
  <si>
    <t>226397.0</t>
  </si>
  <si>
    <t>135100.0</t>
  </si>
  <si>
    <t>220743.0</t>
  </si>
  <si>
    <t>138724.0</t>
  </si>
  <si>
    <t>215089.0</t>
  </si>
  <si>
    <t>142347.0</t>
  </si>
  <si>
    <t>209434.0</t>
  </si>
  <si>
    <t>203780.0</t>
  </si>
  <si>
    <t>149593.0</t>
  </si>
  <si>
    <t>217918.6</t>
  </si>
  <si>
    <t>1963.40581595677</t>
  </si>
  <si>
    <t>9391465.0</t>
  </si>
  <si>
    <t>6182511.0</t>
  </si>
  <si>
    <t>3208954.0</t>
  </si>
  <si>
    <t>198126.0</t>
  </si>
  <si>
    <t>153216.0</t>
  </si>
  <si>
    <t>182221.0</t>
  </si>
  <si>
    <t>166317.0</t>
  </si>
  <si>
    <t>184430.0</t>
  </si>
  <si>
    <t>143039.0</t>
  </si>
  <si>
    <t>10418988.0</t>
  </si>
  <si>
    <t>6913913.0</t>
  </si>
  <si>
    <t>3505075.0</t>
  </si>
  <si>
    <t>202543.0</t>
  </si>
  <si>
    <t>152992.0</t>
  </si>
  <si>
    <t>196488.0</t>
  </si>
  <si>
    <t>142615.0</t>
  </si>
  <si>
    <t>190434.0</t>
  </si>
  <si>
    <t>132238.0</t>
  </si>
  <si>
    <t>184380.0</t>
  </si>
  <si>
    <t>10769834.0</t>
  </si>
  <si>
    <t>7076086.0</t>
  </si>
  <si>
    <t>3693748.0</t>
  </si>
  <si>
    <t>160213.0</t>
  </si>
  <si>
    <t>101532.0</t>
  </si>
  <si>
    <t>174812.0</t>
  </si>
  <si>
    <t>91299.0</t>
  </si>
  <si>
    <t>11487985.0</t>
  </si>
  <si>
    <t>189411.0</t>
  </si>
  <si>
    <t>81067.0</t>
  </si>
  <si>
    <t>170614.0</t>
  </si>
  <si>
    <t>70834.0</t>
  </si>
  <si>
    <t>175984.0</t>
  </si>
  <si>
    <t>80931.0</t>
  </si>
  <si>
    <t>181355.0</t>
  </si>
  <si>
    <t>91028.0</t>
  </si>
  <si>
    <t>11989196.0</t>
  </si>
  <si>
    <t>7743420.0</t>
  </si>
  <si>
    <t>4245776.0</t>
  </si>
  <si>
    <t>186725.0</t>
  </si>
  <si>
    <t>101125.0</t>
  </si>
  <si>
    <t>12964351.0</t>
  </si>
  <si>
    <t>8158764.0</t>
  </si>
  <si>
    <t>4805587.0</t>
  </si>
  <si>
    <t>975155.0</t>
  </si>
  <si>
    <t>313502.0</t>
  </si>
  <si>
    <t>154668.0</t>
  </si>
  <si>
    <t>304928.0</t>
  </si>
  <si>
    <t>168055.0</t>
  </si>
  <si>
    <t>296353.0</t>
  </si>
  <si>
    <t>181441.0</t>
  </si>
  <si>
    <t>321174.0</t>
  </si>
  <si>
    <t>194827.0</t>
  </si>
  <si>
    <t>345996.0</t>
  </si>
  <si>
    <t>370817.0</t>
  </si>
  <si>
    <t>221600.0</t>
  </si>
  <si>
    <t>395639.0</t>
  </si>
  <si>
    <t>234986.0</t>
  </si>
  <si>
    <t>15057720.0</t>
  </si>
  <si>
    <t>9593247.0</t>
  </si>
  <si>
    <t>204926.0</t>
  </si>
  <si>
    <t>297959.0</t>
  </si>
  <si>
    <t>208917.0</t>
  </si>
  <si>
    <t>296865.0</t>
  </si>
  <si>
    <t>212909.0</t>
  </si>
  <si>
    <t>295772.0</t>
  </si>
  <si>
    <t>16223309.0</t>
  </si>
  <si>
    <t>10524707.0</t>
  </si>
  <si>
    <t>5698602.0</t>
  </si>
  <si>
    <t>294678.0</t>
  </si>
  <si>
    <t>287026.0</t>
  </si>
  <si>
    <t>279373.0</t>
  </si>
  <si>
    <t>218459.0</t>
  </si>
  <si>
    <t>16959764.0</t>
  </si>
  <si>
    <t>11113946.0</t>
  </si>
  <si>
    <t>5845818.0</t>
  </si>
  <si>
    <t>271721.0</t>
  </si>
  <si>
    <t>217243.0</t>
  </si>
  <si>
    <t>232733.1</t>
  </si>
  <si>
    <t>2096.8816893356</t>
  </si>
  <si>
    <t>287139.0</t>
  </si>
  <si>
    <t>227516.0</t>
  </si>
  <si>
    <t>302557.0</t>
  </si>
  <si>
    <t>237790.0</t>
  </si>
  <si>
    <t>317975.0</t>
  </si>
  <si>
    <t>248064.0</t>
  </si>
  <si>
    <t>333394.0</t>
  </si>
  <si>
    <t>258337.0</t>
  </si>
  <si>
    <t>355371.0</t>
  </si>
  <si>
    <t>273818.0</t>
  </si>
  <si>
    <t>377348.0</t>
  </si>
  <si>
    <t>289299.0</t>
  </si>
  <si>
    <t>399325.0</t>
  </si>
  <si>
    <t>304780.0</t>
  </si>
  <si>
    <t>20154366.0</t>
  </si>
  <si>
    <t>13552189.0</t>
  </si>
  <si>
    <t>6602177.0</t>
  </si>
  <si>
    <t>390260.0</t>
  </si>
  <si>
    <t>292054.0</t>
  </si>
  <si>
    <t>381195.0</t>
  </si>
  <si>
    <t>279328.0</t>
  </si>
  <si>
    <t>372129.0</t>
  </si>
  <si>
    <t>266602.0</t>
  </si>
  <si>
    <t>363064.0</t>
  </si>
  <si>
    <t>253876.0</t>
  </si>
  <si>
    <t>353999.0</t>
  </si>
  <si>
    <t>241150.0</t>
  </si>
  <si>
    <t>344934.0</t>
  </si>
  <si>
    <t>228424.0</t>
  </si>
  <si>
    <t>335868.0</t>
  </si>
  <si>
    <t>215698.0</t>
  </si>
  <si>
    <t>23177181.0</t>
  </si>
  <si>
    <t>15493471.0</t>
  </si>
  <si>
    <t>7683710.0</t>
  </si>
  <si>
    <t>333284.0</t>
  </si>
  <si>
    <t>214678.0</t>
  </si>
  <si>
    <t>330699.0</t>
  </si>
  <si>
    <t>213658.0</t>
  </si>
  <si>
    <t>328114.0</t>
  </si>
  <si>
    <t>212639.0</t>
  </si>
  <si>
    <t>325529.0</t>
  </si>
  <si>
    <t>211619.0</t>
  </si>
  <si>
    <t>322945.0</t>
  </si>
  <si>
    <t>210599.0</t>
  </si>
  <si>
    <t>25083832.0</t>
  </si>
  <si>
    <t>16744829.0</t>
  </si>
  <si>
    <t>8339003.0</t>
  </si>
  <si>
    <t>320360.0</t>
  </si>
  <si>
    <t>209579.0</t>
  </si>
  <si>
    <t>337488.0</t>
  </si>
  <si>
    <t>207155.0</t>
  </si>
  <si>
    <t>357201.0</t>
  </si>
  <si>
    <t>205751.0</t>
  </si>
  <si>
    <t>376914.0</t>
  </si>
  <si>
    <t>204347.0</t>
  </si>
  <si>
    <t>396627.0</t>
  </si>
  <si>
    <t>202942.0</t>
  </si>
  <si>
    <t>416340.0</t>
  </si>
  <si>
    <t>201538.0</t>
  </si>
  <si>
    <t>27818424.0</t>
  </si>
  <si>
    <t>17937206.0</t>
  </si>
  <si>
    <t>10567410.0</t>
  </si>
  <si>
    <t>436052.0</t>
  </si>
  <si>
    <t>200134.0</t>
  </si>
  <si>
    <t>443783.0</t>
  </si>
  <si>
    <t>198392.0</t>
  </si>
  <si>
    <t>431801.0</t>
  </si>
  <si>
    <t>198054.0</t>
  </si>
  <si>
    <t>255017.6</t>
  </si>
  <si>
    <t>2297.66086516404</t>
  </si>
  <si>
    <t>28934095.0</t>
  </si>
  <si>
    <t>18526300.0</t>
  </si>
  <si>
    <t>11102456.0</t>
  </si>
  <si>
    <t>419819.0</t>
  </si>
  <si>
    <t>197716.0</t>
  </si>
  <si>
    <t>401266.0</t>
  </si>
  <si>
    <t>382713.0</t>
  </si>
  <si>
    <t>194416.0</t>
  </si>
  <si>
    <t>364160.0</t>
  </si>
  <si>
    <t>192765.0</t>
  </si>
  <si>
    <t>345607.0</t>
  </si>
  <si>
    <t>191115.0</t>
  </si>
  <si>
    <t>30563571.0</t>
  </si>
  <si>
    <t>19462191.0</t>
  </si>
  <si>
    <t>11811236.0</t>
  </si>
  <si>
    <t>339037.0</t>
  </si>
  <si>
    <t>396767.0</t>
  </si>
  <si>
    <t>221014.0</t>
  </si>
  <si>
    <t>454498.0</t>
  </si>
  <si>
    <t>252225.0</t>
  </si>
  <si>
    <t>518800.0</t>
  </si>
  <si>
    <t>284749.0</t>
  </si>
  <si>
    <t>33667594.0</t>
  </si>
  <si>
    <t>21121564.0</t>
  </si>
  <si>
    <t>13271289.0</t>
  </si>
  <si>
    <t>583101.0</t>
  </si>
  <si>
    <t>317273.0</t>
  </si>
  <si>
    <t>593870.0</t>
  </si>
  <si>
    <t>320536.0</t>
  </si>
  <si>
    <t>604639.0</t>
  </si>
  <si>
    <t>323800.0</t>
  </si>
  <si>
    <t>34871428.0</t>
  </si>
  <si>
    <t>21751641.0</t>
  </si>
  <si>
    <t>13853984.0</t>
  </si>
  <si>
    <t>615408.0</t>
  </si>
  <si>
    <t>327064.0</t>
  </si>
  <si>
    <t>546088.0</t>
  </si>
  <si>
    <t>306533.0</t>
  </si>
  <si>
    <t>476767.0</t>
  </si>
  <si>
    <t>286001.0</t>
  </si>
  <si>
    <t>407447.0</t>
  </si>
  <si>
    <t>265469.0</t>
  </si>
  <si>
    <t>338126.0</t>
  </si>
  <si>
    <t>244938.0</t>
  </si>
  <si>
    <t>322338.0</t>
  </si>
  <si>
    <t>253665.0</t>
  </si>
  <si>
    <t>306550.0</t>
  </si>
  <si>
    <t>262393.0</t>
  </si>
  <si>
    <t>36906765.0</t>
  </si>
  <si>
    <t>23649491.0</t>
  </si>
  <si>
    <t>14022224.0</t>
  </si>
  <si>
    <t>290762.0</t>
  </si>
  <si>
    <t>33.25</t>
  </si>
  <si>
    <t>271121.0</t>
  </si>
  <si>
    <t>302942.0</t>
  </si>
  <si>
    <t>264336.0</t>
  </si>
  <si>
    <t>257551.0</t>
  </si>
  <si>
    <t>327301.0</t>
  </si>
  <si>
    <t>250766.0</t>
  </si>
  <si>
    <t>339481.0</t>
  </si>
  <si>
    <t>243981.0</t>
  </si>
  <si>
    <t>351660.0</t>
  </si>
  <si>
    <t>363840.0</t>
  </si>
  <si>
    <t>230411.0</t>
  </si>
  <si>
    <t>376019.0</t>
  </si>
  <si>
    <t>223626.0</t>
  </si>
  <si>
    <t>39914919.0</t>
  </si>
  <si>
    <t>25438500.0</t>
  </si>
  <si>
    <t>15271388.0</t>
  </si>
  <si>
    <t>40644158.0</t>
  </si>
  <si>
    <t>25927931.0</t>
  </si>
  <si>
    <t>15515855.0</t>
  </si>
  <si>
    <t>729239.0</t>
  </si>
  <si>
    <t>426479.0</t>
  </si>
  <si>
    <t>23.36</t>
  </si>
  <si>
    <t>261598.0</t>
  </si>
  <si>
    <t>439094.0</t>
  </si>
  <si>
    <t>268831.0</t>
  </si>
  <si>
    <t>271401.7</t>
  </si>
  <si>
    <t>2445.27854088891</t>
  </si>
  <si>
    <t>451709.0</t>
  </si>
  <si>
    <t>276063.0</t>
  </si>
  <si>
    <t>464323.0</t>
  </si>
  <si>
    <t>283296.0</t>
  </si>
  <si>
    <t>476938.0</t>
  </si>
  <si>
    <t>290529.0</t>
  </si>
  <si>
    <t>42965769.0</t>
  </si>
  <si>
    <t>27299203.0</t>
  </si>
  <si>
    <t>16487356.0</t>
  </si>
  <si>
    <t>489553.0</t>
  </si>
  <si>
    <t>297761.0</t>
  </si>
  <si>
    <t>508013.0</t>
  </si>
  <si>
    <t>43976245.0</t>
  </si>
  <si>
    <t>27979218.0</t>
  </si>
  <si>
    <t>16827971.0</t>
  </si>
  <si>
    <t>476012.0</t>
  </si>
  <si>
    <t>293041.0</t>
  </si>
  <si>
    <t>474350.0</t>
  </si>
  <si>
    <t>298153.0</t>
  </si>
  <si>
    <t>472688.0</t>
  </si>
  <si>
    <t>303264.0</t>
  </si>
  <si>
    <t>471025.0</t>
  </si>
  <si>
    <t>469363.0</t>
  </si>
  <si>
    <t>46239670.0</t>
  </si>
  <si>
    <t>29529394.0</t>
  </si>
  <si>
    <t>17567408.0</t>
  </si>
  <si>
    <t>467700.0</t>
  </si>
  <si>
    <t>318599.0</t>
  </si>
  <si>
    <t>471679.0</t>
  </si>
  <si>
    <t>316516.0</t>
  </si>
  <si>
    <t>475658.0</t>
  </si>
  <si>
    <t>314432.0</t>
  </si>
  <si>
    <t>47838944.0</t>
  </si>
  <si>
    <t>30505670.0</t>
  </si>
  <si>
    <t>18205046.0</t>
  </si>
  <si>
    <t>487145.0</t>
  </si>
  <si>
    <t>316631.0</t>
  </si>
  <si>
    <t>490597.0</t>
  </si>
  <si>
    <t>309396.0</t>
  </si>
  <si>
    <t>494049.0</t>
  </si>
  <si>
    <t>302161.0</t>
  </si>
  <si>
    <t>497501.0</t>
  </si>
  <si>
    <t>49746337.0</t>
  </si>
  <si>
    <t>31543226.0</t>
  </si>
  <si>
    <t>19089596.0</t>
  </si>
  <si>
    <t>500952.0</t>
  </si>
  <si>
    <t>287690.0</t>
  </si>
  <si>
    <t>499189.0</t>
  </si>
  <si>
    <t>281125.0</t>
  </si>
  <si>
    <t>50787836.0</t>
  </si>
  <si>
    <t>32102167.0</t>
  </si>
  <si>
    <t>19579824.0</t>
  </si>
  <si>
    <t>497426.0</t>
  </si>
  <si>
    <t>28.92</t>
  </si>
  <si>
    <t>274560.0</t>
  </si>
  <si>
    <t>493819.0</t>
  </si>
  <si>
    <t>263647.0</t>
  </si>
  <si>
    <t>498246.0</t>
  </si>
  <si>
    <t>262167.0</t>
  </si>
  <si>
    <t>502673.0</t>
  </si>
  <si>
    <t>260687.0</t>
  </si>
  <si>
    <t>52819190.0</t>
  </si>
  <si>
    <t>33098284.0</t>
  </si>
  <si>
    <t>20627388.0</t>
  </si>
  <si>
    <t>507100.0</t>
  </si>
  <si>
    <t>259207.0</t>
  </si>
  <si>
    <t>499617.0</t>
  </si>
  <si>
    <t>251340.0</t>
  </si>
  <si>
    <t>485862.0</t>
  </si>
  <si>
    <t>240604.0</t>
  </si>
  <si>
    <t>472107.0</t>
  </si>
  <si>
    <t>229868.0</t>
  </si>
  <si>
    <t>460196.0</t>
  </si>
  <si>
    <t>223481.0</t>
  </si>
  <si>
    <t>448286.0</t>
  </si>
  <si>
    <t>436375.0</t>
  </si>
  <si>
    <t>210706.0</t>
  </si>
  <si>
    <t>424464.0</t>
  </si>
  <si>
    <t>204319.0</t>
  </si>
  <si>
    <t>278072.2</t>
  </si>
  <si>
    <t>2505.37849791571</t>
  </si>
  <si>
    <t>57488298.0</t>
  </si>
  <si>
    <t>35345794.0</t>
  </si>
  <si>
    <t>22829583.0</t>
  </si>
  <si>
    <t>411966.0</t>
  </si>
  <si>
    <t>195456.0</t>
  </si>
  <si>
    <t>399467.0</t>
  </si>
  <si>
    <t>186594.0</t>
  </si>
  <si>
    <t>386968.0</t>
  </si>
  <si>
    <t>177731.0</t>
  </si>
  <si>
    <t>58836189.0</t>
  </si>
  <si>
    <t>35914913.0</t>
  </si>
  <si>
    <t>23557717.0</t>
  </si>
  <si>
    <t>374469.0</t>
  </si>
  <si>
    <t>168868.0</t>
  </si>
  <si>
    <t>362579.0</t>
  </si>
  <si>
    <t>159953.0</t>
  </si>
  <si>
    <t>350690.0</t>
  </si>
  <si>
    <t>151039.0</t>
  </si>
  <si>
    <t>338800.0</t>
  </si>
  <si>
    <t>339409.0</t>
  </si>
  <si>
    <t>142073.0</t>
  </si>
  <si>
    <t>340018.0</t>
  </si>
  <si>
    <t>142021.0</t>
  </si>
  <si>
    <t>340627.0</t>
  </si>
  <si>
    <t>141969.0</t>
  </si>
  <si>
    <t>61224838.0</t>
  </si>
  <si>
    <t>36908333.0</t>
  </si>
  <si>
    <t>24839799.0</t>
  </si>
  <si>
    <t>341236.0</t>
  </si>
  <si>
    <t>141917.0</t>
  </si>
  <si>
    <t>330402.0</t>
  </si>
  <si>
    <t>137089.0</t>
  </si>
  <si>
    <t>319569.0</t>
  </si>
  <si>
    <t>132262.0</t>
  </si>
  <si>
    <t>308736.0</t>
  </si>
  <si>
    <t>127434.0</t>
  </si>
  <si>
    <t>297903.0</t>
  </si>
  <si>
    <t>122606.0</t>
  </si>
  <si>
    <t>287069.0</t>
  </si>
  <si>
    <t>117779.0</t>
  </si>
  <si>
    <t>62817255.0</t>
  </si>
  <si>
    <t>37557072.0</t>
  </si>
  <si>
    <t>25737665.0</t>
  </si>
  <si>
    <t>276236.0</t>
  </si>
  <si>
    <t>112951.0</t>
  </si>
  <si>
    <t>266213.0</t>
  </si>
  <si>
    <t>106534.0</t>
  </si>
  <si>
    <t>267024.0</t>
  </si>
  <si>
    <t>104945.0</t>
  </si>
  <si>
    <t>63630482.0</t>
  </si>
  <si>
    <t>37848068.0</t>
  </si>
  <si>
    <t>26217949.0</t>
  </si>
  <si>
    <t>267834.0</t>
  </si>
  <si>
    <t>103356.0</t>
  </si>
  <si>
    <t>263787.0</t>
  </si>
  <si>
    <t>98971.0</t>
  </si>
  <si>
    <t>259740.0</t>
  </si>
  <si>
    <t>94587.0</t>
  </si>
  <si>
    <t>255693.0</t>
  </si>
  <si>
    <t>90202.0</t>
  </si>
  <si>
    <t>251646.0</t>
  </si>
  <si>
    <t>246789.0</t>
  </si>
  <si>
    <t>65052928.0</t>
  </si>
  <si>
    <t>38312663.0</t>
  </si>
  <si>
    <t>27165187.0</t>
  </si>
  <si>
    <t>241932.0</t>
  </si>
  <si>
    <t>80228.0</t>
  </si>
  <si>
    <t>247261.0</t>
  </si>
  <si>
    <t>83574.0</t>
  </si>
  <si>
    <t>288625.6</t>
  </si>
  <si>
    <t>2600.46265749694</t>
  </si>
  <si>
    <t>257447.0</t>
  </si>
  <si>
    <t>89716.0</t>
  </si>
  <si>
    <t>267634.0</t>
  </si>
  <si>
    <t>95858.0</t>
  </si>
  <si>
    <t>277821.0</t>
  </si>
  <si>
    <t>101999.0</t>
  </si>
  <si>
    <t>288007.0</t>
  </si>
  <si>
    <t>108141.0</t>
  </si>
  <si>
    <t>298194.0</t>
  </si>
  <si>
    <t>67211589.0</t>
  </si>
  <si>
    <t>39155636.0</t>
  </si>
  <si>
    <t>28440704.0</t>
  </si>
  <si>
    <t>308380.0</t>
  </si>
  <si>
    <t>120425.0</t>
  </si>
  <si>
    <t>288769.0</t>
  </si>
  <si>
    <t>110923.0</t>
  </si>
  <si>
    <t>269158.0</t>
  </si>
  <si>
    <t>67724897.0</t>
  </si>
  <si>
    <t>39317370.0</t>
  </si>
  <si>
    <t>28777097.0</t>
  </si>
  <si>
    <t>249547.0</t>
  </si>
  <si>
    <t>91919.0</t>
  </si>
  <si>
    <t>229215.0</t>
  </si>
  <si>
    <t>85732.0</t>
  </si>
  <si>
    <t>208882.0</t>
  </si>
  <si>
    <t>188550.0</t>
  </si>
  <si>
    <t>73357.0</t>
  </si>
  <si>
    <t>168217.0</t>
  </si>
  <si>
    <t>167496.0</t>
  </si>
  <si>
    <t>70485.0</t>
  </si>
  <si>
    <t>166775.0</t>
  </si>
  <si>
    <t>73800.0</t>
  </si>
  <si>
    <t>166053.0</t>
  </si>
  <si>
    <t>77114.0</t>
  </si>
  <si>
    <t>811171.0</t>
  </si>
  <si>
    <t>69385430.0</t>
  </si>
  <si>
    <t>40088514.0</t>
  </si>
  <si>
    <t>29465603.0</t>
  </si>
  <si>
    <t>168844.0</t>
  </si>
  <si>
    <t>80048.0</t>
  </si>
  <si>
    <t>171635.0</t>
  </si>
  <si>
    <t>82981.0</t>
  </si>
  <si>
    <t>174425.0</t>
  </si>
  <si>
    <t>85915.0</t>
  </si>
  <si>
    <t>177216.0</t>
  </si>
  <si>
    <t>88848.0</t>
  </si>
  <si>
    <t>985931.0</t>
  </si>
  <si>
    <t>180007.0</t>
  </si>
  <si>
    <t>182797.0</t>
  </si>
  <si>
    <t>94715.0</t>
  </si>
  <si>
    <t>70684545.0</t>
  </si>
  <si>
    <t>40772051.0</t>
  </si>
  <si>
    <t>29953832.0</t>
  </si>
  <si>
    <t>185588.0</t>
  </si>
  <si>
    <t>97648.0</t>
  </si>
  <si>
    <t>191317.0</t>
  </si>
  <si>
    <t>103743.0</t>
  </si>
  <si>
    <t>197047.0</t>
  </si>
  <si>
    <t>109838.0</t>
  </si>
  <si>
    <t>308643.8</t>
  </si>
  <si>
    <t>2780.82289432383</t>
  </si>
  <si>
    <t>71361630.0</t>
  </si>
  <si>
    <t>41192990.0</t>
  </si>
  <si>
    <t>30174310.0</t>
  </si>
  <si>
    <t>202777.0</t>
  </si>
  <si>
    <t>37.11</t>
  </si>
  <si>
    <t>115933.0</t>
  </si>
  <si>
    <t>127966.0</t>
  </si>
  <si>
    <t>231518.0</t>
  </si>
  <si>
    <t>139998.0</t>
  </si>
  <si>
    <t>1104196.0</t>
  </si>
  <si>
    <t>245888.0</t>
  </si>
  <si>
    <t>152031.0</t>
  </si>
  <si>
    <t>260259.0</t>
  </si>
  <si>
    <t>268900.0</t>
  </si>
  <si>
    <t>170001.0</t>
  </si>
  <si>
    <t>5997796.0</t>
  </si>
  <si>
    <t>54.894</t>
  </si>
  <si>
    <t>277541.0</t>
  </si>
  <si>
    <t>175938.0</t>
  </si>
  <si>
    <t>286182.0</t>
  </si>
  <si>
    <t>181876.0</t>
  </si>
  <si>
    <t>6002912.0</t>
  </si>
  <si>
    <t>1393678.0</t>
  </si>
  <si>
    <t>0.5153</t>
  </si>
  <si>
    <t>0.4766</t>
  </si>
  <si>
    <t>75368174.0</t>
  </si>
  <si>
    <t>43739249.0</t>
  </si>
  <si>
    <t>31254429.0</t>
  </si>
  <si>
    <t>283836.0</t>
  </si>
  <si>
    <t>178536.0</t>
  </si>
  <si>
    <t>1462500.0</t>
  </si>
  <si>
    <t>281490.0</t>
  </si>
  <si>
    <t>175196.0</t>
  </si>
  <si>
    <t>279144.0</t>
  </si>
  <si>
    <t>171857.0</t>
  </si>
  <si>
    <t>276799.0</t>
  </si>
  <si>
    <t>168517.0</t>
  </si>
  <si>
    <t>6007001.0</t>
  </si>
  <si>
    <t>54.978</t>
  </si>
  <si>
    <t>76716981.0</t>
  </si>
  <si>
    <t>44531740.0</t>
  </si>
  <si>
    <t>31722116.0</t>
  </si>
  <si>
    <t>1779114.0</t>
  </si>
  <si>
    <t>274453.0</t>
  </si>
  <si>
    <t>69.12</t>
  </si>
  <si>
    <t>165177.0</t>
  </si>
  <si>
    <t>259323.0</t>
  </si>
  <si>
    <t>151205.0</t>
  </si>
  <si>
    <t>244193.0</t>
  </si>
  <si>
    <t>137233.0</t>
  </si>
  <si>
    <t>0.9089</t>
  </si>
  <si>
    <t>231409.0</t>
  </si>
  <si>
    <t>126601.0</t>
  </si>
  <si>
    <t>6012910.0</t>
  </si>
  <si>
    <t>55.032</t>
  </si>
  <si>
    <t>0.7733</t>
  </si>
  <si>
    <t>218625.0</t>
  </si>
  <si>
    <t>115969.0</t>
  </si>
  <si>
    <t>205840.0</t>
  </si>
  <si>
    <t>105336.0</t>
  </si>
  <si>
    <t>193056.0</t>
  </si>
  <si>
    <t>94704.0</t>
  </si>
  <si>
    <t>77978885.0</t>
  </si>
  <si>
    <t>45120240.0</t>
  </si>
  <si>
    <t>32207635.0</t>
  </si>
  <si>
    <t>1982127.0</t>
  </si>
  <si>
    <t>180272.0</t>
  </si>
  <si>
    <t>84071.0</t>
  </si>
  <si>
    <t>173734.0</t>
  </si>
  <si>
    <t>78884.0</t>
  </si>
  <si>
    <t>167195.0</t>
  </si>
  <si>
    <t>73697.0</t>
  </si>
  <si>
    <t>160657.0</t>
  </si>
  <si>
    <t>68510.0</t>
  </si>
  <si>
    <t>315916.4</t>
  </si>
  <si>
    <t>2846.3476597047</t>
  </si>
  <si>
    <t>6122287.0</t>
  </si>
  <si>
    <t>56.033</t>
  </si>
  <si>
    <t>147581.0</t>
  </si>
  <si>
    <t>58135.0</t>
  </si>
  <si>
    <t>141042.0</t>
  </si>
  <si>
    <t>52948.0</t>
  </si>
  <si>
    <t>65314.0</t>
  </si>
  <si>
    <t>47761.0</t>
  </si>
  <si>
    <t>91135.0</t>
  </si>
  <si>
    <t>116957.0</t>
  </si>
  <si>
    <t>142778.0</t>
  </si>
  <si>
    <t>194420.0</t>
  </si>
  <si>
    <t>347.8</t>
  </si>
  <si>
    <t>80130948.0</t>
  </si>
  <si>
    <t>45884414.0</t>
  </si>
  <si>
    <t>33441703.0</t>
  </si>
  <si>
    <t>2198058.0</t>
  </si>
  <si>
    <t>45322.0</t>
  </si>
  <si>
    <t>128625.0</t>
  </si>
  <si>
    <t>42882.0</t>
  </si>
  <si>
    <t>125686.0</t>
  </si>
  <si>
    <t>122746.0</t>
  </si>
  <si>
    <t>119807.0</t>
  </si>
  <si>
    <t>35565.0</t>
  </si>
  <si>
    <t>116867.0</t>
  </si>
  <si>
    <t>33125.0</t>
  </si>
  <si>
    <t>113928.0</t>
  </si>
  <si>
    <t>30686.0</t>
  </si>
  <si>
    <t>81384156.0</t>
  </si>
  <si>
    <t>46221961.0</t>
  </si>
  <si>
    <t>34130697.0</t>
  </si>
  <si>
    <t>2450111.0</t>
  </si>
  <si>
    <t>110576.0</t>
  </si>
  <si>
    <t>107224.0</t>
  </si>
  <si>
    <t>103871.0</t>
  </si>
  <si>
    <t>100519.0</t>
  </si>
  <si>
    <t>97167.0</t>
  </si>
  <si>
    <t>26045.0</t>
  </si>
  <si>
    <t>93815.0</t>
  </si>
  <si>
    <t>25117.0</t>
  </si>
  <si>
    <t>82017392.0</t>
  </si>
  <si>
    <t>46391282.0</t>
  </si>
  <si>
    <t>34431166.0</t>
  </si>
  <si>
    <t>2626381.0</t>
  </si>
  <si>
    <t>90462.0</t>
  </si>
  <si>
    <t>318452.8</t>
  </si>
  <si>
    <t>2869.20014917367</t>
  </si>
  <si>
    <t>11954884.0</t>
  </si>
  <si>
    <t>109.415</t>
  </si>
  <si>
    <t>81913.0</t>
  </si>
  <si>
    <t>19785.0</t>
  </si>
  <si>
    <t>64815.0</t>
  </si>
  <si>
    <t>17582.0</t>
  </si>
  <si>
    <t>82139865.0</t>
  </si>
  <si>
    <t>46426378.0</t>
  </si>
  <si>
    <t>34481890.0</t>
  </si>
  <si>
    <t>2664594.0</t>
  </si>
  <si>
    <t>56266.0</t>
  </si>
  <si>
    <t>51804.0</t>
  </si>
  <si>
    <t>47342.0</t>
  </si>
  <si>
    <t>42880.0</t>
  </si>
  <si>
    <t>82376780.0</t>
  </si>
  <si>
    <t>46490815.0</t>
  </si>
  <si>
    <t>34569036.0</t>
  </si>
  <si>
    <t>2754574.0</t>
  </si>
  <si>
    <t>53360.0</t>
  </si>
  <si>
    <t>14784.0</t>
  </si>
  <si>
    <t>59752.0</t>
  </si>
  <si>
    <t>16603.0</t>
  </si>
  <si>
    <t>18421.0</t>
  </si>
  <si>
    <t>68450.0</t>
  </si>
  <si>
    <t>19962.0</t>
  </si>
  <si>
    <t>82828973.0</t>
  </si>
  <si>
    <t>46619835.0</t>
  </si>
  <si>
    <t>34733577.0</t>
  </si>
  <si>
    <t>2919795.0</t>
  </si>
  <si>
    <t>73060.0</t>
  </si>
  <si>
    <t>82907695.0</t>
  </si>
  <si>
    <t>46643770.0</t>
  </si>
  <si>
    <t>34761879.0</t>
  </si>
  <si>
    <t>2947183.0</t>
  </si>
  <si>
    <t>75845.0</t>
  </si>
  <si>
    <t>21851.0</t>
  </si>
  <si>
    <t>87533.0</t>
  </si>
  <si>
    <t>30280.0</t>
  </si>
  <si>
    <t>38710.0</t>
  </si>
  <si>
    <t>110908.0</t>
  </si>
  <si>
    <t>55568.0</t>
  </si>
  <si>
    <t>134283.0</t>
  </si>
  <si>
    <t>63998.0</t>
  </si>
  <si>
    <t>72427.0</t>
  </si>
  <si>
    <t>157178.0</t>
  </si>
  <si>
    <t>80509.0</t>
  </si>
  <si>
    <t>85265369.0</t>
  </si>
  <si>
    <t>47851408.0</t>
  </si>
  <si>
    <t>155369.0</t>
  </si>
  <si>
    <t>69008.0</t>
  </si>
  <si>
    <t>319478.6</t>
  </si>
  <si>
    <t>2878.44241525839</t>
  </si>
  <si>
    <t>153559.0</t>
  </si>
  <si>
    <t>151750.0</t>
  </si>
  <si>
    <t>46005.0</t>
  </si>
  <si>
    <t>149940.0</t>
  </si>
  <si>
    <t>148131.0</t>
  </si>
  <si>
    <t>86132442.0</t>
  </si>
  <si>
    <t>146322.0</t>
  </si>
  <si>
    <t>154343.0</t>
  </si>
  <si>
    <t>164174.0</t>
  </si>
  <si>
    <t>174005.0</t>
  </si>
  <si>
    <t>183836.0</t>
  </si>
  <si>
    <t>193667.0</t>
  </si>
  <si>
    <t>203498.0</t>
  </si>
  <si>
    <t>213329.0</t>
  </si>
  <si>
    <t>88052405.0</t>
  </si>
  <si>
    <t>4410293.0</t>
  </si>
  <si>
    <t>209244.0</t>
  </si>
  <si>
    <t>205158.0</t>
  </si>
  <si>
    <t>201072.0</t>
  </si>
  <si>
    <t>196987.0</t>
  </si>
  <si>
    <t>192901.0</t>
  </si>
  <si>
    <t>89160782.0</t>
  </si>
  <si>
    <t>4798479.0</t>
  </si>
  <si>
    <t>188815.0</t>
  </si>
  <si>
    <t>183108.0</t>
  </si>
  <si>
    <t>181486.0</t>
  </si>
  <si>
    <t>179864.0</t>
  </si>
  <si>
    <t>178242.0</t>
  </si>
  <si>
    <t>176620.0</t>
  </si>
  <si>
    <t>174998.0</t>
  </si>
  <si>
    <t>90374411.0</t>
  </si>
  <si>
    <t>48283385.0</t>
  </si>
  <si>
    <t>35136269.0</t>
  </si>
  <si>
    <t>5217106.0</t>
  </si>
  <si>
    <t>173376.0</t>
  </si>
  <si>
    <t>225245.0</t>
  </si>
  <si>
    <t>167947.0</t>
  </si>
  <si>
    <t>91447330.0</t>
  </si>
  <si>
    <t>50399016.0</t>
  </si>
  <si>
    <t>37289388.0</t>
  </si>
  <si>
    <t>5584684.0</t>
  </si>
  <si>
    <t>277114.0</t>
  </si>
  <si>
    <t>316258.0</t>
  </si>
  <si>
    <t>271738.0</t>
  </si>
  <si>
    <t>321536.0</t>
  </si>
  <si>
    <t>318967.0</t>
  </si>
  <si>
    <t>-1.19</t>
  </si>
  <si>
    <t>2873.83299497281</t>
  </si>
  <si>
    <t>266361.0</t>
  </si>
  <si>
    <t>326814.0</t>
  </si>
  <si>
    <t>260985.0</t>
  </si>
  <si>
    <t>332092.0</t>
  </si>
  <si>
    <t>255609.0</t>
  </si>
  <si>
    <t>250232.0</t>
  </si>
  <si>
    <t>342648.0</t>
  </si>
  <si>
    <t>92261780.0</t>
  </si>
  <si>
    <t>50738501.0</t>
  </si>
  <si>
    <t>37563097.0</t>
  </si>
  <si>
    <t>5883774.0</t>
  </si>
  <si>
    <t>192987.0</t>
  </si>
  <si>
    <t>199614.0</t>
  </si>
  <si>
    <t>126063.0</t>
  </si>
  <si>
    <t>116384.0</t>
  </si>
  <si>
    <t>46735.0</t>
  </si>
  <si>
    <t>106705.0</t>
  </si>
  <si>
    <t>41811.0</t>
  </si>
  <si>
    <t>97026.0</t>
  </si>
  <si>
    <t>36888.0</t>
  </si>
  <si>
    <t>87347.0</t>
  </si>
  <si>
    <t>77668.0</t>
  </si>
  <si>
    <t>27042.0</t>
  </si>
  <si>
    <t>67989.0</t>
  </si>
  <si>
    <t>93009661.0</t>
  </si>
  <si>
    <t>50981808.0</t>
  </si>
  <si>
    <t>37842081.0</t>
  </si>
  <si>
    <t>6183619.0</t>
  </si>
  <si>
    <t>119159.0</t>
  </si>
  <si>
    <t>38630.0</t>
  </si>
  <si>
    <t>170329.0</t>
  </si>
  <si>
    <t>55141.0</t>
  </si>
  <si>
    <t>94288193.0</t>
  </si>
  <si>
    <t>51394896.0</t>
  </si>
  <si>
    <t>38312748.0</t>
  </si>
  <si>
    <t>6710741.0</t>
  </si>
  <si>
    <t>221498.0</t>
  </si>
  <si>
    <t>71652.0</t>
  </si>
  <si>
    <t>228482.0</t>
  </si>
  <si>
    <t>235467.0</t>
  </si>
  <si>
    <t>76905.0</t>
  </si>
  <si>
    <t>242451.0</t>
  </si>
  <si>
    <t>79531.0</t>
  </si>
  <si>
    <t>249435.0</t>
  </si>
  <si>
    <t>82157.0</t>
  </si>
  <si>
    <t>205249.0</t>
  </si>
  <si>
    <t>161063.0</t>
  </si>
  <si>
    <t>54388.0</t>
  </si>
  <si>
    <t>116878.0</t>
  </si>
  <si>
    <t>40503.0</t>
  </si>
  <si>
    <t>95223214.0</t>
  </si>
  <si>
    <t>51718920.0</t>
  </si>
  <si>
    <t>38603443.0</t>
  </si>
  <si>
    <t>7135881.0</t>
  </si>
  <si>
    <t>112368.0</t>
  </si>
  <si>
    <t>107859.0</t>
  </si>
  <si>
    <t>37964.0</t>
  </si>
  <si>
    <t>103350.0</t>
  </si>
  <si>
    <t>36694.0</t>
  </si>
  <si>
    <t>98841.0</t>
  </si>
  <si>
    <t>35425.0</t>
  </si>
  <si>
    <t>317289.2</t>
  </si>
  <si>
    <t>2858.71633086974</t>
  </si>
  <si>
    <t>94332.0</t>
  </si>
  <si>
    <t>34155.0</t>
  </si>
  <si>
    <t>89823.0</t>
  </si>
  <si>
    <t>96161665.0</t>
  </si>
  <si>
    <t>52066692.0</t>
  </si>
  <si>
    <t>38866849.0</t>
  </si>
  <si>
    <t>7559210.0</t>
  </si>
  <si>
    <t>79803.0</t>
  </si>
  <si>
    <t>74291.0</t>
  </si>
  <si>
    <t>27860.0</t>
  </si>
  <si>
    <t>25982.0</t>
  </si>
  <si>
    <t>24104.0</t>
  </si>
  <si>
    <t>52247.0</t>
  </si>
  <si>
    <t>20348.0</t>
  </si>
  <si>
    <t>46736.0</t>
  </si>
  <si>
    <t>96535551.0</t>
  </si>
  <si>
    <t>52214452.0</t>
  </si>
  <si>
    <t>38984460.0</t>
  </si>
  <si>
    <t>7758648.0</t>
  </si>
  <si>
    <t>52945.0</t>
  </si>
  <si>
    <t>59154.0</t>
  </si>
  <si>
    <t>21348.0</t>
  </si>
  <si>
    <t>65363.0</t>
  </si>
  <si>
    <t>77781.0</t>
  </si>
  <si>
    <t>25665.0</t>
  </si>
  <si>
    <t>97076742.0</t>
  </si>
  <si>
    <t>52385711.0</t>
  </si>
  <si>
    <t>39127611.0</t>
  </si>
  <si>
    <t>7981031.0</t>
  </si>
  <si>
    <t>83990.0</t>
  </si>
  <si>
    <t>27104.0</t>
  </si>
  <si>
    <t>26988.0</t>
  </si>
  <si>
    <t>79872.0</t>
  </si>
  <si>
    <t>25432.0</t>
  </si>
  <si>
    <t>23876.0</t>
  </si>
  <si>
    <t>69546.0</t>
  </si>
  <si>
    <t>19210.0</t>
  </si>
  <si>
    <t>17654.0</t>
  </si>
  <si>
    <t>97563259.0</t>
  </si>
  <si>
    <t>52544598.0</t>
  </si>
  <si>
    <t>39257423.0</t>
  </si>
  <si>
    <t>8220764.0</t>
  </si>
  <si>
    <t>53352.0</t>
  </si>
  <si>
    <t>17365.0</t>
  </si>
  <si>
    <t>315795.8</t>
  </si>
  <si>
    <t>2845.26107626756</t>
  </si>
  <si>
    <t>52647.0</t>
  </si>
  <si>
    <t>17077.0</t>
  </si>
  <si>
    <t>51942.0</t>
  </si>
  <si>
    <t>51237.0</t>
  </si>
  <si>
    <t>97808869.0</t>
  </si>
  <si>
    <t>52622762.0</t>
  </si>
  <si>
    <t>39320073.0</t>
  </si>
  <si>
    <t>8346430.0</t>
  </si>
  <si>
    <t>50532.0</t>
  </si>
  <si>
    <t>16210.0</t>
  </si>
  <si>
    <t>47112.0</t>
  </si>
  <si>
    <t>15089.0</t>
  </si>
  <si>
    <t>43693.0</t>
  </si>
  <si>
    <t>13967.0</t>
  </si>
  <si>
    <t>40978.0</t>
  </si>
  <si>
    <t>38263.0</t>
  </si>
  <si>
    <t>35549.0</t>
  </si>
  <si>
    <t>32834.0</t>
  </si>
  <si>
    <t>98019706.0</t>
  </si>
  <si>
    <t>52691386.0</t>
  </si>
  <si>
    <t>39372755.0</t>
  </si>
  <si>
    <t>8455487.0</t>
  </si>
  <si>
    <t>29773.0</t>
  </si>
  <si>
    <t>29599.0</t>
  </si>
  <si>
    <t>29425.0</t>
  </si>
  <si>
    <t>29252.0</t>
  </si>
  <si>
    <t>98424374.0</t>
  </si>
  <si>
    <t>52817695.0</t>
  </si>
  <si>
    <t>39474487.0</t>
  </si>
  <si>
    <t>8665916.0</t>
  </si>
  <si>
    <t>14081.0</t>
  </si>
  <si>
    <t>55436.0</t>
  </si>
  <si>
    <t>24200.0</t>
  </si>
  <si>
    <t>98911424.0</t>
  </si>
  <si>
    <t>52995443.0</t>
  </si>
  <si>
    <t>39585392.0</t>
  </si>
  <si>
    <t>8906072.0</t>
  </si>
  <si>
    <t>81966.0</t>
  </si>
  <si>
    <t>29259.0</t>
  </si>
  <si>
    <t>85020.0</t>
  </si>
  <si>
    <t>30666.0</t>
  </si>
  <si>
    <t>315535.2</t>
  </si>
  <si>
    <t>2842.9131190228</t>
  </si>
  <si>
    <t>88074.0</t>
  </si>
  <si>
    <t>32072.0</t>
  </si>
  <si>
    <t>91127.0</t>
  </si>
  <si>
    <t>33479.0</t>
  </si>
  <si>
    <t>80916.0</t>
  </si>
  <si>
    <t>26174.0</t>
  </si>
  <si>
    <t>50280.0</t>
  </si>
  <si>
    <t>100118154.0</t>
  </si>
  <si>
    <t>53448279.0</t>
  </si>
  <si>
    <t>39871333.0</t>
  </si>
  <si>
    <t>9467053.0</t>
  </si>
  <si>
    <t>46883.0</t>
  </si>
  <si>
    <t>17162.0</t>
  </si>
  <si>
    <t>40088.0</t>
  </si>
  <si>
    <t>13751.0</t>
  </si>
  <si>
    <t>36691.0</t>
  </si>
  <si>
    <t>33293.0</t>
  </si>
  <si>
    <t>10340.0</t>
  </si>
  <si>
    <t>100303642.0</t>
  </si>
  <si>
    <t>53496777.0</t>
  </si>
  <si>
    <t>39910404.0</t>
  </si>
  <si>
    <t>9564972.0</t>
  </si>
  <si>
    <t>25674.0</t>
  </si>
  <si>
    <t>24849.0</t>
  </si>
  <si>
    <t>24025.0</t>
  </si>
  <si>
    <t>100448725.0</t>
  </si>
  <si>
    <t>53551563.0</t>
  </si>
  <si>
    <t>39959950.0</t>
  </si>
  <si>
    <t>9630728.0</t>
  </si>
  <si>
    <t>6827.0</t>
  </si>
  <si>
    <t>17534.0</t>
  </si>
  <si>
    <t>16470.0</t>
  </si>
  <si>
    <t>100554948.0</t>
  </si>
  <si>
    <t>53586191.0</t>
  </si>
  <si>
    <t>39984251.0</t>
  </si>
  <si>
    <t>9686999.0</t>
  </si>
  <si>
    <t>14285.0</t>
  </si>
  <si>
    <t>100740657.0</t>
  </si>
  <si>
    <t>53646548.0</t>
  </si>
  <si>
    <t>40028636.0</t>
  </si>
  <si>
    <t>9784616.0</t>
  </si>
  <si>
    <t>13664.0</t>
  </si>
  <si>
    <t>12420.0</t>
  </si>
  <si>
    <t>100825424.0</t>
  </si>
  <si>
    <t>53675774.0</t>
  </si>
  <si>
    <t>40049799.0</t>
  </si>
  <si>
    <t>9828033.0</t>
  </si>
  <si>
    <t>100993230.0</t>
  </si>
  <si>
    <t>53731514.0</t>
  </si>
  <si>
    <t>40092338.0</t>
  </si>
  <si>
    <t>9915716.0</t>
  </si>
  <si>
    <t>SLV</t>
  </si>
  <si>
    <t>El Salvador</t>
  </si>
  <si>
    <t>-655.4</t>
  </si>
  <si>
    <t>-6.01</t>
  </si>
  <si>
    <t>-20.31</t>
  </si>
  <si>
    <t>-103.434240900146</t>
  </si>
  <si>
    <t>13797.0</t>
  </si>
  <si>
    <t>-2226.8</t>
  </si>
  <si>
    <t>-15.47</t>
  </si>
  <si>
    <t>-45.19</t>
  </si>
  <si>
    <t>-351.430222210018</t>
  </si>
  <si>
    <t>22072.0</t>
  </si>
  <si>
    <t>23707.0</t>
  </si>
  <si>
    <t>3.755</t>
  </si>
  <si>
    <t>25498.0</t>
  </si>
  <si>
    <t>4.038</t>
  </si>
  <si>
    <t>28739.0</t>
  </si>
  <si>
    <t>30522.0</t>
  </si>
  <si>
    <t>4.834</t>
  </si>
  <si>
    <t>32417.0</t>
  </si>
  <si>
    <t>5.733</t>
  </si>
  <si>
    <t>6.043</t>
  </si>
  <si>
    <t>40037.0</t>
  </si>
  <si>
    <t>41942.0</t>
  </si>
  <si>
    <t>44024.0</t>
  </si>
  <si>
    <t>6.972</t>
  </si>
  <si>
    <t>46253.0</t>
  </si>
  <si>
    <t>7.325</t>
  </si>
  <si>
    <t>48523.0</t>
  </si>
  <si>
    <t>50805.0</t>
  </si>
  <si>
    <t>52994.0</t>
  </si>
  <si>
    <t>55452.0</t>
  </si>
  <si>
    <t>57949.0</t>
  </si>
  <si>
    <t>60337.0</t>
  </si>
  <si>
    <t>9.556</t>
  </si>
  <si>
    <t>62774.0</t>
  </si>
  <si>
    <t>9.942</t>
  </si>
  <si>
    <t>65336.0</t>
  </si>
  <si>
    <t>10.348</t>
  </si>
  <si>
    <t>10.726</t>
  </si>
  <si>
    <t>11.127</t>
  </si>
  <si>
    <t>72593.0</t>
  </si>
  <si>
    <t>74822.0</t>
  </si>
  <si>
    <t>77354.0</t>
  </si>
  <si>
    <t>12.251</t>
  </si>
  <si>
    <t>79761.0</t>
  </si>
  <si>
    <t>12.632</t>
  </si>
  <si>
    <t>82083.0</t>
  </si>
  <si>
    <t>84469.0</t>
  </si>
  <si>
    <t>13.378</t>
  </si>
  <si>
    <t>86948.0</t>
  </si>
  <si>
    <t>-3808.6</t>
  </si>
  <si>
    <t>-21.1</t>
  </si>
  <si>
    <t>-43.17</t>
  </si>
  <si>
    <t>-601.067515856419</t>
  </si>
  <si>
    <t>89383.0</t>
  </si>
  <si>
    <t>91758.0</t>
  </si>
  <si>
    <t>94289.0</t>
  </si>
  <si>
    <t>14.933</t>
  </si>
  <si>
    <t>99171.0</t>
  </si>
  <si>
    <t>15.706</t>
  </si>
  <si>
    <t>101659.0</t>
  </si>
  <si>
    <t>104035.0</t>
  </si>
  <si>
    <t>106385.0</t>
  </si>
  <si>
    <t>108767.0</t>
  </si>
  <si>
    <t>17.226</t>
  </si>
  <si>
    <t>111138.0</t>
  </si>
  <si>
    <t>17.601</t>
  </si>
  <si>
    <t>113594.0</t>
  </si>
  <si>
    <t>118471.0</t>
  </si>
  <si>
    <t>18.763</t>
  </si>
  <si>
    <t>120870.0</t>
  </si>
  <si>
    <t>19.143</t>
  </si>
  <si>
    <t>123315.0</t>
  </si>
  <si>
    <t>125788.0</t>
  </si>
  <si>
    <t>19.922</t>
  </si>
  <si>
    <t>128262.0</t>
  </si>
  <si>
    <t>20.313</t>
  </si>
  <si>
    <t>130681.0</t>
  </si>
  <si>
    <t>20.696</t>
  </si>
  <si>
    <t>21.081</t>
  </si>
  <si>
    <t>135540.0</t>
  </si>
  <si>
    <t>21.466</t>
  </si>
  <si>
    <t>137997.0</t>
  </si>
  <si>
    <t>21.855</t>
  </si>
  <si>
    <t>140452.0</t>
  </si>
  <si>
    <t>22.244</t>
  </si>
  <si>
    <t>142882.0</t>
  </si>
  <si>
    <t>22.629</t>
  </si>
  <si>
    <t>145363.0</t>
  </si>
  <si>
    <t>23.022</t>
  </si>
  <si>
    <t>147840.0</t>
  </si>
  <si>
    <t>150412.0</t>
  </si>
  <si>
    <t>23.821</t>
  </si>
  <si>
    <t>152910.0</t>
  </si>
  <si>
    <t>24.217</t>
  </si>
  <si>
    <t>155327.0</t>
  </si>
  <si>
    <t>157822.0</t>
  </si>
  <si>
    <t>160272.0</t>
  </si>
  <si>
    <t>25.383</t>
  </si>
  <si>
    <t>-1558.0</t>
  </si>
  <si>
    <t>-7.17</t>
  </si>
  <si>
    <t>-245.881213491651</t>
  </si>
  <si>
    <t>162695.0</t>
  </si>
  <si>
    <t>25.767</t>
  </si>
  <si>
    <t>165128.0</t>
  </si>
  <si>
    <t>26.152</t>
  </si>
  <si>
    <t>167566.0</t>
  </si>
  <si>
    <t>26.538</t>
  </si>
  <si>
    <t>170041.0</t>
  </si>
  <si>
    <t>172477.0</t>
  </si>
  <si>
    <t>27.316</t>
  </si>
  <si>
    <t>174973.0</t>
  </si>
  <si>
    <t>177472.0</t>
  </si>
  <si>
    <t>179942.0</t>
  </si>
  <si>
    <t>28.498</t>
  </si>
  <si>
    <t>182427.0</t>
  </si>
  <si>
    <t>28.892</t>
  </si>
  <si>
    <t>184857.0</t>
  </si>
  <si>
    <t>29.277</t>
  </si>
  <si>
    <t>187317.0</t>
  </si>
  <si>
    <t>29.666</t>
  </si>
  <si>
    <t>189766.0</t>
  </si>
  <si>
    <t>30.054</t>
  </si>
  <si>
    <t>192262.0</t>
  </si>
  <si>
    <t>30.449</t>
  </si>
  <si>
    <t>194748.0</t>
  </si>
  <si>
    <t>197237.0</t>
  </si>
  <si>
    <t>199720.0</t>
  </si>
  <si>
    <t>202135.0</t>
  </si>
  <si>
    <t>204557.0</t>
  </si>
  <si>
    <t>32.397</t>
  </si>
  <si>
    <t>32.785</t>
  </si>
  <si>
    <t>209554.0</t>
  </si>
  <si>
    <t>33.188</t>
  </si>
  <si>
    <t>212027.0</t>
  </si>
  <si>
    <t>33.58</t>
  </si>
  <si>
    <t>214502.0</t>
  </si>
  <si>
    <t>33.972</t>
  </si>
  <si>
    <t>216931.0</t>
  </si>
  <si>
    <t>34.356</t>
  </si>
  <si>
    <t>219373.0</t>
  </si>
  <si>
    <t>34.743</t>
  </si>
  <si>
    <t>221829.0</t>
  </si>
  <si>
    <t>35.132</t>
  </si>
  <si>
    <t>224297.0</t>
  </si>
  <si>
    <t>35.523</t>
  </si>
  <si>
    <t>226795.0</t>
  </si>
  <si>
    <t>35.918</t>
  </si>
  <si>
    <t>229197.0</t>
  </si>
  <si>
    <t>36.299</t>
  </si>
  <si>
    <t>231612.0</t>
  </si>
  <si>
    <t>36.681</t>
  </si>
  <si>
    <t>234028.0</t>
  </si>
  <si>
    <t>37.064</t>
  </si>
  <si>
    <t>236470.0</t>
  </si>
  <si>
    <t>37.451</t>
  </si>
  <si>
    <t>117.72</t>
  </si>
  <si>
    <t>476.611851569181</t>
  </si>
  <si>
    <t>238953.0</t>
  </si>
  <si>
    <t>241413.0</t>
  </si>
  <si>
    <t>38.234</t>
  </si>
  <si>
    <t>243902.0</t>
  </si>
  <si>
    <t>38.628</t>
  </si>
  <si>
    <t>246382.0</t>
  </si>
  <si>
    <t>248823.0</t>
  </si>
  <si>
    <t>39.407</t>
  </si>
  <si>
    <t>39.797</t>
  </si>
  <si>
    <t>253758.0</t>
  </si>
  <si>
    <t>256241.0</t>
  </si>
  <si>
    <t>40.582</t>
  </si>
  <si>
    <t>258698.0</t>
  </si>
  <si>
    <t>261190.0</t>
  </si>
  <si>
    <t>41.366</t>
  </si>
  <si>
    <t>263650.0</t>
  </si>
  <si>
    <t>41.755</t>
  </si>
  <si>
    <t>266168.0</t>
  </si>
  <si>
    <t>42.154</t>
  </si>
  <si>
    <t>268620.0</t>
  </si>
  <si>
    <t>42.542</t>
  </si>
  <si>
    <t>271104.0</t>
  </si>
  <si>
    <t>42.936</t>
  </si>
  <si>
    <t>273556.0</t>
  </si>
  <si>
    <t>43.324</t>
  </si>
  <si>
    <t>276054.0</t>
  </si>
  <si>
    <t>278506.0</t>
  </si>
  <si>
    <t>44.108</t>
  </si>
  <si>
    <t>281004.0</t>
  </si>
  <si>
    <t>44.504</t>
  </si>
  <si>
    <t>283418.0</t>
  </si>
  <si>
    <t>44.886</t>
  </si>
  <si>
    <t>285852.0</t>
  </si>
  <si>
    <t>45.272</t>
  </si>
  <si>
    <t>288329.0</t>
  </si>
  <si>
    <t>45.664</t>
  </si>
  <si>
    <t>290776.0</t>
  </si>
  <si>
    <t>46.051</t>
  </si>
  <si>
    <t>293223.0</t>
  </si>
  <si>
    <t>46.439</t>
  </si>
  <si>
    <t>295645.0</t>
  </si>
  <si>
    <t>46.822</t>
  </si>
  <si>
    <t>298142.0</t>
  </si>
  <si>
    <t>47.218</t>
  </si>
  <si>
    <t>300603.0</t>
  </si>
  <si>
    <t>47.608</t>
  </si>
  <si>
    <t>303088.0</t>
  </si>
  <si>
    <t>48.001</t>
  </si>
  <si>
    <t>305555.0</t>
  </si>
  <si>
    <t>48.392</t>
  </si>
  <si>
    <t>307960.0</t>
  </si>
  <si>
    <t>48.773</t>
  </si>
  <si>
    <t>310431.0</t>
  </si>
  <si>
    <t>49.164</t>
  </si>
  <si>
    <t>312920.0</t>
  </si>
  <si>
    <t>49.558</t>
  </si>
  <si>
    <t>747.901842578262</t>
  </si>
  <si>
    <t>315378.0</t>
  </si>
  <si>
    <t>49.948</t>
  </si>
  <si>
    <t>317877.0</t>
  </si>
  <si>
    <t>50.343</t>
  </si>
  <si>
    <t>320350.0</t>
  </si>
  <si>
    <t>50.735</t>
  </si>
  <si>
    <t>322830.0</t>
  </si>
  <si>
    <t>51.128</t>
  </si>
  <si>
    <t>325321.0</t>
  </si>
  <si>
    <t>51.522</t>
  </si>
  <si>
    <t>327775.0</t>
  </si>
  <si>
    <t>51.911</t>
  </si>
  <si>
    <t>330210.0</t>
  </si>
  <si>
    <t>52.297</t>
  </si>
  <si>
    <t>332642.0</t>
  </si>
  <si>
    <t>52.682</t>
  </si>
  <si>
    <t>335107.0</t>
  </si>
  <si>
    <t>53.072</t>
  </si>
  <si>
    <t>337529.0</t>
  </si>
  <si>
    <t>340029.0</t>
  </si>
  <si>
    <t>342523.0</t>
  </si>
  <si>
    <t>54.247</t>
  </si>
  <si>
    <t>345009.0</t>
  </si>
  <si>
    <t>347490.0</t>
  </si>
  <si>
    <t>55.033</t>
  </si>
  <si>
    <t>349990.0</t>
  </si>
  <si>
    <t>55.429</t>
  </si>
  <si>
    <t>352420.0</t>
  </si>
  <si>
    <t>55.814</t>
  </si>
  <si>
    <t>354876.0</t>
  </si>
  <si>
    <t>56.203</t>
  </si>
  <si>
    <t>357140.0</t>
  </si>
  <si>
    <t>56.562</t>
  </si>
  <si>
    <t>359604.0</t>
  </si>
  <si>
    <t>56.952</t>
  </si>
  <si>
    <t>363031.0</t>
  </si>
  <si>
    <t>57.495</t>
  </si>
  <si>
    <t>366498.0</t>
  </si>
  <si>
    <t>58.044</t>
  </si>
  <si>
    <t>369932.0</t>
  </si>
  <si>
    <t>58.588</t>
  </si>
  <si>
    <t>373384.0</t>
  </si>
  <si>
    <t>59.134</t>
  </si>
  <si>
    <t>378882.0</t>
  </si>
  <si>
    <t>60.005</t>
  </si>
  <si>
    <t>381336.0</t>
  </si>
  <si>
    <t>60.394</t>
  </si>
  <si>
    <t>383759.0</t>
  </si>
  <si>
    <t>60.777</t>
  </si>
  <si>
    <t>386162.0</t>
  </si>
  <si>
    <t>61.158</t>
  </si>
  <si>
    <t>388583.0</t>
  </si>
  <si>
    <t>391032.0</t>
  </si>
  <si>
    <t>61.929</t>
  </si>
  <si>
    <t>393512.0</t>
  </si>
  <si>
    <t>62.322</t>
  </si>
  <si>
    <t>395960.0</t>
  </si>
  <si>
    <t>398456.0</t>
  </si>
  <si>
    <t>63.105</t>
  </si>
  <si>
    <t>400918.0</t>
  </si>
  <si>
    <t>63.495</t>
  </si>
  <si>
    <t>403323.0</t>
  </si>
  <si>
    <t>63.876</t>
  </si>
  <si>
    <t>405733.0</t>
  </si>
  <si>
    <t>64.258</t>
  </si>
  <si>
    <t>408147.0</t>
  </si>
  <si>
    <t>410550.0</t>
  </si>
  <si>
    <t>412991.0</t>
  </si>
  <si>
    <t>65.407</t>
  </si>
  <si>
    <t>415474.0</t>
  </si>
  <si>
    <t>417969.0</t>
  </si>
  <si>
    <t>66.195</t>
  </si>
  <si>
    <t>420406.0</t>
  </si>
  <si>
    <t>66.581</t>
  </si>
  <si>
    <t>422820.0</t>
  </si>
  <si>
    <t>426229.0</t>
  </si>
  <si>
    <t>67.504</t>
  </si>
  <si>
    <t>68.052</t>
  </si>
  <si>
    <t>433130.0</t>
  </si>
  <si>
    <t>68.597</t>
  </si>
  <si>
    <t>436601.0</t>
  </si>
  <si>
    <t>69.146</t>
  </si>
  <si>
    <t>439034.0</t>
  </si>
  <si>
    <t>69.532</t>
  </si>
  <si>
    <t>441454.0</t>
  </si>
  <si>
    <t>69.915</t>
  </si>
  <si>
    <t>443913.0</t>
  </si>
  <si>
    <t>70.304</t>
  </si>
  <si>
    <t>446395.0</t>
  </si>
  <si>
    <t>448837.0</t>
  </si>
  <si>
    <t>71.084</t>
  </si>
  <si>
    <t>451313.0</t>
  </si>
  <si>
    <t>71.476</t>
  </si>
  <si>
    <t>453741.0</t>
  </si>
  <si>
    <t>71.861</t>
  </si>
  <si>
    <t>456191.0</t>
  </si>
  <si>
    <t>72.249</t>
  </si>
  <si>
    <t>458656.0</t>
  </si>
  <si>
    <t>461108.0</t>
  </si>
  <si>
    <t>73.028</t>
  </si>
  <si>
    <t>463593.0</t>
  </si>
  <si>
    <t>73.421</t>
  </si>
  <si>
    <t>466024.0</t>
  </si>
  <si>
    <t>73.806</t>
  </si>
  <si>
    <t>468507.0</t>
  </si>
  <si>
    <t>74.199</t>
  </si>
  <si>
    <t>470913.0</t>
  </si>
  <si>
    <t>473334.0</t>
  </si>
  <si>
    <t>475795.0</t>
  </si>
  <si>
    <t>75.354</t>
  </si>
  <si>
    <t>478238.0</t>
  </si>
  <si>
    <t>480485.0</t>
  </si>
  <si>
    <t>76.096</t>
  </si>
  <si>
    <t>482893.0</t>
  </si>
  <si>
    <t>76.478</t>
  </si>
  <si>
    <t>485323.0</t>
  </si>
  <si>
    <t>76.863</t>
  </si>
  <si>
    <t>487737.0</t>
  </si>
  <si>
    <t>77.245</t>
  </si>
  <si>
    <t>77.627</t>
  </si>
  <si>
    <t>492606.0</t>
  </si>
  <si>
    <t>78.016</t>
  </si>
  <si>
    <t>495082.0</t>
  </si>
  <si>
    <t>78.408</t>
  </si>
  <si>
    <t>497576.0</t>
  </si>
  <si>
    <t>78.803</t>
  </si>
  <si>
    <t>500069.0</t>
  </si>
  <si>
    <t>79.198</t>
  </si>
  <si>
    <t>502507.0</t>
  </si>
  <si>
    <t>79.584</t>
  </si>
  <si>
    <t>504938.0</t>
  </si>
  <si>
    <t>79.969</t>
  </si>
  <si>
    <t>507399.0</t>
  </si>
  <si>
    <t>80.359</t>
  </si>
  <si>
    <t>509819.0</t>
  </si>
  <si>
    <t>512256.0</t>
  </si>
  <si>
    <t>81.128</t>
  </si>
  <si>
    <t>514723.0</t>
  </si>
  <si>
    <t>81.519</t>
  </si>
  <si>
    <t>517175.0</t>
  </si>
  <si>
    <t>81.907</t>
  </si>
  <si>
    <t>519619.0</t>
  </si>
  <si>
    <t>82.294</t>
  </si>
  <si>
    <t>522072.0</t>
  </si>
  <si>
    <t>82.683</t>
  </si>
  <si>
    <t>524541.0</t>
  </si>
  <si>
    <t>83.074</t>
  </si>
  <si>
    <t>527996.0</t>
  </si>
  <si>
    <t>83.621</t>
  </si>
  <si>
    <t>530456.0</t>
  </si>
  <si>
    <t>532930.0</t>
  </si>
  <si>
    <t>84.402</t>
  </si>
  <si>
    <t>535369.0</t>
  </si>
  <si>
    <t>84.789</t>
  </si>
  <si>
    <t>537868.0</t>
  </si>
  <si>
    <t>85.184</t>
  </si>
  <si>
    <t>540321.0</t>
  </si>
  <si>
    <t>542764.0</t>
  </si>
  <si>
    <t>545236.0</t>
  </si>
  <si>
    <t>86.351</t>
  </si>
  <si>
    <t>547719.0</t>
  </si>
  <si>
    <t>86.744</t>
  </si>
  <si>
    <t>87.134</t>
  </si>
  <si>
    <t>552655.0</t>
  </si>
  <si>
    <t>87.526</t>
  </si>
  <si>
    <t>555129.0</t>
  </si>
  <si>
    <t>87.918</t>
  </si>
  <si>
    <t>557543.0</t>
  </si>
  <si>
    <t>560017.0</t>
  </si>
  <si>
    <t>88.692</t>
  </si>
  <si>
    <t>562422.0</t>
  </si>
  <si>
    <t>89.073</t>
  </si>
  <si>
    <t>564885.0</t>
  </si>
  <si>
    <t>89.463</t>
  </si>
  <si>
    <t>567377.0</t>
  </si>
  <si>
    <t>89.858</t>
  </si>
  <si>
    <t>569846.0</t>
  </si>
  <si>
    <t>90.249</t>
  </si>
  <si>
    <t>572348.0</t>
  </si>
  <si>
    <t>90.645</t>
  </si>
  <si>
    <t>574801.0</t>
  </si>
  <si>
    <t>91.034</t>
  </si>
  <si>
    <t>577272.0</t>
  </si>
  <si>
    <t>91.425</t>
  </si>
  <si>
    <t>579742.0</t>
  </si>
  <si>
    <t>91.816</t>
  </si>
  <si>
    <t>582177.0</t>
  </si>
  <si>
    <t>92.202</t>
  </si>
  <si>
    <t>584639.0</t>
  </si>
  <si>
    <t>92.592</t>
  </si>
  <si>
    <t>587104.0</t>
  </si>
  <si>
    <t>92.982</t>
  </si>
  <si>
    <t>589731.0</t>
  </si>
  <si>
    <t>93.398</t>
  </si>
  <si>
    <t>592158.0</t>
  </si>
  <si>
    <t>93.782</t>
  </si>
  <si>
    <t>594580.0</t>
  </si>
  <si>
    <t>94.166</t>
  </si>
  <si>
    <t>597033.0</t>
  </si>
  <si>
    <t>94.555</t>
  </si>
  <si>
    <t>599530.0</t>
  </si>
  <si>
    <t>602017.0</t>
  </si>
  <si>
    <t>95.344</t>
  </si>
  <si>
    <t>604509.0</t>
  </si>
  <si>
    <t>95.739</t>
  </si>
  <si>
    <t>606975.0</t>
  </si>
  <si>
    <t>96.129</t>
  </si>
  <si>
    <t>609411.0</t>
  </si>
  <si>
    <t>96.515</t>
  </si>
  <si>
    <t>611849.0</t>
  </si>
  <si>
    <t>96.901</t>
  </si>
  <si>
    <t>614319.0</t>
  </si>
  <si>
    <t>97.292</t>
  </si>
  <si>
    <t>616735.0</t>
  </si>
  <si>
    <t>619139.0</t>
  </si>
  <si>
    <t>98.056</t>
  </si>
  <si>
    <t>621580.0</t>
  </si>
  <si>
    <t>98.442</t>
  </si>
  <si>
    <t>624067.0</t>
  </si>
  <si>
    <t>98.836</t>
  </si>
  <si>
    <t>626291.0</t>
  </si>
  <si>
    <t>99.188</t>
  </si>
  <si>
    <t>628719.0</t>
  </si>
  <si>
    <t>99.573</t>
  </si>
  <si>
    <t>631135.0</t>
  </si>
  <si>
    <t>99.955</t>
  </si>
  <si>
    <t>633574.0</t>
  </si>
  <si>
    <t>100.342</t>
  </si>
  <si>
    <t>636019.0</t>
  </si>
  <si>
    <t>100.729</t>
  </si>
  <si>
    <t>638431.0</t>
  </si>
  <si>
    <t>101.111</t>
  </si>
  <si>
    <t>640864.0</t>
  </si>
  <si>
    <t>101.496</t>
  </si>
  <si>
    <t>643343.0</t>
  </si>
  <si>
    <t>101.889</t>
  </si>
  <si>
    <t>645769.0</t>
  </si>
  <si>
    <t>102.273</t>
  </si>
  <si>
    <t>648218.0</t>
  </si>
  <si>
    <t>102.661</t>
  </si>
  <si>
    <t>650702.0</t>
  </si>
  <si>
    <t>103.054</t>
  </si>
  <si>
    <t>653167.0</t>
  </si>
  <si>
    <t>103.445</t>
  </si>
  <si>
    <t>655630.0</t>
  </si>
  <si>
    <t>103.835</t>
  </si>
  <si>
    <t>658035.0</t>
  </si>
  <si>
    <t>104.216</t>
  </si>
  <si>
    <t>660452.0</t>
  </si>
  <si>
    <t>104.598</t>
  </si>
  <si>
    <t>662889.0</t>
  </si>
  <si>
    <t>104.984</t>
  </si>
  <si>
    <t>665306.0</t>
  </si>
  <si>
    <t>105.367</t>
  </si>
  <si>
    <t>667737.0</t>
  </si>
  <si>
    <t>105.752</t>
  </si>
  <si>
    <t>670159.0</t>
  </si>
  <si>
    <t>106.136</t>
  </si>
  <si>
    <t>672645.0</t>
  </si>
  <si>
    <t>106.529</t>
  </si>
  <si>
    <t>675075.0</t>
  </si>
  <si>
    <t>106.914</t>
  </si>
  <si>
    <t>677493.0</t>
  </si>
  <si>
    <t>107.297</t>
  </si>
  <si>
    <t>679951.0</t>
  </si>
  <si>
    <t>107.687</t>
  </si>
  <si>
    <t>682414.0</t>
  </si>
  <si>
    <t>108.077</t>
  </si>
  <si>
    <t>684866.0</t>
  </si>
  <si>
    <t>108.465</t>
  </si>
  <si>
    <t>687325.0</t>
  </si>
  <si>
    <t>108.854</t>
  </si>
  <si>
    <t>689809.0</t>
  </si>
  <si>
    <t>109.248</t>
  </si>
  <si>
    <t>692297.0</t>
  </si>
  <si>
    <t>109.642</t>
  </si>
  <si>
    <t>695744.0</t>
  </si>
  <si>
    <t>110.188</t>
  </si>
  <si>
    <t>698156.0</t>
  </si>
  <si>
    <t>700589.0</t>
  </si>
  <si>
    <t>110.955</t>
  </si>
  <si>
    <t>703007.0</t>
  </si>
  <si>
    <t>111.338</t>
  </si>
  <si>
    <t>705507.0</t>
  </si>
  <si>
    <t>111.734</t>
  </si>
  <si>
    <t>708026.0</t>
  </si>
  <si>
    <t>112.133</t>
  </si>
  <si>
    <t>710522.0</t>
  </si>
  <si>
    <t>112.528</t>
  </si>
  <si>
    <t>712993.0</t>
  </si>
  <si>
    <t>715414.0</t>
  </si>
  <si>
    <t>113.303</t>
  </si>
  <si>
    <t>717868.0</t>
  </si>
  <si>
    <t>113.692</t>
  </si>
  <si>
    <t>720300.0</t>
  </si>
  <si>
    <t>114.077</t>
  </si>
  <si>
    <t>722794.0</t>
  </si>
  <si>
    <t>114.472</t>
  </si>
  <si>
    <t>725234.0</t>
  </si>
  <si>
    <t>114.858</t>
  </si>
  <si>
    <t>727645.0</t>
  </si>
  <si>
    <t>730077.0</t>
  </si>
  <si>
    <t>115.625</t>
  </si>
  <si>
    <t>732531.0</t>
  </si>
  <si>
    <t>116.014</t>
  </si>
  <si>
    <t>734948.0</t>
  </si>
  <si>
    <t>116.397</t>
  </si>
  <si>
    <t>737385.0</t>
  </si>
  <si>
    <t>116.783</t>
  </si>
  <si>
    <t>739793.0</t>
  </si>
  <si>
    <t>117.164</t>
  </si>
  <si>
    <t>742249.0</t>
  </si>
  <si>
    <t>117.553</t>
  </si>
  <si>
    <t>744681.0</t>
  </si>
  <si>
    <t>117.938</t>
  </si>
  <si>
    <t>747138.0</t>
  </si>
  <si>
    <t>118.327</t>
  </si>
  <si>
    <t>749621.0</t>
  </si>
  <si>
    <t>752034.0</t>
  </si>
  <si>
    <t>119.103</t>
  </si>
  <si>
    <t>754519.0</t>
  </si>
  <si>
    <t>119.496</t>
  </si>
  <si>
    <t>119.884</t>
  </si>
  <si>
    <t>759452.0</t>
  </si>
  <si>
    <t>120.277</t>
  </si>
  <si>
    <t>761968.0</t>
  </si>
  <si>
    <t>120.676</t>
  </si>
  <si>
    <t>764442.0</t>
  </si>
  <si>
    <t>121.068</t>
  </si>
  <si>
    <t>766865.0</t>
  </si>
  <si>
    <t>121.451</t>
  </si>
  <si>
    <t>769342.0</t>
  </si>
  <si>
    <t>771807.0</t>
  </si>
  <si>
    <t>122.234</t>
  </si>
  <si>
    <t>774374.0</t>
  </si>
  <si>
    <t>122.641</t>
  </si>
  <si>
    <t>776924.0</t>
  </si>
  <si>
    <t>123.045</t>
  </si>
  <si>
    <t>779517.0</t>
  </si>
  <si>
    <t>123.455</t>
  </si>
  <si>
    <t>782049.0</t>
  </si>
  <si>
    <t>123.856</t>
  </si>
  <si>
    <t>784627.0</t>
  </si>
  <si>
    <t>124.265</t>
  </si>
  <si>
    <t>787142.0</t>
  </si>
  <si>
    <t>124.663</t>
  </si>
  <si>
    <t>789637.0</t>
  </si>
  <si>
    <t>125.058</t>
  </si>
  <si>
    <t>792143.0</t>
  </si>
  <si>
    <t>125.455</t>
  </si>
  <si>
    <t>794621.0</t>
  </si>
  <si>
    <t>125.847</t>
  </si>
  <si>
    <t>797229.0</t>
  </si>
  <si>
    <t>799669.0</t>
  </si>
  <si>
    <t>126.647</t>
  </si>
  <si>
    <t>25000.0</t>
  </si>
  <si>
    <t>802126.0</t>
  </si>
  <si>
    <t>127.036</t>
  </si>
  <si>
    <t>804601.0</t>
  </si>
  <si>
    <t>127.428</t>
  </si>
  <si>
    <t>807193.0</t>
  </si>
  <si>
    <t>809722.0</t>
  </si>
  <si>
    <t>128.239</t>
  </si>
  <si>
    <t>41512.0</t>
  </si>
  <si>
    <t>812224.0</t>
  </si>
  <si>
    <t>128.635</t>
  </si>
  <si>
    <t>814693.0</t>
  </si>
  <si>
    <t>817201.0</t>
  </si>
  <si>
    <t>819731.0</t>
  </si>
  <si>
    <t>129.824</t>
  </si>
  <si>
    <t>822240.0</t>
  </si>
  <si>
    <t>130.221</t>
  </si>
  <si>
    <t>824693.0</t>
  </si>
  <si>
    <t>827155.0</t>
  </si>
  <si>
    <t>829629.0</t>
  </si>
  <si>
    <t>131.392</t>
  </si>
  <si>
    <t>832087.0</t>
  </si>
  <si>
    <t>131.781</t>
  </si>
  <si>
    <t>834519.0</t>
  </si>
  <si>
    <t>132.166</t>
  </si>
  <si>
    <t>836964.0</t>
  </si>
  <si>
    <t>132.553</t>
  </si>
  <si>
    <t>839479.0</t>
  </si>
  <si>
    <t>132.952</t>
  </si>
  <si>
    <t>841970.0</t>
  </si>
  <si>
    <t>133.346</t>
  </si>
  <si>
    <t>99855.0</t>
  </si>
  <si>
    <t>844415.0</t>
  </si>
  <si>
    <t>133.733</t>
  </si>
  <si>
    <t>120476.0</t>
  </si>
  <si>
    <t>20621.0</t>
  </si>
  <si>
    <t>846843.0</t>
  </si>
  <si>
    <t>134.118</t>
  </si>
  <si>
    <t>133330.0</t>
  </si>
  <si>
    <t>12854.0</t>
  </si>
  <si>
    <t>849282.0</t>
  </si>
  <si>
    <t>134.504</t>
  </si>
  <si>
    <t>851769.0</t>
  </si>
  <si>
    <t>134.898</t>
  </si>
  <si>
    <t>854226.0</t>
  </si>
  <si>
    <t>135.287</t>
  </si>
  <si>
    <t>856642.0</t>
  </si>
  <si>
    <t>859128.0</t>
  </si>
  <si>
    <t>136.064</t>
  </si>
  <si>
    <t>861546.0</t>
  </si>
  <si>
    <t>136.447</t>
  </si>
  <si>
    <t>864002.0</t>
  </si>
  <si>
    <t>136.835</t>
  </si>
  <si>
    <t>866494.0</t>
  </si>
  <si>
    <t>868984.0</t>
  </si>
  <si>
    <t>137.624</t>
  </si>
  <si>
    <t>200000.0</t>
  </si>
  <si>
    <t>871489.0</t>
  </si>
  <si>
    <t>138.021</t>
  </si>
  <si>
    <t>264159.0</t>
  </si>
  <si>
    <t>64159.0</t>
  </si>
  <si>
    <t>16404.0</t>
  </si>
  <si>
    <t>14983.0</t>
  </si>
  <si>
    <t>873904.0</t>
  </si>
  <si>
    <t>138.404</t>
  </si>
  <si>
    <t>310793.0</t>
  </si>
  <si>
    <t>308426.0</t>
  </si>
  <si>
    <t>46634.0</t>
  </si>
  <si>
    <t>22304.0</t>
  </si>
  <si>
    <t>876356.0</t>
  </si>
  <si>
    <t>138.792</t>
  </si>
  <si>
    <t>355941.0</t>
  </si>
  <si>
    <t>50681.0</t>
  </si>
  <si>
    <t>28782.0</t>
  </si>
  <si>
    <t>878901.0</t>
  </si>
  <si>
    <t>139.195</t>
  </si>
  <si>
    <t>410810.0</t>
  </si>
  <si>
    <t>401179.0</t>
  </si>
  <si>
    <t>49336.0</t>
  </si>
  <si>
    <t>881334.0</t>
  </si>
  <si>
    <t>460565.0</t>
  </si>
  <si>
    <t>445109.0</t>
  </si>
  <si>
    <t>49755.0</t>
  </si>
  <si>
    <t>40081.0</t>
  </si>
  <si>
    <t>883744.0</t>
  </si>
  <si>
    <t>139.962</t>
  </si>
  <si>
    <t>502013.0</t>
  </si>
  <si>
    <t>483638.0</t>
  </si>
  <si>
    <t>18375.0</t>
  </si>
  <si>
    <t>41448.0</t>
  </si>
  <si>
    <t>41948.0</t>
  </si>
  <si>
    <t>885176.0</t>
  </si>
  <si>
    <t>140.189</t>
  </si>
  <si>
    <t>887615.0</t>
  </si>
  <si>
    <t>140.575</t>
  </si>
  <si>
    <t>547566.0</t>
  </si>
  <si>
    <t>40487.0</t>
  </si>
  <si>
    <t>41288.0</t>
  </si>
  <si>
    <t>890099.0</t>
  </si>
  <si>
    <t>140.969</t>
  </si>
  <si>
    <t>622912.0</t>
  </si>
  <si>
    <t>75346.0</t>
  </si>
  <si>
    <t>37800.0</t>
  </si>
  <si>
    <t>892567.0</t>
  </si>
  <si>
    <t>141.359</t>
  </si>
  <si>
    <t>35268.0</t>
  </si>
  <si>
    <t>895054.0</t>
  </si>
  <si>
    <t>141.753</t>
  </si>
  <si>
    <t>656687.0</t>
  </si>
  <si>
    <t>632613.0</t>
  </si>
  <si>
    <t>24074.0</t>
  </si>
  <si>
    <t>35125.0</t>
  </si>
  <si>
    <t>33062.0</t>
  </si>
  <si>
    <t>698569.0</t>
  </si>
  <si>
    <t>674495.0</t>
  </si>
  <si>
    <t>41882.0</t>
  </si>
  <si>
    <t>34001.0</t>
  </si>
  <si>
    <t>29341.0</t>
  </si>
  <si>
    <t>27161.0</t>
  </si>
  <si>
    <t>745602.0</t>
  </si>
  <si>
    <t>718089.0</t>
  </si>
  <si>
    <t>27513.0</t>
  </si>
  <si>
    <t>28291.0</t>
  </si>
  <si>
    <t>788173.0</t>
  </si>
  <si>
    <t>747918.0</t>
  </si>
  <si>
    <t>23609.0</t>
  </si>
  <si>
    <t>833959.0</t>
  </si>
  <si>
    <t>775959.0</t>
  </si>
  <si>
    <t>45786.0</t>
  </si>
  <si>
    <t>875069.0</t>
  </si>
  <si>
    <t>806790.0</t>
  </si>
  <si>
    <t>68279.0</t>
  </si>
  <si>
    <t>41110.0</t>
  </si>
  <si>
    <t>31197.0</t>
  </si>
  <si>
    <t>24882.0</t>
  </si>
  <si>
    <t>915725.0</t>
  </si>
  <si>
    <t>839870.0</t>
  </si>
  <si>
    <t>75855.0</t>
  </si>
  <si>
    <t>40656.0</t>
  </si>
  <si>
    <t>31929.0</t>
  </si>
  <si>
    <t>23062.0</t>
  </si>
  <si>
    <t>22780.0</t>
  </si>
  <si>
    <t>991133.0</t>
  </si>
  <si>
    <t>890109.0</t>
  </si>
  <si>
    <t>101024.0</t>
  </si>
  <si>
    <t>20313.0</t>
  </si>
  <si>
    <t>1029887.0</t>
  </si>
  <si>
    <t>917399.0</t>
  </si>
  <si>
    <t>112488.0</t>
  </si>
  <si>
    <t>38754.0</t>
  </si>
  <si>
    <t>27990.0</t>
  </si>
  <si>
    <t>20206.0</t>
  </si>
  <si>
    <t>1068428.0</t>
  </si>
  <si>
    <t>941508.0</t>
  </si>
  <si>
    <t>126920.0</t>
  </si>
  <si>
    <t>38541.0</t>
  </si>
  <si>
    <t>1114544.0</t>
  </si>
  <si>
    <t>958828.0</t>
  </si>
  <si>
    <t>155716.0</t>
  </si>
  <si>
    <t>46116.0</t>
  </si>
  <si>
    <t>27607.0</t>
  </si>
  <si>
    <t>26811.0</t>
  </si>
  <si>
    <t>26016.0</t>
  </si>
  <si>
    <t>1167672.0</t>
  </si>
  <si>
    <t>969970.0</t>
  </si>
  <si>
    <t>197702.0</t>
  </si>
  <si>
    <t>25220.0</t>
  </si>
  <si>
    <t>26319.0</t>
  </si>
  <si>
    <t>1260574.0</t>
  </si>
  <si>
    <t>995901.0</t>
  </si>
  <si>
    <t>264673.0</t>
  </si>
  <si>
    <t>1310249.0</t>
  </si>
  <si>
    <t>1012645.0</t>
  </si>
  <si>
    <t>297604.0</t>
  </si>
  <si>
    <t>49675.0</t>
  </si>
  <si>
    <t>1350587.0</t>
  </si>
  <si>
    <t>1024727.0</t>
  </si>
  <si>
    <t>325860.0</t>
  </si>
  <si>
    <t>40338.0</t>
  </si>
  <si>
    <t>33626.0</t>
  </si>
  <si>
    <t>1402386.0</t>
  </si>
  <si>
    <t>1036121.0</t>
  </si>
  <si>
    <t>366265.0</t>
  </si>
  <si>
    <t>1451933.0</t>
  </si>
  <si>
    <t>1051425.0</t>
  </si>
  <si>
    <t>400508.0</t>
  </si>
  <si>
    <t>49547.0</t>
  </si>
  <si>
    <t>40609.0</t>
  </si>
  <si>
    <t>11636.0</t>
  </si>
  <si>
    <t>1497261.0</t>
  </si>
  <si>
    <t>1066112.0</t>
  </si>
  <si>
    <t>431149.0</t>
  </si>
  <si>
    <t>45328.0</t>
  </si>
  <si>
    <t>1543904.0</t>
  </si>
  <si>
    <t>1079935.0</t>
  </si>
  <si>
    <t>463969.0</t>
  </si>
  <si>
    <t>46643.0</t>
  </si>
  <si>
    <t>1598841.0</t>
  </si>
  <si>
    <t>1083936.0</t>
  </si>
  <si>
    <t>514905.0</t>
  </si>
  <si>
    <t>54937.0</t>
  </si>
  <si>
    <t>41227.0</t>
  </si>
  <si>
    <t>1642451.0</t>
  </si>
  <si>
    <t>1097762.0</t>
  </si>
  <si>
    <t>544689.0</t>
  </si>
  <si>
    <t>41695.0</t>
  </si>
  <si>
    <t>9863.0</t>
  </si>
  <si>
    <t>1693183.0</t>
  </si>
  <si>
    <t>1101172.0</t>
  </si>
  <si>
    <t>592011.0</t>
  </si>
  <si>
    <t>1741651.0</t>
  </si>
  <si>
    <t>1109726.0</t>
  </si>
  <si>
    <t>631925.0</t>
  </si>
  <si>
    <t>41388.0</t>
  </si>
  <si>
    <t>1787527.0</t>
  </si>
  <si>
    <t>1115104.0</t>
  </si>
  <si>
    <t>672423.0</t>
  </si>
  <si>
    <t>45876.0</t>
  </si>
  <si>
    <t>1832228.0</t>
  </si>
  <si>
    <t>1118980.0</t>
  </si>
  <si>
    <t>713248.0</t>
  </si>
  <si>
    <t>44701.0</t>
  </si>
  <si>
    <t>41189.0</t>
  </si>
  <si>
    <t>33793.0</t>
  </si>
  <si>
    <t>33510.0</t>
  </si>
  <si>
    <t>1925770.0</t>
  </si>
  <si>
    <t>1140890.0</t>
  </si>
  <si>
    <t>784880.0</t>
  </si>
  <si>
    <t>1971247.0</t>
  </si>
  <si>
    <t>1153150.0</t>
  </si>
  <si>
    <t>818097.0</t>
  </si>
  <si>
    <t>2015408.0</t>
  </si>
  <si>
    <t>846311.0</t>
  </si>
  <si>
    <t>10753.0</t>
  </si>
  <si>
    <t>30786.0</t>
  </si>
  <si>
    <t>2147224.0</t>
  </si>
  <si>
    <t>1245684.0</t>
  </si>
  <si>
    <t>901540.0</t>
  </si>
  <si>
    <t>31636.0</t>
  </si>
  <si>
    <t>2231365.0</t>
  </si>
  <si>
    <t>1300747.0</t>
  </si>
  <si>
    <t>930618.0</t>
  </si>
  <si>
    <t>30851.0</t>
  </si>
  <si>
    <t>19831.0</t>
  </si>
  <si>
    <t>2310924.0</t>
  </si>
  <si>
    <t>1345716.0</t>
  </si>
  <si>
    <t>965208.0</t>
  </si>
  <si>
    <t>34684.0</t>
  </si>
  <si>
    <t>33704.0</t>
  </si>
  <si>
    <t>20051.0</t>
  </si>
  <si>
    <t>31743.0</t>
  </si>
  <si>
    <t>18445.0</t>
  </si>
  <si>
    <t>2388927.0</t>
  </si>
  <si>
    <t>1384489.0</t>
  </si>
  <si>
    <t>1004438.0</t>
  </si>
  <si>
    <t>28519.0</t>
  </si>
  <si>
    <t>2427457.0</t>
  </si>
  <si>
    <t>1407787.0</t>
  </si>
  <si>
    <t>1019670.0</t>
  </si>
  <si>
    <t>28013.0</t>
  </si>
  <si>
    <t>4421.0</t>
  </si>
  <si>
    <t>15291.0</t>
  </si>
  <si>
    <t>25124.0</t>
  </si>
  <si>
    <t>2466561.0</t>
  </si>
  <si>
    <t>1425927.0</t>
  </si>
  <si>
    <t>1040634.0</t>
  </si>
  <si>
    <t>22234.0</t>
  </si>
  <si>
    <t>21338.0</t>
  </si>
  <si>
    <t>2506257.0</t>
  </si>
  <si>
    <t>1445369.0</t>
  </si>
  <si>
    <t>1060888.0</t>
  </si>
  <si>
    <t>19547.0</t>
  </si>
  <si>
    <t>2546316.0</t>
  </si>
  <si>
    <t>1475388.0</t>
  </si>
  <si>
    <t>1070928.0</t>
  </si>
  <si>
    <t>40059.0</t>
  </si>
  <si>
    <t>22484.0</t>
  </si>
  <si>
    <t>2586522.0</t>
  </si>
  <si>
    <t>1508453.0</t>
  </si>
  <si>
    <t>1078069.0</t>
  </si>
  <si>
    <t>40206.0</t>
  </si>
  <si>
    <t>22724.0</t>
  </si>
  <si>
    <t>26222.0</t>
  </si>
  <si>
    <t>18594.0</t>
  </si>
  <si>
    <t>2674605.0</t>
  </si>
  <si>
    <t>1585582.0</t>
  </si>
  <si>
    <t>1089023.0</t>
  </si>
  <si>
    <t>31915.0</t>
  </si>
  <si>
    <t>26588.0</t>
  </si>
  <si>
    <t>36305.0</t>
  </si>
  <si>
    <t>28478.0</t>
  </si>
  <si>
    <t>27006.0</t>
  </si>
  <si>
    <t>33009.0</t>
  </si>
  <si>
    <t>25098.0</t>
  </si>
  <si>
    <t>2846177.0</t>
  </si>
  <si>
    <t>1703849.0</t>
  </si>
  <si>
    <t>1142328.0</t>
  </si>
  <si>
    <t>22404.0</t>
  </si>
  <si>
    <t>2890503.0</t>
  </si>
  <si>
    <t>1727992.0</t>
  </si>
  <si>
    <t>1162511.0</t>
  </si>
  <si>
    <t>44326.0</t>
  </si>
  <si>
    <t>30843.0</t>
  </si>
  <si>
    <t>30130.0</t>
  </si>
  <si>
    <t>4755.0</t>
  </si>
  <si>
    <t>29417.0</t>
  </si>
  <si>
    <t>28705.0</t>
  </si>
  <si>
    <t>2984932.0</t>
  </si>
  <si>
    <t>1775190.0</t>
  </si>
  <si>
    <t>1209742.0</t>
  </si>
  <si>
    <t>3136924.0</t>
  </si>
  <si>
    <t>1891203.0</t>
  </si>
  <si>
    <t>1245721.0</t>
  </si>
  <si>
    <t>41535.0</t>
  </si>
  <si>
    <t>3212880.0</t>
  </si>
  <si>
    <t>1951564.0</t>
  </si>
  <si>
    <t>1261316.0</t>
  </si>
  <si>
    <t>31939.0</t>
  </si>
  <si>
    <t>46068.0</t>
  </si>
  <si>
    <t>33100.0</t>
  </si>
  <si>
    <t>46082.0</t>
  </si>
  <si>
    <t>3283993.0</t>
  </si>
  <si>
    <t>2011356.0</t>
  </si>
  <si>
    <t>1272637.0</t>
  </si>
  <si>
    <t>35424.0</t>
  </si>
  <si>
    <t>3352783.0</t>
  </si>
  <si>
    <t>2064686.0</t>
  </si>
  <si>
    <t>1288097.0</t>
  </si>
  <si>
    <t>68790.0</t>
  </si>
  <si>
    <t>52550.0</t>
  </si>
  <si>
    <t>3422214.0</t>
  </si>
  <si>
    <t>2118271.0</t>
  </si>
  <si>
    <t>1303943.0</t>
  </si>
  <si>
    <t>69431.0</t>
  </si>
  <si>
    <t>51612.0</t>
  </si>
  <si>
    <t>41093.0</t>
  </si>
  <si>
    <t>3563392.0</t>
  </si>
  <si>
    <t>2239434.0</t>
  </si>
  <si>
    <t>1323958.0</t>
  </si>
  <si>
    <t>41124.0</t>
  </si>
  <si>
    <t>50252.0</t>
  </si>
  <si>
    <t>41164.0</t>
  </si>
  <si>
    <t>50431.0</t>
  </si>
  <si>
    <t>3638261.0</t>
  </si>
  <si>
    <t>2300055.0</t>
  </si>
  <si>
    <t>1338206.0</t>
  </si>
  <si>
    <t>50610.0</t>
  </si>
  <si>
    <t>41243.0</t>
  </si>
  <si>
    <t>3710703.0</t>
  </si>
  <si>
    <t>2354228.0</t>
  </si>
  <si>
    <t>1356475.0</t>
  </si>
  <si>
    <t>72442.0</t>
  </si>
  <si>
    <t>51131.0</t>
  </si>
  <si>
    <t>37.15</t>
  </si>
  <si>
    <t>41363.0</t>
  </si>
  <si>
    <t>3784373.0</t>
  </si>
  <si>
    <t>2411606.0</t>
  </si>
  <si>
    <t>1372767.0</t>
  </si>
  <si>
    <t>73670.0</t>
  </si>
  <si>
    <t>51737.0</t>
  </si>
  <si>
    <t>59.72</t>
  </si>
  <si>
    <t>3860861.0</t>
  </si>
  <si>
    <t>2468324.0</t>
  </si>
  <si>
    <t>1392537.0</t>
  </si>
  <si>
    <t>76488.0</t>
  </si>
  <si>
    <t>52580.0</t>
  </si>
  <si>
    <t>41353.0</t>
  </si>
  <si>
    <t>3937603.0</t>
  </si>
  <si>
    <t>2527604.0</t>
  </si>
  <si>
    <t>1409999.0</t>
  </si>
  <si>
    <t>76742.0</t>
  </si>
  <si>
    <t>41167.0</t>
  </si>
  <si>
    <t>41391.0</t>
  </si>
  <si>
    <t>41615.0</t>
  </si>
  <si>
    <t>4017205.0</t>
  </si>
  <si>
    <t>2592926.0</t>
  </si>
  <si>
    <t>1424279.0</t>
  </si>
  <si>
    <t>54135.0</t>
  </si>
  <si>
    <t>41839.0</t>
  </si>
  <si>
    <t>4093631.0</t>
  </si>
  <si>
    <t>2653346.0</t>
  </si>
  <si>
    <t>1440285.0</t>
  </si>
  <si>
    <t>76426.0</t>
  </si>
  <si>
    <t>22.73</t>
  </si>
  <si>
    <t>42731.0</t>
  </si>
  <si>
    <t>4167931.0</t>
  </si>
  <si>
    <t>2710883.0</t>
  </si>
  <si>
    <t>1457048.0</t>
  </si>
  <si>
    <t>74300.0</t>
  </si>
  <si>
    <t>54794.0</t>
  </si>
  <si>
    <t>4237736.0</t>
  </si>
  <si>
    <t>2763989.0</t>
  </si>
  <si>
    <t>1473747.0</t>
  </si>
  <si>
    <t>53839.0</t>
  </si>
  <si>
    <t>42238.0</t>
  </si>
  <si>
    <t>4309189.0</t>
  </si>
  <si>
    <t>2821728.0</t>
  </si>
  <si>
    <t>1487461.0</t>
  </si>
  <si>
    <t>71453.0</t>
  </si>
  <si>
    <t>53084.0</t>
  </si>
  <si>
    <t>42018.0</t>
  </si>
  <si>
    <t>53351.0</t>
  </si>
  <si>
    <t>53619.0</t>
  </si>
  <si>
    <t>42929.0</t>
  </si>
  <si>
    <t>4394410.0</t>
  </si>
  <si>
    <t>2896621.0</t>
  </si>
  <si>
    <t>1497789.0</t>
  </si>
  <si>
    <t>53886.0</t>
  </si>
  <si>
    <t>69.35</t>
  </si>
  <si>
    <t>43385.0</t>
  </si>
  <si>
    <t>4482248.0</t>
  </si>
  <si>
    <t>2933053.0</t>
  </si>
  <si>
    <t>1549195.0</t>
  </si>
  <si>
    <t>4578306.0</t>
  </si>
  <si>
    <t>2966136.0</t>
  </si>
  <si>
    <t>1612170.0</t>
  </si>
  <si>
    <t>96058.0</t>
  </si>
  <si>
    <t>4664353.0</t>
  </si>
  <si>
    <t>3034231.0</t>
  </si>
  <si>
    <t>1630122.0</t>
  </si>
  <si>
    <t>60945.0</t>
  </si>
  <si>
    <t>9618.0</t>
  </si>
  <si>
    <t>38606.0</t>
  </si>
  <si>
    <t>54264.0</t>
  </si>
  <si>
    <t>31369.0</t>
  </si>
  <si>
    <t>53731.0</t>
  </si>
  <si>
    <t>53199.0</t>
  </si>
  <si>
    <t>8396.0</t>
  </si>
  <si>
    <t>26260.0</t>
  </si>
  <si>
    <t>4763079.0</t>
  </si>
  <si>
    <t>3062555.0</t>
  </si>
  <si>
    <t>1700524.0</t>
  </si>
  <si>
    <t>52667.0</t>
  </si>
  <si>
    <t>23705.0</t>
  </si>
  <si>
    <t>4858601.0</t>
  </si>
  <si>
    <t>3093546.0</t>
  </si>
  <si>
    <t>1765055.0</t>
  </si>
  <si>
    <t>95522.0</t>
  </si>
  <si>
    <t>4950992.0</t>
  </si>
  <si>
    <t>3133669.0</t>
  </si>
  <si>
    <t>1817323.0</t>
  </si>
  <si>
    <t>92391.0</t>
  </si>
  <si>
    <t>53241.0</t>
  </si>
  <si>
    <t>28.68</t>
  </si>
  <si>
    <t>5045981.0</t>
  </si>
  <si>
    <t>3170859.0</t>
  </si>
  <si>
    <t>1875122.0</t>
  </si>
  <si>
    <t>94989.0</t>
  </si>
  <si>
    <t>54518.0</t>
  </si>
  <si>
    <t>8604.0</t>
  </si>
  <si>
    <t>19518.0</t>
  </si>
  <si>
    <t>5143912.0</t>
  </si>
  <si>
    <t>3213935.0</t>
  </si>
  <si>
    <t>1929977.0</t>
  </si>
  <si>
    <t>97931.0</t>
  </si>
  <si>
    <t>64982.0</t>
  </si>
  <si>
    <t>10255.0</t>
  </si>
  <si>
    <t>24660.0</t>
  </si>
  <si>
    <t>65803.0</t>
  </si>
  <si>
    <t>24997.0</t>
  </si>
  <si>
    <t>5235185.0</t>
  </si>
  <si>
    <t>3242244.0</t>
  </si>
  <si>
    <t>1992941.0</t>
  </si>
  <si>
    <t>25670.0</t>
  </si>
  <si>
    <t>5327451.0</t>
  </si>
  <si>
    <t>3273631.0</t>
  </si>
  <si>
    <t>2053820.0</t>
  </si>
  <si>
    <t>92266.0</t>
  </si>
  <si>
    <t>66979.0</t>
  </si>
  <si>
    <t>51.66</t>
  </si>
  <si>
    <t>5417193.0</t>
  </si>
  <si>
    <t>3306114.0</t>
  </si>
  <si>
    <t>2111079.0</t>
  </si>
  <si>
    <t>24635.0</t>
  </si>
  <si>
    <t>5509567.0</t>
  </si>
  <si>
    <t>3324137.0</t>
  </si>
  <si>
    <t>2185430.0</t>
  </si>
  <si>
    <t>66227.0</t>
  </si>
  <si>
    <t>21897.0</t>
  </si>
  <si>
    <t>5602223.0</t>
  </si>
  <si>
    <t>3341998.0</t>
  </si>
  <si>
    <t>2260225.0</t>
  </si>
  <si>
    <t>92656.0</t>
  </si>
  <si>
    <t>65473.0</t>
  </si>
  <si>
    <t>10333.0</t>
  </si>
  <si>
    <t>65823.0</t>
  </si>
  <si>
    <t>17924.0</t>
  </si>
  <si>
    <t>66173.0</t>
  </si>
  <si>
    <t>17553.0</t>
  </si>
  <si>
    <t>5700847.0</t>
  </si>
  <si>
    <t>3362515.0</t>
  </si>
  <si>
    <t>2338332.0</t>
  </si>
  <si>
    <t>66523.0</t>
  </si>
  <si>
    <t>5794261.0</t>
  </si>
  <si>
    <t>3383511.0</t>
  </si>
  <si>
    <t>2410750.0</t>
  </si>
  <si>
    <t>93414.0</t>
  </si>
  <si>
    <t>66687.0</t>
  </si>
  <si>
    <t>15697.0</t>
  </si>
  <si>
    <t>5896289.0</t>
  </si>
  <si>
    <t>3410745.0</t>
  </si>
  <si>
    <t>2485544.0</t>
  </si>
  <si>
    <t>102028.0</t>
  </si>
  <si>
    <t>68442.0</t>
  </si>
  <si>
    <t>93.05</t>
  </si>
  <si>
    <t>70147.0</t>
  </si>
  <si>
    <t>6104902.0</t>
  </si>
  <si>
    <t>3478958.0</t>
  </si>
  <si>
    <t>2625944.0</t>
  </si>
  <si>
    <t>71811.0</t>
  </si>
  <si>
    <t>96.35</t>
  </si>
  <si>
    <t>11333.0</t>
  </si>
  <si>
    <t>19679.0</t>
  </si>
  <si>
    <t>72227.0</t>
  </si>
  <si>
    <t>3501844.0</t>
  </si>
  <si>
    <t>2706050.0</t>
  </si>
  <si>
    <t>72435.0</t>
  </si>
  <si>
    <t>6298361.0</t>
  </si>
  <si>
    <t>3539933.0</t>
  </si>
  <si>
    <t>2758428.0</t>
  </si>
  <si>
    <t>90467.0</t>
  </si>
  <si>
    <t>72014.0</t>
  </si>
  <si>
    <t>69717.0</t>
  </si>
  <si>
    <t>11003.0</t>
  </si>
  <si>
    <t>6470252.0</t>
  </si>
  <si>
    <t>3594559.0</t>
  </si>
  <si>
    <t>2875693.0</t>
  </si>
  <si>
    <t>102.11</t>
  </si>
  <si>
    <t>6548819.0</t>
  </si>
  <si>
    <t>3654043.0</t>
  </si>
  <si>
    <t>2894776.0</t>
  </si>
  <si>
    <t>78567.0</t>
  </si>
  <si>
    <t>63417.0</t>
  </si>
  <si>
    <t>103.35</t>
  </si>
  <si>
    <t>25012.0</t>
  </si>
  <si>
    <t>9808.0</t>
  </si>
  <si>
    <t>25984.0</t>
  </si>
  <si>
    <t>60874.0</t>
  </si>
  <si>
    <t>6625116.0</t>
  </si>
  <si>
    <t>3697347.0</t>
  </si>
  <si>
    <t>2927769.0</t>
  </si>
  <si>
    <t>6692185.0</t>
  </si>
  <si>
    <t>3731756.0</t>
  </si>
  <si>
    <t>2960429.0</t>
  </si>
  <si>
    <t>67069.0</t>
  </si>
  <si>
    <t>56261.0</t>
  </si>
  <si>
    <t>27403.0</t>
  </si>
  <si>
    <t>6827005.0</t>
  </si>
  <si>
    <t>3790602.0</t>
  </si>
  <si>
    <t>3036403.0</t>
  </si>
  <si>
    <t>50965.0</t>
  </si>
  <si>
    <t>6892912.0</t>
  </si>
  <si>
    <t>3818524.0</t>
  </si>
  <si>
    <t>3074388.0</t>
  </si>
  <si>
    <t>65907.0</t>
  </si>
  <si>
    <t>49156.0</t>
  </si>
  <si>
    <t>108.78</t>
  </si>
  <si>
    <t>48463.0</t>
  </si>
  <si>
    <t>22800.0</t>
  </si>
  <si>
    <t>22103.0</t>
  </si>
  <si>
    <t>6954648.0</t>
  </si>
  <si>
    <t>3847187.0</t>
  </si>
  <si>
    <t>3107461.0</t>
  </si>
  <si>
    <t>47076.0</t>
  </si>
  <si>
    <t>21406.0</t>
  </si>
  <si>
    <t>7010709.0</t>
  </si>
  <si>
    <t>3861053.0</t>
  </si>
  <si>
    <t>3149656.0</t>
  </si>
  <si>
    <t>56061.0</t>
  </si>
  <si>
    <t>45503.0</t>
  </si>
  <si>
    <t>110.64</t>
  </si>
  <si>
    <t>6284.0</t>
  </si>
  <si>
    <t>897543.0</t>
  </si>
  <si>
    <t>142.147</t>
  </si>
  <si>
    <t>7065918.0</t>
  </si>
  <si>
    <t>3875388.0</t>
  </si>
  <si>
    <t>899970.0</t>
  </si>
  <si>
    <t>142.532</t>
  </si>
  <si>
    <t>902424.0</t>
  </si>
  <si>
    <t>142.921</t>
  </si>
  <si>
    <t>30150.0</t>
  </si>
  <si>
    <t>904844.0</t>
  </si>
  <si>
    <t>143.304</t>
  </si>
  <si>
    <t>7153847.0</t>
  </si>
  <si>
    <t>3907613.0</t>
  </si>
  <si>
    <t>3246234.0</t>
  </si>
  <si>
    <t>907301.0</t>
  </si>
  <si>
    <t>143.693</t>
  </si>
  <si>
    <t>30640.0</t>
  </si>
  <si>
    <t>909742.0</t>
  </si>
  <si>
    <t>144.079</t>
  </si>
  <si>
    <t>3933200.0</t>
  </si>
  <si>
    <t>3251206.0</t>
  </si>
  <si>
    <t>912228.0</t>
  </si>
  <si>
    <t>144.473</t>
  </si>
  <si>
    <t>7233466.0</t>
  </si>
  <si>
    <t>3962912.0</t>
  </si>
  <si>
    <t>3270554.0</t>
  </si>
  <si>
    <t>49060.0</t>
  </si>
  <si>
    <t>114.16</t>
  </si>
  <si>
    <t>914672.0</t>
  </si>
  <si>
    <t>144.86</t>
  </si>
  <si>
    <t>7297994.0</t>
  </si>
  <si>
    <t>4007200.0</t>
  </si>
  <si>
    <t>3290794.0</t>
  </si>
  <si>
    <t>64528.0</t>
  </si>
  <si>
    <t>33154.0</t>
  </si>
  <si>
    <t>115.18</t>
  </si>
  <si>
    <t>917141.0</t>
  </si>
  <si>
    <t>145.251</t>
  </si>
  <si>
    <t>31436.0</t>
  </si>
  <si>
    <t>18672.0</t>
  </si>
  <si>
    <t>919637.0</t>
  </si>
  <si>
    <t>145.647</t>
  </si>
  <si>
    <t>18514.0</t>
  </si>
  <si>
    <t>922066.0</t>
  </si>
  <si>
    <t>7349843.0</t>
  </si>
  <si>
    <t>4036100.0</t>
  </si>
  <si>
    <t>3308736.0</t>
  </si>
  <si>
    <t>115.99</t>
  </si>
  <si>
    <t>924506.0</t>
  </si>
  <si>
    <t>146.418</t>
  </si>
  <si>
    <t>7396969.0</t>
  </si>
  <si>
    <t>4055962.0</t>
  </si>
  <si>
    <t>3327590.0</t>
  </si>
  <si>
    <t>47126.0</t>
  </si>
  <si>
    <t>32549.0</t>
  </si>
  <si>
    <t>116.74</t>
  </si>
  <si>
    <t>926944.0</t>
  </si>
  <si>
    <t>146.804</t>
  </si>
  <si>
    <t>929412.0</t>
  </si>
  <si>
    <t>147.195</t>
  </si>
  <si>
    <t>7525604.0</t>
  </si>
  <si>
    <t>4088016.0</t>
  </si>
  <si>
    <t>3396764.0</t>
  </si>
  <si>
    <t>41734.0</t>
  </si>
  <si>
    <t>118.77</t>
  </si>
  <si>
    <t>931826.0</t>
  </si>
  <si>
    <t>147.577</t>
  </si>
  <si>
    <t>7584818.0</t>
  </si>
  <si>
    <t>4107518.0</t>
  </si>
  <si>
    <t>3416168.0</t>
  </si>
  <si>
    <t>934320.0</t>
  </si>
  <si>
    <t>147.972</t>
  </si>
  <si>
    <t>41784.0</t>
  </si>
  <si>
    <t>13674.0</t>
  </si>
  <si>
    <t>936766.0</t>
  </si>
  <si>
    <t>148.359</t>
  </si>
  <si>
    <t>42593.0</t>
  </si>
  <si>
    <t>939176.0</t>
  </si>
  <si>
    <t>148.741</t>
  </si>
  <si>
    <t>7653662.0</t>
  </si>
  <si>
    <t>4122611.0</t>
  </si>
  <si>
    <t>3452992.0</t>
  </si>
  <si>
    <t>43403.0</t>
  </si>
  <si>
    <t>120.79</t>
  </si>
  <si>
    <t>12359.0</t>
  </si>
  <si>
    <t>941644.0</t>
  </si>
  <si>
    <t>149.132</t>
  </si>
  <si>
    <t>7717946.0</t>
  </si>
  <si>
    <t>4135720.0</t>
  </si>
  <si>
    <t>3488144.0</t>
  </si>
  <si>
    <t>64284.0</t>
  </si>
  <si>
    <t>944092.0</t>
  </si>
  <si>
    <t>7782745.0</t>
  </si>
  <si>
    <t>4147316.0</t>
  </si>
  <si>
    <t>3516535.0</t>
  </si>
  <si>
    <t>45923.0</t>
  </si>
  <si>
    <t>122.83</t>
  </si>
  <si>
    <t>946598.0</t>
  </si>
  <si>
    <t>149.917</t>
  </si>
  <si>
    <t>7836443.0</t>
  </si>
  <si>
    <t>4160845.0</t>
  </si>
  <si>
    <t>3530340.0</t>
  </si>
  <si>
    <t>145258.0</t>
  </si>
  <si>
    <t>53698.0</t>
  </si>
  <si>
    <t>949114.0</t>
  </si>
  <si>
    <t>150.315</t>
  </si>
  <si>
    <t>7891779.0</t>
  </si>
  <si>
    <t>4173627.0</t>
  </si>
  <si>
    <t>3544315.0</t>
  </si>
  <si>
    <t>55336.0</t>
  </si>
  <si>
    <t>43852.0</t>
  </si>
  <si>
    <t>124.55</t>
  </si>
  <si>
    <t>951580.0</t>
  </si>
  <si>
    <t>150.706</t>
  </si>
  <si>
    <t>43226.0</t>
  </si>
  <si>
    <t>954102.0</t>
  </si>
  <si>
    <t>151.105</t>
  </si>
  <si>
    <t>42600.0</t>
  </si>
  <si>
    <t>956632.0</t>
  </si>
  <si>
    <t>151.506</t>
  </si>
  <si>
    <t>7947486.0</t>
  </si>
  <si>
    <t>4188803.0</t>
  </si>
  <si>
    <t>3555188.0</t>
  </si>
  <si>
    <t>203495.0</t>
  </si>
  <si>
    <t>41975.0</t>
  </si>
  <si>
    <t>959124.0</t>
  </si>
  <si>
    <t>151.9</t>
  </si>
  <si>
    <t>7994792.0</t>
  </si>
  <si>
    <t>4199362.0</t>
  </si>
  <si>
    <t>3571027.0</t>
  </si>
  <si>
    <t>224403.0</t>
  </si>
  <si>
    <t>126.17</t>
  </si>
  <si>
    <t>961578.0</t>
  </si>
  <si>
    <t>152.289</t>
  </si>
  <si>
    <t>8031932.0</t>
  </si>
  <si>
    <t>4208954.0</t>
  </si>
  <si>
    <t>3579009.0</t>
  </si>
  <si>
    <t>243969.0</t>
  </si>
  <si>
    <t>37140.0</t>
  </si>
  <si>
    <t>35598.0</t>
  </si>
  <si>
    <t>964053.0</t>
  </si>
  <si>
    <t>152.681</t>
  </si>
  <si>
    <t>8062316.0</t>
  </si>
  <si>
    <t>4218112.0</t>
  </si>
  <si>
    <t>3582553.0</t>
  </si>
  <si>
    <t>261651.0</t>
  </si>
  <si>
    <t>30384.0</t>
  </si>
  <si>
    <t>966519.0</t>
  </si>
  <si>
    <t>153.071</t>
  </si>
  <si>
    <t>8096778.0</t>
  </si>
  <si>
    <t>4227768.0</t>
  </si>
  <si>
    <t>3588788.0</t>
  </si>
  <si>
    <t>280222.0</t>
  </si>
  <si>
    <t>34462.0</t>
  </si>
  <si>
    <t>29286.0</t>
  </si>
  <si>
    <t>127.78</t>
  </si>
  <si>
    <t>969054.0</t>
  </si>
  <si>
    <t>153.473</t>
  </si>
  <si>
    <t>28786.0</t>
  </si>
  <si>
    <t>971576.0</t>
  </si>
  <si>
    <t>153.872</t>
  </si>
  <si>
    <t>28286.0</t>
  </si>
  <si>
    <t>974058.0</t>
  </si>
  <si>
    <t>154.265</t>
  </si>
  <si>
    <t>8141990.0</t>
  </si>
  <si>
    <t>4239093.0</t>
  </si>
  <si>
    <t>3601685.0</t>
  </si>
  <si>
    <t>301212.0</t>
  </si>
  <si>
    <t>976628.0</t>
  </si>
  <si>
    <t>154.673</t>
  </si>
  <si>
    <t>8178337.0</t>
  </si>
  <si>
    <t>4246672.0</t>
  </si>
  <si>
    <t>3616154.0</t>
  </si>
  <si>
    <t>315511.0</t>
  </si>
  <si>
    <t>36347.0</t>
  </si>
  <si>
    <t>26221.0</t>
  </si>
  <si>
    <t>979156.0</t>
  </si>
  <si>
    <t>155.073</t>
  </si>
  <si>
    <t>981657.0</t>
  </si>
  <si>
    <t>155.469</t>
  </si>
  <si>
    <t>984143.0</t>
  </si>
  <si>
    <t>155.863</t>
  </si>
  <si>
    <t>25939.0</t>
  </si>
  <si>
    <t>986653.0</t>
  </si>
  <si>
    <t>989128.0</t>
  </si>
  <si>
    <t>156.652</t>
  </si>
  <si>
    <t>31159.0</t>
  </si>
  <si>
    <t>157.051</t>
  </si>
  <si>
    <t>994142.0</t>
  </si>
  <si>
    <t>157.446</t>
  </si>
  <si>
    <t>8411708.0</t>
  </si>
  <si>
    <t>4288124.0</t>
  </si>
  <si>
    <t>3738859.0</t>
  </si>
  <si>
    <t>380265.0</t>
  </si>
  <si>
    <t>996688.0</t>
  </si>
  <si>
    <t>157.849</t>
  </si>
  <si>
    <t>33573.0</t>
  </si>
  <si>
    <t>158.251</t>
  </si>
  <si>
    <t>1001727.0</t>
  </si>
  <si>
    <t>158.648</t>
  </si>
  <si>
    <t>8516654.0</t>
  </si>
  <si>
    <t>4314392.0</t>
  </si>
  <si>
    <t>3789448.0</t>
  </si>
  <si>
    <t>412814.0</t>
  </si>
  <si>
    <t>34043.0</t>
  </si>
  <si>
    <t>1004237.0</t>
  </si>
  <si>
    <t>159.045</t>
  </si>
  <si>
    <t>1006770.0</t>
  </si>
  <si>
    <t>159.446</t>
  </si>
  <si>
    <t>30386.0</t>
  </si>
  <si>
    <t>1009290.0</t>
  </si>
  <si>
    <t>159.845</t>
  </si>
  <si>
    <t>28558.0</t>
  </si>
  <si>
    <t>1011836.0</t>
  </si>
  <si>
    <t>160.249</t>
  </si>
  <si>
    <t>1014391.0</t>
  </si>
  <si>
    <t>160.653</t>
  </si>
  <si>
    <t>24666.0</t>
  </si>
  <si>
    <t>161.049</t>
  </si>
  <si>
    <t>8639894.0</t>
  </si>
  <si>
    <t>4335972.0</t>
  </si>
  <si>
    <t>3861181.0</t>
  </si>
  <si>
    <t>442741.0</t>
  </si>
  <si>
    <t>136.35</t>
  </si>
  <si>
    <t>1019431.0</t>
  </si>
  <si>
    <t>161.451</t>
  </si>
  <si>
    <t>8674987.0</t>
  </si>
  <si>
    <t>4341703.0</t>
  </si>
  <si>
    <t>3880753.0</t>
  </si>
  <si>
    <t>452531.0</t>
  </si>
  <si>
    <t>35093.0</t>
  </si>
  <si>
    <t>1021964.0</t>
  </si>
  <si>
    <t>1024560.0</t>
  </si>
  <si>
    <t>162.264</t>
  </si>
  <si>
    <t>1027155.0</t>
  </si>
  <si>
    <t>162.675</t>
  </si>
  <si>
    <t>1029664.0</t>
  </si>
  <si>
    <t>163.072</t>
  </si>
  <si>
    <t>8755860.0</t>
  </si>
  <si>
    <t>4356063.0</t>
  </si>
  <si>
    <t>476605.0</t>
  </si>
  <si>
    <t>138.18</t>
  </si>
  <si>
    <t>1032197.0</t>
  </si>
  <si>
    <t>163.473</t>
  </si>
  <si>
    <t>8788164.0</t>
  </si>
  <si>
    <t>4362189.0</t>
  </si>
  <si>
    <t>3938106.0</t>
  </si>
  <si>
    <t>487869.0</t>
  </si>
  <si>
    <t>32304.0</t>
  </si>
  <si>
    <t>1034764.0</t>
  </si>
  <si>
    <t>163.88</t>
  </si>
  <si>
    <t>8818648.0</t>
  </si>
  <si>
    <t>4367938.0</t>
  </si>
  <si>
    <t>3952578.0</t>
  </si>
  <si>
    <t>498132.0</t>
  </si>
  <si>
    <t>30484.0</t>
  </si>
  <si>
    <t>25536.0</t>
  </si>
  <si>
    <t>1037331.0</t>
  </si>
  <si>
    <t>164.286</t>
  </si>
  <si>
    <t>8850980.0</t>
  </si>
  <si>
    <t>4374244.0</t>
  </si>
  <si>
    <t>3966814.0</t>
  </si>
  <si>
    <t>509922.0</t>
  </si>
  <si>
    <t>32332.0</t>
  </si>
  <si>
    <t>25142.0</t>
  </si>
  <si>
    <t>1039926.0</t>
  </si>
  <si>
    <t>164.697</t>
  </si>
  <si>
    <t>24050.0</t>
  </si>
  <si>
    <t>1042438.0</t>
  </si>
  <si>
    <t>165.095</t>
  </si>
  <si>
    <t>22958.0</t>
  </si>
  <si>
    <t>1044968.0</t>
  </si>
  <si>
    <t>165.496</t>
  </si>
  <si>
    <t>8888705.0</t>
  </si>
  <si>
    <t>4380340.0</t>
  </si>
  <si>
    <t>3978938.0</t>
  </si>
  <si>
    <t>529427.0</t>
  </si>
  <si>
    <t>21866.0</t>
  </si>
  <si>
    <t>140.28</t>
  </si>
  <si>
    <t>1047497.0</t>
  </si>
  <si>
    <t>165.896</t>
  </si>
  <si>
    <t>23074.0</t>
  </si>
  <si>
    <t>1049965.0</t>
  </si>
  <si>
    <t>166.287</t>
  </si>
  <si>
    <t>8946050.0</t>
  </si>
  <si>
    <t>4390900.0</t>
  </si>
  <si>
    <t>3997138.0</t>
  </si>
  <si>
    <t>558012.0</t>
  </si>
  <si>
    <t>141.19</t>
  </si>
  <si>
    <t>1052462.0</t>
  </si>
  <si>
    <t>166.683</t>
  </si>
  <si>
    <t>20471.0</t>
  </si>
  <si>
    <t>1054976.0</t>
  </si>
  <si>
    <t>167.081</t>
  </si>
  <si>
    <t>1057492.0</t>
  </si>
  <si>
    <t>167.479</t>
  </si>
  <si>
    <t>1059963.0</t>
  </si>
  <si>
    <t>167.871</t>
  </si>
  <si>
    <t>1062476.0</t>
  </si>
  <si>
    <t>168.269</t>
  </si>
  <si>
    <t>9025531.0</t>
  </si>
  <si>
    <t>4398558.0</t>
  </si>
  <si>
    <t>4017425.0</t>
  </si>
  <si>
    <t>609548.0</t>
  </si>
  <si>
    <t>142.44</t>
  </si>
  <si>
    <t>1065053.0</t>
  </si>
  <si>
    <t>168.677</t>
  </si>
  <si>
    <t>9052869.0</t>
  </si>
  <si>
    <t>4403566.0</t>
  </si>
  <si>
    <t>4024060.0</t>
  </si>
  <si>
    <t>625243.0</t>
  </si>
  <si>
    <t>19356.0</t>
  </si>
  <si>
    <t>1067571.0</t>
  </si>
  <si>
    <t>169.076</t>
  </si>
  <si>
    <t>9074239.0</t>
  </si>
  <si>
    <t>4407553.0</t>
  </si>
  <si>
    <t>4028717.0</t>
  </si>
  <si>
    <t>637969.0</t>
  </si>
  <si>
    <t>21370.0</t>
  </si>
  <si>
    <t>1070076.0</t>
  </si>
  <si>
    <t>169.472</t>
  </si>
  <si>
    <t>9121715.0</t>
  </si>
  <si>
    <t>4416185.0</t>
  </si>
  <si>
    <t>4041016.0</t>
  </si>
  <si>
    <t>664514.0</t>
  </si>
  <si>
    <t>22824.0</t>
  </si>
  <si>
    <t>1072566.0</t>
  </si>
  <si>
    <t>169.867</t>
  </si>
  <si>
    <t>1075028.0</t>
  </si>
  <si>
    <t>170.257</t>
  </si>
  <si>
    <t>1077496.0</t>
  </si>
  <si>
    <t>170.647</t>
  </si>
  <si>
    <t>1080021.0</t>
  </si>
  <si>
    <t>171.047</t>
  </si>
  <si>
    <t>9143938.0</t>
  </si>
  <si>
    <t>4420243.0</t>
  </si>
  <si>
    <t>4048432.0</t>
  </si>
  <si>
    <t>675263.0</t>
  </si>
  <si>
    <t>144.31</t>
  </si>
  <si>
    <t>1082504.0</t>
  </si>
  <si>
    <t>171.441</t>
  </si>
  <si>
    <t>15577.0</t>
  </si>
  <si>
    <t>1084997.0</t>
  </si>
  <si>
    <t>171.835</t>
  </si>
  <si>
    <t>9179875.0</t>
  </si>
  <si>
    <t>4428668.0</t>
  </si>
  <si>
    <t>4059302.0</t>
  </si>
  <si>
    <t>691905.0</t>
  </si>
  <si>
    <t>1087463.0</t>
  </si>
  <si>
    <t>172.226</t>
  </si>
  <si>
    <t>1089961.0</t>
  </si>
  <si>
    <t>172.622</t>
  </si>
  <si>
    <t>1092464.0</t>
  </si>
  <si>
    <t>173.018</t>
  </si>
  <si>
    <t>1094972.0</t>
  </si>
  <si>
    <t>173.415</t>
  </si>
  <si>
    <t>1097490.0</t>
  </si>
  <si>
    <t>9241093.0</t>
  </si>
  <si>
    <t>4439034.0</t>
  </si>
  <si>
    <t>4081545.0</t>
  </si>
  <si>
    <t>720514.0</t>
  </si>
  <si>
    <t>1100017.0</t>
  </si>
  <si>
    <t>174.214</t>
  </si>
  <si>
    <t>9260487.0</t>
  </si>
  <si>
    <t>4441851.0</t>
  </si>
  <si>
    <t>4088015.0</t>
  </si>
  <si>
    <t>730621.0</t>
  </si>
  <si>
    <t>19394.0</t>
  </si>
  <si>
    <t>14083.0</t>
  </si>
  <si>
    <t>146.15</t>
  </si>
  <si>
    <t>1102562.0</t>
  </si>
  <si>
    <t>174.617</t>
  </si>
  <si>
    <t>9282534.0</t>
  </si>
  <si>
    <t>4444990.0</t>
  </si>
  <si>
    <t>4094266.0</t>
  </si>
  <si>
    <t>743278.0</t>
  </si>
  <si>
    <t>22047.0</t>
  </si>
  <si>
    <t>1105035.0</t>
  </si>
  <si>
    <t>175.009</t>
  </si>
  <si>
    <t>9305444.0</t>
  </si>
  <si>
    <t>4448067.0</t>
  </si>
  <si>
    <t>4099822.0</t>
  </si>
  <si>
    <t>757555.0</t>
  </si>
  <si>
    <t>1107515.0</t>
  </si>
  <si>
    <t>175.402</t>
  </si>
  <si>
    <t>1109985.0</t>
  </si>
  <si>
    <t>175.793</t>
  </si>
  <si>
    <t>1112435.0</t>
  </si>
  <si>
    <t>176.181</t>
  </si>
  <si>
    <t>1114980.0</t>
  </si>
  <si>
    <t>176.584</t>
  </si>
  <si>
    <t>9364231.0</t>
  </si>
  <si>
    <t>4454031.0</t>
  </si>
  <si>
    <t>4111556.0</t>
  </si>
  <si>
    <t>798644.0</t>
  </si>
  <si>
    <t>17591.0</t>
  </si>
  <si>
    <t>1117454.0</t>
  </si>
  <si>
    <t>176.976</t>
  </si>
  <si>
    <t>9395152.0</t>
  </si>
  <si>
    <t>4457489.0</t>
  </si>
  <si>
    <t>4117319.0</t>
  </si>
  <si>
    <t>820344.0</t>
  </si>
  <si>
    <t>30921.0</t>
  </si>
  <si>
    <t>1119944.0</t>
  </si>
  <si>
    <t>1122449.0</t>
  </si>
  <si>
    <t>177.767</t>
  </si>
  <si>
    <t>1124970.0</t>
  </si>
  <si>
    <t>178.166</t>
  </si>
  <si>
    <t>9466222.0</t>
  </si>
  <si>
    <t>4465139.0</t>
  </si>
  <si>
    <t>4130209.0</t>
  </si>
  <si>
    <t>870874.0</t>
  </si>
  <si>
    <t>149.39</t>
  </si>
  <si>
    <t>1127511.0</t>
  </si>
  <si>
    <t>178.568</t>
  </si>
  <si>
    <t>20100.0</t>
  </si>
  <si>
    <t>1129987.0</t>
  </si>
  <si>
    <t>178.961</t>
  </si>
  <si>
    <t>19331.0</t>
  </si>
  <si>
    <t>1132465.0</t>
  </si>
  <si>
    <t>179.353</t>
  </si>
  <si>
    <t>179.739</t>
  </si>
  <si>
    <t>9503477.0</t>
  </si>
  <si>
    <t>4468800.0</t>
  </si>
  <si>
    <t>4137061.0</t>
  </si>
  <si>
    <t>897616.0</t>
  </si>
  <si>
    <t>149.98</t>
  </si>
  <si>
    <t>1137429.0</t>
  </si>
  <si>
    <t>180.139</t>
  </si>
  <si>
    <t>9528674.0</t>
  </si>
  <si>
    <t>4472518.0</t>
  </si>
  <si>
    <t>4141556.0</t>
  </si>
  <si>
    <t>914600.0</t>
  </si>
  <si>
    <t>1139924.0</t>
  </si>
  <si>
    <t>180.534</t>
  </si>
  <si>
    <t>9553791.0</t>
  </si>
  <si>
    <t>4476802.0</t>
  </si>
  <si>
    <t>4146488.0</t>
  </si>
  <si>
    <t>930501.0</t>
  </si>
  <si>
    <t>150.78</t>
  </si>
  <si>
    <t>1142375.0</t>
  </si>
  <si>
    <t>180.923</t>
  </si>
  <si>
    <t>13705.0</t>
  </si>
  <si>
    <t>1144816.0</t>
  </si>
  <si>
    <t>181.309</t>
  </si>
  <si>
    <t>1147292.0</t>
  </si>
  <si>
    <t>181.701</t>
  </si>
  <si>
    <t>1149772.0</t>
  </si>
  <si>
    <t>182.094</t>
  </si>
  <si>
    <t>1152212.0</t>
  </si>
  <si>
    <t>182.48</t>
  </si>
  <si>
    <t>1154673.0</t>
  </si>
  <si>
    <t>182.87</t>
  </si>
  <si>
    <t>1157137.0</t>
  </si>
  <si>
    <t>183.26</t>
  </si>
  <si>
    <t>1159595.0</t>
  </si>
  <si>
    <t>183.65</t>
  </si>
  <si>
    <t>9620698.0</t>
  </si>
  <si>
    <t>4483699.0</t>
  </si>
  <si>
    <t>4156783.0</t>
  </si>
  <si>
    <t>980216.0</t>
  </si>
  <si>
    <t>1162090.0</t>
  </si>
  <si>
    <t>184.045</t>
  </si>
  <si>
    <t>1164573.0</t>
  </si>
  <si>
    <t>184.438</t>
  </si>
  <si>
    <t>1167026.0</t>
  </si>
  <si>
    <t>1169480.0</t>
  </si>
  <si>
    <t>185.215</t>
  </si>
  <si>
    <t>1171908.0</t>
  </si>
  <si>
    <t>9651029.0</t>
  </si>
  <si>
    <t>4486892.0</t>
  </si>
  <si>
    <t>4164802.0</t>
  </si>
  <si>
    <t>999335.0</t>
  </si>
  <si>
    <t>152.31</t>
  </si>
  <si>
    <t>1174339.0</t>
  </si>
  <si>
    <t>185.985</t>
  </si>
  <si>
    <t>186.376</t>
  </si>
  <si>
    <t>1179280.0</t>
  </si>
  <si>
    <t>1181757.0</t>
  </si>
  <si>
    <t>187.16</t>
  </si>
  <si>
    <t>1184218.0</t>
  </si>
  <si>
    <t>187.549</t>
  </si>
  <si>
    <t>1186630.0</t>
  </si>
  <si>
    <t>187.931</t>
  </si>
  <si>
    <t>1189085.0</t>
  </si>
  <si>
    <t>15221.0</t>
  </si>
  <si>
    <t>1191587.0</t>
  </si>
  <si>
    <t>188.716</t>
  </si>
  <si>
    <t>1194011.0</t>
  </si>
  <si>
    <t>1196492.0</t>
  </si>
  <si>
    <t>189.493</t>
  </si>
  <si>
    <t>1198946.0</t>
  </si>
  <si>
    <t>189.882</t>
  </si>
  <si>
    <t>1201384.0</t>
  </si>
  <si>
    <t>190.268</t>
  </si>
  <si>
    <t>1203806.0</t>
  </si>
  <si>
    <t>190.652</t>
  </si>
  <si>
    <t>1208497.0</t>
  </si>
  <si>
    <t>191.395</t>
  </si>
  <si>
    <t>1213115.0</t>
  </si>
  <si>
    <t>192.126</t>
  </si>
  <si>
    <t>1217749.0</t>
  </si>
  <si>
    <t>192.86</t>
  </si>
  <si>
    <t>9894572.0</t>
  </si>
  <si>
    <t>4519167.0</t>
  </si>
  <si>
    <t>4196714.0</t>
  </si>
  <si>
    <t>1178691.0</t>
  </si>
  <si>
    <t>193.602</t>
  </si>
  <si>
    <t>1227126.0</t>
  </si>
  <si>
    <t>194.345</t>
  </si>
  <si>
    <t>12914.0</t>
  </si>
  <si>
    <t>1231827.0</t>
  </si>
  <si>
    <t>195.089</t>
  </si>
  <si>
    <t>11761.0</t>
  </si>
  <si>
    <t>1236471.0</t>
  </si>
  <si>
    <t>195.825</t>
  </si>
  <si>
    <t>9923160.0</t>
  </si>
  <si>
    <t>4523933.0</t>
  </si>
  <si>
    <t>4199546.0</t>
  </si>
  <si>
    <t>1199681.0</t>
  </si>
  <si>
    <t>156.61</t>
  </si>
  <si>
    <t>1241105.0</t>
  </si>
  <si>
    <t>196.559</t>
  </si>
  <si>
    <t>9936259.0</t>
  </si>
  <si>
    <t>4526149.0</t>
  </si>
  <si>
    <t>4201347.0</t>
  </si>
  <si>
    <t>1208763.0</t>
  </si>
  <si>
    <t>1245852.0</t>
  </si>
  <si>
    <t>197.311</t>
  </si>
  <si>
    <t>1250563.0</t>
  </si>
  <si>
    <t>198.057</t>
  </si>
  <si>
    <t>9967076.0</t>
  </si>
  <si>
    <t>4531396.0</t>
  </si>
  <si>
    <t>4205520.0</t>
  </si>
  <si>
    <t>1230160.0</t>
  </si>
  <si>
    <t>157.3</t>
  </si>
  <si>
    <t>1255227.0</t>
  </si>
  <si>
    <t>198.795</t>
  </si>
  <si>
    <t>1259947.0</t>
  </si>
  <si>
    <t>199.543</t>
  </si>
  <si>
    <t>1264644.0</t>
  </si>
  <si>
    <t>200.287</t>
  </si>
  <si>
    <t>9978576.0</t>
  </si>
  <si>
    <t>4533437.0</t>
  </si>
  <si>
    <t>4206985.0</t>
  </si>
  <si>
    <t>1238154.0</t>
  </si>
  <si>
    <t>8938.0</t>
  </si>
  <si>
    <t>1269332.0</t>
  </si>
  <si>
    <t>201.029</t>
  </si>
  <si>
    <t>1273974.0</t>
  </si>
  <si>
    <t>201.764</t>
  </si>
  <si>
    <t>1278634.0</t>
  </si>
  <si>
    <t>202.502</t>
  </si>
  <si>
    <t>1283325.0</t>
  </si>
  <si>
    <t>203.245</t>
  </si>
  <si>
    <t>1288010.0</t>
  </si>
  <si>
    <t>203.987</t>
  </si>
  <si>
    <t>1292744.0</t>
  </si>
  <si>
    <t>204.737</t>
  </si>
  <si>
    <t>1297450.0</t>
  </si>
  <si>
    <t>205.482</t>
  </si>
  <si>
    <t>1302126.0</t>
  </si>
  <si>
    <t>206.223</t>
  </si>
  <si>
    <t>1306786.0</t>
  </si>
  <si>
    <t>206.961</t>
  </si>
  <si>
    <t>1311469.0</t>
  </si>
  <si>
    <t>1316105.0</t>
  </si>
  <si>
    <t>208.437</t>
  </si>
  <si>
    <t>10084718.0</t>
  </si>
  <si>
    <t>4550072.0</t>
  </si>
  <si>
    <t>4226787.0</t>
  </si>
  <si>
    <t>1307859.0</t>
  </si>
  <si>
    <t>159.16</t>
  </si>
  <si>
    <t>1320819.0</t>
  </si>
  <si>
    <t>209.183</t>
  </si>
  <si>
    <t>1325502.0</t>
  </si>
  <si>
    <t>209.925</t>
  </si>
  <si>
    <t>1330216.0</t>
  </si>
  <si>
    <t>210.672</t>
  </si>
  <si>
    <t>10094444.0</t>
  </si>
  <si>
    <t>4551622.0</t>
  </si>
  <si>
    <t>4229126.0</t>
  </si>
  <si>
    <t>1313696.0</t>
  </si>
  <si>
    <t>159.31</t>
  </si>
  <si>
    <t>1334893.0</t>
  </si>
  <si>
    <t>211.412</t>
  </si>
  <si>
    <t>1339568.0</t>
  </si>
  <si>
    <t>10111499.0</t>
  </si>
  <si>
    <t>4554203.0</t>
  </si>
  <si>
    <t>4233066.0</t>
  </si>
  <si>
    <t>1344265.0</t>
  </si>
  <si>
    <t>212.897</t>
  </si>
  <si>
    <t>1348918.0</t>
  </si>
  <si>
    <t>213.634</t>
  </si>
  <si>
    <t>1353591.0</t>
  </si>
  <si>
    <t>214.374</t>
  </si>
  <si>
    <t>1358309.0</t>
  </si>
  <si>
    <t>215.121</t>
  </si>
  <si>
    <t>7295.0</t>
  </si>
  <si>
    <t>1362964.0</t>
  </si>
  <si>
    <t>215.858</t>
  </si>
  <si>
    <t>1367644.0</t>
  </si>
  <si>
    <t>216.599</t>
  </si>
  <si>
    <t>1372339.0</t>
  </si>
  <si>
    <t>217.343</t>
  </si>
  <si>
    <t>1377006.0</t>
  </si>
  <si>
    <t>4667.0</t>
  </si>
  <si>
    <t>218.082</t>
  </si>
  <si>
    <t>1381683.0</t>
  </si>
  <si>
    <t>218.823</t>
  </si>
  <si>
    <t>1386351.0</t>
  </si>
  <si>
    <t>219.562</t>
  </si>
  <si>
    <t>1391002.0</t>
  </si>
  <si>
    <t>220.299</t>
  </si>
  <si>
    <t>1395691.0</t>
  </si>
  <si>
    <t>221.041</t>
  </si>
  <si>
    <t>10203813.0</t>
  </si>
  <si>
    <t>4565726.0</t>
  </si>
  <si>
    <t>4251459.0</t>
  </si>
  <si>
    <t>1386628.0</t>
  </si>
  <si>
    <t>1400356.0</t>
  </si>
  <si>
    <t>221.78</t>
  </si>
  <si>
    <t>10234262.0</t>
  </si>
  <si>
    <t>4569063.0</t>
  </si>
  <si>
    <t>4258480.0</t>
  </si>
  <si>
    <t>1406719.0</t>
  </si>
  <si>
    <t>1405080.0</t>
  </si>
  <si>
    <t>222.528</t>
  </si>
  <si>
    <t>10395.0</t>
  </si>
  <si>
    <t>1409839.0</t>
  </si>
  <si>
    <t>223.282</t>
  </si>
  <si>
    <t>1414506.0</t>
  </si>
  <si>
    <t>224.021</t>
  </si>
  <si>
    <t>1419152.0</t>
  </si>
  <si>
    <t>224.757</t>
  </si>
  <si>
    <t>1423881.0</t>
  </si>
  <si>
    <t>225.506</t>
  </si>
  <si>
    <t>1428553.0</t>
  </si>
  <si>
    <t>226.246</t>
  </si>
  <si>
    <t>1433247.0</t>
  </si>
  <si>
    <t>226.989</t>
  </si>
  <si>
    <t>1437926.0</t>
  </si>
  <si>
    <t>227.73</t>
  </si>
  <si>
    <t>1442581.0</t>
  </si>
  <si>
    <t>228.467</t>
  </si>
  <si>
    <t>1447251.0</t>
  </si>
  <si>
    <t>229.207</t>
  </si>
  <si>
    <t>1451902.0</t>
  </si>
  <si>
    <t>229.944</t>
  </si>
  <si>
    <t>1456546.0</t>
  </si>
  <si>
    <t>230.679</t>
  </si>
  <si>
    <t>1461234.0</t>
  </si>
  <si>
    <t>231.422</t>
  </si>
  <si>
    <t>1465865.0</t>
  </si>
  <si>
    <t>232.155</t>
  </si>
  <si>
    <t>10288175.0</t>
  </si>
  <si>
    <t>4575400.0</t>
  </si>
  <si>
    <t>4272289.0</t>
  </si>
  <si>
    <t>1440486.0</t>
  </si>
  <si>
    <t>162.37</t>
  </si>
  <si>
    <t>1470549.0</t>
  </si>
  <si>
    <t>232.897</t>
  </si>
  <si>
    <t>1475257.0</t>
  </si>
  <si>
    <t>233.642</t>
  </si>
  <si>
    <t>1479976.0</t>
  </si>
  <si>
    <t>234.39</t>
  </si>
  <si>
    <t>10307278.0</t>
  </si>
  <si>
    <t>4577641.0</t>
  </si>
  <si>
    <t>4275527.0</t>
  </si>
  <si>
    <t>1454110.0</t>
  </si>
  <si>
    <t>162.67</t>
  </si>
  <si>
    <t>1484613.0</t>
  </si>
  <si>
    <t>235.124</t>
  </si>
  <si>
    <t>10314830.0</t>
  </si>
  <si>
    <t>4578192.0</t>
  </si>
  <si>
    <t>4276235.0</t>
  </si>
  <si>
    <t>1460403.0</t>
  </si>
  <si>
    <t>1489234.0</t>
  </si>
  <si>
    <t>235.856</t>
  </si>
  <si>
    <t>1493918.0</t>
  </si>
  <si>
    <t>236.598</t>
  </si>
  <si>
    <t>1498564.0</t>
  </si>
  <si>
    <t>237.334</t>
  </si>
  <si>
    <t>1503223.0</t>
  </si>
  <si>
    <t>238.071</t>
  </si>
  <si>
    <t>1507842.0</t>
  </si>
  <si>
    <t>238.803</t>
  </si>
  <si>
    <t>10371554.0</t>
  </si>
  <si>
    <t>4580445.0</t>
  </si>
  <si>
    <t>4279489.0</t>
  </si>
  <si>
    <t>1511620.0</t>
  </si>
  <si>
    <t>163.68</t>
  </si>
  <si>
    <t>1512537.0</t>
  </si>
  <si>
    <t>239.547</t>
  </si>
  <si>
    <t>10418549.0</t>
  </si>
  <si>
    <t>4582343.0</t>
  </si>
  <si>
    <t>4281899.0</t>
  </si>
  <si>
    <t>1554307.0</t>
  </si>
  <si>
    <t>164.42</t>
  </si>
  <si>
    <t>1517222.0</t>
  </si>
  <si>
    <t>240.289</t>
  </si>
  <si>
    <t>1521901.0</t>
  </si>
  <si>
    <t>1526545.0</t>
  </si>
  <si>
    <t>241.765</t>
  </si>
  <si>
    <t>16765.0</t>
  </si>
  <si>
    <t>1531241.0</t>
  </si>
  <si>
    <t>242.509</t>
  </si>
  <si>
    <t>16874.0</t>
  </si>
  <si>
    <t>1535862.0</t>
  </si>
  <si>
    <t>243.241</t>
  </si>
  <si>
    <t>1540525.0</t>
  </si>
  <si>
    <t>243.979</t>
  </si>
  <si>
    <t>1545202.0</t>
  </si>
  <si>
    <t>244.72</t>
  </si>
  <si>
    <t>1549910.0</t>
  </si>
  <si>
    <t>245.465</t>
  </si>
  <si>
    <t>10515418.0</t>
  </si>
  <si>
    <t>4586644.0</t>
  </si>
  <si>
    <t>4287364.0</t>
  </si>
  <si>
    <t>1641410.0</t>
  </si>
  <si>
    <t>1554625.0</t>
  </si>
  <si>
    <t>246.212</t>
  </si>
  <si>
    <t>1559311.0</t>
  </si>
  <si>
    <t>246.954</t>
  </si>
  <si>
    <t>1563954.0</t>
  </si>
  <si>
    <t>247.69</t>
  </si>
  <si>
    <t>10533076.0</t>
  </si>
  <si>
    <t>4587535.0</t>
  </si>
  <si>
    <t>4288666.0</t>
  </si>
  <si>
    <t>1656875.0</t>
  </si>
  <si>
    <t>166.23</t>
  </si>
  <si>
    <t>1568595.0</t>
  </si>
  <si>
    <t>248.425</t>
  </si>
  <si>
    <t>1573256.0</t>
  </si>
  <si>
    <t>249.163</t>
  </si>
  <si>
    <t>1577949.0</t>
  </si>
  <si>
    <t>249.906</t>
  </si>
  <si>
    <t>1582556.0</t>
  </si>
  <si>
    <t>250.636</t>
  </si>
  <si>
    <t>1587200.0</t>
  </si>
  <si>
    <t>251.371</t>
  </si>
  <si>
    <t>1591811.0</t>
  </si>
  <si>
    <t>252.102</t>
  </si>
  <si>
    <t>1596443.0</t>
  </si>
  <si>
    <t>252.835</t>
  </si>
  <si>
    <t>1601127.0</t>
  </si>
  <si>
    <t>253.577</t>
  </si>
  <si>
    <t>1605798.0</t>
  </si>
  <si>
    <t>254.317</t>
  </si>
  <si>
    <t>1610412.0</t>
  </si>
  <si>
    <t>255.047</t>
  </si>
  <si>
    <t>1615065.0</t>
  </si>
  <si>
    <t>255.784</t>
  </si>
  <si>
    <t>1619691.0</t>
  </si>
  <si>
    <t>256.517</t>
  </si>
  <si>
    <t>1624294.0</t>
  </si>
  <si>
    <t>257.246</t>
  </si>
  <si>
    <t>1628930.0</t>
  </si>
  <si>
    <t>257.98</t>
  </si>
  <si>
    <t>10620638.0</t>
  </si>
  <si>
    <t>4592092.0</t>
  </si>
  <si>
    <t>1734831.0</t>
  </si>
  <si>
    <t>1633605.0</t>
  </si>
  <si>
    <t>258.721</t>
  </si>
  <si>
    <t>1638256.0</t>
  </si>
  <si>
    <t>259.457</t>
  </si>
  <si>
    <t>1642900.0</t>
  </si>
  <si>
    <t>260.193</t>
  </si>
  <si>
    <t>1647586.0</t>
  </si>
  <si>
    <t>260.935</t>
  </si>
  <si>
    <t>1652209.0</t>
  </si>
  <si>
    <t>261.667</t>
  </si>
  <si>
    <t>1656853.0</t>
  </si>
  <si>
    <t>262.402</t>
  </si>
  <si>
    <t>1661472.0</t>
  </si>
  <si>
    <t>263.134</t>
  </si>
  <si>
    <t>1666076.0</t>
  </si>
  <si>
    <t>263.863</t>
  </si>
  <si>
    <t>10680432.0</t>
  </si>
  <si>
    <t>4595639.0</t>
  </si>
  <si>
    <t>4298297.0</t>
  </si>
  <si>
    <t>1786496.0</t>
  </si>
  <si>
    <t>1670686.0</t>
  </si>
  <si>
    <t>264.593</t>
  </si>
  <si>
    <t>1675301.0</t>
  </si>
  <si>
    <t>265.324</t>
  </si>
  <si>
    <t>1679937.0</t>
  </si>
  <si>
    <t>266.058</t>
  </si>
  <si>
    <t>1684561.0</t>
  </si>
  <si>
    <t>266.791</t>
  </si>
  <si>
    <t>1689226.0</t>
  </si>
  <si>
    <t>267.53</t>
  </si>
  <si>
    <t>1693897.0</t>
  </si>
  <si>
    <t>268.269</t>
  </si>
  <si>
    <t>1698509.0</t>
  </si>
  <si>
    <t>1703141.0</t>
  </si>
  <si>
    <t>269.733</t>
  </si>
  <si>
    <t>1707823.0</t>
  </si>
  <si>
    <t>270.475</t>
  </si>
  <si>
    <t>1712464.0</t>
  </si>
  <si>
    <t>271.21</t>
  </si>
  <si>
    <t>1717076.0</t>
  </si>
  <si>
    <t>271.94</t>
  </si>
  <si>
    <t>1721732.0</t>
  </si>
  <si>
    <t>272.678</t>
  </si>
  <si>
    <t>1726361.0</t>
  </si>
  <si>
    <t>273.411</t>
  </si>
  <si>
    <t>1730996.0</t>
  </si>
  <si>
    <t>274.145</t>
  </si>
  <si>
    <t>1735683.0</t>
  </si>
  <si>
    <t>274.887</t>
  </si>
  <si>
    <t>1740374.0</t>
  </si>
  <si>
    <t>275.63</t>
  </si>
  <si>
    <t>1745026.0</t>
  </si>
  <si>
    <t>276.367</t>
  </si>
  <si>
    <t>1749659.0</t>
  </si>
  <si>
    <t>277.101</t>
  </si>
  <si>
    <t>1754284.0</t>
  </si>
  <si>
    <t>277.833</t>
  </si>
  <si>
    <t>1758930.0</t>
  </si>
  <si>
    <t>278.569</t>
  </si>
  <si>
    <t>1763546.0</t>
  </si>
  <si>
    <t>1768209.0</t>
  </si>
  <si>
    <t>280.038</t>
  </si>
  <si>
    <t>1772830.0</t>
  </si>
  <si>
    <t>280.77</t>
  </si>
  <si>
    <t>1777466.0</t>
  </si>
  <si>
    <t>281.504</t>
  </si>
  <si>
    <t>10786951.0</t>
  </si>
  <si>
    <t>4602941.0</t>
  </si>
  <si>
    <t>4307027.0</t>
  </si>
  <si>
    <t>1876983.0</t>
  </si>
  <si>
    <t>170.24</t>
  </si>
  <si>
    <t>1782080.0</t>
  </si>
  <si>
    <t>282.235</t>
  </si>
  <si>
    <t>1786725.0</t>
  </si>
  <si>
    <t>282.971</t>
  </si>
  <si>
    <t>1791376.0</t>
  </si>
  <si>
    <t>283.707</t>
  </si>
  <si>
    <t>1796033.0</t>
  </si>
  <si>
    <t>284.445</t>
  </si>
  <si>
    <t>1800697.0</t>
  </si>
  <si>
    <t>285.184</t>
  </si>
  <si>
    <t>1805368.0</t>
  </si>
  <si>
    <t>285.923</t>
  </si>
  <si>
    <t>10808378.0</t>
  </si>
  <si>
    <t>4604649.0</t>
  </si>
  <si>
    <t>4308970.0</t>
  </si>
  <si>
    <t>1894759.0</t>
  </si>
  <si>
    <t>1809991.0</t>
  </si>
  <si>
    <t>286.656</t>
  </si>
  <si>
    <t>1814644.0</t>
  </si>
  <si>
    <t>287.392</t>
  </si>
  <si>
    <t>1819305.0</t>
  </si>
  <si>
    <t>1823983.0</t>
  </si>
  <si>
    <t>288.872</t>
  </si>
  <si>
    <t>10819940.0</t>
  </si>
  <si>
    <t>4605489.0</t>
  </si>
  <si>
    <t>4310010.0</t>
  </si>
  <si>
    <t>1904441.0</t>
  </si>
  <si>
    <t>1828672.0</t>
  </si>
  <si>
    <t>289.614</t>
  </si>
  <si>
    <t>1833335.0</t>
  </si>
  <si>
    <t>290.353</t>
  </si>
  <si>
    <t>1837989.0</t>
  </si>
  <si>
    <t>291.09</t>
  </si>
  <si>
    <t>291.83</t>
  </si>
  <si>
    <t>10835169.0</t>
  </si>
  <si>
    <t>4606569.0</t>
  </si>
  <si>
    <t>4311203.0</t>
  </si>
  <si>
    <t>1917397.0</t>
  </si>
  <si>
    <t>1847305.0</t>
  </si>
  <si>
    <t>292.565</t>
  </si>
  <si>
    <t>1851974.0</t>
  </si>
  <si>
    <t>293.305</t>
  </si>
  <si>
    <t>1856552.0</t>
  </si>
  <si>
    <t>294.03</t>
  </si>
  <si>
    <t>1861165.0</t>
  </si>
  <si>
    <t>294.76</t>
  </si>
  <si>
    <t>10843511.0</t>
  </si>
  <si>
    <t>4607210.0</t>
  </si>
  <si>
    <t>4312033.0</t>
  </si>
  <si>
    <t>1924268.0</t>
  </si>
  <si>
    <t>171.13</t>
  </si>
  <si>
    <t>1865790.0</t>
  </si>
  <si>
    <t>295.493</t>
  </si>
  <si>
    <t>1870394.0</t>
  </si>
  <si>
    <t>296.222</t>
  </si>
  <si>
    <t>1875041.0</t>
  </si>
  <si>
    <t>296.958</t>
  </si>
  <si>
    <t>1879709.0</t>
  </si>
  <si>
    <t>297.697</t>
  </si>
  <si>
    <t>1884332.0</t>
  </si>
  <si>
    <t>298.429</t>
  </si>
  <si>
    <t>1888947.0</t>
  </si>
  <si>
    <t>299.16</t>
  </si>
  <si>
    <t>1893633.0</t>
  </si>
  <si>
    <t>299.902</t>
  </si>
  <si>
    <t>1898305.0</t>
  </si>
  <si>
    <t>300.642</t>
  </si>
  <si>
    <t>1902950.0</t>
  </si>
  <si>
    <t>301.378</t>
  </si>
  <si>
    <t>10875762.0</t>
  </si>
  <si>
    <t>4609638.0</t>
  </si>
  <si>
    <t>4314494.0</t>
  </si>
  <si>
    <t>1951630.0</t>
  </si>
  <si>
    <t>72.75</t>
  </si>
  <si>
    <t>1907623.0</t>
  </si>
  <si>
    <t>302.118</t>
  </si>
  <si>
    <t>1912252.0</t>
  </si>
  <si>
    <t>302.851</t>
  </si>
  <si>
    <t>1916950.0</t>
  </si>
  <si>
    <t>303.595</t>
  </si>
  <si>
    <t>1921625.0</t>
  </si>
  <si>
    <t>304.335</t>
  </si>
  <si>
    <t>10892892.0</t>
  </si>
  <si>
    <t>4610987.0</t>
  </si>
  <si>
    <t>4315754.0</t>
  </si>
  <si>
    <t>1966151.0</t>
  </si>
  <si>
    <t>171.91</t>
  </si>
  <si>
    <t>10958940.0</t>
  </si>
  <si>
    <t>4615720.0</t>
  </si>
  <si>
    <t>4319779.0</t>
  </si>
  <si>
    <t>2023441.0</t>
  </si>
  <si>
    <t>10998770.0</t>
  </si>
  <si>
    <t>4619142.0</t>
  </si>
  <si>
    <t>4322540.0</t>
  </si>
  <si>
    <t>2057088.0</t>
  </si>
  <si>
    <t>173.58</t>
  </si>
  <si>
    <t>11127982.0</t>
  </si>
  <si>
    <t>4630037.0</t>
  </si>
  <si>
    <t>4330643.0</t>
  </si>
  <si>
    <t>2167302.0</t>
  </si>
  <si>
    <t>175.62</t>
  </si>
  <si>
    <t>11289175.0</t>
  </si>
  <si>
    <t>4652597.0</t>
  </si>
  <si>
    <t>4344286.0</t>
  </si>
  <si>
    <t>2292292.0</t>
  </si>
  <si>
    <t>OWID_ENG</t>
  </si>
  <si>
    <t>England</t>
  </si>
  <si>
    <t>92.414</t>
  </si>
  <si>
    <t>10729.0</t>
  </si>
  <si>
    <t>9852.0</t>
  </si>
  <si>
    <t>15469.0</t>
  </si>
  <si>
    <t>16657.0</t>
  </si>
  <si>
    <t>336.764</t>
  </si>
  <si>
    <t>17814.0</t>
  </si>
  <si>
    <t>19203.0</t>
  </si>
  <si>
    <t>45.022</t>
  </si>
  <si>
    <t>325.782</t>
  </si>
  <si>
    <t>17763.0</t>
  </si>
  <si>
    <t>335.526</t>
  </si>
  <si>
    <t>18552.0</t>
  </si>
  <si>
    <t>13098.0</t>
  </si>
  <si>
    <t>16728.0</t>
  </si>
  <si>
    <t>294.5</t>
  </si>
  <si>
    <t>10664.0</t>
  </si>
  <si>
    <t>45.323</t>
  </si>
  <si>
    <t>38.798</t>
  </si>
  <si>
    <t>14255.0</t>
  </si>
  <si>
    <t>155.42</t>
  </si>
  <si>
    <t>12922.0</t>
  </si>
  <si>
    <t>8431.0</t>
  </si>
  <si>
    <t>11754.0</t>
  </si>
  <si>
    <t>7394.0</t>
  </si>
  <si>
    <t>181.238</t>
  </si>
  <si>
    <t>24.085</t>
  </si>
  <si>
    <t>9231.0</t>
  </si>
  <si>
    <t>8643.0</t>
  </si>
  <si>
    <t>15.809</t>
  </si>
  <si>
    <t>15.066</t>
  </si>
  <si>
    <t>14.412</t>
  </si>
  <si>
    <t>131.123</t>
  </si>
  <si>
    <t>129.178</t>
  </si>
  <si>
    <t>73.599</t>
  </si>
  <si>
    <t>12.308</t>
  </si>
  <si>
    <t>11.724</t>
  </si>
  <si>
    <t>110.522</t>
  </si>
  <si>
    <t>11.105</t>
  </si>
  <si>
    <t>9.248</t>
  </si>
  <si>
    <t>7.922</t>
  </si>
  <si>
    <t>53.634</t>
  </si>
  <si>
    <t>5.906</t>
  </si>
  <si>
    <t>5.995</t>
  </si>
  <si>
    <t>6.065</t>
  </si>
  <si>
    <t>5.782</t>
  </si>
  <si>
    <t>69.319</t>
  </si>
  <si>
    <t>63.218</t>
  </si>
  <si>
    <t>5.252</t>
  </si>
  <si>
    <t>37.277</t>
  </si>
  <si>
    <t>58.143</t>
  </si>
  <si>
    <t>33.439</t>
  </si>
  <si>
    <t>4.173</t>
  </si>
  <si>
    <t>30.469</t>
  </si>
  <si>
    <t>4.209</t>
  </si>
  <si>
    <t>25.287</t>
  </si>
  <si>
    <t>37.135</t>
  </si>
  <si>
    <t>19.593</t>
  </si>
  <si>
    <t>19.204</t>
  </si>
  <si>
    <t>35.544</t>
  </si>
  <si>
    <t>18.479</t>
  </si>
  <si>
    <t>17.418</t>
  </si>
  <si>
    <t>16.446</t>
  </si>
  <si>
    <t>14.996</t>
  </si>
  <si>
    <t>26.631</t>
  </si>
  <si>
    <t>23.837</t>
  </si>
  <si>
    <t>19.363</t>
  </si>
  <si>
    <t>9.885</t>
  </si>
  <si>
    <t>10.363</t>
  </si>
  <si>
    <t>16.393</t>
  </si>
  <si>
    <t>9.637</t>
  </si>
  <si>
    <t>15.385</t>
  </si>
  <si>
    <t>7.975</t>
  </si>
  <si>
    <t>14.889</t>
  </si>
  <si>
    <t>7.179</t>
  </si>
  <si>
    <t>7.692</t>
  </si>
  <si>
    <t>7.356</t>
  </si>
  <si>
    <t>11.353</t>
  </si>
  <si>
    <t>7.197</t>
  </si>
  <si>
    <t>7.339</t>
  </si>
  <si>
    <t>6.101</t>
  </si>
  <si>
    <t>5.712</t>
  </si>
  <si>
    <t>6.012</t>
  </si>
  <si>
    <t>8.294</t>
  </si>
  <si>
    <t>6.401</t>
  </si>
  <si>
    <t>6.932</t>
  </si>
  <si>
    <t>8.276</t>
  </si>
  <si>
    <t>8.382</t>
  </si>
  <si>
    <t>8.329</t>
  </si>
  <si>
    <t>8.081</t>
  </si>
  <si>
    <t>8.541</t>
  </si>
  <si>
    <t>9.478</t>
  </si>
  <si>
    <t>9.461</t>
  </si>
  <si>
    <t>10.115</t>
  </si>
  <si>
    <t>15.756</t>
  </si>
  <si>
    <t>19.116</t>
  </si>
  <si>
    <t>23.165</t>
  </si>
  <si>
    <t>3.696</t>
  </si>
  <si>
    <t>29.814</t>
  </si>
  <si>
    <t>34.571</t>
  </si>
  <si>
    <t>4.987</t>
  </si>
  <si>
    <t>36.587</t>
  </si>
  <si>
    <t>40.495</t>
  </si>
  <si>
    <t>45.075</t>
  </si>
  <si>
    <t>6.508</t>
  </si>
  <si>
    <t>56.216</t>
  </si>
  <si>
    <t>7.003</t>
  </si>
  <si>
    <t>67.675</t>
  </si>
  <si>
    <t>7.798</t>
  </si>
  <si>
    <t>91.989</t>
  </si>
  <si>
    <t>9.903</t>
  </si>
  <si>
    <t>103.66</t>
  </si>
  <si>
    <t>120.99</t>
  </si>
  <si>
    <t>113.563</t>
  </si>
  <si>
    <t>122.776</t>
  </si>
  <si>
    <t>13.139</t>
  </si>
  <si>
    <t>160.389</t>
  </si>
  <si>
    <t>172.98</t>
  </si>
  <si>
    <t>155.438</t>
  </si>
  <si>
    <t>203.607</t>
  </si>
  <si>
    <t>164.35</t>
  </si>
  <si>
    <t>12033.0</t>
  </si>
  <si>
    <t>13328.0</t>
  </si>
  <si>
    <t>235.685</t>
  </si>
  <si>
    <t>21.715</t>
  </si>
  <si>
    <t>14490.0</t>
  </si>
  <si>
    <t>9835.0</t>
  </si>
  <si>
    <t>173.917</t>
  </si>
  <si>
    <t>22.989</t>
  </si>
  <si>
    <t>9465.0</t>
  </si>
  <si>
    <t>13908.0</t>
  </si>
  <si>
    <t>21.291</t>
  </si>
  <si>
    <t>8728.0</t>
  </si>
  <si>
    <t>152.255</t>
  </si>
  <si>
    <t>13756.0</t>
  </si>
  <si>
    <t>8421.0</t>
  </si>
  <si>
    <t>13189.0</t>
  </si>
  <si>
    <t>9338.0</t>
  </si>
  <si>
    <t>165.128</t>
  </si>
  <si>
    <t>9626.0</t>
  </si>
  <si>
    <t>19.629</t>
  </si>
  <si>
    <t>13901.0</t>
  </si>
  <si>
    <t>10015.0</t>
  </si>
  <si>
    <t>10966.0</t>
  </si>
  <si>
    <t>265.8</t>
  </si>
  <si>
    <t>20.566</t>
  </si>
  <si>
    <t>21.043</t>
  </si>
  <si>
    <t>12210.0</t>
  </si>
  <si>
    <t>22.405</t>
  </si>
  <si>
    <t>17709.0</t>
  </si>
  <si>
    <t>12974.0</t>
  </si>
  <si>
    <t>18063.0</t>
  </si>
  <si>
    <t>17834.0</t>
  </si>
  <si>
    <t>13631.0</t>
  </si>
  <si>
    <t>18227.0</t>
  </si>
  <si>
    <t>13833.0</t>
  </si>
  <si>
    <t>18350.0</t>
  </si>
  <si>
    <t>19277.0</t>
  </si>
  <si>
    <t>20426.0</t>
  </si>
  <si>
    <t>22713.0</t>
  </si>
  <si>
    <t>17159.0</t>
  </si>
  <si>
    <t>17900.0</t>
  </si>
  <si>
    <t>22534.0</t>
  </si>
  <si>
    <t>23557.0</t>
  </si>
  <si>
    <t>19805.0</t>
  </si>
  <si>
    <t>21376.0</t>
  </si>
  <si>
    <t>24606.0</t>
  </si>
  <si>
    <t>25718.0</t>
  </si>
  <si>
    <t>52.396</t>
  </si>
  <si>
    <t>30758.0</t>
  </si>
  <si>
    <t>2333764.0</t>
  </si>
  <si>
    <t>1959151.0</t>
  </si>
  <si>
    <t>374613.0</t>
  </si>
  <si>
    <t>32070.0</t>
  </si>
  <si>
    <t>26245.0</t>
  </si>
  <si>
    <t>2474205.0</t>
  </si>
  <si>
    <t>2080280.0</t>
  </si>
  <si>
    <t>393925.0</t>
  </si>
  <si>
    <t>140441.0</t>
  </si>
  <si>
    <t>121129.0</t>
  </si>
  <si>
    <t>26682.0</t>
  </si>
  <si>
    <t>2661850.0</t>
  </si>
  <si>
    <t>2254556.0</t>
  </si>
  <si>
    <t>407294.0</t>
  </si>
  <si>
    <t>187645.0</t>
  </si>
  <si>
    <t>164043.0</t>
  </si>
  <si>
    <t>32689.0</t>
  </si>
  <si>
    <t>2910027.0</t>
  </si>
  <si>
    <t>2494371.0</t>
  </si>
  <si>
    <t>415656.0</t>
  </si>
  <si>
    <t>248177.0</t>
  </si>
  <si>
    <t>192088.0</t>
  </si>
  <si>
    <t>178407.0</t>
  </si>
  <si>
    <t>32925.0</t>
  </si>
  <si>
    <t>3189674.0</t>
  </si>
  <si>
    <t>2769164.0</t>
  </si>
  <si>
    <t>420510.0</t>
  </si>
  <si>
    <t>279647.0</t>
  </si>
  <si>
    <t>213978.0</t>
  </si>
  <si>
    <t>202503.0</t>
  </si>
  <si>
    <t>589.956</t>
  </si>
  <si>
    <t>3514385.0</t>
  </si>
  <si>
    <t>3090058.0</t>
  </si>
  <si>
    <t>424327.0</t>
  </si>
  <si>
    <t>324711.0</t>
  </si>
  <si>
    <t>236124.0</t>
  </si>
  <si>
    <t>226181.0</t>
  </si>
  <si>
    <t>25981.0</t>
  </si>
  <si>
    <t>3791594.0</t>
  </si>
  <si>
    <t>3365492.0</t>
  </si>
  <si>
    <t>426102.0</t>
  </si>
  <si>
    <t>277209.0</t>
  </si>
  <si>
    <t>242972.0</t>
  </si>
  <si>
    <t>234390.0</t>
  </si>
  <si>
    <t>33352.0</t>
  </si>
  <si>
    <t>3947442.0</t>
  </si>
  <si>
    <t>3520056.0</t>
  </si>
  <si>
    <t>427386.0</t>
  </si>
  <si>
    <t>155848.0</t>
  </si>
  <si>
    <t>230525.0</t>
  </si>
  <si>
    <t>222986.0</t>
  </si>
  <si>
    <t>4118342.0</t>
  </si>
  <si>
    <t>3687206.0</t>
  </si>
  <si>
    <t>431136.0</t>
  </si>
  <si>
    <t>170900.0</t>
  </si>
  <si>
    <t>234877.0</t>
  </si>
  <si>
    <t>229561.0</t>
  </si>
  <si>
    <t>25285.0</t>
  </si>
  <si>
    <t>4419704.0</t>
  </si>
  <si>
    <t>3985579.0</t>
  </si>
  <si>
    <t>434125.0</t>
  </si>
  <si>
    <t>301362.0</t>
  </si>
  <si>
    <t>251122.0</t>
  </si>
  <si>
    <t>247289.0</t>
  </si>
  <si>
    <t>33886.0</t>
  </si>
  <si>
    <t>4740578.0</t>
  </si>
  <si>
    <t>4303730.0</t>
  </si>
  <si>
    <t>436848.0</t>
  </si>
  <si>
    <t>320874.0</t>
  </si>
  <si>
    <t>261507.0</t>
  </si>
  <si>
    <t>258480.0</t>
  </si>
  <si>
    <t>63.784</t>
  </si>
  <si>
    <t>33235.0</t>
  </si>
  <si>
    <t>24683.0</t>
  </si>
  <si>
    <t>5100475.0</t>
  </si>
  <si>
    <t>4661293.0</t>
  </si>
  <si>
    <t>439182.0</t>
  </si>
  <si>
    <t>359897.0</t>
  </si>
  <si>
    <t>272972.0</t>
  </si>
  <si>
    <t>270304.0</t>
  </si>
  <si>
    <t>24404.0</t>
  </si>
  <si>
    <t>5526071.0</t>
  </si>
  <si>
    <t>5085771.0</t>
  </si>
  <si>
    <t>440300.0</t>
  </si>
  <si>
    <t>425596.0</t>
  </si>
  <si>
    <t>287384.0</t>
  </si>
  <si>
    <t>285102.0</t>
  </si>
  <si>
    <t>5970175.0</t>
  </si>
  <si>
    <t>5529101.0</t>
  </si>
  <si>
    <t>441074.0</t>
  </si>
  <si>
    <t>444104.0</t>
  </si>
  <si>
    <t>311226.0</t>
  </si>
  <si>
    <t>309087.0</t>
  </si>
  <si>
    <t>6169377.0</t>
  </si>
  <si>
    <t>5727693.0</t>
  </si>
  <si>
    <t>441684.0</t>
  </si>
  <si>
    <t>199202.0</t>
  </si>
  <si>
    <t>317419.0</t>
  </si>
  <si>
    <t>315377.0</t>
  </si>
  <si>
    <t>21952.0</t>
  </si>
  <si>
    <t>6405554.0</t>
  </si>
  <si>
    <t>5962544.0</t>
  </si>
  <si>
    <t>443010.0</t>
  </si>
  <si>
    <t>236177.0</t>
  </si>
  <si>
    <t>326745.0</t>
  </si>
  <si>
    <t>325048.0</t>
  </si>
  <si>
    <t>32337.0</t>
  </si>
  <si>
    <t>20983.0</t>
  </si>
  <si>
    <t>6665861.0</t>
  </si>
  <si>
    <t>6221850.0</t>
  </si>
  <si>
    <t>444011.0</t>
  </si>
  <si>
    <t>260307.0</t>
  </si>
  <si>
    <t>320880.0</t>
  </si>
  <si>
    <t>30846.0</t>
  </si>
  <si>
    <t>20046.0</t>
  </si>
  <si>
    <t>6918853.0</t>
  </si>
  <si>
    <t>6473752.0</t>
  </si>
  <si>
    <t>445101.0</t>
  </si>
  <si>
    <t>252992.0</t>
  </si>
  <si>
    <t>311182.0</t>
  </si>
  <si>
    <t>310003.0</t>
  </si>
  <si>
    <t>63.395</t>
  </si>
  <si>
    <t>7263317.0</t>
  </si>
  <si>
    <t>6816945.0</t>
  </si>
  <si>
    <t>446372.0</t>
  </si>
  <si>
    <t>344464.0</t>
  </si>
  <si>
    <t>308977.0</t>
  </si>
  <si>
    <t>307950.0</t>
  </si>
  <si>
    <t>7701203.0</t>
  </si>
  <si>
    <t>7253305.0</t>
  </si>
  <si>
    <t>447898.0</t>
  </si>
  <si>
    <t>437886.0</t>
  </si>
  <si>
    <t>310733.0</t>
  </si>
  <si>
    <t>309648.0</t>
  </si>
  <si>
    <t>28571.0</t>
  </si>
  <si>
    <t>8251146.0</t>
  </si>
  <si>
    <t>7792996.0</t>
  </si>
  <si>
    <t>458150.0</t>
  </si>
  <si>
    <t>549943.0</t>
  </si>
  <si>
    <t>325853.0</t>
  </si>
  <si>
    <t>323414.0</t>
  </si>
  <si>
    <t>17663.0</t>
  </si>
  <si>
    <t>8543262.0</t>
  </si>
  <si>
    <t>8082355.0</t>
  </si>
  <si>
    <t>460907.0</t>
  </si>
  <si>
    <t>292116.0</t>
  </si>
  <si>
    <t>339126.0</t>
  </si>
  <si>
    <t>336380.0</t>
  </si>
  <si>
    <t>28539.0</t>
  </si>
  <si>
    <t>8825371.0</t>
  </si>
  <si>
    <t>8362868.0</t>
  </si>
  <si>
    <t>462503.0</t>
  </si>
  <si>
    <t>282109.0</t>
  </si>
  <si>
    <t>345688.0</t>
  </si>
  <si>
    <t>342903.0</t>
  </si>
  <si>
    <t>27397.0</t>
  </si>
  <si>
    <t>16785.0</t>
  </si>
  <si>
    <t>9126930.0</t>
  </si>
  <si>
    <t>8663041.0</t>
  </si>
  <si>
    <t>463889.0</t>
  </si>
  <si>
    <t>301559.0</t>
  </si>
  <si>
    <t>351581.0</t>
  </si>
  <si>
    <t>348742.0</t>
  </si>
  <si>
    <t>58.851</t>
  </si>
  <si>
    <t>285.393</t>
  </si>
  <si>
    <t>9508006.0</t>
  </si>
  <si>
    <t>9041835.0</t>
  </si>
  <si>
    <t>466171.0</t>
  </si>
  <si>
    <t>381076.0</t>
  </si>
  <si>
    <t>369879.0</t>
  </si>
  <si>
    <t>366869.0</t>
  </si>
  <si>
    <t>57.913</t>
  </si>
  <si>
    <t>25334.0</t>
  </si>
  <si>
    <t>9899043.0</t>
  </si>
  <si>
    <t>9430261.0</t>
  </si>
  <si>
    <t>468782.0</t>
  </si>
  <si>
    <t>391037.0</t>
  </si>
  <si>
    <t>376532.0</t>
  </si>
  <si>
    <t>373331.0</t>
  </si>
  <si>
    <t>10302620.0</t>
  </si>
  <si>
    <t>9831897.0</t>
  </si>
  <si>
    <t>470723.0</t>
  </si>
  <si>
    <t>403577.0</t>
  </si>
  <si>
    <t>371631.0</t>
  </si>
  <si>
    <t>368370.0</t>
  </si>
  <si>
    <t>54.801</t>
  </si>
  <si>
    <t>23042.0</t>
  </si>
  <si>
    <t>10761539.0</t>
  </si>
  <si>
    <t>10290215.0</t>
  </si>
  <si>
    <t>471324.0</t>
  </si>
  <si>
    <t>458919.0</t>
  </si>
  <si>
    <t>358628.0</t>
  </si>
  <si>
    <t>356746.0</t>
  </si>
  <si>
    <t>22991.0</t>
  </si>
  <si>
    <t>241.963</t>
  </si>
  <si>
    <t>10991365.0</t>
  </si>
  <si>
    <t>10519729.0</t>
  </si>
  <si>
    <t>471636.0</t>
  </si>
  <si>
    <t>229826.0</t>
  </si>
  <si>
    <t>349729.0</t>
  </si>
  <si>
    <t>348196.0</t>
  </si>
  <si>
    <t>11245053.0</t>
  </si>
  <si>
    <t>10771998.0</t>
  </si>
  <si>
    <t>473055.0</t>
  </si>
  <si>
    <t>253688.0</t>
  </si>
  <si>
    <t>345669.0</t>
  </si>
  <si>
    <t>344161.0</t>
  </si>
  <si>
    <t>11558880.0</t>
  </si>
  <si>
    <t>11083652.0</t>
  </si>
  <si>
    <t>475228.0</t>
  </si>
  <si>
    <t>313827.0</t>
  </si>
  <si>
    <t>347421.0</t>
  </si>
  <si>
    <t>345802.0</t>
  </si>
  <si>
    <t>11823.0</t>
  </si>
  <si>
    <t>11901827.0</t>
  </si>
  <si>
    <t>11422507.0</t>
  </si>
  <si>
    <t>479320.0</t>
  </si>
  <si>
    <t>342947.0</t>
  </si>
  <si>
    <t>341974.0</t>
  </si>
  <si>
    <t>340096.0</t>
  </si>
  <si>
    <t>19983.0</t>
  </si>
  <si>
    <t>200.813</t>
  </si>
  <si>
    <t>12293207.0</t>
  </si>
  <si>
    <t>11809241.0</t>
  </si>
  <si>
    <t>483966.0</t>
  </si>
  <si>
    <t>391380.0</t>
  </si>
  <si>
    <t>342023.0</t>
  </si>
  <si>
    <t>339854.0</t>
  </si>
  <si>
    <t>19009.0</t>
  </si>
  <si>
    <t>193.05</t>
  </si>
  <si>
    <t>12733865.0</t>
  </si>
  <si>
    <t>12246166.0</t>
  </si>
  <si>
    <t>487699.0</t>
  </si>
  <si>
    <t>440658.0</t>
  </si>
  <si>
    <t>347321.0</t>
  </si>
  <si>
    <t>344896.0</t>
  </si>
  <si>
    <t>17694.0</t>
  </si>
  <si>
    <t>13165548.0</t>
  </si>
  <si>
    <t>12675663.0</t>
  </si>
  <si>
    <t>489885.0</t>
  </si>
  <si>
    <t>431683.0</t>
  </si>
  <si>
    <t>343430.0</t>
  </si>
  <si>
    <t>340778.0</t>
  </si>
  <si>
    <t>13353631.0</t>
  </si>
  <si>
    <t>12862909.0</t>
  </si>
  <si>
    <t>490722.0</t>
  </si>
  <si>
    <t>188083.0</t>
  </si>
  <si>
    <t>337467.0</t>
  </si>
  <si>
    <t>334740.0</t>
  </si>
  <si>
    <t>17730.0</t>
  </si>
  <si>
    <t>13575245.0</t>
  </si>
  <si>
    <t>13082669.0</t>
  </si>
  <si>
    <t>492576.0</t>
  </si>
  <si>
    <t>221614.0</t>
  </si>
  <si>
    <t>332885.0</t>
  </si>
  <si>
    <t>330096.0</t>
  </si>
  <si>
    <t>13891042.0</t>
  </si>
  <si>
    <t>13395338.0</t>
  </si>
  <si>
    <t>495704.0</t>
  </si>
  <si>
    <t>315797.0</t>
  </si>
  <si>
    <t>333166.0</t>
  </si>
  <si>
    <t>330241.0</t>
  </si>
  <si>
    <t>16458.0</t>
  </si>
  <si>
    <t>14318115.0</t>
  </si>
  <si>
    <t>13817914.0</t>
  </si>
  <si>
    <t>500201.0</t>
  </si>
  <si>
    <t>427073.0</t>
  </si>
  <si>
    <t>345184.0</t>
  </si>
  <si>
    <t>342201.0</t>
  </si>
  <si>
    <t>40.955</t>
  </si>
  <si>
    <t>158.037</t>
  </si>
  <si>
    <t>14718938.0</t>
  </si>
  <si>
    <t>14214176.0</t>
  </si>
  <si>
    <t>504762.0</t>
  </si>
  <si>
    <t>400823.0</t>
  </si>
  <si>
    <t>346533.0</t>
  </si>
  <si>
    <t>343562.0</t>
  </si>
  <si>
    <t>15046635.0</t>
  </si>
  <si>
    <t>14537978.0</t>
  </si>
  <si>
    <t>508657.0</t>
  </si>
  <si>
    <t>327697.0</t>
  </si>
  <si>
    <t>330396.0</t>
  </si>
  <si>
    <t>327402.0</t>
  </si>
  <si>
    <t>253.156</t>
  </si>
  <si>
    <t>15355176.0</t>
  </si>
  <si>
    <t>14844087.0</t>
  </si>
  <si>
    <t>511089.0</t>
  </si>
  <si>
    <t>308541.0</t>
  </si>
  <si>
    <t>312804.0</t>
  </si>
  <si>
    <t>309775.0</t>
  </si>
  <si>
    <t>250.08</t>
  </si>
  <si>
    <t>15471509.0</t>
  </si>
  <si>
    <t>14958074.0</t>
  </si>
  <si>
    <t>513435.0</t>
  </si>
  <si>
    <t>116333.0</t>
  </si>
  <si>
    <t>302554.0</t>
  </si>
  <si>
    <t>299309.0</t>
  </si>
  <si>
    <t>15631937.0</t>
  </si>
  <si>
    <t>15113158.0</t>
  </si>
  <si>
    <t>518779.0</t>
  </si>
  <si>
    <t>293813.0</t>
  </si>
  <si>
    <t>290070.0</t>
  </si>
  <si>
    <t>34.589</t>
  </si>
  <si>
    <t>15926415.0</t>
  </si>
  <si>
    <t>15398055.0</t>
  </si>
  <si>
    <t>528360.0</t>
  </si>
  <si>
    <t>294478.0</t>
  </si>
  <si>
    <t>286102.0</t>
  </si>
  <si>
    <t>16337561.0</t>
  </si>
  <si>
    <t>15794992.0</t>
  </si>
  <si>
    <t>542569.0</t>
  </si>
  <si>
    <t>411146.0</t>
  </si>
  <si>
    <t>288492.0</t>
  </si>
  <si>
    <t>282440.0</t>
  </si>
  <si>
    <t>32.997</t>
  </si>
  <si>
    <t>12449.0</t>
  </si>
  <si>
    <t>117.471</t>
  </si>
  <si>
    <t>16785841.0</t>
  </si>
  <si>
    <t>16227104.0</t>
  </si>
  <si>
    <t>558737.0</t>
  </si>
  <si>
    <t>448280.0</t>
  </si>
  <si>
    <t>295272.0</t>
  </si>
  <si>
    <t>287561.0</t>
  </si>
  <si>
    <t>31.972</t>
  </si>
  <si>
    <t>17254844.0</t>
  </si>
  <si>
    <t>16679881.0</t>
  </si>
  <si>
    <t>574963.0</t>
  </si>
  <si>
    <t>469003.0</t>
  </si>
  <si>
    <t>315458.0</t>
  </si>
  <si>
    <t>305986.0</t>
  </si>
  <si>
    <t>196.11</t>
  </si>
  <si>
    <t>17641792.0</t>
  </si>
  <si>
    <t>17051245.0</t>
  </si>
  <si>
    <t>590547.0</t>
  </si>
  <si>
    <t>386948.0</t>
  </si>
  <si>
    <t>326659.0</t>
  </si>
  <si>
    <t>315308.0</t>
  </si>
  <si>
    <t>28.824</t>
  </si>
  <si>
    <t>17812739.0</t>
  </si>
  <si>
    <t>17212804.0</t>
  </si>
  <si>
    <t>599935.0</t>
  </si>
  <si>
    <t>170947.0</t>
  </si>
  <si>
    <t>334461.0</t>
  </si>
  <si>
    <t>322104.0</t>
  </si>
  <si>
    <t>95.314</t>
  </si>
  <si>
    <t>17985951.0</t>
  </si>
  <si>
    <t>17373384.0</t>
  </si>
  <si>
    <t>612567.0</t>
  </si>
  <si>
    <t>173212.0</t>
  </si>
  <si>
    <t>336288.0</t>
  </si>
  <si>
    <t>322889.0</t>
  </si>
  <si>
    <t>18194919.0</t>
  </si>
  <si>
    <t>17554700.0</t>
  </si>
  <si>
    <t>208968.0</t>
  </si>
  <si>
    <t>324072.0</t>
  </si>
  <si>
    <t>308092.0</t>
  </si>
  <si>
    <t>18469922.0</t>
  </si>
  <si>
    <t>17785702.0</t>
  </si>
  <si>
    <t>684220.0</t>
  </si>
  <si>
    <t>275003.0</t>
  </si>
  <si>
    <t>304623.0</t>
  </si>
  <si>
    <t>284387.0</t>
  </si>
  <si>
    <t>18835355.0</t>
  </si>
  <si>
    <t>18106090.0</t>
  </si>
  <si>
    <t>729265.0</t>
  </si>
  <si>
    <t>365433.0</t>
  </si>
  <si>
    <t>292788.0</t>
  </si>
  <si>
    <t>268427.0</t>
  </si>
  <si>
    <t>77.153</t>
  </si>
  <si>
    <t>19258271.0</t>
  </si>
  <si>
    <t>18491771.0</t>
  </si>
  <si>
    <t>766500.0</t>
  </si>
  <si>
    <t>422916.0</t>
  </si>
  <si>
    <t>286204.0</t>
  </si>
  <si>
    <t>258841.0</t>
  </si>
  <si>
    <t>23.448</t>
  </si>
  <si>
    <t>19663577.0</t>
  </si>
  <si>
    <t>18875389.0</t>
  </si>
  <si>
    <t>788188.0</t>
  </si>
  <si>
    <t>405306.0</t>
  </si>
  <si>
    <t>288826.0</t>
  </si>
  <si>
    <t>260592.0</t>
  </si>
  <si>
    <t>19812818.0</t>
  </si>
  <si>
    <t>19015497.0</t>
  </si>
  <si>
    <t>797321.0</t>
  </si>
  <si>
    <t>149241.0</t>
  </si>
  <si>
    <t>285726.0</t>
  </si>
  <si>
    <t>257528.0</t>
  </si>
  <si>
    <t>20020354.0</t>
  </si>
  <si>
    <t>19199233.0</t>
  </si>
  <si>
    <t>821121.0</t>
  </si>
  <si>
    <t>207536.0</t>
  </si>
  <si>
    <t>290629.0</t>
  </si>
  <si>
    <t>260836.0</t>
  </si>
  <si>
    <t>64.775</t>
  </si>
  <si>
    <t>20248632.0</t>
  </si>
  <si>
    <t>19380360.0</t>
  </si>
  <si>
    <t>868272.0</t>
  </si>
  <si>
    <t>293388.0</t>
  </si>
  <si>
    <t>260809.0</t>
  </si>
  <si>
    <t>20526312.0</t>
  </si>
  <si>
    <t>19587080.0</t>
  </si>
  <si>
    <t>939232.0</t>
  </si>
  <si>
    <t>277680.0</t>
  </si>
  <si>
    <t>293770.0</t>
  </si>
  <si>
    <t>257340.0</t>
  </si>
  <si>
    <t>20807385.0</t>
  </si>
  <si>
    <t>19798473.0</t>
  </si>
  <si>
    <t>1008912.0</t>
  </si>
  <si>
    <t>281073.0</t>
  </si>
  <si>
    <t>281719.0</t>
  </si>
  <si>
    <t>241769.0</t>
  </si>
  <si>
    <t>21187615.0</t>
  </si>
  <si>
    <t>20111189.0</t>
  </si>
  <si>
    <t>1076426.0</t>
  </si>
  <si>
    <t>380230.0</t>
  </si>
  <si>
    <t>275621.0</t>
  </si>
  <si>
    <t>231345.0</t>
  </si>
  <si>
    <t>55.862</t>
  </si>
  <si>
    <t>21683887.0</t>
  </si>
  <si>
    <t>20568821.0</t>
  </si>
  <si>
    <t>1115066.0</t>
  </si>
  <si>
    <t>496272.0</t>
  </si>
  <si>
    <t>288616.0</t>
  </si>
  <si>
    <t>241919.0</t>
  </si>
  <si>
    <t>21921282.0</t>
  </si>
  <si>
    <t>20791838.0</t>
  </si>
  <si>
    <t>1129444.0</t>
  </si>
  <si>
    <t>237395.0</t>
  </si>
  <si>
    <t>301209.0</t>
  </si>
  <si>
    <t>253763.0</t>
  </si>
  <si>
    <t>52.785</t>
  </si>
  <si>
    <t>22284040.0</t>
  </si>
  <si>
    <t>21122514.0</t>
  </si>
  <si>
    <t>1161526.0</t>
  </si>
  <si>
    <t>323384.0</t>
  </si>
  <si>
    <t>37.35</t>
  </si>
  <si>
    <t>274754.0</t>
  </si>
  <si>
    <t>15.597</t>
  </si>
  <si>
    <t>22717791.0</t>
  </si>
  <si>
    <t>21493356.0</t>
  </si>
  <si>
    <t>1224435.0</t>
  </si>
  <si>
    <t>433751.0</t>
  </si>
  <si>
    <t>352737.0</t>
  </si>
  <si>
    <t>95.438</t>
  </si>
  <si>
    <t>23201466.0</t>
  </si>
  <si>
    <t>21886125.0</t>
  </si>
  <si>
    <t>1315341.0</t>
  </si>
  <si>
    <t>483675.0</t>
  </si>
  <si>
    <t>382165.0</t>
  </si>
  <si>
    <t>328435.0</t>
  </si>
  <si>
    <t>14.094</t>
  </si>
  <si>
    <t>23757540.0</t>
  </si>
  <si>
    <t>22337590.0</t>
  </si>
  <si>
    <t>1419950.0</t>
  </si>
  <si>
    <t>556074.0</t>
  </si>
  <si>
    <t>421451.0</t>
  </si>
  <si>
    <t>7453.0</t>
  </si>
  <si>
    <t>362731.0</t>
  </si>
  <si>
    <t>24393759.0</t>
  </si>
  <si>
    <t>22873079.0</t>
  </si>
  <si>
    <t>1520680.0</t>
  </si>
  <si>
    <t>636219.0</t>
  </si>
  <si>
    <t>458021.0</t>
  </si>
  <si>
    <t>394556.0</t>
  </si>
  <si>
    <t>25150632.0</t>
  </si>
  <si>
    <t>23559503.0</t>
  </si>
  <si>
    <t>1591129.0</t>
  </si>
  <si>
    <t>756873.0</t>
  </si>
  <si>
    <t>495249.0</t>
  </si>
  <si>
    <t>427240.0</t>
  </si>
  <si>
    <t>25476409.0</t>
  </si>
  <si>
    <t>23854862.0</t>
  </si>
  <si>
    <t>1621547.0</t>
  </si>
  <si>
    <t>325777.0</t>
  </si>
  <si>
    <t>507875.0</t>
  </si>
  <si>
    <t>437575.0</t>
  </si>
  <si>
    <t>11.954</t>
  </si>
  <si>
    <t>25823406.0</t>
  </si>
  <si>
    <t>24137423.0</t>
  </si>
  <si>
    <t>1685983.0</t>
  </si>
  <si>
    <t>346997.0</t>
  </si>
  <si>
    <t>505624.0</t>
  </si>
  <si>
    <t>430701.0</t>
  </si>
  <si>
    <t>11.441</t>
  </si>
  <si>
    <t>26226604.0</t>
  </si>
  <si>
    <t>24406074.0</t>
  </si>
  <si>
    <t>1820530.0</t>
  </si>
  <si>
    <t>403198.0</t>
  </si>
  <si>
    <t>501259.0</t>
  </si>
  <si>
    <t>416103.0</t>
  </si>
  <si>
    <t>26710498.0</t>
  </si>
  <si>
    <t>24681955.0</t>
  </si>
  <si>
    <t>2028543.0</t>
  </si>
  <si>
    <t>483894.0</t>
  </si>
  <si>
    <t>501290.0</t>
  </si>
  <si>
    <t>399404.0</t>
  </si>
  <si>
    <t>27166754.0</t>
  </si>
  <si>
    <t>24940005.0</t>
  </si>
  <si>
    <t>2226749.0</t>
  </si>
  <si>
    <t>456256.0</t>
  </si>
  <si>
    <t>487031.0</t>
  </si>
  <si>
    <t>371774.0</t>
  </si>
  <si>
    <t>34.748</t>
  </si>
  <si>
    <t>27761724.0</t>
  </si>
  <si>
    <t>25284013.0</t>
  </si>
  <si>
    <t>2477711.0</t>
  </si>
  <si>
    <t>594970.0</t>
  </si>
  <si>
    <t>481138.0</t>
  </si>
  <si>
    <t>344419.0</t>
  </si>
  <si>
    <t>28330452.0</t>
  </si>
  <si>
    <t>25651406.0</t>
  </si>
  <si>
    <t>2679046.0</t>
  </si>
  <si>
    <t>568728.0</t>
  </si>
  <si>
    <t>454260.0</t>
  </si>
  <si>
    <t>298843.0</t>
  </si>
  <si>
    <t>28709906.0</t>
  </si>
  <si>
    <t>25903782.0</t>
  </si>
  <si>
    <t>2806124.0</t>
  </si>
  <si>
    <t>379454.0</t>
  </si>
  <si>
    <t>461928.0</t>
  </si>
  <si>
    <t>292703.0</t>
  </si>
  <si>
    <t>29033640.0</t>
  </si>
  <si>
    <t>26090111.0</t>
  </si>
  <si>
    <t>2943529.0</t>
  </si>
  <si>
    <t>323734.0</t>
  </si>
  <si>
    <t>458605.0</t>
  </si>
  <si>
    <t>278955.0</t>
  </si>
  <si>
    <t>29443531.0</t>
  </si>
  <si>
    <t>26266174.0</t>
  </si>
  <si>
    <t>3177357.0</t>
  </si>
  <si>
    <t>409891.0</t>
  </si>
  <si>
    <t>459561.0</t>
  </si>
  <si>
    <t>265729.0</t>
  </si>
  <si>
    <t>29973324.0</t>
  </si>
  <si>
    <t>26454219.0</t>
  </si>
  <si>
    <t>3519105.0</t>
  </si>
  <si>
    <t>529793.0</t>
  </si>
  <si>
    <t>466118.0</t>
  </si>
  <si>
    <t>253181.0</t>
  </si>
  <si>
    <t>30507732.0</t>
  </si>
  <si>
    <t>26576629.0</t>
  </si>
  <si>
    <t>3931103.0</t>
  </si>
  <si>
    <t>534408.0</t>
  </si>
  <si>
    <t>477283.0</t>
  </si>
  <si>
    <t>30791767.0</t>
  </si>
  <si>
    <t>26644910.0</t>
  </si>
  <si>
    <t>4146857.0</t>
  </si>
  <si>
    <t>284035.0</t>
  </si>
  <si>
    <t>432863.0</t>
  </si>
  <si>
    <t>194414.0</t>
  </si>
  <si>
    <t>7.657</t>
  </si>
  <si>
    <t>31024182.0</t>
  </si>
  <si>
    <t>26719422.0</t>
  </si>
  <si>
    <t>4304760.0</t>
  </si>
  <si>
    <t>232415.0</t>
  </si>
  <si>
    <t>384819.0</t>
  </si>
  <si>
    <t>152574.0</t>
  </si>
  <si>
    <t>31090290.0</t>
  </si>
  <si>
    <t>26746039.0</t>
  </si>
  <si>
    <t>4344251.0</t>
  </si>
  <si>
    <t>66108.0</t>
  </si>
  <si>
    <t>340055.0</t>
  </si>
  <si>
    <t>120322.0</t>
  </si>
  <si>
    <t>47.392</t>
  </si>
  <si>
    <t>31164176.0</t>
  </si>
  <si>
    <t>26765865.0</t>
  </si>
  <si>
    <t>4398311.0</t>
  </si>
  <si>
    <t>73886.0</t>
  </si>
  <si>
    <t>304362.0</t>
  </si>
  <si>
    <t>96536.0</t>
  </si>
  <si>
    <t>31380938.0</t>
  </si>
  <si>
    <t>26820161.0</t>
  </si>
  <si>
    <t>4560777.0</t>
  </si>
  <si>
    <t>216762.0</t>
  </si>
  <si>
    <t>276772.0</t>
  </si>
  <si>
    <t>79141.0</t>
  </si>
  <si>
    <t>31812141.0</t>
  </si>
  <si>
    <t>26879123.0</t>
  </si>
  <si>
    <t>4933018.0</t>
  </si>
  <si>
    <t>431203.0</t>
  </si>
  <si>
    <t>262688.0</t>
  </si>
  <si>
    <t>60701.0</t>
  </si>
  <si>
    <t>6.667</t>
  </si>
  <si>
    <t>32270892.0</t>
  </si>
  <si>
    <t>26934662.0</t>
  </si>
  <si>
    <t>5336230.0</t>
  </si>
  <si>
    <t>458751.0</t>
  </si>
  <si>
    <t>251880.0</t>
  </si>
  <si>
    <t>32737372.0</t>
  </si>
  <si>
    <t>26996936.0</t>
  </si>
  <si>
    <t>5740436.0</t>
  </si>
  <si>
    <t>466480.0</t>
  </si>
  <si>
    <t>277944.0</t>
  </si>
  <si>
    <t>50289.0</t>
  </si>
  <si>
    <t>6.048</t>
  </si>
  <si>
    <t>33248869.0</t>
  </si>
  <si>
    <t>27070991.0</t>
  </si>
  <si>
    <t>6177878.0</t>
  </si>
  <si>
    <t>511497.0</t>
  </si>
  <si>
    <t>317812.0</t>
  </si>
  <si>
    <t>33445922.0</t>
  </si>
  <si>
    <t>27107590.0</t>
  </si>
  <si>
    <t>6338332.0</t>
  </si>
  <si>
    <t>197053.0</t>
  </si>
  <si>
    <t>336519.0</t>
  </si>
  <si>
    <t>51650.0</t>
  </si>
  <si>
    <t>33637546.0</t>
  </si>
  <si>
    <t>27132941.0</t>
  </si>
  <si>
    <t>6504605.0</t>
  </si>
  <si>
    <t>191624.0</t>
  </si>
  <si>
    <t>353339.0</t>
  </si>
  <si>
    <t>5.889</t>
  </si>
  <si>
    <t>33934639.0</t>
  </si>
  <si>
    <t>27172302.0</t>
  </si>
  <si>
    <t>6762337.0</t>
  </si>
  <si>
    <t>297093.0</t>
  </si>
  <si>
    <t>364814.0</t>
  </si>
  <si>
    <t>34306139.0</t>
  </si>
  <si>
    <t>27251419.0</t>
  </si>
  <si>
    <t>7054720.0</t>
  </si>
  <si>
    <t>371500.0</t>
  </si>
  <si>
    <t>356285.0</t>
  </si>
  <si>
    <t>53185.0</t>
  </si>
  <si>
    <t>34762728.0</t>
  </si>
  <si>
    <t>27345006.0</t>
  </si>
  <si>
    <t>7417722.0</t>
  </si>
  <si>
    <t>456589.0</t>
  </si>
  <si>
    <t>355977.0</t>
  </si>
  <si>
    <t>58621.0</t>
  </si>
  <si>
    <t>35311033.0</t>
  </si>
  <si>
    <t>27447286.0</t>
  </si>
  <si>
    <t>7863747.0</t>
  </si>
  <si>
    <t>548305.0</t>
  </si>
  <si>
    <t>367666.0</t>
  </si>
  <si>
    <t>64336.0</t>
  </si>
  <si>
    <t>5.164</t>
  </si>
  <si>
    <t>35882008.0</t>
  </si>
  <si>
    <t>27559381.0</t>
  </si>
  <si>
    <t>8322627.0</t>
  </si>
  <si>
    <t>570975.0</t>
  </si>
  <si>
    <t>376163.0</t>
  </si>
  <si>
    <t>69770.0</t>
  </si>
  <si>
    <t>29.903</t>
  </si>
  <si>
    <t>36147077.0</t>
  </si>
  <si>
    <t>27628579.0</t>
  </si>
  <si>
    <t>8518498.0</t>
  </si>
  <si>
    <t>265069.0</t>
  </si>
  <si>
    <t>385879.0</t>
  </si>
  <si>
    <t>74427.0</t>
  </si>
  <si>
    <t>36447797.0</t>
  </si>
  <si>
    <t>27713634.0</t>
  </si>
  <si>
    <t>8734163.0</t>
  </si>
  <si>
    <t>300720.0</t>
  </si>
  <si>
    <t>401464.0</t>
  </si>
  <si>
    <t>82956.0</t>
  </si>
  <si>
    <t>4.828</t>
  </si>
  <si>
    <t>15.632</t>
  </si>
  <si>
    <t>36805597.0</t>
  </si>
  <si>
    <t>27798505.0</t>
  </si>
  <si>
    <t>9007092.0</t>
  </si>
  <si>
    <t>357800.0</t>
  </si>
  <si>
    <t>410137.0</t>
  </si>
  <si>
    <t>37238073.0</t>
  </si>
  <si>
    <t>27891208.0</t>
  </si>
  <si>
    <t>9346865.0</t>
  </si>
  <si>
    <t>432476.0</t>
  </si>
  <si>
    <t>418848.0</t>
  </si>
  <si>
    <t>26.932</t>
  </si>
  <si>
    <t>14.483</t>
  </si>
  <si>
    <t>37687736.0</t>
  </si>
  <si>
    <t>27995196.0</t>
  </si>
  <si>
    <t>9692540.0</t>
  </si>
  <si>
    <t>449663.0</t>
  </si>
  <si>
    <t>417858.0</t>
  </si>
  <si>
    <t>92884.0</t>
  </si>
  <si>
    <t>38189536.0</t>
  </si>
  <si>
    <t>28102852.0</t>
  </si>
  <si>
    <t>10086684.0</t>
  </si>
  <si>
    <t>501800.0</t>
  </si>
  <si>
    <t>411215.0</t>
  </si>
  <si>
    <t>13.952</t>
  </si>
  <si>
    <t>38792402.0</t>
  </si>
  <si>
    <t>28227710.0</t>
  </si>
  <si>
    <t>10564692.0</t>
  </si>
  <si>
    <t>602866.0</t>
  </si>
  <si>
    <t>415771.0</t>
  </si>
  <si>
    <t>95476.0</t>
  </si>
  <si>
    <t>39081147.0</t>
  </si>
  <si>
    <t>28289296.0</t>
  </si>
  <si>
    <t>10791851.0</t>
  </si>
  <si>
    <t>288745.0</t>
  </si>
  <si>
    <t>419153.0</t>
  </si>
  <si>
    <t>94388.0</t>
  </si>
  <si>
    <t>3.678</t>
  </si>
  <si>
    <t>13.333</t>
  </si>
  <si>
    <t>39398398.0</t>
  </si>
  <si>
    <t>28356779.0</t>
  </si>
  <si>
    <t>11041619.0</t>
  </si>
  <si>
    <t>317251.0</t>
  </si>
  <si>
    <t>421514.0</t>
  </si>
  <si>
    <t>91878.0</t>
  </si>
  <si>
    <t>39797081.0</t>
  </si>
  <si>
    <t>28441846.0</t>
  </si>
  <si>
    <t>11355235.0</t>
  </si>
  <si>
    <t>427355.0</t>
  </si>
  <si>
    <t>91906.0</t>
  </si>
  <si>
    <t>40294585.0</t>
  </si>
  <si>
    <t>28545198.0</t>
  </si>
  <si>
    <t>11749387.0</t>
  </si>
  <si>
    <t>497504.0</t>
  </si>
  <si>
    <t>436645.0</t>
  </si>
  <si>
    <t>93427.0</t>
  </si>
  <si>
    <t>12.997</t>
  </si>
  <si>
    <t>40800604.0</t>
  </si>
  <si>
    <t>28656174.0</t>
  </si>
  <si>
    <t>12144430.0</t>
  </si>
  <si>
    <t>506019.0</t>
  </si>
  <si>
    <t>444695.0</t>
  </si>
  <si>
    <t>94425.0</t>
  </si>
  <si>
    <t>41277728.0</t>
  </si>
  <si>
    <t>28771540.0</t>
  </si>
  <si>
    <t>12506188.0</t>
  </si>
  <si>
    <t>477124.0</t>
  </si>
  <si>
    <t>441170.0</t>
  </si>
  <si>
    <t>95527.0</t>
  </si>
  <si>
    <t>41730517.0</t>
  </si>
  <si>
    <t>28895159.0</t>
  </si>
  <si>
    <t>12835358.0</t>
  </si>
  <si>
    <t>452789.0</t>
  </si>
  <si>
    <t>419731.0</t>
  </si>
  <si>
    <t>95350.0</t>
  </si>
  <si>
    <t>41938694.0</t>
  </si>
  <si>
    <t>28965936.0</t>
  </si>
  <si>
    <t>12972758.0</t>
  </si>
  <si>
    <t>208177.0</t>
  </si>
  <si>
    <t>408221.0</t>
  </si>
  <si>
    <t>96663.0</t>
  </si>
  <si>
    <t>11.264</t>
  </si>
  <si>
    <t>42097592.0</t>
  </si>
  <si>
    <t>29025049.0</t>
  </si>
  <si>
    <t>13072543.0</t>
  </si>
  <si>
    <t>158898.0</t>
  </si>
  <si>
    <t>385599.0</t>
  </si>
  <si>
    <t>95467.0</t>
  </si>
  <si>
    <t>10.345</t>
  </si>
  <si>
    <t>42408492.0</t>
  </si>
  <si>
    <t>29124310.0</t>
  </si>
  <si>
    <t>13284182.0</t>
  </si>
  <si>
    <t>310900.0</t>
  </si>
  <si>
    <t>373059.0</t>
  </si>
  <si>
    <t>97495.0</t>
  </si>
  <si>
    <t>10.469</t>
  </si>
  <si>
    <t>42864836.0</t>
  </si>
  <si>
    <t>29232101.0</t>
  </si>
  <si>
    <t>13632735.0</t>
  </si>
  <si>
    <t>456344.0</t>
  </si>
  <si>
    <t>367179.0</t>
  </si>
  <si>
    <t>98129.0</t>
  </si>
  <si>
    <t>43385662.0</t>
  </si>
  <si>
    <t>29333695.0</t>
  </si>
  <si>
    <t>14051967.0</t>
  </si>
  <si>
    <t>520826.0</t>
  </si>
  <si>
    <t>369294.0</t>
  </si>
  <si>
    <t>96789.0</t>
  </si>
  <si>
    <t>17.206</t>
  </si>
  <si>
    <t>43907911.0</t>
  </si>
  <si>
    <t>29441213.0</t>
  </si>
  <si>
    <t>14466698.0</t>
  </si>
  <si>
    <t>375740.0</t>
  </si>
  <si>
    <t>25.58</t>
  </si>
  <si>
    <t>44449424.0</t>
  </si>
  <si>
    <t>29578216.0</t>
  </si>
  <si>
    <t>14871208.0</t>
  </si>
  <si>
    <t>541513.0</t>
  </si>
  <si>
    <t>388415.0</t>
  </si>
  <si>
    <t>44683075.0</t>
  </si>
  <si>
    <t>29651554.0</t>
  </si>
  <si>
    <t>15031521.0</t>
  </si>
  <si>
    <t>233651.0</t>
  </si>
  <si>
    <t>392054.0</t>
  </si>
  <si>
    <t>44951908.0</t>
  </si>
  <si>
    <t>29727664.0</t>
  </si>
  <si>
    <t>15224244.0</t>
  </si>
  <si>
    <t>268833.0</t>
  </si>
  <si>
    <t>407759.0</t>
  </si>
  <si>
    <t>100374.0</t>
  </si>
  <si>
    <t>45359338.0</t>
  </si>
  <si>
    <t>29826179.0</t>
  </si>
  <si>
    <t>15533159.0</t>
  </si>
  <si>
    <t>407430.0</t>
  </si>
  <si>
    <t>421549.0</t>
  </si>
  <si>
    <t>100267.0</t>
  </si>
  <si>
    <t>45908796.0</t>
  </si>
  <si>
    <t>29973113.0</t>
  </si>
  <si>
    <t>15935683.0</t>
  </si>
  <si>
    <t>549458.0</t>
  </si>
  <si>
    <t>434851.0</t>
  </si>
  <si>
    <t>105859.0</t>
  </si>
  <si>
    <t>46461266.0</t>
  </si>
  <si>
    <t>30146933.0</t>
  </si>
  <si>
    <t>16314333.0</t>
  </si>
  <si>
    <t>552470.0</t>
  </si>
  <si>
    <t>439372.0</t>
  </si>
  <si>
    <t>116177.0</t>
  </si>
  <si>
    <t>14.465</t>
  </si>
  <si>
    <t>46992750.0</t>
  </si>
  <si>
    <t>30331992.0</t>
  </si>
  <si>
    <t>16660758.0</t>
  </si>
  <si>
    <t>531484.0</t>
  </si>
  <si>
    <t>440691.0</t>
  </si>
  <si>
    <t>127254.0</t>
  </si>
  <si>
    <t>47552476.0</t>
  </si>
  <si>
    <t>30537954.0</t>
  </si>
  <si>
    <t>17014522.0</t>
  </si>
  <si>
    <t>559726.0</t>
  </si>
  <si>
    <t>443293.0</t>
  </si>
  <si>
    <t>137105.0</t>
  </si>
  <si>
    <t>47815683.0</t>
  </si>
  <si>
    <t>30643474.0</t>
  </si>
  <si>
    <t>17172209.0</t>
  </si>
  <si>
    <t>263207.0</t>
  </si>
  <si>
    <t>447515.0</t>
  </si>
  <si>
    <t>141703.0</t>
  </si>
  <si>
    <t>14.111</t>
  </si>
  <si>
    <t>9.213</t>
  </si>
  <si>
    <t>48112071.0</t>
  </si>
  <si>
    <t>30729420.0</t>
  </si>
  <si>
    <t>17382651.0</t>
  </si>
  <si>
    <t>296388.0</t>
  </si>
  <si>
    <t>451452.0</t>
  </si>
  <si>
    <t>48535975.0</t>
  </si>
  <si>
    <t>30884041.0</t>
  </si>
  <si>
    <t>17651934.0</t>
  </si>
  <si>
    <t>423904.0</t>
  </si>
  <si>
    <t>453805.0</t>
  </si>
  <si>
    <t>49080974.0</t>
  </si>
  <si>
    <t>31120020.0</t>
  </si>
  <si>
    <t>17960954.0</t>
  </si>
  <si>
    <t>544999.0</t>
  </si>
  <si>
    <t>453168.0</t>
  </si>
  <si>
    <t>163844.0</t>
  </si>
  <si>
    <t>49682934.0</t>
  </si>
  <si>
    <t>31354838.0</t>
  </si>
  <si>
    <t>18328096.0</t>
  </si>
  <si>
    <t>601960.0</t>
  </si>
  <si>
    <t>460238.0</t>
  </si>
  <si>
    <t>172558.0</t>
  </si>
  <si>
    <t>50246402.0</t>
  </si>
  <si>
    <t>31546846.0</t>
  </si>
  <si>
    <t>18699556.0</t>
  </si>
  <si>
    <t>563468.0</t>
  </si>
  <si>
    <t>464807.0</t>
  </si>
  <si>
    <t>12.909</t>
  </si>
  <si>
    <t>50932666.0</t>
  </si>
  <si>
    <t>31725097.0</t>
  </si>
  <si>
    <t>19207569.0</t>
  </si>
  <si>
    <t>686264.0</t>
  </si>
  <si>
    <t>482884.0</t>
  </si>
  <si>
    <t>169592.0</t>
  </si>
  <si>
    <t>51254436.0</t>
  </si>
  <si>
    <t>31826805.0</t>
  </si>
  <si>
    <t>19427631.0</t>
  </si>
  <si>
    <t>321770.0</t>
  </si>
  <si>
    <t>491250.0</t>
  </si>
  <si>
    <t>169047.0</t>
  </si>
  <si>
    <t>10.893</t>
  </si>
  <si>
    <t>51629592.0</t>
  </si>
  <si>
    <t>31922289.0</t>
  </si>
  <si>
    <t>19707303.0</t>
  </si>
  <si>
    <t>375156.0</t>
  </si>
  <si>
    <t>502503.0</t>
  </si>
  <si>
    <t>170410.0</t>
  </si>
  <si>
    <t>52114143.0</t>
  </si>
  <si>
    <t>32079373.0</t>
  </si>
  <si>
    <t>20034770.0</t>
  </si>
  <si>
    <t>484551.0</t>
  </si>
  <si>
    <t>511167.0</t>
  </si>
  <si>
    <t>170762.0</t>
  </si>
  <si>
    <t>13.174</t>
  </si>
  <si>
    <t>52689008.0</t>
  </si>
  <si>
    <t>32285684.0</t>
  </si>
  <si>
    <t>20403324.0</t>
  </si>
  <si>
    <t>574865.0</t>
  </si>
  <si>
    <t>515433.0</t>
  </si>
  <si>
    <t>53286560.0</t>
  </si>
  <si>
    <t>32509194.0</t>
  </si>
  <si>
    <t>20777366.0</t>
  </si>
  <si>
    <t>597552.0</t>
  </si>
  <si>
    <t>514804.0</t>
  </si>
  <si>
    <t>164908.0</t>
  </si>
  <si>
    <t>53842037.0</t>
  </si>
  <si>
    <t>32683816.0</t>
  </si>
  <si>
    <t>21158221.0</t>
  </si>
  <si>
    <t>555477.0</t>
  </si>
  <si>
    <t>513662.0</t>
  </si>
  <si>
    <t>162424.0</t>
  </si>
  <si>
    <t>54379320.0</t>
  </si>
  <si>
    <t>32839283.0</t>
  </si>
  <si>
    <t>21540037.0</t>
  </si>
  <si>
    <t>537283.0</t>
  </si>
  <si>
    <t>492379.0</t>
  </si>
  <si>
    <t>96.16</t>
  </si>
  <si>
    <t>159169.0</t>
  </si>
  <si>
    <t>13.351</t>
  </si>
  <si>
    <t>10.698</t>
  </si>
  <si>
    <t>54657957.0</t>
  </si>
  <si>
    <t>32938496.0</t>
  </si>
  <si>
    <t>21719461.0</t>
  </si>
  <si>
    <t>486217.0</t>
  </si>
  <si>
    <t>96.65</t>
  </si>
  <si>
    <t>158813.0</t>
  </si>
  <si>
    <t>13.669</t>
  </si>
  <si>
    <t>54883579.0</t>
  </si>
  <si>
    <t>33009444.0</t>
  </si>
  <si>
    <t>21874135.0</t>
  </si>
  <si>
    <t>225622.0</t>
  </si>
  <si>
    <t>97.05</t>
  </si>
  <si>
    <t>155308.0</t>
  </si>
  <si>
    <t>55238565.0</t>
  </si>
  <si>
    <t>33085145.0</t>
  </si>
  <si>
    <t>22153420.0</t>
  </si>
  <si>
    <t>354986.0</t>
  </si>
  <si>
    <t>446346.0</t>
  </si>
  <si>
    <t>11.282</t>
  </si>
  <si>
    <t>55660196.0</t>
  </si>
  <si>
    <t>33217813.0</t>
  </si>
  <si>
    <t>22442383.0</t>
  </si>
  <si>
    <t>421631.0</t>
  </si>
  <si>
    <t>424455.0</t>
  </si>
  <si>
    <t>133161.0</t>
  </si>
  <si>
    <t>13.775</t>
  </si>
  <si>
    <t>11.459</t>
  </si>
  <si>
    <t>56131057.0</t>
  </si>
  <si>
    <t>33375148.0</t>
  </si>
  <si>
    <t>22755909.0</t>
  </si>
  <si>
    <t>470861.0</t>
  </si>
  <si>
    <t>406357.0</t>
  </si>
  <si>
    <t>123708.0</t>
  </si>
  <si>
    <t>56602996.0</t>
  </si>
  <si>
    <t>33525485.0</t>
  </si>
  <si>
    <t>23077511.0</t>
  </si>
  <si>
    <t>471939.0</t>
  </si>
  <si>
    <t>394423.0</t>
  </si>
  <si>
    <t>40.81</t>
  </si>
  <si>
    <t>13.828</t>
  </si>
  <si>
    <t>57193641.0</t>
  </si>
  <si>
    <t>33700486.0</t>
  </si>
  <si>
    <t>23493155.0</t>
  </si>
  <si>
    <t>590645.0</t>
  </si>
  <si>
    <t>402046.0</t>
  </si>
  <si>
    <t>12.732</t>
  </si>
  <si>
    <t>57510753.0</t>
  </si>
  <si>
    <t>33800107.0</t>
  </si>
  <si>
    <t>23710646.0</t>
  </si>
  <si>
    <t>317112.0</t>
  </si>
  <si>
    <t>407542.0</t>
  </si>
  <si>
    <t>7207.0</t>
  </si>
  <si>
    <t>123087.0</t>
  </si>
  <si>
    <t>57844499.0</t>
  </si>
  <si>
    <t>33889746.0</t>
  </si>
  <si>
    <t>23954753.0</t>
  </si>
  <si>
    <t>333746.0</t>
  </si>
  <si>
    <t>422989.0</t>
  </si>
  <si>
    <t>125757.0</t>
  </si>
  <si>
    <t>13.882</t>
  </si>
  <si>
    <t>58206264.0</t>
  </si>
  <si>
    <t>33998814.0</t>
  </si>
  <si>
    <t>24207450.0</t>
  </si>
  <si>
    <t>361765.0</t>
  </si>
  <si>
    <t>423957.0</t>
  </si>
  <si>
    <t>102.93</t>
  </si>
  <si>
    <t>130524.0</t>
  </si>
  <si>
    <t>15.491</t>
  </si>
  <si>
    <t>58609910.0</t>
  </si>
  <si>
    <t>34148547.0</t>
  </si>
  <si>
    <t>24461363.0</t>
  </si>
  <si>
    <t>403646.0</t>
  </si>
  <si>
    <t>421388.0</t>
  </si>
  <si>
    <t>132962.0</t>
  </si>
  <si>
    <t>59032003.0</t>
  </si>
  <si>
    <t>34321990.0</t>
  </si>
  <si>
    <t>24710013.0</t>
  </si>
  <si>
    <t>422093.0</t>
  </si>
  <si>
    <t>414421.0</t>
  </si>
  <si>
    <t>104.39</t>
  </si>
  <si>
    <t>135263.0</t>
  </si>
  <si>
    <t>16.958</t>
  </si>
  <si>
    <t>59460783.0</t>
  </si>
  <si>
    <t>34499129.0</t>
  </si>
  <si>
    <t>24961654.0</t>
  </si>
  <si>
    <t>428780.0</t>
  </si>
  <si>
    <t>408255.0</t>
  </si>
  <si>
    <t>105.15</t>
  </si>
  <si>
    <t>139092.0</t>
  </si>
  <si>
    <t>59965740.0</t>
  </si>
  <si>
    <t>34727273.0</t>
  </si>
  <si>
    <t>25238467.0</t>
  </si>
  <si>
    <t>504957.0</t>
  </si>
  <si>
    <t>396014.0</t>
  </si>
  <si>
    <t>146684.0</t>
  </si>
  <si>
    <t>60243055.0</t>
  </si>
  <si>
    <t>34851139.0</t>
  </si>
  <si>
    <t>25391916.0</t>
  </si>
  <si>
    <t>277315.0</t>
  </si>
  <si>
    <t>390329.0</t>
  </si>
  <si>
    <t>150147.0</t>
  </si>
  <si>
    <t>60531923.0</t>
  </si>
  <si>
    <t>34965745.0</t>
  </si>
  <si>
    <t>25566178.0</t>
  </si>
  <si>
    <t>288868.0</t>
  </si>
  <si>
    <t>383918.0</t>
  </si>
  <si>
    <t>153714.0</t>
  </si>
  <si>
    <t>3.307</t>
  </si>
  <si>
    <t>60862273.0</t>
  </si>
  <si>
    <t>35120392.0</t>
  </si>
  <si>
    <t>25741881.0</t>
  </si>
  <si>
    <t>330350.0</t>
  </si>
  <si>
    <t>379430.0</t>
  </si>
  <si>
    <t>107.63</t>
  </si>
  <si>
    <t>160225.0</t>
  </si>
  <si>
    <t>20.866</t>
  </si>
  <si>
    <t>61213267.0</t>
  </si>
  <si>
    <t>35290759.0</t>
  </si>
  <si>
    <t>25922508.0</t>
  </si>
  <si>
    <t>350994.0</t>
  </si>
  <si>
    <t>371908.0</t>
  </si>
  <si>
    <t>108.25</t>
  </si>
  <si>
    <t>163173.0</t>
  </si>
  <si>
    <t>61606582.0</t>
  </si>
  <si>
    <t>35507916.0</t>
  </si>
  <si>
    <t>26098666.0</t>
  </si>
  <si>
    <t>393315.0</t>
  </si>
  <si>
    <t>367797.0</t>
  </si>
  <si>
    <t>108.94</t>
  </si>
  <si>
    <t>169418.0</t>
  </si>
  <si>
    <t>22.299</t>
  </si>
  <si>
    <t>61964858.0</t>
  </si>
  <si>
    <t>35704162.0</t>
  </si>
  <si>
    <t>26260696.0</t>
  </si>
  <si>
    <t>358276.0</t>
  </si>
  <si>
    <t>357725.0</t>
  </si>
  <si>
    <t>109.58</t>
  </si>
  <si>
    <t>172148.0</t>
  </si>
  <si>
    <t>23.024</t>
  </si>
  <si>
    <t>62415897.0</t>
  </si>
  <si>
    <t>35959555.0</t>
  </si>
  <si>
    <t>26456342.0</t>
  </si>
  <si>
    <t>451039.0</t>
  </si>
  <si>
    <t>350022.0</t>
  </si>
  <si>
    <t>176040.0</t>
  </si>
  <si>
    <t>62636714.0</t>
  </si>
  <si>
    <t>36101778.0</t>
  </si>
  <si>
    <t>26534936.0</t>
  </si>
  <si>
    <t>220817.0</t>
  </si>
  <si>
    <t>341951.0</t>
  </si>
  <si>
    <t>178663.0</t>
  </si>
  <si>
    <t>335426.0</t>
  </si>
  <si>
    <t>181980.0</t>
  </si>
  <si>
    <t>63123091.0</t>
  </si>
  <si>
    <t>36377425.0</t>
  </si>
  <si>
    <t>26745666.0</t>
  </si>
  <si>
    <t>322974.0</t>
  </si>
  <si>
    <t>179576.0</t>
  </si>
  <si>
    <t>63439292.0</t>
  </si>
  <si>
    <t>36564938.0</t>
  </si>
  <si>
    <t>26874354.0</t>
  </si>
  <si>
    <t>316201.0</t>
  </si>
  <si>
    <t>318004.0</t>
  </si>
  <si>
    <t>112.18</t>
  </si>
  <si>
    <t>182026.0</t>
  </si>
  <si>
    <t>4.244</t>
  </si>
  <si>
    <t>63778361.0</t>
  </si>
  <si>
    <t>36767328.0</t>
  </si>
  <si>
    <t>27011033.0</t>
  </si>
  <si>
    <t>339069.0</t>
  </si>
  <si>
    <t>310254.0</t>
  </si>
  <si>
    <t>179916.0</t>
  </si>
  <si>
    <t>64089251.0</t>
  </si>
  <si>
    <t>36944843.0</t>
  </si>
  <si>
    <t>27144408.0</t>
  </si>
  <si>
    <t>310890.0</t>
  </si>
  <si>
    <t>303485.0</t>
  </si>
  <si>
    <t>113.33</t>
  </si>
  <si>
    <t>177240.0</t>
  </si>
  <si>
    <t>64474260.0</t>
  </si>
  <si>
    <t>37157528.0</t>
  </si>
  <si>
    <t>27316732.0</t>
  </si>
  <si>
    <t>385009.0</t>
  </si>
  <si>
    <t>294052.0</t>
  </si>
  <si>
    <t>114.01</t>
  </si>
  <si>
    <t>171139.0</t>
  </si>
  <si>
    <t>64690619.0</t>
  </si>
  <si>
    <t>37275894.0</t>
  </si>
  <si>
    <t>27414725.0</t>
  </si>
  <si>
    <t>216359.0</t>
  </si>
  <si>
    <t>293415.0</t>
  </si>
  <si>
    <t>114.4</t>
  </si>
  <si>
    <t>64904433.0</t>
  </si>
  <si>
    <t>37382390.0</t>
  </si>
  <si>
    <t>27522043.0</t>
  </si>
  <si>
    <t>289219.0</t>
  </si>
  <si>
    <t>114.77</t>
  </si>
  <si>
    <t>163256.0</t>
  </si>
  <si>
    <t>25.553</t>
  </si>
  <si>
    <t>28.117</t>
  </si>
  <si>
    <t>65135293.0</t>
  </si>
  <si>
    <t>37497766.0</t>
  </si>
  <si>
    <t>27637527.0</t>
  </si>
  <si>
    <t>230860.0</t>
  </si>
  <si>
    <t>160049.0</t>
  </si>
  <si>
    <t>65394783.0</t>
  </si>
  <si>
    <t>37618263.0</t>
  </si>
  <si>
    <t>27776520.0</t>
  </si>
  <si>
    <t>259490.0</t>
  </si>
  <si>
    <t>279356.0</t>
  </si>
  <si>
    <t>115.64</t>
  </si>
  <si>
    <t>150475.0</t>
  </si>
  <si>
    <t>65682635.0</t>
  </si>
  <si>
    <t>37751938.0</t>
  </si>
  <si>
    <t>27930697.0</t>
  </si>
  <si>
    <t>287852.0</t>
  </si>
  <si>
    <t>272039.0</t>
  </si>
  <si>
    <t>65932869.0</t>
  </si>
  <si>
    <t>37859897.0</t>
  </si>
  <si>
    <t>28072972.0</t>
  </si>
  <si>
    <t>250234.0</t>
  </si>
  <si>
    <t>263374.0</t>
  </si>
  <si>
    <t>130722.0</t>
  </si>
  <si>
    <t>35.526</t>
  </si>
  <si>
    <t>66220122.0</t>
  </si>
  <si>
    <t>37981485.0</t>
  </si>
  <si>
    <t>28238637.0</t>
  </si>
  <si>
    <t>287253.0</t>
  </si>
  <si>
    <t>249409.0</t>
  </si>
  <si>
    <t>117708.0</t>
  </si>
  <si>
    <t>5.393</t>
  </si>
  <si>
    <t>66368542.0</t>
  </si>
  <si>
    <t>38044157.0</t>
  </si>
  <si>
    <t>28324385.0</t>
  </si>
  <si>
    <t>148420.0</t>
  </si>
  <si>
    <t>239703.0</t>
  </si>
  <si>
    <t>109752.0</t>
  </si>
  <si>
    <t>5.836</t>
  </si>
  <si>
    <t>66540378.0</t>
  </si>
  <si>
    <t>38108016.0</t>
  </si>
  <si>
    <t>28432362.0</t>
  </si>
  <si>
    <t>171836.0</t>
  </si>
  <si>
    <t>233706.0</t>
  </si>
  <si>
    <t>117.67</t>
  </si>
  <si>
    <t>103661.0</t>
  </si>
  <si>
    <t>66721050.0</t>
  </si>
  <si>
    <t>38179540.0</t>
  </si>
  <si>
    <t>28541510.0</t>
  </si>
  <si>
    <t>180672.0</t>
  </si>
  <si>
    <t>226537.0</t>
  </si>
  <si>
    <t>97396.0</t>
  </si>
  <si>
    <t>66922090.0</t>
  </si>
  <si>
    <t>38252354.0</t>
  </si>
  <si>
    <t>28669736.0</t>
  </si>
  <si>
    <t>201040.0</t>
  </si>
  <si>
    <t>218187.0</t>
  </si>
  <si>
    <t>118.34</t>
  </si>
  <si>
    <t>90584.0</t>
  </si>
  <si>
    <t>50.274</t>
  </si>
  <si>
    <t>67140354.0</t>
  </si>
  <si>
    <t>38335161.0</t>
  </si>
  <si>
    <t>28805193.0</t>
  </si>
  <si>
    <t>218264.0</t>
  </si>
  <si>
    <t>208246.0</t>
  </si>
  <si>
    <t>118.73</t>
  </si>
  <si>
    <t>83318.0</t>
  </si>
  <si>
    <t>67361912.0</t>
  </si>
  <si>
    <t>38413116.0</t>
  </si>
  <si>
    <t>28948796.0</t>
  </si>
  <si>
    <t>221558.0</t>
  </si>
  <si>
    <t>119.12</t>
  </si>
  <si>
    <t>79031.0</t>
  </si>
  <si>
    <t>67618807.0</t>
  </si>
  <si>
    <t>38495266.0</t>
  </si>
  <si>
    <t>29123541.0</t>
  </si>
  <si>
    <t>256895.0</t>
  </si>
  <si>
    <t>199812.0</t>
  </si>
  <si>
    <t>119.57</t>
  </si>
  <si>
    <t>73397.0</t>
  </si>
  <si>
    <t>67733499.0</t>
  </si>
  <si>
    <t>38529203.0</t>
  </si>
  <si>
    <t>29204296.0</t>
  </si>
  <si>
    <t>114692.0</t>
  </si>
  <si>
    <t>194994.0</t>
  </si>
  <si>
    <t>119.78</t>
  </si>
  <si>
    <t>69292.0</t>
  </si>
  <si>
    <t>67878500.0</t>
  </si>
  <si>
    <t>38574387.0</t>
  </si>
  <si>
    <t>29304113.0</t>
  </si>
  <si>
    <t>145001.0</t>
  </si>
  <si>
    <t>191160.0</t>
  </si>
  <si>
    <t>120.03</t>
  </si>
  <si>
    <t>68053161.0</t>
  </si>
  <si>
    <t>38624143.0</t>
  </si>
  <si>
    <t>29429018.0</t>
  </si>
  <si>
    <t>174661.0</t>
  </si>
  <si>
    <t>190302.0</t>
  </si>
  <si>
    <t>68254501.0</t>
  </si>
  <si>
    <t>38674148.0</t>
  </si>
  <si>
    <t>29580353.0</t>
  </si>
  <si>
    <t>201340.0</t>
  </si>
  <si>
    <t>190344.0</t>
  </si>
  <si>
    <t>8.718</t>
  </si>
  <si>
    <t>68474146.0</t>
  </si>
  <si>
    <t>38726641.0</t>
  </si>
  <si>
    <t>29747505.0</t>
  </si>
  <si>
    <t>219645.0</t>
  </si>
  <si>
    <t>190542.0</t>
  </si>
  <si>
    <t>68688329.0</t>
  </si>
  <si>
    <t>38776888.0</t>
  </si>
  <si>
    <t>29911441.0</t>
  </si>
  <si>
    <t>214183.0</t>
  </si>
  <si>
    <t>189488.0</t>
  </si>
  <si>
    <t>51967.0</t>
  </si>
  <si>
    <t>75.013</t>
  </si>
  <si>
    <t>68944019.0</t>
  </si>
  <si>
    <t>38836156.0</t>
  </si>
  <si>
    <t>30107863.0</t>
  </si>
  <si>
    <t>255690.0</t>
  </si>
  <si>
    <t>189316.0</t>
  </si>
  <si>
    <t>121.92</t>
  </si>
  <si>
    <t>48699.0</t>
  </si>
  <si>
    <t>78.479</t>
  </si>
  <si>
    <t>69077145.0</t>
  </si>
  <si>
    <t>38863810.0</t>
  </si>
  <si>
    <t>30213335.0</t>
  </si>
  <si>
    <t>133126.0</t>
  </si>
  <si>
    <t>191949.0</t>
  </si>
  <si>
    <t>122.15</t>
  </si>
  <si>
    <t>9.602</t>
  </si>
  <si>
    <t>69221158.0</t>
  </si>
  <si>
    <t>38895279.0</t>
  </si>
  <si>
    <t>30325879.0</t>
  </si>
  <si>
    <t>144013.0</t>
  </si>
  <si>
    <t>191808.0</t>
  </si>
  <si>
    <t>45842.0</t>
  </si>
  <si>
    <t>69380978.0</t>
  </si>
  <si>
    <t>38928936.0</t>
  </si>
  <si>
    <t>30452042.0</t>
  </si>
  <si>
    <t>159820.0</t>
  </si>
  <si>
    <t>189688.0</t>
  </si>
  <si>
    <t>122.69</t>
  </si>
  <si>
    <t>43542.0</t>
  </si>
  <si>
    <t>69566085.0</t>
  </si>
  <si>
    <t>38967762.0</t>
  </si>
  <si>
    <t>30598323.0</t>
  </si>
  <si>
    <t>185107.0</t>
  </si>
  <si>
    <t>187369.0</t>
  </si>
  <si>
    <t>123.02</t>
  </si>
  <si>
    <t>10.822</t>
  </si>
  <si>
    <t>69761787.0</t>
  </si>
  <si>
    <t>39007219.0</t>
  </si>
  <si>
    <t>30754568.0</t>
  </si>
  <si>
    <t>195702.0</t>
  </si>
  <si>
    <t>183949.0</t>
  </si>
  <si>
    <t>40083.0</t>
  </si>
  <si>
    <t>69954436.0</t>
  </si>
  <si>
    <t>39045107.0</t>
  </si>
  <si>
    <t>30909329.0</t>
  </si>
  <si>
    <t>192649.0</t>
  </si>
  <si>
    <t>180872.0</t>
  </si>
  <si>
    <t>38317.0</t>
  </si>
  <si>
    <t>11.653</t>
  </si>
  <si>
    <t>70171279.0</t>
  </si>
  <si>
    <t>39084065.0</t>
  </si>
  <si>
    <t>31087214.0</t>
  </si>
  <si>
    <t>216843.0</t>
  </si>
  <si>
    <t>124.09</t>
  </si>
  <si>
    <t>35416.0</t>
  </si>
  <si>
    <t>70286096.0</t>
  </si>
  <si>
    <t>39104447.0</t>
  </si>
  <si>
    <t>31181649.0</t>
  </si>
  <si>
    <t>114817.0</t>
  </si>
  <si>
    <t>172707.0</t>
  </si>
  <si>
    <t>124.29</t>
  </si>
  <si>
    <t>12.591</t>
  </si>
  <si>
    <t>97.966</t>
  </si>
  <si>
    <t>70427240.0</t>
  </si>
  <si>
    <t>39129667.0</t>
  </si>
  <si>
    <t>31297573.0</t>
  </si>
  <si>
    <t>141144.0</t>
  </si>
  <si>
    <t>172297.0</t>
  </si>
  <si>
    <t>124.54</t>
  </si>
  <si>
    <t>70574750.0</t>
  </si>
  <si>
    <t>39158849.0</t>
  </si>
  <si>
    <t>31415901.0</t>
  </si>
  <si>
    <t>147510.0</t>
  </si>
  <si>
    <t>170539.0</t>
  </si>
  <si>
    <t>32845.0</t>
  </si>
  <si>
    <t>91.636</t>
  </si>
  <si>
    <t>70738290.0</t>
  </si>
  <si>
    <t>39191341.0</t>
  </si>
  <si>
    <t>31546949.0</t>
  </si>
  <si>
    <t>163540.0</t>
  </si>
  <si>
    <t>167458.0</t>
  </si>
  <si>
    <t>31940.0</t>
  </si>
  <si>
    <t>70919513.0</t>
  </si>
  <si>
    <t>39227092.0</t>
  </si>
  <si>
    <t>31692421.0</t>
  </si>
  <si>
    <t>181223.0</t>
  </si>
  <si>
    <t>165389.0</t>
  </si>
  <si>
    <t>125.41</t>
  </si>
  <si>
    <t>71092911.0</t>
  </si>
  <si>
    <t>39257775.0</t>
  </si>
  <si>
    <t>31835136.0</t>
  </si>
  <si>
    <t>173398.0</t>
  </si>
  <si>
    <t>162639.0</t>
  </si>
  <si>
    <t>71308628.0</t>
  </si>
  <si>
    <t>39290667.0</t>
  </si>
  <si>
    <t>32017961.0</t>
  </si>
  <si>
    <t>215717.0</t>
  </si>
  <si>
    <t>162478.0</t>
  </si>
  <si>
    <t>71419589.0</t>
  </si>
  <si>
    <t>39309212.0</t>
  </si>
  <si>
    <t>32110377.0</t>
  </si>
  <si>
    <t>110961.0</t>
  </si>
  <si>
    <t>161928.0</t>
  </si>
  <si>
    <t>71536468.0</t>
  </si>
  <si>
    <t>39331666.0</t>
  </si>
  <si>
    <t>32204802.0</t>
  </si>
  <si>
    <t>116879.0</t>
  </si>
  <si>
    <t>158461.0</t>
  </si>
  <si>
    <t>13.793</t>
  </si>
  <si>
    <t>71669946.0</t>
  </si>
  <si>
    <t>39356540.0</t>
  </si>
  <si>
    <t>32313406.0</t>
  </si>
  <si>
    <t>156457.0</t>
  </si>
  <si>
    <t>126.74</t>
  </si>
  <si>
    <t>71830307.0</t>
  </si>
  <si>
    <t>39385320.0</t>
  </si>
  <si>
    <t>32444987.0</t>
  </si>
  <si>
    <t>160361.0</t>
  </si>
  <si>
    <t>156002.0</t>
  </si>
  <si>
    <t>127.02</t>
  </si>
  <si>
    <t>13.616</t>
  </si>
  <si>
    <t>72004716.0</t>
  </si>
  <si>
    <t>39416306.0</t>
  </si>
  <si>
    <t>32588410.0</t>
  </si>
  <si>
    <t>174409.0</t>
  </si>
  <si>
    <t>155029.0</t>
  </si>
  <si>
    <t>127.33</t>
  </si>
  <si>
    <t>27031.0</t>
  </si>
  <si>
    <t>72168920.0</t>
  </si>
  <si>
    <t>39443338.0</t>
  </si>
  <si>
    <t>32725582.0</t>
  </si>
  <si>
    <t>164204.0</t>
  </si>
  <si>
    <t>153716.0</t>
  </si>
  <si>
    <t>26509.0</t>
  </si>
  <si>
    <t>72386948.0</t>
  </si>
  <si>
    <t>39476497.0</t>
  </si>
  <si>
    <t>32910451.0</t>
  </si>
  <si>
    <t>218028.0</t>
  </si>
  <si>
    <t>154046.0</t>
  </si>
  <si>
    <t>128.01</t>
  </si>
  <si>
    <t>26547.0</t>
  </si>
  <si>
    <t>72499887.0</t>
  </si>
  <si>
    <t>39495104.0</t>
  </si>
  <si>
    <t>33004783.0</t>
  </si>
  <si>
    <t>112939.0</t>
  </si>
  <si>
    <t>154328.0</t>
  </si>
  <si>
    <t>26556.0</t>
  </si>
  <si>
    <t>72633106.0</t>
  </si>
  <si>
    <t>39516037.0</t>
  </si>
  <si>
    <t>33117069.0</t>
  </si>
  <si>
    <t>133219.0</t>
  </si>
  <si>
    <t>156663.0</t>
  </si>
  <si>
    <t>26339.0</t>
  </si>
  <si>
    <t>90.115</t>
  </si>
  <si>
    <t>72785141.0</t>
  </si>
  <si>
    <t>39544351.0</t>
  </si>
  <si>
    <t>33240790.0</t>
  </si>
  <si>
    <t>152035.0</t>
  </si>
  <si>
    <t>159314.0</t>
  </si>
  <si>
    <t>26830.0</t>
  </si>
  <si>
    <t>72964259.0</t>
  </si>
  <si>
    <t>39577515.0</t>
  </si>
  <si>
    <t>33386744.0</t>
  </si>
  <si>
    <t>179118.0</t>
  </si>
  <si>
    <t>161993.0</t>
  </si>
  <si>
    <t>129.03</t>
  </si>
  <si>
    <t>13.846</t>
  </si>
  <si>
    <t>86.083</t>
  </si>
  <si>
    <t>73164766.0</t>
  </si>
  <si>
    <t>39612597.0</t>
  </si>
  <si>
    <t>33552169.0</t>
  </si>
  <si>
    <t>165721.0</t>
  </si>
  <si>
    <t>28042.0</t>
  </si>
  <si>
    <t>14.023</t>
  </si>
  <si>
    <t>73340932.0</t>
  </si>
  <si>
    <t>39645073.0</t>
  </si>
  <si>
    <t>33695859.0</t>
  </si>
  <si>
    <t>176166.0</t>
  </si>
  <si>
    <t>167430.0</t>
  </si>
  <si>
    <t>73554073.0</t>
  </si>
  <si>
    <t>39684496.0</t>
  </si>
  <si>
    <t>33869577.0</t>
  </si>
  <si>
    <t>213141.0</t>
  </si>
  <si>
    <t>73680783.0</t>
  </si>
  <si>
    <t>39709325.0</t>
  </si>
  <si>
    <t>33971458.0</t>
  </si>
  <si>
    <t>126710.0</t>
  </si>
  <si>
    <t>168699.0</t>
  </si>
  <si>
    <t>73827773.0</t>
  </si>
  <si>
    <t>39738317.0</t>
  </si>
  <si>
    <t>34089456.0</t>
  </si>
  <si>
    <t>146990.0</t>
  </si>
  <si>
    <t>170667.0</t>
  </si>
  <si>
    <t>31754.0</t>
  </si>
  <si>
    <t>73982159.0</t>
  </si>
  <si>
    <t>39771795.0</t>
  </si>
  <si>
    <t>34210364.0</t>
  </si>
  <si>
    <t>154386.0</t>
  </si>
  <si>
    <t>171003.0</t>
  </si>
  <si>
    <t>32492.0</t>
  </si>
  <si>
    <t>74169449.0</t>
  </si>
  <si>
    <t>39811516.0</t>
  </si>
  <si>
    <t>34357933.0</t>
  </si>
  <si>
    <t>131.16</t>
  </si>
  <si>
    <t>74370967.0</t>
  </si>
  <si>
    <t>39859148.0</t>
  </si>
  <si>
    <t>34511819.0</t>
  </si>
  <si>
    <t>201518.0</t>
  </si>
  <si>
    <t>172314.0</t>
  </si>
  <si>
    <t>131.51</t>
  </si>
  <si>
    <t>35222.0</t>
  </si>
  <si>
    <t>15.155</t>
  </si>
  <si>
    <t>74567978.0</t>
  </si>
  <si>
    <t>39910686.0</t>
  </si>
  <si>
    <t>34657292.0</t>
  </si>
  <si>
    <t>197011.0</t>
  </si>
  <si>
    <t>175292.0</t>
  </si>
  <si>
    <t>131.86</t>
  </si>
  <si>
    <t>37945.0</t>
  </si>
  <si>
    <t>74803203.0</t>
  </si>
  <si>
    <t>39971873.0</t>
  </si>
  <si>
    <t>34831330.0</t>
  </si>
  <si>
    <t>235225.0</t>
  </si>
  <si>
    <t>178447.0</t>
  </si>
  <si>
    <t>41054.0</t>
  </si>
  <si>
    <t>74931873.0</t>
  </si>
  <si>
    <t>40004297.0</t>
  </si>
  <si>
    <t>34927576.0</t>
  </si>
  <si>
    <t>128670.0</t>
  </si>
  <si>
    <t>178727.0</t>
  </si>
  <si>
    <t>42139.0</t>
  </si>
  <si>
    <t>75082852.0</t>
  </si>
  <si>
    <t>40042271.0</t>
  </si>
  <si>
    <t>35040581.0</t>
  </si>
  <si>
    <t>150979.0</t>
  </si>
  <si>
    <t>179297.0</t>
  </si>
  <si>
    <t>43422.0</t>
  </si>
  <si>
    <t>75238018.0</t>
  </si>
  <si>
    <t>40088216.0</t>
  </si>
  <si>
    <t>35149802.0</t>
  </si>
  <si>
    <t>155166.0</t>
  </si>
  <si>
    <t>179408.0</t>
  </si>
  <si>
    <t>133.05</t>
  </si>
  <si>
    <t>75437888.0</t>
  </si>
  <si>
    <t>40145779.0</t>
  </si>
  <si>
    <t>35292109.0</t>
  </si>
  <si>
    <t>199870.0</t>
  </si>
  <si>
    <t>181206.0</t>
  </si>
  <si>
    <t>70.99</t>
  </si>
  <si>
    <t>75611320.0</t>
  </si>
  <si>
    <t>40191944.0</t>
  </si>
  <si>
    <t>35419376.0</t>
  </si>
  <si>
    <t>15.455</t>
  </si>
  <si>
    <t>75764961.0</t>
  </si>
  <si>
    <t>40230336.0</t>
  </si>
  <si>
    <t>35534625.0</t>
  </si>
  <si>
    <t>153641.0</t>
  </si>
  <si>
    <t>170998.0</t>
  </si>
  <si>
    <t>133.98</t>
  </si>
  <si>
    <t>75919535.0</t>
  </si>
  <si>
    <t>40268327.0</t>
  </si>
  <si>
    <t>35651208.0</t>
  </si>
  <si>
    <t>154574.0</t>
  </si>
  <si>
    <t>159476.0</t>
  </si>
  <si>
    <t>134.25</t>
  </si>
  <si>
    <t>76004792.0</t>
  </si>
  <si>
    <t>40288874.0</t>
  </si>
  <si>
    <t>35715918.0</t>
  </si>
  <si>
    <t>85257.0</t>
  </si>
  <si>
    <t>153274.0</t>
  </si>
  <si>
    <t>63.16</t>
  </si>
  <si>
    <t>40654.0</t>
  </si>
  <si>
    <t>76072459.0</t>
  </si>
  <si>
    <t>40304404.0</t>
  </si>
  <si>
    <t>35768055.0</t>
  </si>
  <si>
    <t>67667.0</t>
  </si>
  <si>
    <t>141372.0</t>
  </si>
  <si>
    <t>94.854</t>
  </si>
  <si>
    <t>76212080.0</t>
  </si>
  <si>
    <t>40339022.0</t>
  </si>
  <si>
    <t>35873058.0</t>
  </si>
  <si>
    <t>139621.0</t>
  </si>
  <si>
    <t>139152.0</t>
  </si>
  <si>
    <t>134.77</t>
  </si>
  <si>
    <t>76351995.0</t>
  </si>
  <si>
    <t>40376851.0</t>
  </si>
  <si>
    <t>35975144.0</t>
  </si>
  <si>
    <t>139915.0</t>
  </si>
  <si>
    <t>130587.0</t>
  </si>
  <si>
    <t>135.02</t>
  </si>
  <si>
    <t>33010.0</t>
  </si>
  <si>
    <t>15.862</t>
  </si>
  <si>
    <t>109.39</t>
  </si>
  <si>
    <t>76489767.0</t>
  </si>
  <si>
    <t>40410626.0</t>
  </si>
  <si>
    <t>36079141.0</t>
  </si>
  <si>
    <t>125492.0</t>
  </si>
  <si>
    <t>31240.0</t>
  </si>
  <si>
    <t>76617503.0</t>
  </si>
  <si>
    <t>40440240.0</t>
  </si>
  <si>
    <t>36177263.0</t>
  </si>
  <si>
    <t>127736.0</t>
  </si>
  <si>
    <t>135.49</t>
  </si>
  <si>
    <t>15.561</t>
  </si>
  <si>
    <t>76767817.0</t>
  </si>
  <si>
    <t>40474227.0</t>
  </si>
  <si>
    <t>36293590.0</t>
  </si>
  <si>
    <t>150314.0</t>
  </si>
  <si>
    <t>121183.0</t>
  </si>
  <si>
    <t>135.75</t>
  </si>
  <si>
    <t>29414.0</t>
  </si>
  <si>
    <t>15.526</t>
  </si>
  <si>
    <t>76842974.0</t>
  </si>
  <si>
    <t>40490119.0</t>
  </si>
  <si>
    <t>36352855.0</t>
  </si>
  <si>
    <t>75157.0</t>
  </si>
  <si>
    <t>119740.0</t>
  </si>
  <si>
    <t>135.89</t>
  </si>
  <si>
    <t>76931009.0</t>
  </si>
  <si>
    <t>40508396.0</t>
  </si>
  <si>
    <t>36422613.0</t>
  </si>
  <si>
    <t>88035.0</t>
  </si>
  <si>
    <t>122650.0</t>
  </si>
  <si>
    <t>136.04</t>
  </si>
  <si>
    <t>29142.0</t>
  </si>
  <si>
    <t>77026879.0</t>
  </si>
  <si>
    <t>40531262.0</t>
  </si>
  <si>
    <t>36495617.0</t>
  </si>
  <si>
    <t>95870.0</t>
  </si>
  <si>
    <t>116400.0</t>
  </si>
  <si>
    <t>136.21</t>
  </si>
  <si>
    <t>77122836.0</t>
  </si>
  <si>
    <t>40551671.0</t>
  </si>
  <si>
    <t>36571165.0</t>
  </si>
  <si>
    <t>95957.0</t>
  </si>
  <si>
    <t>110120.0</t>
  </si>
  <si>
    <t>136.38</t>
  </si>
  <si>
    <t>24974.0</t>
  </si>
  <si>
    <t>77231434.0</t>
  </si>
  <si>
    <t>40573677.0</t>
  </si>
  <si>
    <t>36657757.0</t>
  </si>
  <si>
    <t>77332076.0</t>
  </si>
  <si>
    <t>40595556.0</t>
  </si>
  <si>
    <t>36736520.0</t>
  </si>
  <si>
    <t>100642.0</t>
  </si>
  <si>
    <t>102082.0</t>
  </si>
  <si>
    <t>22188.0</t>
  </si>
  <si>
    <t>109.744</t>
  </si>
  <si>
    <t>77442069.0</t>
  </si>
  <si>
    <t>40619481.0</t>
  </si>
  <si>
    <t>36822588.0</t>
  </si>
  <si>
    <t>109993.0</t>
  </si>
  <si>
    <t>96322.0</t>
  </si>
  <si>
    <t>136.94</t>
  </si>
  <si>
    <t>77496695.0</t>
  </si>
  <si>
    <t>40631205.0</t>
  </si>
  <si>
    <t>36865490.0</t>
  </si>
  <si>
    <t>54626.0</t>
  </si>
  <si>
    <t>93389.0</t>
  </si>
  <si>
    <t>20155.0</t>
  </si>
  <si>
    <t>15.668</t>
  </si>
  <si>
    <t>77567013.0</t>
  </si>
  <si>
    <t>40646716.0</t>
  </si>
  <si>
    <t>36920297.0</t>
  </si>
  <si>
    <t>70318.0</t>
  </si>
  <si>
    <t>90858.0</t>
  </si>
  <si>
    <t>137.17</t>
  </si>
  <si>
    <t>15.703</t>
  </si>
  <si>
    <t>77641242.0</t>
  </si>
  <si>
    <t>40664424.0</t>
  </si>
  <si>
    <t>36976818.0</t>
  </si>
  <si>
    <t>19023.0</t>
  </si>
  <si>
    <t>16.092</t>
  </si>
  <si>
    <t>77718458.0</t>
  </si>
  <si>
    <t>40684544.0</t>
  </si>
  <si>
    <t>37033914.0</t>
  </si>
  <si>
    <t>77216.0</t>
  </si>
  <si>
    <t>85089.0</t>
  </si>
  <si>
    <t>137.43</t>
  </si>
  <si>
    <t>18982.0</t>
  </si>
  <si>
    <t>15.013</t>
  </si>
  <si>
    <t>77796373.0</t>
  </si>
  <si>
    <t>40703518.0</t>
  </si>
  <si>
    <t>37092855.0</t>
  </si>
  <si>
    <t>77915.0</t>
  </si>
  <si>
    <t>80706.0</t>
  </si>
  <si>
    <t>137.57</t>
  </si>
  <si>
    <t>18549.0</t>
  </si>
  <si>
    <t>77868981.0</t>
  </si>
  <si>
    <t>40720869.0</t>
  </si>
  <si>
    <t>37148112.0</t>
  </si>
  <si>
    <t>72608.0</t>
  </si>
  <si>
    <t>100.584</t>
  </si>
  <si>
    <t>77956743.0</t>
  </si>
  <si>
    <t>40742497.0</t>
  </si>
  <si>
    <t>37214246.0</t>
  </si>
  <si>
    <t>87762.0</t>
  </si>
  <si>
    <t>73525.0</t>
  </si>
  <si>
    <t>77997545.0</t>
  </si>
  <si>
    <t>40752841.0</t>
  </si>
  <si>
    <t>37244704.0</t>
  </si>
  <si>
    <t>40802.0</t>
  </si>
  <si>
    <t>71550.0</t>
  </si>
  <si>
    <t>137.93</t>
  </si>
  <si>
    <t>78054652.0</t>
  </si>
  <si>
    <t>40768510.0</t>
  </si>
  <si>
    <t>37286142.0</t>
  </si>
  <si>
    <t>69663.0</t>
  </si>
  <si>
    <t>138.03</t>
  </si>
  <si>
    <t>13.687</t>
  </si>
  <si>
    <t>98.019</t>
  </si>
  <si>
    <t>78110824.0</t>
  </si>
  <si>
    <t>40785434.0</t>
  </si>
  <si>
    <t>37325390.0</t>
  </si>
  <si>
    <t>56172.0</t>
  </si>
  <si>
    <t>67083.0</t>
  </si>
  <si>
    <t>78168962.0</t>
  </si>
  <si>
    <t>40803896.0</t>
  </si>
  <si>
    <t>37365066.0</t>
  </si>
  <si>
    <t>58138.0</t>
  </si>
  <si>
    <t>64358.0</t>
  </si>
  <si>
    <t>78232278.0</t>
  </si>
  <si>
    <t>40825484.0</t>
  </si>
  <si>
    <t>37406794.0</t>
  </si>
  <si>
    <t>63316.0</t>
  </si>
  <si>
    <t>71.547</t>
  </si>
  <si>
    <t>78293711.0</t>
  </si>
  <si>
    <t>40847350.0</t>
  </si>
  <si>
    <t>37446361.0</t>
  </si>
  <si>
    <t>60676.0</t>
  </si>
  <si>
    <t>5100.0</t>
  </si>
  <si>
    <t>78354367.0</t>
  </si>
  <si>
    <t>40864957.0</t>
  </si>
  <si>
    <t>37489410.0</t>
  </si>
  <si>
    <t>56803.0</t>
  </si>
  <si>
    <t>17494.0</t>
  </si>
  <si>
    <t>78384657.0</t>
  </si>
  <si>
    <t>40873771.0</t>
  </si>
  <si>
    <t>37510886.0</t>
  </si>
  <si>
    <t>30290.0</t>
  </si>
  <si>
    <t>17276.0</t>
  </si>
  <si>
    <t>78433951.0</t>
  </si>
  <si>
    <t>40894475.0</t>
  </si>
  <si>
    <t>37539476.0</t>
  </si>
  <si>
    <t>54186.0</t>
  </si>
  <si>
    <t>17995.0</t>
  </si>
  <si>
    <t>78492187.0</t>
  </si>
  <si>
    <t>40923041.0</t>
  </si>
  <si>
    <t>37569146.0</t>
  </si>
  <si>
    <t>54480.0</t>
  </si>
  <si>
    <t>19658.0</t>
  </si>
  <si>
    <t>78549539.0</t>
  </si>
  <si>
    <t>40950486.0</t>
  </si>
  <si>
    <t>37599053.0</t>
  </si>
  <si>
    <t>57352.0</t>
  </si>
  <si>
    <t>20941.0</t>
  </si>
  <si>
    <t>79472006.0</t>
  </si>
  <si>
    <t>40979175.0</t>
  </si>
  <si>
    <t>37629371.0</t>
  </si>
  <si>
    <t>863460.0</t>
  </si>
  <si>
    <t>177104.0</t>
  </si>
  <si>
    <t>140.53</t>
  </si>
  <si>
    <t>21956.0</t>
  </si>
  <si>
    <t>79687137.0</t>
  </si>
  <si>
    <t>41011153.0</t>
  </si>
  <si>
    <t>37659364.0</t>
  </si>
  <si>
    <t>1016620.0</t>
  </si>
  <si>
    <t>215131.0</t>
  </si>
  <si>
    <t>199061.0</t>
  </si>
  <si>
    <t>140.91</t>
  </si>
  <si>
    <t>82.263</t>
  </si>
  <si>
    <t>79930481.0</t>
  </si>
  <si>
    <t>41029889.0</t>
  </si>
  <si>
    <t>37690213.0</t>
  </si>
  <si>
    <t>1210379.0</t>
  </si>
  <si>
    <t>243344.0</t>
  </si>
  <si>
    <t>225159.0</t>
  </si>
  <si>
    <t>80046936.0</t>
  </si>
  <si>
    <t>41040609.0</t>
  </si>
  <si>
    <t>37707715.0</t>
  </si>
  <si>
    <t>1298612.0</t>
  </si>
  <si>
    <t>116455.0</t>
  </si>
  <si>
    <t>237468.0</t>
  </si>
  <si>
    <t>141.55</t>
  </si>
  <si>
    <t>23834.0</t>
  </si>
  <si>
    <t>80224824.0</t>
  </si>
  <si>
    <t>41071393.0</t>
  </si>
  <si>
    <t>37732461.0</t>
  </si>
  <si>
    <t>1420970.0</t>
  </si>
  <si>
    <t>177888.0</t>
  </si>
  <si>
    <t>255839.0</t>
  </si>
  <si>
    <t>25274.0</t>
  </si>
  <si>
    <t>80438413.0</t>
  </si>
  <si>
    <t>41106586.0</t>
  </si>
  <si>
    <t>37756714.0</t>
  </si>
  <si>
    <t>1575113.0</t>
  </si>
  <si>
    <t>213589.0</t>
  </si>
  <si>
    <t>278032.0</t>
  </si>
  <si>
    <t>80647454.0</t>
  </si>
  <si>
    <t>41131105.0</t>
  </si>
  <si>
    <t>37780849.0</t>
  </si>
  <si>
    <t>1735500.0</t>
  </si>
  <si>
    <t>209041.0</t>
  </si>
  <si>
    <t>299702.0</t>
  </si>
  <si>
    <t>142.61</t>
  </si>
  <si>
    <t>25803.0</t>
  </si>
  <si>
    <t>80873035.0</t>
  </si>
  <si>
    <t>41156424.0</t>
  </si>
  <si>
    <t>37805057.0</t>
  </si>
  <si>
    <t>1911554.0</t>
  </si>
  <si>
    <t>225581.0</t>
  </si>
  <si>
    <t>200147.0</t>
  </si>
  <si>
    <t>143.01</t>
  </si>
  <si>
    <t>75.968</t>
  </si>
  <si>
    <t>81096222.0</t>
  </si>
  <si>
    <t>41181960.0</t>
  </si>
  <si>
    <t>37830063.0</t>
  </si>
  <si>
    <t>2084199.0</t>
  </si>
  <si>
    <t>201298.0</t>
  </si>
  <si>
    <t>143.41</t>
  </si>
  <si>
    <t>24401.0</t>
  </si>
  <si>
    <t>81394489.0</t>
  </si>
  <si>
    <t>41200398.0</t>
  </si>
  <si>
    <t>37859814.0</t>
  </si>
  <si>
    <t>2334277.0</t>
  </si>
  <si>
    <t>298267.0</t>
  </si>
  <si>
    <t>209144.0</t>
  </si>
  <si>
    <t>24358.0</t>
  </si>
  <si>
    <t>81511121.0</t>
  </si>
  <si>
    <t>41209509.0</t>
  </si>
  <si>
    <t>37875457.0</t>
  </si>
  <si>
    <t>2426155.0</t>
  </si>
  <si>
    <t>116632.0</t>
  </si>
  <si>
    <t>209169.0</t>
  </si>
  <si>
    <t>81676421.0</t>
  </si>
  <si>
    <t>41232741.0</t>
  </si>
  <si>
    <t>37895807.0</t>
  </si>
  <si>
    <t>2547873.0</t>
  </si>
  <si>
    <t>165300.0</t>
  </si>
  <si>
    <t>207371.0</t>
  </si>
  <si>
    <t>144.43</t>
  </si>
  <si>
    <t>80.442</t>
  </si>
  <si>
    <t>81889514.0</t>
  </si>
  <si>
    <t>41263377.0</t>
  </si>
  <si>
    <t>37918254.0</t>
  </si>
  <si>
    <t>2707883.0</t>
  </si>
  <si>
    <t>213093.0</t>
  </si>
  <si>
    <t>207300.0</t>
  </si>
  <si>
    <t>144.81</t>
  </si>
  <si>
    <t>22399.0</t>
  </si>
  <si>
    <t>82137355.0</t>
  </si>
  <si>
    <t>41295692.0</t>
  </si>
  <si>
    <t>37943082.0</t>
  </si>
  <si>
    <t>2898581.0</t>
  </si>
  <si>
    <t>247841.0</t>
  </si>
  <si>
    <t>212843.0</t>
  </si>
  <si>
    <t>145.25</t>
  </si>
  <si>
    <t>23512.0</t>
  </si>
  <si>
    <t>82413316.0</t>
  </si>
  <si>
    <t>41333877.0</t>
  </si>
  <si>
    <t>37966571.0</t>
  </si>
  <si>
    <t>3112868.0</t>
  </si>
  <si>
    <t>275961.0</t>
  </si>
  <si>
    <t>220040.0</t>
  </si>
  <si>
    <t>145.74</t>
  </si>
  <si>
    <t>25350.0</t>
  </si>
  <si>
    <t>82672665.0</t>
  </si>
  <si>
    <t>41369761.0</t>
  </si>
  <si>
    <t>37991951.0</t>
  </si>
  <si>
    <t>3310953.0</t>
  </si>
  <si>
    <t>225206.0</t>
  </si>
  <si>
    <t>26829.0</t>
  </si>
  <si>
    <t>83008570.0</t>
  </si>
  <si>
    <t>41389496.0</t>
  </si>
  <si>
    <t>38022391.0</t>
  </si>
  <si>
    <t>3596683.0</t>
  </si>
  <si>
    <t>335905.0</t>
  </si>
  <si>
    <t>230583.0</t>
  </si>
  <si>
    <t>27014.0</t>
  </si>
  <si>
    <t>83132262.0</t>
  </si>
  <si>
    <t>41399335.0</t>
  </si>
  <si>
    <t>38036936.0</t>
  </si>
  <si>
    <t>3695991.0</t>
  </si>
  <si>
    <t>123692.0</t>
  </si>
  <si>
    <t>231592.0</t>
  </si>
  <si>
    <t>147.01</t>
  </si>
  <si>
    <t>96.569</t>
  </si>
  <si>
    <t>83338560.0</t>
  </si>
  <si>
    <t>41434669.0</t>
  </si>
  <si>
    <t>38057604.0</t>
  </si>
  <si>
    <t>3846287.0</t>
  </si>
  <si>
    <t>206298.0</t>
  </si>
  <si>
    <t>237448.0</t>
  </si>
  <si>
    <t>147.37</t>
  </si>
  <si>
    <t>12.962</t>
  </si>
  <si>
    <t>83597242.0</t>
  </si>
  <si>
    <t>41473202.0</t>
  </si>
  <si>
    <t>38078745.0</t>
  </si>
  <si>
    <t>4045295.0</t>
  </si>
  <si>
    <t>258682.0</t>
  </si>
  <si>
    <t>243961.0</t>
  </si>
  <si>
    <t>147.83</t>
  </si>
  <si>
    <t>73.34</t>
  </si>
  <si>
    <t>83887280.0</t>
  </si>
  <si>
    <t>41517723.0</t>
  </si>
  <si>
    <t>38100446.0</t>
  </si>
  <si>
    <t>4269111.0</t>
  </si>
  <si>
    <t>290038.0</t>
  </si>
  <si>
    <t>249989.0</t>
  </si>
  <si>
    <t>148.34</t>
  </si>
  <si>
    <t>31719.0</t>
  </si>
  <si>
    <t>84209271.0</t>
  </si>
  <si>
    <t>41562281.0</t>
  </si>
  <si>
    <t>38122473.0</t>
  </si>
  <si>
    <t>4524517.0</t>
  </si>
  <si>
    <t>321991.0</t>
  </si>
  <si>
    <t>256565.0</t>
  </si>
  <si>
    <t>148.91</t>
  </si>
  <si>
    <t>84521609.0</t>
  </si>
  <si>
    <t>41604013.0</t>
  </si>
  <si>
    <t>38144896.0</t>
  </si>
  <si>
    <t>4772700.0</t>
  </si>
  <si>
    <t>312338.0</t>
  </si>
  <si>
    <t>264135.0</t>
  </si>
  <si>
    <t>149.46</t>
  </si>
  <si>
    <t>33465.0</t>
  </si>
  <si>
    <t>84906496.0</t>
  </si>
  <si>
    <t>41636233.0</t>
  </si>
  <si>
    <t>38172423.0</t>
  </si>
  <si>
    <t>5097840.0</t>
  </si>
  <si>
    <t>384887.0</t>
  </si>
  <si>
    <t>271132.0</t>
  </si>
  <si>
    <t>150.14</t>
  </si>
  <si>
    <t>85078329.0</t>
  </si>
  <si>
    <t>41655840.0</t>
  </si>
  <si>
    <t>38186561.0</t>
  </si>
  <si>
    <t>5235928.0</t>
  </si>
  <si>
    <t>171833.0</t>
  </si>
  <si>
    <t>278010.0</t>
  </si>
  <si>
    <t>85317024.0</t>
  </si>
  <si>
    <t>41687872.0</t>
  </si>
  <si>
    <t>38204812.0</t>
  </si>
  <si>
    <t>5424340.0</t>
  </si>
  <si>
    <t>238695.0</t>
  </si>
  <si>
    <t>282638.0</t>
  </si>
  <si>
    <t>36172.0</t>
  </si>
  <si>
    <t>121.715</t>
  </si>
  <si>
    <t>85589699.0</t>
  </si>
  <si>
    <t>41723652.0</t>
  </si>
  <si>
    <t>38224311.0</t>
  </si>
  <si>
    <t>5641736.0</t>
  </si>
  <si>
    <t>272675.0</t>
  </si>
  <si>
    <t>284637.0</t>
  </si>
  <si>
    <t>35779.0</t>
  </si>
  <si>
    <t>14.129</t>
  </si>
  <si>
    <t>85884983.0</t>
  </si>
  <si>
    <t>41763616.0</t>
  </si>
  <si>
    <t>38243051.0</t>
  </si>
  <si>
    <t>5878316.0</t>
  </si>
  <si>
    <t>295284.0</t>
  </si>
  <si>
    <t>285386.0</t>
  </si>
  <si>
    <t>151.87</t>
  </si>
  <si>
    <t>35128.0</t>
  </si>
  <si>
    <t>124.12</t>
  </si>
  <si>
    <t>86191961.0</t>
  </si>
  <si>
    <t>41803013.0</t>
  </si>
  <si>
    <t>38262637.0</t>
  </si>
  <si>
    <t>6126311.0</t>
  </si>
  <si>
    <t>306978.0</t>
  </si>
  <si>
    <t>283241.0</t>
  </si>
  <si>
    <t>152.42</t>
  </si>
  <si>
    <t>34390.0</t>
  </si>
  <si>
    <t>86485839.0</t>
  </si>
  <si>
    <t>41839574.0</t>
  </si>
  <si>
    <t>38281812.0</t>
  </si>
  <si>
    <t>6364453.0</t>
  </si>
  <si>
    <t>293878.0</t>
  </si>
  <si>
    <t>280604.0</t>
  </si>
  <si>
    <t>86869920.0</t>
  </si>
  <si>
    <t>41870731.0</t>
  </si>
  <si>
    <t>38304291.0</t>
  </si>
  <si>
    <t>6694898.0</t>
  </si>
  <si>
    <t>384081.0</t>
  </si>
  <si>
    <t>280489.0</t>
  </si>
  <si>
    <t>153.62</t>
  </si>
  <si>
    <t>87035599.0</t>
  </si>
  <si>
    <t>41893685.0</t>
  </si>
  <si>
    <t>38315755.0</t>
  </si>
  <si>
    <t>6826159.0</t>
  </si>
  <si>
    <t>165679.0</t>
  </si>
  <si>
    <t>279610.0</t>
  </si>
  <si>
    <t>153.91</t>
  </si>
  <si>
    <t>87282704.0</t>
  </si>
  <si>
    <t>41928327.0</t>
  </si>
  <si>
    <t>38331506.0</t>
  </si>
  <si>
    <t>7022871.0</t>
  </si>
  <si>
    <t>247105.0</t>
  </si>
  <si>
    <t>280811.0</t>
  </si>
  <si>
    <t>154.35</t>
  </si>
  <si>
    <t>87590285.0</t>
  </si>
  <si>
    <t>41971835.0</t>
  </si>
  <si>
    <t>38349313.0</t>
  </si>
  <si>
    <t>7269137.0</t>
  </si>
  <si>
    <t>307581.0</t>
  </si>
  <si>
    <t>285798.0</t>
  </si>
  <si>
    <t>35455.0</t>
  </si>
  <si>
    <t>7291.0</t>
  </si>
  <si>
    <t>87917844.0</t>
  </si>
  <si>
    <t>42014248.0</t>
  </si>
  <si>
    <t>38366687.0</t>
  </si>
  <si>
    <t>7536909.0</t>
  </si>
  <si>
    <t>327559.0</t>
  </si>
  <si>
    <t>290409.0</t>
  </si>
  <si>
    <t>35805.0</t>
  </si>
  <si>
    <t>15.332</t>
  </si>
  <si>
    <t>88249529.0</t>
  </si>
  <si>
    <t>42054323.0</t>
  </si>
  <si>
    <t>38383854.0</t>
  </si>
  <si>
    <t>7811352.0</t>
  </si>
  <si>
    <t>331685.0</t>
  </si>
  <si>
    <t>293938.0</t>
  </si>
  <si>
    <t>125.057</t>
  </si>
  <si>
    <t>88575609.0</t>
  </si>
  <si>
    <t>42094896.0</t>
  </si>
  <si>
    <t>38402891.0</t>
  </si>
  <si>
    <t>8077822.0</t>
  </si>
  <si>
    <t>326080.0</t>
  </si>
  <si>
    <t>298539.0</t>
  </si>
  <si>
    <t>156.63</t>
  </si>
  <si>
    <t>36475.0</t>
  </si>
  <si>
    <t>89003538.0</t>
  </si>
  <si>
    <t>42128617.0</t>
  </si>
  <si>
    <t>38425760.0</t>
  </si>
  <si>
    <t>8449161.0</t>
  </si>
  <si>
    <t>427929.0</t>
  </si>
  <si>
    <t>304803.0</t>
  </si>
  <si>
    <t>157.39</t>
  </si>
  <si>
    <t>36841.0</t>
  </si>
  <si>
    <t>122.193</t>
  </si>
  <si>
    <t>89204129.0</t>
  </si>
  <si>
    <t>42151047.0</t>
  </si>
  <si>
    <t>38436962.0</t>
  </si>
  <si>
    <t>8616120.0</t>
  </si>
  <si>
    <t>200591.0</t>
  </si>
  <si>
    <t>309790.0</t>
  </si>
  <si>
    <t>157.74</t>
  </si>
  <si>
    <t>15.367</t>
  </si>
  <si>
    <t>89474402.0</t>
  </si>
  <si>
    <t>42181433.0</t>
  </si>
  <si>
    <t>38454360.0</t>
  </si>
  <si>
    <t>8838609.0</t>
  </si>
  <si>
    <t>270273.0</t>
  </si>
  <si>
    <t>313100.0</t>
  </si>
  <si>
    <t>36158.0</t>
  </si>
  <si>
    <t>89807694.0</t>
  </si>
  <si>
    <t>42217754.0</t>
  </si>
  <si>
    <t>38472568.0</t>
  </si>
  <si>
    <t>9117372.0</t>
  </si>
  <si>
    <t>333292.0</t>
  </si>
  <si>
    <t>316773.0</t>
  </si>
  <si>
    <t>158.81</t>
  </si>
  <si>
    <t>6961.0</t>
  </si>
  <si>
    <t>90433154.0</t>
  </si>
  <si>
    <t>42333305.0</t>
  </si>
  <si>
    <t>38516564.0</t>
  </si>
  <si>
    <t>9583285.0</t>
  </si>
  <si>
    <t>625460.0</t>
  </si>
  <si>
    <t>359330.0</t>
  </si>
  <si>
    <t>90792493.0</t>
  </si>
  <si>
    <t>42367945.0</t>
  </si>
  <si>
    <t>38536124.0</t>
  </si>
  <si>
    <t>9888424.0</t>
  </si>
  <si>
    <t>359339.0</t>
  </si>
  <si>
    <t>363281.0</t>
  </si>
  <si>
    <t>160.55</t>
  </si>
  <si>
    <t>44803.0</t>
  </si>
  <si>
    <t>14.819</t>
  </si>
  <si>
    <t>91142968.0</t>
  </si>
  <si>
    <t>42399594.0</t>
  </si>
  <si>
    <t>38555353.0</t>
  </si>
  <si>
    <t>10188021.0</t>
  </si>
  <si>
    <t>350475.0</t>
  </si>
  <si>
    <t>366766.0</t>
  </si>
  <si>
    <t>91607822.0</t>
  </si>
  <si>
    <t>42430212.0</t>
  </si>
  <si>
    <t>38578159.0</t>
  </si>
  <si>
    <t>10599451.0</t>
  </si>
  <si>
    <t>464854.0</t>
  </si>
  <si>
    <t>372041.0</t>
  </si>
  <si>
    <t>161.99</t>
  </si>
  <si>
    <t>18.74</t>
  </si>
  <si>
    <t>14.872</t>
  </si>
  <si>
    <t>91814801.0</t>
  </si>
  <si>
    <t>42448508.0</t>
  </si>
  <si>
    <t>38590118.0</t>
  </si>
  <si>
    <t>10776175.0</t>
  </si>
  <si>
    <t>206979.0</t>
  </si>
  <si>
    <t>372953.0</t>
  </si>
  <si>
    <t>42494.0</t>
  </si>
  <si>
    <t>92090246.0</t>
  </si>
  <si>
    <t>42476180.0</t>
  </si>
  <si>
    <t>38605643.0</t>
  </si>
  <si>
    <t>11008423.0</t>
  </si>
  <si>
    <t>275445.0</t>
  </si>
  <si>
    <t>373692.0</t>
  </si>
  <si>
    <t>42107.0</t>
  </si>
  <si>
    <t>92417209.0</t>
  </si>
  <si>
    <t>42503438.0</t>
  </si>
  <si>
    <t>38622540.0</t>
  </si>
  <si>
    <t>11291231.0</t>
  </si>
  <si>
    <t>326963.0</t>
  </si>
  <si>
    <t>372788.0</t>
  </si>
  <si>
    <t>40812.0</t>
  </si>
  <si>
    <t>92778190.0</t>
  </si>
  <si>
    <t>42531770.0</t>
  </si>
  <si>
    <t>38641051.0</t>
  </si>
  <si>
    <t>11605369.0</t>
  </si>
  <si>
    <t>360981.0</t>
  </si>
  <si>
    <t>335005.0</t>
  </si>
  <si>
    <t>93137856.0</t>
  </si>
  <si>
    <t>42555804.0</t>
  </si>
  <si>
    <t>38658480.0</t>
  </si>
  <si>
    <t>11923572.0</t>
  </si>
  <si>
    <t>359666.0</t>
  </si>
  <si>
    <t>335052.0</t>
  </si>
  <si>
    <t>26837.0</t>
  </si>
  <si>
    <t>93486462.0</t>
  </si>
  <si>
    <t>42580217.0</t>
  </si>
  <si>
    <t>38677203.0</t>
  </si>
  <si>
    <t>12229042.0</t>
  </si>
  <si>
    <t>348606.0</t>
  </si>
  <si>
    <t>334785.0</t>
  </si>
  <si>
    <t>165.32</t>
  </si>
  <si>
    <t>84.138</t>
  </si>
  <si>
    <t>93944089.0</t>
  </si>
  <si>
    <t>42603567.0</t>
  </si>
  <si>
    <t>38698795.0</t>
  </si>
  <si>
    <t>12641727.0</t>
  </si>
  <si>
    <t>457627.0</t>
  </si>
  <si>
    <t>333752.0</t>
  </si>
  <si>
    <t>94158533.0</t>
  </si>
  <si>
    <t>42617633.0</t>
  </si>
  <si>
    <t>38710035.0</t>
  </si>
  <si>
    <t>12830865.0</t>
  </si>
  <si>
    <t>214444.0</t>
  </si>
  <si>
    <t>334819.0</t>
  </si>
  <si>
    <t>166.5</t>
  </si>
  <si>
    <t>94444764.0</t>
  </si>
  <si>
    <t>42638298.0</t>
  </si>
  <si>
    <t>38725602.0</t>
  </si>
  <si>
    <t>13080864.0</t>
  </si>
  <si>
    <t>286231.0</t>
  </si>
  <si>
    <t>336360.0</t>
  </si>
  <si>
    <t>94787805.0</t>
  </si>
  <si>
    <t>42661743.0</t>
  </si>
  <si>
    <t>38744164.0</t>
  </si>
  <si>
    <t>13381898.0</t>
  </si>
  <si>
    <t>343041.0</t>
  </si>
  <si>
    <t>338657.0</t>
  </si>
  <si>
    <t>22615.0</t>
  </si>
  <si>
    <t>95144934.0</t>
  </si>
  <si>
    <t>42683518.0</t>
  </si>
  <si>
    <t>38764212.0</t>
  </si>
  <si>
    <t>13697204.0</t>
  </si>
  <si>
    <t>357129.0</t>
  </si>
  <si>
    <t>338106.0</t>
  </si>
  <si>
    <t>21678.0</t>
  </si>
  <si>
    <t>95519975.0</t>
  </si>
  <si>
    <t>42704195.0</t>
  </si>
  <si>
    <t>38783827.0</t>
  </si>
  <si>
    <t>14031953.0</t>
  </si>
  <si>
    <t>375041.0</t>
  </si>
  <si>
    <t>340303.0</t>
  </si>
  <si>
    <t>21199.0</t>
  </si>
  <si>
    <t>95881977.0</t>
  </si>
  <si>
    <t>42723293.0</t>
  </si>
  <si>
    <t>38805750.0</t>
  </si>
  <si>
    <t>14352934.0</t>
  </si>
  <si>
    <t>362002.0</t>
  </si>
  <si>
    <t>13.917</t>
  </si>
  <si>
    <t>96353612.0</t>
  </si>
  <si>
    <t>42744655.0</t>
  </si>
  <si>
    <t>38836366.0</t>
  </si>
  <si>
    <t>14772591.0</t>
  </si>
  <si>
    <t>471635.0</t>
  </si>
  <si>
    <t>344218.0</t>
  </si>
  <si>
    <t>170.39</t>
  </si>
  <si>
    <t>96614584.0</t>
  </si>
  <si>
    <t>42759956.0</t>
  </si>
  <si>
    <t>38858848.0</t>
  </si>
  <si>
    <t>14995780.0</t>
  </si>
  <si>
    <t>260972.0</t>
  </si>
  <si>
    <t>350864.0</t>
  </si>
  <si>
    <t>170.85</t>
  </si>
  <si>
    <t>20332.0</t>
  </si>
  <si>
    <t>96915625.0</t>
  </si>
  <si>
    <t>42779452.0</t>
  </si>
  <si>
    <t>38881449.0</t>
  </si>
  <si>
    <t>15254724.0</t>
  </si>
  <si>
    <t>301041.0</t>
  </si>
  <si>
    <t>352980.0</t>
  </si>
  <si>
    <t>171.38</t>
  </si>
  <si>
    <t>97296577.0</t>
  </si>
  <si>
    <t>42806590.0</t>
  </si>
  <si>
    <t>38909382.0</t>
  </si>
  <si>
    <t>15580605.0</t>
  </si>
  <si>
    <t>380952.0</t>
  </si>
  <si>
    <t>358396.0</t>
  </si>
  <si>
    <t>172.05</t>
  </si>
  <si>
    <t>97688174.0</t>
  </si>
  <si>
    <t>42828996.0</t>
  </si>
  <si>
    <t>38937452.0</t>
  </si>
  <si>
    <t>15921726.0</t>
  </si>
  <si>
    <t>391597.0</t>
  </si>
  <si>
    <t>363320.0</t>
  </si>
  <si>
    <t>20783.0</t>
  </si>
  <si>
    <t>98090928.0</t>
  </si>
  <si>
    <t>42851727.0</t>
  </si>
  <si>
    <t>38964371.0</t>
  </si>
  <si>
    <t>16274830.0</t>
  </si>
  <si>
    <t>402754.0</t>
  </si>
  <si>
    <t>367279.0</t>
  </si>
  <si>
    <t>98471037.0</t>
  </si>
  <si>
    <t>42872533.0</t>
  </si>
  <si>
    <t>38990840.0</t>
  </si>
  <si>
    <t>16607664.0</t>
  </si>
  <si>
    <t>380109.0</t>
  </si>
  <si>
    <t>369866.0</t>
  </si>
  <si>
    <t>102.281</t>
  </si>
  <si>
    <t>98942857.0</t>
  </si>
  <si>
    <t>42897322.0</t>
  </si>
  <si>
    <t>39025116.0</t>
  </si>
  <si>
    <t>17020419.0</t>
  </si>
  <si>
    <t>471820.0</t>
  </si>
  <si>
    <t>369892.0</t>
  </si>
  <si>
    <t>174.97</t>
  </si>
  <si>
    <t>21810.0</t>
  </si>
  <si>
    <t>99201411.0</t>
  </si>
  <si>
    <t>42913330.0</t>
  </si>
  <si>
    <t>39045988.0</t>
  </si>
  <si>
    <t>17242093.0</t>
  </si>
  <si>
    <t>258554.0</t>
  </si>
  <si>
    <t>369547.0</t>
  </si>
  <si>
    <t>6535.0</t>
  </si>
  <si>
    <t>21911.0</t>
  </si>
  <si>
    <t>99508632.0</t>
  </si>
  <si>
    <t>42930867.0</t>
  </si>
  <si>
    <t>39067610.0</t>
  </si>
  <si>
    <t>17510155.0</t>
  </si>
  <si>
    <t>307221.0</t>
  </si>
  <si>
    <t>370430.0</t>
  </si>
  <si>
    <t>175.97</t>
  </si>
  <si>
    <t>21631.0</t>
  </si>
  <si>
    <t>106.578</t>
  </si>
  <si>
    <t>99870280.0</t>
  </si>
  <si>
    <t>42950095.0</t>
  </si>
  <si>
    <t>39090816.0</t>
  </si>
  <si>
    <t>17829369.0</t>
  </si>
  <si>
    <t>361648.0</t>
  </si>
  <si>
    <t>367672.0</t>
  </si>
  <si>
    <t>20501.0</t>
  </si>
  <si>
    <t>13.758</t>
  </si>
  <si>
    <t>100254342.0</t>
  </si>
  <si>
    <t>42968432.0</t>
  </si>
  <si>
    <t>39115926.0</t>
  </si>
  <si>
    <t>18169984.0</t>
  </si>
  <si>
    <t>384062.0</t>
  </si>
  <si>
    <t>366595.0</t>
  </si>
  <si>
    <t>177.28</t>
  </si>
  <si>
    <t>19919.0</t>
  </si>
  <si>
    <t>100701211.0</t>
  </si>
  <si>
    <t>42989183.0</t>
  </si>
  <si>
    <t>39145766.0</t>
  </si>
  <si>
    <t>18566262.0</t>
  </si>
  <si>
    <t>446869.0</t>
  </si>
  <si>
    <t>372898.0</t>
  </si>
  <si>
    <t>178.07</t>
  </si>
  <si>
    <t>101111350.0</t>
  </si>
  <si>
    <t>43008526.0</t>
  </si>
  <si>
    <t>39174060.0</t>
  </si>
  <si>
    <t>18928764.0</t>
  </si>
  <si>
    <t>410139.0</t>
  </si>
  <si>
    <t>377188.0</t>
  </si>
  <si>
    <t>92.29</t>
  </si>
  <si>
    <t>101652318.0</t>
  </si>
  <si>
    <t>43032072.0</t>
  </si>
  <si>
    <t>39208121.0</t>
  </si>
  <si>
    <t>19412125.0</t>
  </si>
  <si>
    <t>540968.0</t>
  </si>
  <si>
    <t>387066.0</t>
  </si>
  <si>
    <t>19250.0</t>
  </si>
  <si>
    <t>102030281.0</t>
  </si>
  <si>
    <t>43051269.0</t>
  </si>
  <si>
    <t>39233021.0</t>
  </si>
  <si>
    <t>19745991.0</t>
  </si>
  <si>
    <t>377963.0</t>
  </si>
  <si>
    <t>404124.0</t>
  </si>
  <si>
    <t>180.42</t>
  </si>
  <si>
    <t>14.058</t>
  </si>
  <si>
    <t>102493489.0</t>
  </si>
  <si>
    <t>43070539.0</t>
  </si>
  <si>
    <t>39258415.0</t>
  </si>
  <si>
    <t>20164535.0</t>
  </si>
  <si>
    <t>463208.0</t>
  </si>
  <si>
    <t>426408.0</t>
  </si>
  <si>
    <t>181.24</t>
  </si>
  <si>
    <t>6434.0</t>
  </si>
  <si>
    <t>103105465.0</t>
  </si>
  <si>
    <t>43101346.0</t>
  </si>
  <si>
    <t>39291545.0</t>
  </si>
  <si>
    <t>20712574.0</t>
  </si>
  <si>
    <t>611976.0</t>
  </si>
  <si>
    <t>462169.0</t>
  </si>
  <si>
    <t>103790317.0</t>
  </si>
  <si>
    <t>43125953.0</t>
  </si>
  <si>
    <t>39324944.0</t>
  </si>
  <si>
    <t>21339420.0</t>
  </si>
  <si>
    <t>684852.0</t>
  </si>
  <si>
    <t>505139.0</t>
  </si>
  <si>
    <t>183.54</t>
  </si>
  <si>
    <t>22503.0</t>
  </si>
  <si>
    <t>104597364.0</t>
  </si>
  <si>
    <t>43155507.0</t>
  </si>
  <si>
    <t>39362570.0</t>
  </si>
  <si>
    <t>22079287.0</t>
  </si>
  <si>
    <t>807047.0</t>
  </si>
  <si>
    <t>556593.0</t>
  </si>
  <si>
    <t>23761.0</t>
  </si>
  <si>
    <t>105405395.0</t>
  </si>
  <si>
    <t>43185070.0</t>
  </si>
  <si>
    <t>39400263.0</t>
  </si>
  <si>
    <t>22820062.0</t>
  </si>
  <si>
    <t>808031.0</t>
  </si>
  <si>
    <t>613435.0</t>
  </si>
  <si>
    <t>186.39</t>
  </si>
  <si>
    <t>10848.0</t>
  </si>
  <si>
    <t>111.176</t>
  </si>
  <si>
    <t>106312051.0</t>
  </si>
  <si>
    <t>43220211.0</t>
  </si>
  <si>
    <t>39441375.0</t>
  </si>
  <si>
    <t>23650465.0</t>
  </si>
  <si>
    <t>906656.0</t>
  </si>
  <si>
    <t>665676.0</t>
  </si>
  <si>
    <t>107104680.0</t>
  </si>
  <si>
    <t>43250509.0</t>
  </si>
  <si>
    <t>39477511.0</t>
  </si>
  <si>
    <t>24376660.0</t>
  </si>
  <si>
    <t>792629.0</t>
  </si>
  <si>
    <t>724914.0</t>
  </si>
  <si>
    <t>12819.0</t>
  </si>
  <si>
    <t>107939220.0</t>
  </si>
  <si>
    <t>43286601.0</t>
  </si>
  <si>
    <t>39522166.0</t>
  </si>
  <si>
    <t>25130453.0</t>
  </si>
  <si>
    <t>834540.0</t>
  </si>
  <si>
    <t>777962.0</t>
  </si>
  <si>
    <t>30866.0</t>
  </si>
  <si>
    <t>108833212.0</t>
  </si>
  <si>
    <t>43322910.0</t>
  </si>
  <si>
    <t>39570657.0</t>
  </si>
  <si>
    <t>25939645.0</t>
  </si>
  <si>
    <t>893992.0</t>
  </si>
  <si>
    <t>818250.0</t>
  </si>
  <si>
    <t>109611456.0</t>
  </si>
  <si>
    <t>43358567.0</t>
  </si>
  <si>
    <t>39617971.0</t>
  </si>
  <si>
    <t>26634918.0</t>
  </si>
  <si>
    <t>778244.0</t>
  </si>
  <si>
    <t>831591.0</t>
  </si>
  <si>
    <t>33231.0</t>
  </si>
  <si>
    <t>125.8</t>
  </si>
  <si>
    <t>7061.0</t>
  </si>
  <si>
    <t>110173792.0</t>
  </si>
  <si>
    <t>43388547.0</t>
  </si>
  <si>
    <t>39657294.0</t>
  </si>
  <si>
    <t>27127951.0</t>
  </si>
  <si>
    <t>562336.0</t>
  </si>
  <si>
    <t>796633.0</t>
  </si>
  <si>
    <t>194.83</t>
  </si>
  <si>
    <t>33291.0</t>
  </si>
  <si>
    <t>110351474.0</t>
  </si>
  <si>
    <t>43398999.0</t>
  </si>
  <si>
    <t>39670834.0</t>
  </si>
  <si>
    <t>27281641.0</t>
  </si>
  <si>
    <t>177682.0</t>
  </si>
  <si>
    <t>706583.0</t>
  </si>
  <si>
    <t>195.14</t>
  </si>
  <si>
    <t>30561.0</t>
  </si>
  <si>
    <t>139.416</t>
  </si>
  <si>
    <t>110363822.0</t>
  </si>
  <si>
    <t>43399954.0</t>
  </si>
  <si>
    <t>39671750.0</t>
  </si>
  <si>
    <t>27292118.0</t>
  </si>
  <si>
    <t>578824.0</t>
  </si>
  <si>
    <t>195.16</t>
  </si>
  <si>
    <t>110387900.0</t>
  </si>
  <si>
    <t>43401763.0</t>
  </si>
  <si>
    <t>39673741.0</t>
  </si>
  <si>
    <t>27312396.0</t>
  </si>
  <si>
    <t>469031.0</t>
  </si>
  <si>
    <t>149.85</t>
  </si>
  <si>
    <t>110631978.0</t>
  </si>
  <si>
    <t>43417529.0</t>
  </si>
  <si>
    <t>39692427.0</t>
  </si>
  <si>
    <t>27522022.0</t>
  </si>
  <si>
    <t>244078.0</t>
  </si>
  <si>
    <t>384680.0</t>
  </si>
  <si>
    <t>195.64</t>
  </si>
  <si>
    <t>9546.0</t>
  </si>
  <si>
    <t>110938552.0</t>
  </si>
  <si>
    <t>43439078.0</t>
  </si>
  <si>
    <t>39719053.0</t>
  </si>
  <si>
    <t>27780421.0</t>
  </si>
  <si>
    <t>306574.0</t>
  </si>
  <si>
    <t>300763.0</t>
  </si>
  <si>
    <t>16595.0</t>
  </si>
  <si>
    <t>185.004</t>
  </si>
  <si>
    <t>11130.0</t>
  </si>
  <si>
    <t>111353368.0</t>
  </si>
  <si>
    <t>43469086.0</t>
  </si>
  <si>
    <t>39758399.0</t>
  </si>
  <si>
    <t>28125883.0</t>
  </si>
  <si>
    <t>414816.0</t>
  </si>
  <si>
    <t>248845.0</t>
  </si>
  <si>
    <t>196.91</t>
  </si>
  <si>
    <t>111744087.0</t>
  </si>
  <si>
    <t>43499518.0</t>
  </si>
  <si>
    <t>39798154.0</t>
  </si>
  <si>
    <t>28446415.0</t>
  </si>
  <si>
    <t>390719.0</t>
  </si>
  <si>
    <t>224328.0</t>
  </si>
  <si>
    <t>197.6</t>
  </si>
  <si>
    <t>12395.0</t>
  </si>
  <si>
    <t>12753.0</t>
  </si>
  <si>
    <t>111916669.0</t>
  </si>
  <si>
    <t>43513898.0</t>
  </si>
  <si>
    <t>39817420.0</t>
  </si>
  <si>
    <t>28585351.0</t>
  </si>
  <si>
    <t>172582.0</t>
  </si>
  <si>
    <t>223599.0</t>
  </si>
  <si>
    <t>111939431.0</t>
  </si>
  <si>
    <t>43516101.0</t>
  </si>
  <si>
    <t>39820104.0</t>
  </si>
  <si>
    <t>28603226.0</t>
  </si>
  <si>
    <t>225087.0</t>
  </si>
  <si>
    <t>197.95</t>
  </si>
  <si>
    <t>16592.0</t>
  </si>
  <si>
    <t>112070239.0</t>
  </si>
  <si>
    <t>43527898.0</t>
  </si>
  <si>
    <t>39835708.0</t>
  </si>
  <si>
    <t>28706633.0</t>
  </si>
  <si>
    <t>130808.0</t>
  </si>
  <si>
    <t>240334.0</t>
  </si>
  <si>
    <t>198.18</t>
  </si>
  <si>
    <t>112227001.0</t>
  </si>
  <si>
    <t>43545158.0</t>
  </si>
  <si>
    <t>39857874.0</t>
  </si>
  <si>
    <t>28823969.0</t>
  </si>
  <si>
    <t>156762.0</t>
  </si>
  <si>
    <t>227860.0</t>
  </si>
  <si>
    <t>18233.0</t>
  </si>
  <si>
    <t>15044.0</t>
  </si>
  <si>
    <t>112469662.0</t>
  </si>
  <si>
    <t>43567465.0</t>
  </si>
  <si>
    <t>39890930.0</t>
  </si>
  <si>
    <t>29011267.0</t>
  </si>
  <si>
    <t>242661.0</t>
  </si>
  <si>
    <t>218730.0</t>
  </si>
  <si>
    <t>198.89</t>
  </si>
  <si>
    <t>18341.0</t>
  </si>
  <si>
    <t>14054.0</t>
  </si>
  <si>
    <t>112721484.0</t>
  </si>
  <si>
    <t>43589698.0</t>
  </si>
  <si>
    <t>39920709.0</t>
  </si>
  <si>
    <t>29211077.0</t>
  </si>
  <si>
    <t>251822.0</t>
  </si>
  <si>
    <t>195445.0</t>
  </si>
  <si>
    <t>199.33</t>
  </si>
  <si>
    <t>17230.0</t>
  </si>
  <si>
    <t>112957101.0</t>
  </si>
  <si>
    <t>43609800.0</t>
  </si>
  <si>
    <t>39947508.0</t>
  </si>
  <si>
    <t>29399793.0</t>
  </si>
  <si>
    <t>235617.0</t>
  </si>
  <si>
    <t>173288.0</t>
  </si>
  <si>
    <t>199.75</t>
  </si>
  <si>
    <t>113186066.0</t>
  </si>
  <si>
    <t>43630152.0</t>
  </si>
  <si>
    <t>39975308.0</t>
  </si>
  <si>
    <t>29580606.0</t>
  </si>
  <si>
    <t>228965.0</t>
  </si>
  <si>
    <t>181342.0</t>
  </si>
  <si>
    <t>16034.0</t>
  </si>
  <si>
    <t>113463324.0</t>
  </si>
  <si>
    <t>43659383.0</t>
  </si>
  <si>
    <t>40016659.0</t>
  </si>
  <si>
    <t>29787282.0</t>
  </si>
  <si>
    <t>277258.0</t>
  </si>
  <si>
    <t>217699.0</t>
  </si>
  <si>
    <t>200.64</t>
  </si>
  <si>
    <t>20469.0</t>
  </si>
  <si>
    <t>12.449</t>
  </si>
  <si>
    <t>113618134.0</t>
  </si>
  <si>
    <t>43678756.0</t>
  </si>
  <si>
    <t>40042198.0</t>
  </si>
  <si>
    <t>29897180.0</t>
  </si>
  <si>
    <t>154810.0</t>
  </si>
  <si>
    <t>221128.0</t>
  </si>
  <si>
    <t>12.502</t>
  </si>
  <si>
    <t>14072.0</t>
  </si>
  <si>
    <t>113771558.0</t>
  </si>
  <si>
    <t>43694511.0</t>
  </si>
  <si>
    <t>40063640.0</t>
  </si>
  <si>
    <t>30013407.0</t>
  </si>
  <si>
    <t>153424.0</t>
  </si>
  <si>
    <t>220651.0</t>
  </si>
  <si>
    <t>201.19</t>
  </si>
  <si>
    <t>249.302</t>
  </si>
  <si>
    <t>113919783.0</t>
  </si>
  <si>
    <t>43711338.0</t>
  </si>
  <si>
    <t>40086819.0</t>
  </si>
  <si>
    <t>30121626.0</t>
  </si>
  <si>
    <t>207160.0</t>
  </si>
  <si>
    <t>201.45</t>
  </si>
  <si>
    <t>20553.0</t>
  </si>
  <si>
    <t>16881.0</t>
  </si>
  <si>
    <t>114058125.0</t>
  </si>
  <si>
    <t>43728450.0</t>
  </si>
  <si>
    <t>40111895.0</t>
  </si>
  <si>
    <t>30217780.0</t>
  </si>
  <si>
    <t>138342.0</t>
  </si>
  <si>
    <t>190949.0</t>
  </si>
  <si>
    <t>11.777</t>
  </si>
  <si>
    <t>16716.0</t>
  </si>
  <si>
    <t>114189997.0</t>
  </si>
  <si>
    <t>43746551.0</t>
  </si>
  <si>
    <t>40138445.0</t>
  </si>
  <si>
    <t>30305001.0</t>
  </si>
  <si>
    <t>131872.0</t>
  </si>
  <si>
    <t>176128.0</t>
  </si>
  <si>
    <t>201.93</t>
  </si>
  <si>
    <t>114319162.0</t>
  </si>
  <si>
    <t>43764956.0</t>
  </si>
  <si>
    <t>40163688.0</t>
  </si>
  <si>
    <t>30390518.0</t>
  </si>
  <si>
    <t>129165.0</t>
  </si>
  <si>
    <t>114473877.0</t>
  </si>
  <si>
    <t>43790407.0</t>
  </si>
  <si>
    <t>40202830.0</t>
  </si>
  <si>
    <t>30480640.0</t>
  </si>
  <si>
    <t>154715.0</t>
  </si>
  <si>
    <t>202.43</t>
  </si>
  <si>
    <t>16372.0</t>
  </si>
  <si>
    <t>13242.0</t>
  </si>
  <si>
    <t>114559240.0</t>
  </si>
  <si>
    <t>43805752.0</t>
  </si>
  <si>
    <t>40226925.0</t>
  </si>
  <si>
    <t>30526563.0</t>
  </si>
  <si>
    <t>202.58</t>
  </si>
  <si>
    <t>114649659.0</t>
  </si>
  <si>
    <t>43819571.0</t>
  </si>
  <si>
    <t>40248876.0</t>
  </si>
  <si>
    <t>30581212.0</t>
  </si>
  <si>
    <t>90419.0</t>
  </si>
  <si>
    <t>125443.0</t>
  </si>
  <si>
    <t>17866.0</t>
  </si>
  <si>
    <t>12537.0</t>
  </si>
  <si>
    <t>114748489.0</t>
  </si>
  <si>
    <t>43835581.0</t>
  </si>
  <si>
    <t>40274021.0</t>
  </si>
  <si>
    <t>30638887.0</t>
  </si>
  <si>
    <t>98830.0</t>
  </si>
  <si>
    <t>118387.0</t>
  </si>
  <si>
    <t>202.92</t>
  </si>
  <si>
    <t>12360.0</t>
  </si>
  <si>
    <t>114840408.0</t>
  </si>
  <si>
    <t>43850989.0</t>
  </si>
  <si>
    <t>40299741.0</t>
  </si>
  <si>
    <t>30689678.0</t>
  </si>
  <si>
    <t>111755.0</t>
  </si>
  <si>
    <t>15302.0</t>
  </si>
  <si>
    <t>114931849.0</t>
  </si>
  <si>
    <t>43866274.0</t>
  </si>
  <si>
    <t>40326810.0</t>
  </si>
  <si>
    <t>30738765.0</t>
  </si>
  <si>
    <t>91441.0</t>
  </si>
  <si>
    <t>105979.0</t>
  </si>
  <si>
    <t>203.24</t>
  </si>
  <si>
    <t>9.761</t>
  </si>
  <si>
    <t>115034306.0</t>
  </si>
  <si>
    <t>43882299.0</t>
  </si>
  <si>
    <t>40356608.0</t>
  </si>
  <si>
    <t>30795399.0</t>
  </si>
  <si>
    <t>102457.0</t>
  </si>
  <si>
    <t>102163.0</t>
  </si>
  <si>
    <t>16763.0</t>
  </si>
  <si>
    <t>115151978.0</t>
  </si>
  <si>
    <t>43900607.0</t>
  </si>
  <si>
    <t>40395240.0</t>
  </si>
  <si>
    <t>30856131.0</t>
  </si>
  <si>
    <t>117672.0</t>
  </si>
  <si>
    <t>96872.0</t>
  </si>
  <si>
    <t>203.63</t>
  </si>
  <si>
    <t>14334.0</t>
  </si>
  <si>
    <t>115218784.0</t>
  </si>
  <si>
    <t>43911121.0</t>
  </si>
  <si>
    <t>40419566.0</t>
  </si>
  <si>
    <t>30888097.0</t>
  </si>
  <si>
    <t>66806.0</t>
  </si>
  <si>
    <t>94221.0</t>
  </si>
  <si>
    <t>14563.0</t>
  </si>
  <si>
    <t>257.524</t>
  </si>
  <si>
    <t>115303202.0</t>
  </si>
  <si>
    <t>43926052.0</t>
  </si>
  <si>
    <t>40443854.0</t>
  </si>
  <si>
    <t>30933296.0</t>
  </si>
  <si>
    <t>84418.0</t>
  </si>
  <si>
    <t>93363.0</t>
  </si>
  <si>
    <t>203.9</t>
  </si>
  <si>
    <t>115383211.0</t>
  </si>
  <si>
    <t>43938408.0</t>
  </si>
  <si>
    <t>40468154.0</t>
  </si>
  <si>
    <t>30976649.0</t>
  </si>
  <si>
    <t>204.04</t>
  </si>
  <si>
    <t>193.21</t>
  </si>
  <si>
    <t>115468142.0</t>
  </si>
  <si>
    <t>43952197.0</t>
  </si>
  <si>
    <t>40495461.0</t>
  </si>
  <si>
    <t>31020484.0</t>
  </si>
  <si>
    <t>89676.0</t>
  </si>
  <si>
    <t>14458.0</t>
  </si>
  <si>
    <t>13651.0</t>
  </si>
  <si>
    <t>10731.0</t>
  </si>
  <si>
    <t>115550907.0</t>
  </si>
  <si>
    <t>43966186.0</t>
  </si>
  <si>
    <t>40521787.0</t>
  </si>
  <si>
    <t>31062934.0</t>
  </si>
  <si>
    <t>82765.0</t>
  </si>
  <si>
    <t>204.33</t>
  </si>
  <si>
    <t>115641074.0</t>
  </si>
  <si>
    <t>43981371.0</t>
  </si>
  <si>
    <t>40552037.0</t>
  </si>
  <si>
    <t>31107666.0</t>
  </si>
  <si>
    <t>90167.0</t>
  </si>
  <si>
    <t>86681.0</t>
  </si>
  <si>
    <t>204.49</t>
  </si>
  <si>
    <t>12672.0</t>
  </si>
  <si>
    <t>115738300.0</t>
  </si>
  <si>
    <t>43997848.0</t>
  </si>
  <si>
    <t>40586419.0</t>
  </si>
  <si>
    <t>31154033.0</t>
  </si>
  <si>
    <t>97226.0</t>
  </si>
  <si>
    <t>83760.0</t>
  </si>
  <si>
    <t>55.09</t>
  </si>
  <si>
    <t>115797791.0</t>
  </si>
  <si>
    <t>44007906.0</t>
  </si>
  <si>
    <t>40609130.0</t>
  </si>
  <si>
    <t>31180755.0</t>
  </si>
  <si>
    <t>59491.0</t>
  </si>
  <si>
    <t>82715.0</t>
  </si>
  <si>
    <t>115860495.0</t>
  </si>
  <si>
    <t>44018188.0</t>
  </si>
  <si>
    <t>40630005.0</t>
  </si>
  <si>
    <t>31212302.0</t>
  </si>
  <si>
    <t>62704.0</t>
  </si>
  <si>
    <t>79613.0</t>
  </si>
  <si>
    <t>204.88</t>
  </si>
  <si>
    <t>115925435.0</t>
  </si>
  <si>
    <t>44029340.0</t>
  </si>
  <si>
    <t>40654197.0</t>
  </si>
  <si>
    <t>31241898.0</t>
  </si>
  <si>
    <t>64940.0</t>
  </si>
  <si>
    <t>12577.0</t>
  </si>
  <si>
    <t>115991358.0</t>
  </si>
  <si>
    <t>44040424.0</t>
  </si>
  <si>
    <t>40679231.0</t>
  </si>
  <si>
    <t>31271703.0</t>
  </si>
  <si>
    <t>65923.0</t>
  </si>
  <si>
    <t>74745.0</t>
  </si>
  <si>
    <t>205.11</t>
  </si>
  <si>
    <t>116057139.0</t>
  </si>
  <si>
    <t>44052204.0</t>
  </si>
  <si>
    <t>40703257.0</t>
  </si>
  <si>
    <t>31301678.0</t>
  </si>
  <si>
    <t>65781.0</t>
  </si>
  <si>
    <t>72319.0</t>
  </si>
  <si>
    <t>205.23</t>
  </si>
  <si>
    <t>7.515</t>
  </si>
  <si>
    <t>116127222.0</t>
  </si>
  <si>
    <t>44065787.0</t>
  </si>
  <si>
    <t>40729750.0</t>
  </si>
  <si>
    <t>31331685.0</t>
  </si>
  <si>
    <t>70083.0</t>
  </si>
  <si>
    <t>7.233</t>
  </si>
  <si>
    <t>116196523.0</t>
  </si>
  <si>
    <t>44077733.0</t>
  </si>
  <si>
    <t>40755204.0</t>
  </si>
  <si>
    <t>31363586.0</t>
  </si>
  <si>
    <t>69301.0</t>
  </si>
  <si>
    <t>65460.0</t>
  </si>
  <si>
    <t>116231554.0</t>
  </si>
  <si>
    <t>44083763.0</t>
  </si>
  <si>
    <t>40769251.0</t>
  </si>
  <si>
    <t>31378540.0</t>
  </si>
  <si>
    <t>6.985</t>
  </si>
  <si>
    <t>207.073</t>
  </si>
  <si>
    <t>116285576.0</t>
  </si>
  <si>
    <t>44092683.0</t>
  </si>
  <si>
    <t>40790500.0</t>
  </si>
  <si>
    <t>31402393.0</t>
  </si>
  <si>
    <t>60726.0</t>
  </si>
  <si>
    <t>205.63</t>
  </si>
  <si>
    <t>116341980.0</t>
  </si>
  <si>
    <t>44102414.0</t>
  </si>
  <si>
    <t>40813656.0</t>
  </si>
  <si>
    <t>31425910.0</t>
  </si>
  <si>
    <t>56404.0</t>
  </si>
  <si>
    <t>59506.0</t>
  </si>
  <si>
    <t>11071.0</t>
  </si>
  <si>
    <t>116399175.0</t>
  </si>
  <si>
    <t>44112621.0</t>
  </si>
  <si>
    <t>40836933.0</t>
  </si>
  <si>
    <t>31449621.0</t>
  </si>
  <si>
    <t>58260.0</t>
  </si>
  <si>
    <t>116457777.0</t>
  </si>
  <si>
    <t>44122610.0</t>
  </si>
  <si>
    <t>40860843.0</t>
  </si>
  <si>
    <t>31474324.0</t>
  </si>
  <si>
    <t>58602.0</t>
  </si>
  <si>
    <t>205.94</t>
  </si>
  <si>
    <t>116522954.0</t>
  </si>
  <si>
    <t>44132468.0</t>
  </si>
  <si>
    <t>40884484.0</t>
  </si>
  <si>
    <t>31506002.0</t>
  </si>
  <si>
    <t>56533.0</t>
  </si>
  <si>
    <t>6.366</t>
  </si>
  <si>
    <t>116593929.0</t>
  </si>
  <si>
    <t>44146115.0</t>
  </si>
  <si>
    <t>40908252.0</t>
  </si>
  <si>
    <t>31539562.0</t>
  </si>
  <si>
    <t>70975.0</t>
  </si>
  <si>
    <t>56772.0</t>
  </si>
  <si>
    <t>206.18</t>
  </si>
  <si>
    <t>6.154</t>
  </si>
  <si>
    <t>139.717</t>
  </si>
  <si>
    <t>116625201.0</t>
  </si>
  <si>
    <t>44151962.0</t>
  </si>
  <si>
    <t>40919299.0</t>
  </si>
  <si>
    <t>31553940.0</t>
  </si>
  <si>
    <t>206.23</t>
  </si>
  <si>
    <t>181.662</t>
  </si>
  <si>
    <t>116670565.0</t>
  </si>
  <si>
    <t>44159057.0</t>
  </si>
  <si>
    <t>40935715.0</t>
  </si>
  <si>
    <t>31575793.0</t>
  </si>
  <si>
    <t>45364.0</t>
  </si>
  <si>
    <t>54998.0</t>
  </si>
  <si>
    <t>116720329.0</t>
  </si>
  <si>
    <t>44167184.0</t>
  </si>
  <si>
    <t>40953085.0</t>
  </si>
  <si>
    <t>31600060.0</t>
  </si>
  <si>
    <t>49764.0</t>
  </si>
  <si>
    <t>54050.0</t>
  </si>
  <si>
    <t>116775348.0</t>
  </si>
  <si>
    <t>44177080.0</t>
  </si>
  <si>
    <t>40972948.0</t>
  </si>
  <si>
    <t>31625320.0</t>
  </si>
  <si>
    <t>53739.0</t>
  </si>
  <si>
    <t>5.358</t>
  </si>
  <si>
    <t>116827079.0</t>
  </si>
  <si>
    <t>44185190.0</t>
  </si>
  <si>
    <t>40992030.0</t>
  </si>
  <si>
    <t>31649859.0</t>
  </si>
  <si>
    <t>51731.0</t>
  </si>
  <si>
    <t>52757.0</t>
  </si>
  <si>
    <t>9258.0</t>
  </si>
  <si>
    <t>116862320.0</t>
  </si>
  <si>
    <t>44190350.0</t>
  </si>
  <si>
    <t>41004716.0</t>
  </si>
  <si>
    <t>31667254.0</t>
  </si>
  <si>
    <t>48481.0</t>
  </si>
  <si>
    <t>206.65</t>
  </si>
  <si>
    <t>116914092.0</t>
  </si>
  <si>
    <t>44199987.0</t>
  </si>
  <si>
    <t>41022905.0</t>
  </si>
  <si>
    <t>31691200.0</t>
  </si>
  <si>
    <t>51772.0</t>
  </si>
  <si>
    <t>206.74</t>
  </si>
  <si>
    <t>5.376</t>
  </si>
  <si>
    <t>116938006.0</t>
  </si>
  <si>
    <t>44204358.0</t>
  </si>
  <si>
    <t>41031556.0</t>
  </si>
  <si>
    <t>31702092.0</t>
  </si>
  <si>
    <t>44686.0</t>
  </si>
  <si>
    <t>7485.0</t>
  </si>
  <si>
    <t>163.201</t>
  </si>
  <si>
    <t>116978219.0</t>
  </si>
  <si>
    <t>44210734.0</t>
  </si>
  <si>
    <t>41045977.0</t>
  </si>
  <si>
    <t>31721508.0</t>
  </si>
  <si>
    <t>40213.0</t>
  </si>
  <si>
    <t>43951.0</t>
  </si>
  <si>
    <t>5.022</t>
  </si>
  <si>
    <t>8948.0</t>
  </si>
  <si>
    <t>117023165.0</t>
  </si>
  <si>
    <t>44218237.0</t>
  </si>
  <si>
    <t>41062083.0</t>
  </si>
  <si>
    <t>31742845.0</t>
  </si>
  <si>
    <t>44946.0</t>
  </si>
  <si>
    <t>117068683.0</t>
  </si>
  <si>
    <t>44226300.0</t>
  </si>
  <si>
    <t>41078354.0</t>
  </si>
  <si>
    <t>31764029.0</t>
  </si>
  <si>
    <t>152.874</t>
  </si>
  <si>
    <t>117109674.0</t>
  </si>
  <si>
    <t>44233366.0</t>
  </si>
  <si>
    <t>41092655.0</t>
  </si>
  <si>
    <t>31783653.0</t>
  </si>
  <si>
    <t>40991.0</t>
  </si>
  <si>
    <t>40371.0</t>
  </si>
  <si>
    <t>207.09</t>
  </si>
  <si>
    <t>117152170.0</t>
  </si>
  <si>
    <t>44240434.0</t>
  </si>
  <si>
    <t>41107153.0</t>
  </si>
  <si>
    <t>31804583.0</t>
  </si>
  <si>
    <t>42496.0</t>
  </si>
  <si>
    <t>207.17</t>
  </si>
  <si>
    <t>117.878</t>
  </si>
  <si>
    <t>117201365.0</t>
  </si>
  <si>
    <t>44248693.0</t>
  </si>
  <si>
    <t>41124854.0</t>
  </si>
  <si>
    <t>31827818.0</t>
  </si>
  <si>
    <t>49195.0</t>
  </si>
  <si>
    <t>207.25</t>
  </si>
  <si>
    <t>146.861</t>
  </si>
  <si>
    <t>117226285.0</t>
  </si>
  <si>
    <t>44252572.0</t>
  </si>
  <si>
    <t>41133961.0</t>
  </si>
  <si>
    <t>31839752.0</t>
  </si>
  <si>
    <t>24920.0</t>
  </si>
  <si>
    <t>8538.0</t>
  </si>
  <si>
    <t>117261409.0</t>
  </si>
  <si>
    <t>44257667.0</t>
  </si>
  <si>
    <t>41146925.0</t>
  </si>
  <si>
    <t>31856817.0</t>
  </si>
  <si>
    <t>35124.0</t>
  </si>
  <si>
    <t>40456.0</t>
  </si>
  <si>
    <t>207.36</t>
  </si>
  <si>
    <t>117295967.0</t>
  </si>
  <si>
    <t>44262833.0</t>
  </si>
  <si>
    <t>41160237.0</t>
  </si>
  <si>
    <t>31872897.0</t>
  </si>
  <si>
    <t>34558.0</t>
  </si>
  <si>
    <t>38972.0</t>
  </si>
  <si>
    <t>117333087.0</t>
  </si>
  <si>
    <t>44269589.0</t>
  </si>
  <si>
    <t>41173215.0</t>
  </si>
  <si>
    <t>31890283.0</t>
  </si>
  <si>
    <t>37772.0</t>
  </si>
  <si>
    <t>117380901.0</t>
  </si>
  <si>
    <t>44275349.0</t>
  </si>
  <si>
    <t>41189585.0</t>
  </si>
  <si>
    <t>31915967.0</t>
  </si>
  <si>
    <t>38747.0</t>
  </si>
  <si>
    <t>117420284.0</t>
  </si>
  <si>
    <t>44281104.0</t>
  </si>
  <si>
    <t>41204550.0</t>
  </si>
  <si>
    <t>31934630.0</t>
  </si>
  <si>
    <t>38302.0</t>
  </si>
  <si>
    <t>136.322</t>
  </si>
  <si>
    <t>117465976.0</t>
  </si>
  <si>
    <t>44288487.0</t>
  </si>
  <si>
    <t>41221559.0</t>
  </si>
  <si>
    <t>31955930.0</t>
  </si>
  <si>
    <t>45692.0</t>
  </si>
  <si>
    <t>37802.0</t>
  </si>
  <si>
    <t>207.72</t>
  </si>
  <si>
    <t>117488060.0</t>
  </si>
  <si>
    <t>44291865.0</t>
  </si>
  <si>
    <t>41229964.0</t>
  </si>
  <si>
    <t>31966231.0</t>
  </si>
  <si>
    <t>22084.0</t>
  </si>
  <si>
    <t>37396.0</t>
  </si>
  <si>
    <t>117518180.0</t>
  </si>
  <si>
    <t>44295831.0</t>
  </si>
  <si>
    <t>41241652.0</t>
  </si>
  <si>
    <t>31980697.0</t>
  </si>
  <si>
    <t>207.81</t>
  </si>
  <si>
    <t>117549521.0</t>
  </si>
  <si>
    <t>44299745.0</t>
  </si>
  <si>
    <t>41254181.0</t>
  </si>
  <si>
    <t>31995595.0</t>
  </si>
  <si>
    <t>31341.0</t>
  </si>
  <si>
    <t>36222.0</t>
  </si>
  <si>
    <t>207.87</t>
  </si>
  <si>
    <t>117814135.0</t>
  </si>
  <si>
    <t>44304297.0</t>
  </si>
  <si>
    <t>41267514.0</t>
  </si>
  <si>
    <t>32011858.0</t>
  </si>
  <si>
    <t>264614.0</t>
  </si>
  <si>
    <t>208.34</t>
  </si>
  <si>
    <t>117849251.0</t>
  </si>
  <si>
    <t>44308413.0</t>
  </si>
  <si>
    <t>41280160.0</t>
  </si>
  <si>
    <t>32028070.0</t>
  </si>
  <si>
    <t>35116.0</t>
  </si>
  <si>
    <t>66907.0</t>
  </si>
  <si>
    <t>117887058.0</t>
  </si>
  <si>
    <t>44312497.0</t>
  </si>
  <si>
    <t>41293811.0</t>
  </si>
  <si>
    <t>32046015.0</t>
  </si>
  <si>
    <t>37807.0</t>
  </si>
  <si>
    <t>66682.0</t>
  </si>
  <si>
    <t>208.47</t>
  </si>
  <si>
    <t>117936004.0</t>
  </si>
  <si>
    <t>44319984.0</t>
  </si>
  <si>
    <t>41312642.0</t>
  </si>
  <si>
    <t>32066541.0</t>
  </si>
  <si>
    <t>48946.0</t>
  </si>
  <si>
    <t>67147.0</t>
  </si>
  <si>
    <t>117960326.0</t>
  </si>
  <si>
    <t>44323380.0</t>
  </si>
  <si>
    <t>41322249.0</t>
  </si>
  <si>
    <t>32076944.0</t>
  </si>
  <si>
    <t>208.59</t>
  </si>
  <si>
    <t>117991738.0</t>
  </si>
  <si>
    <t>44326410.0</t>
  </si>
  <si>
    <t>41334093.0</t>
  </si>
  <si>
    <t>32092042.0</t>
  </si>
  <si>
    <t>31412.0</t>
  </si>
  <si>
    <t>67651.0</t>
  </si>
  <si>
    <t>118026565.0</t>
  </si>
  <si>
    <t>44330230.0</t>
  </si>
  <si>
    <t>41347252.0</t>
  </si>
  <si>
    <t>32108175.0</t>
  </si>
  <si>
    <t>68149.0</t>
  </si>
  <si>
    <t>118061716.0</t>
  </si>
  <si>
    <t>44333883.0</t>
  </si>
  <si>
    <t>41360591.0</t>
  </si>
  <si>
    <t>32124513.0</t>
  </si>
  <si>
    <t>208.77</t>
  </si>
  <si>
    <t>118094040.0</t>
  </si>
  <si>
    <t>44337241.0</t>
  </si>
  <si>
    <t>41372901.0</t>
  </si>
  <si>
    <t>32139463.0</t>
  </si>
  <si>
    <t>32324.0</t>
  </si>
  <si>
    <t>34970.0</t>
  </si>
  <si>
    <t>208.83</t>
  </si>
  <si>
    <t>11595.0</t>
  </si>
  <si>
    <t>11600.0</t>
  </si>
  <si>
    <t>118128636.0</t>
  </si>
  <si>
    <t>44340758.0</t>
  </si>
  <si>
    <t>41386017.0</t>
  </si>
  <si>
    <t>32155750.0</t>
  </si>
  <si>
    <t>34596.0</t>
  </si>
  <si>
    <t>208.89</t>
  </si>
  <si>
    <t>205.8</t>
  </si>
  <si>
    <t>118173247.0</t>
  </si>
  <si>
    <t>44346764.0</t>
  </si>
  <si>
    <t>41404018.0</t>
  </si>
  <si>
    <t>32174709.0</t>
  </si>
  <si>
    <t>44611.0</t>
  </si>
  <si>
    <t>33892.0</t>
  </si>
  <si>
    <t>12247.0</t>
  </si>
  <si>
    <t>118194658.0</t>
  </si>
  <si>
    <t>44349556.0</t>
  </si>
  <si>
    <t>41412679.0</t>
  </si>
  <si>
    <t>32184060.0</t>
  </si>
  <si>
    <t>21411.0</t>
  </si>
  <si>
    <t>209.01</t>
  </si>
  <si>
    <t>4.456</t>
  </si>
  <si>
    <t>118427592.0</t>
  </si>
  <si>
    <t>44352481.0</t>
  </si>
  <si>
    <t>41423568.0</t>
  </si>
  <si>
    <t>32198204.0</t>
  </si>
  <si>
    <t>62265.0</t>
  </si>
  <si>
    <t>230.946</t>
  </si>
  <si>
    <t>227.728</t>
  </si>
  <si>
    <t>118494705.0</t>
  </si>
  <si>
    <t>44355561.0</t>
  </si>
  <si>
    <t>41434177.0</t>
  </si>
  <si>
    <t>32213190.0</t>
  </si>
  <si>
    <t>67113.0</t>
  </si>
  <si>
    <t>66877.0</t>
  </si>
  <si>
    <t>209.54</t>
  </si>
  <si>
    <t>13248.0</t>
  </si>
  <si>
    <t>233.28</t>
  </si>
  <si>
    <t>118580695.0</t>
  </si>
  <si>
    <t>44359520.0</t>
  </si>
  <si>
    <t>41445592.0</t>
  </si>
  <si>
    <t>32228378.0</t>
  </si>
  <si>
    <t>85990.0</t>
  </si>
  <si>
    <t>74140.0</t>
  </si>
  <si>
    <t>118668347.0</t>
  </si>
  <si>
    <t>44362982.0</t>
  </si>
  <si>
    <t>41456151.0</t>
  </si>
  <si>
    <t>32242194.0</t>
  </si>
  <si>
    <t>87652.0</t>
  </si>
  <si>
    <t>82044.0</t>
  </si>
  <si>
    <t>209.85</t>
  </si>
  <si>
    <t>5.128</t>
  </si>
  <si>
    <t>118766914.0</t>
  </si>
  <si>
    <t>44366636.0</t>
  </si>
  <si>
    <t>41468094.0</t>
  </si>
  <si>
    <t>32256850.0</t>
  </si>
  <si>
    <t>98567.0</t>
  </si>
  <si>
    <t>210.02</t>
  </si>
  <si>
    <t>118869581.0</t>
  </si>
  <si>
    <t>44372427.0</t>
  </si>
  <si>
    <t>41485409.0</t>
  </si>
  <si>
    <t>32272887.0</t>
  </si>
  <si>
    <t>102667.0</t>
  </si>
  <si>
    <t>99476.0</t>
  </si>
  <si>
    <t>14056.0</t>
  </si>
  <si>
    <t>118908366.0</t>
  </si>
  <si>
    <t>44374790.0</t>
  </si>
  <si>
    <t>41492190.0</t>
  </si>
  <si>
    <t>32279253.0</t>
  </si>
  <si>
    <t>101958.0</t>
  </si>
  <si>
    <t>5.641</t>
  </si>
  <si>
    <t>118993086.0</t>
  </si>
  <si>
    <t>44377784.0</t>
  </si>
  <si>
    <t>41501690.0</t>
  </si>
  <si>
    <t>32291227.0</t>
  </si>
  <si>
    <t>84720.0</t>
  </si>
  <si>
    <t>80785.0</t>
  </si>
  <si>
    <t>210.42</t>
  </si>
  <si>
    <t>14473.0</t>
  </si>
  <si>
    <t>119090535.0</t>
  </si>
  <si>
    <t>44381343.0</t>
  </si>
  <si>
    <t>41511838.0</t>
  </si>
  <si>
    <t>32303869.0</t>
  </si>
  <si>
    <t>85119.0</t>
  </si>
  <si>
    <t>210.59</t>
  </si>
  <si>
    <t>14691.0</t>
  </si>
  <si>
    <t>119200849.0</t>
  </si>
  <si>
    <t>44384846.0</t>
  </si>
  <si>
    <t>41523087.0</t>
  </si>
  <si>
    <t>32317921.0</t>
  </si>
  <si>
    <t>110314.0</t>
  </si>
  <si>
    <t>88593.0</t>
  </si>
  <si>
    <t>210.79</t>
  </si>
  <si>
    <t>119316478.0</t>
  </si>
  <si>
    <t>44388376.0</t>
  </si>
  <si>
    <t>41533968.0</t>
  </si>
  <si>
    <t>32331613.0</t>
  </si>
  <si>
    <t>115629.0</t>
  </si>
  <si>
    <t>92590.0</t>
  </si>
  <si>
    <t>210.99</t>
  </si>
  <si>
    <t>14730.0</t>
  </si>
  <si>
    <t>119428778.0</t>
  </si>
  <si>
    <t>44392172.0</t>
  </si>
  <si>
    <t>41544072.0</t>
  </si>
  <si>
    <t>32344355.0</t>
  </si>
  <si>
    <t>112300.0</t>
  </si>
  <si>
    <t>94552.0</t>
  </si>
  <si>
    <t>211.19</t>
  </si>
  <si>
    <t>119564806.0</t>
  </si>
  <si>
    <t>44398089.0</t>
  </si>
  <si>
    <t>41559234.0</t>
  </si>
  <si>
    <t>32359462.0</t>
  </si>
  <si>
    <t>136028.0</t>
  </si>
  <si>
    <t>211.43</t>
  </si>
  <si>
    <t>14753.0</t>
  </si>
  <si>
    <t>119622734.0</t>
  </si>
  <si>
    <t>44401452.0</t>
  </si>
  <si>
    <t>41566827.0</t>
  </si>
  <si>
    <t>32367054.0</t>
  </si>
  <si>
    <t>57928.0</t>
  </si>
  <si>
    <t>291.176</t>
  </si>
  <si>
    <t>14637.0</t>
  </si>
  <si>
    <t>258.833</t>
  </si>
  <si>
    <t>119724425.0</t>
  </si>
  <si>
    <t>44410028.0</t>
  </si>
  <si>
    <t>41576146.0</t>
  </si>
  <si>
    <t>32379885.0</t>
  </si>
  <si>
    <t>101691.0</t>
  </si>
  <si>
    <t>104477.0</t>
  </si>
  <si>
    <t>211.71</t>
  </si>
  <si>
    <t>14726.0</t>
  </si>
  <si>
    <t>119837982.0</t>
  </si>
  <si>
    <t>44418950.0</t>
  </si>
  <si>
    <t>41585009.0</t>
  </si>
  <si>
    <t>32392306.0</t>
  </si>
  <si>
    <t>113557.0</t>
  </si>
  <si>
    <t>106778.0</t>
  </si>
  <si>
    <t>211.92</t>
  </si>
  <si>
    <t>119963338.0</t>
  </si>
  <si>
    <t>44427735.0</t>
  </si>
  <si>
    <t>41593958.0</t>
  </si>
  <si>
    <t>32405562.0</t>
  </si>
  <si>
    <t>125356.0</t>
  </si>
  <si>
    <t>108927.0</t>
  </si>
  <si>
    <t>120090474.0</t>
  </si>
  <si>
    <t>44436698.0</t>
  </si>
  <si>
    <t>41603230.0</t>
  </si>
  <si>
    <t>32418901.0</t>
  </si>
  <si>
    <t>127136.0</t>
  </si>
  <si>
    <t>120223495.0</t>
  </si>
  <si>
    <t>44446424.0</t>
  </si>
  <si>
    <t>41613580.0</t>
  </si>
  <si>
    <t>32433274.0</t>
  </si>
  <si>
    <t>133021.0</t>
  </si>
  <si>
    <t>113531.0</t>
  </si>
  <si>
    <t>212.6</t>
  </si>
  <si>
    <t>14203.0</t>
  </si>
  <si>
    <t>120407844.0</t>
  </si>
  <si>
    <t>44466577.0</t>
  </si>
  <si>
    <t>41627841.0</t>
  </si>
  <si>
    <t>32449700.0</t>
  </si>
  <si>
    <t>184349.0</t>
  </si>
  <si>
    <t>120434.0</t>
  </si>
  <si>
    <t>5.818</t>
  </si>
  <si>
    <t>120480277.0</t>
  </si>
  <si>
    <t>44477726.0</t>
  </si>
  <si>
    <t>41635442.0</t>
  </si>
  <si>
    <t>32458234.0</t>
  </si>
  <si>
    <t>72433.0</t>
  </si>
  <si>
    <t>122506.0</t>
  </si>
  <si>
    <t>16442.0</t>
  </si>
  <si>
    <t>120590012.0</t>
  </si>
  <si>
    <t>44491740.0</t>
  </si>
  <si>
    <t>41645939.0</t>
  </si>
  <si>
    <t>32472509.0</t>
  </si>
  <si>
    <t>109735.0</t>
  </si>
  <si>
    <t>123655.0</t>
  </si>
  <si>
    <t>11673.0</t>
  </si>
  <si>
    <t>120722352.0</t>
  </si>
  <si>
    <t>44507494.0</t>
  </si>
  <si>
    <t>41656024.0</t>
  </si>
  <si>
    <t>32487183.0</t>
  </si>
  <si>
    <t>132340.0</t>
  </si>
  <si>
    <t>126339.0</t>
  </si>
  <si>
    <t>230.84</t>
  </si>
  <si>
    <t>120865244.0</t>
  </si>
  <si>
    <t>44525084.0</t>
  </si>
  <si>
    <t>41667204.0</t>
  </si>
  <si>
    <t>32502331.0</t>
  </si>
  <si>
    <t>142892.0</t>
  </si>
  <si>
    <t>128844.0</t>
  </si>
  <si>
    <t>13907.0</t>
  </si>
  <si>
    <t>14955.0</t>
  </si>
  <si>
    <t>12717.0</t>
  </si>
  <si>
    <t>121002783.0</t>
  </si>
  <si>
    <t>44545990.0</t>
  </si>
  <si>
    <t>41678648.0</t>
  </si>
  <si>
    <t>32518119.0</t>
  </si>
  <si>
    <t>137539.0</t>
  </si>
  <si>
    <t>130330.0</t>
  </si>
  <si>
    <t>213.97</t>
  </si>
  <si>
    <t>121048155.0</t>
  </si>
  <si>
    <t>44556639.0</t>
  </si>
  <si>
    <t>41683225.0</t>
  </si>
  <si>
    <t>32522617.0</t>
  </si>
  <si>
    <t>45372.0</t>
  </si>
  <si>
    <t>117809.0</t>
  </si>
  <si>
    <t>214.06</t>
  </si>
  <si>
    <t>14335.0</t>
  </si>
  <si>
    <t>121130216.0</t>
  </si>
  <si>
    <t>44572626.0</t>
  </si>
  <si>
    <t>41693359.0</t>
  </si>
  <si>
    <t>32532961.0</t>
  </si>
  <si>
    <t>82061.0</t>
  </si>
  <si>
    <t>103196.0</t>
  </si>
  <si>
    <t>252.06</t>
  </si>
  <si>
    <t>121147674.0</t>
  </si>
  <si>
    <t>44576436.0</t>
  </si>
  <si>
    <t>41695485.0</t>
  </si>
  <si>
    <t>32535248.0</t>
  </si>
  <si>
    <t>17458.0</t>
  </si>
  <si>
    <t>95342.0</t>
  </si>
  <si>
    <t>14101.0</t>
  </si>
  <si>
    <t>4.845</t>
  </si>
  <si>
    <t>121170529.0</t>
  </si>
  <si>
    <t>44582173.0</t>
  </si>
  <si>
    <t>41698666.0</t>
  </si>
  <si>
    <t>32539205.0</t>
  </si>
  <si>
    <t>82931.0</t>
  </si>
  <si>
    <t>214.27</t>
  </si>
  <si>
    <t>14607.0</t>
  </si>
  <si>
    <t>121279346.0</t>
  </si>
  <si>
    <t>44595806.0</t>
  </si>
  <si>
    <t>41708345.0</t>
  </si>
  <si>
    <t>32553211.0</t>
  </si>
  <si>
    <t>108817.0</t>
  </si>
  <si>
    <t>214.46</t>
  </si>
  <si>
    <t>176.41</t>
  </si>
  <si>
    <t>121406568.0</t>
  </si>
  <si>
    <t>44609101.0</t>
  </si>
  <si>
    <t>41717904.0</t>
  </si>
  <si>
    <t>32568036.0</t>
  </si>
  <si>
    <t>127222.0</t>
  </si>
  <si>
    <t>77332.0</t>
  </si>
  <si>
    <t>214.69</t>
  </si>
  <si>
    <t>121532210.0</t>
  </si>
  <si>
    <t>44624871.0</t>
  </si>
  <si>
    <t>41727105.0</t>
  </si>
  <si>
    <t>32581848.0</t>
  </si>
  <si>
    <t>125642.0</t>
  </si>
  <si>
    <t>75632.0</t>
  </si>
  <si>
    <t>214.91</t>
  </si>
  <si>
    <t>12883.0</t>
  </si>
  <si>
    <t>165.27</t>
  </si>
  <si>
    <t>121648686.0</t>
  </si>
  <si>
    <t>44638878.0</t>
  </si>
  <si>
    <t>41736045.0</t>
  </si>
  <si>
    <t>32594714.0</t>
  </si>
  <si>
    <t>116476.0</t>
  </si>
  <si>
    <t>215.12</t>
  </si>
  <si>
    <t>214.96</t>
  </si>
  <si>
    <t>121852526.0</t>
  </si>
  <si>
    <t>44666527.0</t>
  </si>
  <si>
    <t>41751310.0</t>
  </si>
  <si>
    <t>32612456.0</t>
  </si>
  <si>
    <t>203840.0</t>
  </si>
  <si>
    <t>103187.0</t>
  </si>
  <si>
    <t>215.48</t>
  </si>
  <si>
    <t>121918355.0</t>
  </si>
  <si>
    <t>44678894.0</t>
  </si>
  <si>
    <t>41758236.0</t>
  </si>
  <si>
    <t>32620513.0</t>
  </si>
  <si>
    <t>110097.0</t>
  </si>
  <si>
    <t>122011015.0</t>
  </si>
  <si>
    <t>44686791.0</t>
  </si>
  <si>
    <t>41765039.0</t>
  </si>
  <si>
    <t>32632433.0</t>
  </si>
  <si>
    <t>120069.0</t>
  </si>
  <si>
    <t>11320.0</t>
  </si>
  <si>
    <t>200.177</t>
  </si>
  <si>
    <t>122120755.0</t>
  </si>
  <si>
    <t>44695129.0</t>
  </si>
  <si>
    <t>41772425.0</t>
  </si>
  <si>
    <t>32644923.0</t>
  </si>
  <si>
    <t>109740.0</t>
  </si>
  <si>
    <t>120201.0</t>
  </si>
  <si>
    <t>10965.0</t>
  </si>
  <si>
    <t>122239297.0</t>
  </si>
  <si>
    <t>44703944.0</t>
  </si>
  <si>
    <t>41779664.0</t>
  </si>
  <si>
    <t>32658939.0</t>
  </si>
  <si>
    <t>118542.0</t>
  </si>
  <si>
    <t>118961.0</t>
  </si>
  <si>
    <t>216.16</t>
  </si>
  <si>
    <t>13549.0</t>
  </si>
  <si>
    <t>10432.0</t>
  </si>
  <si>
    <t>122351541.0</t>
  </si>
  <si>
    <t>44712986.0</t>
  </si>
  <si>
    <t>41786678.0</t>
  </si>
  <si>
    <t>32672075.0</t>
  </si>
  <si>
    <t>112244.0</t>
  </si>
  <si>
    <t>117047.0</t>
  </si>
  <si>
    <t>122458183.0</t>
  </si>
  <si>
    <t>44723558.0</t>
  </si>
  <si>
    <t>41794991.0</t>
  </si>
  <si>
    <t>32685693.0</t>
  </si>
  <si>
    <t>106642.0</t>
  </si>
  <si>
    <t>115642.0</t>
  </si>
  <si>
    <t>122592690.0</t>
  </si>
  <si>
    <t>44748080.0</t>
  </si>
  <si>
    <t>41808368.0</t>
  </si>
  <si>
    <t>32701476.0</t>
  </si>
  <si>
    <t>134507.0</t>
  </si>
  <si>
    <t>105738.0</t>
  </si>
  <si>
    <t>4.527</t>
  </si>
  <si>
    <t>6653.0</t>
  </si>
  <si>
    <t>122632331.0</t>
  </si>
  <si>
    <t>44758364.0</t>
  </si>
  <si>
    <t>41813508.0</t>
  </si>
  <si>
    <t>32707413.0</t>
  </si>
  <si>
    <t>101997.0</t>
  </si>
  <si>
    <t>11353.0</t>
  </si>
  <si>
    <t>4.385</t>
  </si>
  <si>
    <t>122649993.0</t>
  </si>
  <si>
    <t>44763407.0</t>
  </si>
  <si>
    <t>41815754.0</t>
  </si>
  <si>
    <t>32710606.0</t>
  </si>
  <si>
    <t>17662.0</t>
  </si>
  <si>
    <t>91283.0</t>
  </si>
  <si>
    <t>122724286.0</t>
  </si>
  <si>
    <t>44769758.0</t>
  </si>
  <si>
    <t>41821173.0</t>
  </si>
  <si>
    <t>32721523.0</t>
  </si>
  <si>
    <t>74293.0</t>
  </si>
  <si>
    <t>86219.0</t>
  </si>
  <si>
    <t>122822766.0</t>
  </si>
  <si>
    <t>44778223.0</t>
  </si>
  <si>
    <t>41828788.0</t>
  </si>
  <si>
    <t>32736499.0</t>
  </si>
  <si>
    <t>217.19</t>
  </si>
  <si>
    <t>122911408.0</t>
  </si>
  <si>
    <t>44785762.0</t>
  </si>
  <si>
    <t>41835491.0</t>
  </si>
  <si>
    <t>32749045.0</t>
  </si>
  <si>
    <t>88642.0</t>
  </si>
  <si>
    <t>79981.0</t>
  </si>
  <si>
    <t>123000274.0</t>
  </si>
  <si>
    <t>44794449.0</t>
  </si>
  <si>
    <t>41843862.0</t>
  </si>
  <si>
    <t>32762358.0</t>
  </si>
  <si>
    <t>88866.0</t>
  </si>
  <si>
    <t>77442.0</t>
  </si>
  <si>
    <t>3.519</t>
  </si>
  <si>
    <t>123122621.0</t>
  </si>
  <si>
    <t>44815243.0</t>
  </si>
  <si>
    <t>41857376.0</t>
  </si>
  <si>
    <t>32777805.0</t>
  </si>
  <si>
    <t>122347.0</t>
  </si>
  <si>
    <t>75704.0</t>
  </si>
  <si>
    <t>217.72</t>
  </si>
  <si>
    <t>123162599.0</t>
  </si>
  <si>
    <t>44824328.0</t>
  </si>
  <si>
    <t>41863288.0</t>
  </si>
  <si>
    <t>32784541.0</t>
  </si>
  <si>
    <t>75753.0</t>
  </si>
  <si>
    <t>9423.0</t>
  </si>
  <si>
    <t>93.21</t>
  </si>
  <si>
    <t>123230324.0</t>
  </si>
  <si>
    <t>44829429.0</t>
  </si>
  <si>
    <t>41869912.0</t>
  </si>
  <si>
    <t>32795506.0</t>
  </si>
  <si>
    <t>67725.0</t>
  </si>
  <si>
    <t>82904.0</t>
  </si>
  <si>
    <t>217.91</t>
  </si>
  <si>
    <t>123311796.0</t>
  </si>
  <si>
    <t>44835589.0</t>
  </si>
  <si>
    <t>41876976.0</t>
  </si>
  <si>
    <t>32807532.0</t>
  </si>
  <si>
    <t>81472.0</t>
  </si>
  <si>
    <t>83930.0</t>
  </si>
  <si>
    <t>123393798.0</t>
  </si>
  <si>
    <t>44841562.0</t>
  </si>
  <si>
    <t>41884009.0</t>
  </si>
  <si>
    <t>32819887.0</t>
  </si>
  <si>
    <t>82002.0</t>
  </si>
  <si>
    <t>84.969</t>
  </si>
  <si>
    <t>123475348.0</t>
  </si>
  <si>
    <t>44848391.0</t>
  </si>
  <si>
    <t>41890550.0</t>
  </si>
  <si>
    <t>32831681.0</t>
  </si>
  <si>
    <t>81550.0</t>
  </si>
  <si>
    <t>80563.0</t>
  </si>
  <si>
    <t>218.35</t>
  </si>
  <si>
    <t>123544393.0</t>
  </si>
  <si>
    <t>44855167.0</t>
  </si>
  <si>
    <t>41896880.0</t>
  </si>
  <si>
    <t>32842759.0</t>
  </si>
  <si>
    <t>69045.0</t>
  </si>
  <si>
    <t>77731.0</t>
  </si>
  <si>
    <t>218.47</t>
  </si>
  <si>
    <t>123633061.0</t>
  </si>
  <si>
    <t>44872571.0</t>
  </si>
  <si>
    <t>41908303.0</t>
  </si>
  <si>
    <t>32856232.0</t>
  </si>
  <si>
    <t>88668.0</t>
  </si>
  <si>
    <t>72920.0</t>
  </si>
  <si>
    <t>8190.0</t>
  </si>
  <si>
    <t>123666859.0</t>
  </si>
  <si>
    <t>44881084.0</t>
  </si>
  <si>
    <t>41912849.0</t>
  </si>
  <si>
    <t>32862312.0</t>
  </si>
  <si>
    <t>72037.0</t>
  </si>
  <si>
    <t>218.69</t>
  </si>
  <si>
    <t>123720111.0</t>
  </si>
  <si>
    <t>44885421.0</t>
  </si>
  <si>
    <t>41917742.0</t>
  </si>
  <si>
    <t>32872655.0</t>
  </si>
  <si>
    <t>53252.0</t>
  </si>
  <si>
    <t>123783043.0</t>
  </si>
  <si>
    <t>44890242.0</t>
  </si>
  <si>
    <t>41923051.0</t>
  </si>
  <si>
    <t>32884016.0</t>
  </si>
  <si>
    <t>62932.0</t>
  </si>
  <si>
    <t>67321.0</t>
  </si>
  <si>
    <t>7808.0</t>
  </si>
  <si>
    <t>73.068</t>
  </si>
  <si>
    <t>123846312.0</t>
  </si>
  <si>
    <t>44895197.0</t>
  </si>
  <si>
    <t>41928298.0</t>
  </si>
  <si>
    <t>32895235.0</t>
  </si>
  <si>
    <t>123914171.0</t>
  </si>
  <si>
    <t>44903636.0</t>
  </si>
  <si>
    <t>41935266.0</t>
  </si>
  <si>
    <t>32906936.0</t>
  </si>
  <si>
    <t>67859.0</t>
  </si>
  <si>
    <t>62689.0</t>
  </si>
  <si>
    <t>219.12</t>
  </si>
  <si>
    <t>123973137.0</t>
  </si>
  <si>
    <t>44909454.0</t>
  </si>
  <si>
    <t>41940795.0</t>
  </si>
  <si>
    <t>32917628.0</t>
  </si>
  <si>
    <t>58966.0</t>
  </si>
  <si>
    <t>61249.0</t>
  </si>
  <si>
    <t>124054429.0</t>
  </si>
  <si>
    <t>44923306.0</t>
  </si>
  <si>
    <t>41950554.0</t>
  </si>
  <si>
    <t>32929963.0</t>
  </si>
  <si>
    <t>60195.0</t>
  </si>
  <si>
    <t>124078534.0</t>
  </si>
  <si>
    <t>44928637.0</t>
  </si>
  <si>
    <t>41953884.0</t>
  </si>
  <si>
    <t>32934730.0</t>
  </si>
  <si>
    <t>24105.0</t>
  </si>
  <si>
    <t>58811.0</t>
  </si>
  <si>
    <t>219.41</t>
  </si>
  <si>
    <t>124125233.0</t>
  </si>
  <si>
    <t>44931671.0</t>
  </si>
  <si>
    <t>41957741.0</t>
  </si>
  <si>
    <t>32943477.0</t>
  </si>
  <si>
    <t>57875.0</t>
  </si>
  <si>
    <t>58.26</t>
  </si>
  <si>
    <t>124180097.0</t>
  </si>
  <si>
    <t>44935928.0</t>
  </si>
  <si>
    <t>41962087.0</t>
  </si>
  <si>
    <t>32952398.0</t>
  </si>
  <si>
    <t>54864.0</t>
  </si>
  <si>
    <t>56722.0</t>
  </si>
  <si>
    <t>124234727.0</t>
  </si>
  <si>
    <t>44939832.0</t>
  </si>
  <si>
    <t>41966416.0</t>
  </si>
  <si>
    <t>32961688.0</t>
  </si>
  <si>
    <t>54630.0</t>
  </si>
  <si>
    <t>55488.0</t>
  </si>
  <si>
    <t>124310202.0</t>
  </si>
  <si>
    <t>44943590.0</t>
  </si>
  <si>
    <t>41991082.0</t>
  </si>
  <si>
    <t>32971031.0</t>
  </si>
  <si>
    <t>75475.0</t>
  </si>
  <si>
    <t>124359427.0</t>
  </si>
  <si>
    <t>44948350.0</t>
  </si>
  <si>
    <t>41996547.0</t>
  </si>
  <si>
    <t>32979917.0</t>
  </si>
  <si>
    <t>49225.0</t>
  </si>
  <si>
    <t>55184.0</t>
  </si>
  <si>
    <t>124417263.0</t>
  </si>
  <si>
    <t>44958553.0</t>
  </si>
  <si>
    <t>42006801.0</t>
  </si>
  <si>
    <t>32990855.0</t>
  </si>
  <si>
    <t>51833.0</t>
  </si>
  <si>
    <t>124439858.0</t>
  </si>
  <si>
    <t>44963328.0</t>
  </si>
  <si>
    <t>42011131.0</t>
  </si>
  <si>
    <t>32995925.0</t>
  </si>
  <si>
    <t>22595.0</t>
  </si>
  <si>
    <t>51618.0</t>
  </si>
  <si>
    <t>220.05</t>
  </si>
  <si>
    <t>124482911.0</t>
  </si>
  <si>
    <t>44969368.0</t>
  </si>
  <si>
    <t>42018274.0</t>
  </si>
  <si>
    <t>33005555.0</t>
  </si>
  <si>
    <t>43053.0</t>
  </si>
  <si>
    <t>51097.0</t>
  </si>
  <si>
    <t>220.13</t>
  </si>
  <si>
    <t>55.084</t>
  </si>
  <si>
    <t>124533195.0</t>
  </si>
  <si>
    <t>44976250.0</t>
  </si>
  <si>
    <t>42026346.0</t>
  </si>
  <si>
    <t>33015643.0</t>
  </si>
  <si>
    <t>124578318.0</t>
  </si>
  <si>
    <t>44982753.0</t>
  </si>
  <si>
    <t>42034112.0</t>
  </si>
  <si>
    <t>33025390.0</t>
  </si>
  <si>
    <t>45123.0</t>
  </si>
  <si>
    <t>55.013</t>
  </si>
  <si>
    <t>124586539.0</t>
  </si>
  <si>
    <t>44984420.0</t>
  </si>
  <si>
    <t>42035697.0</t>
  </si>
  <si>
    <t>33027326.0</t>
  </si>
  <si>
    <t>39477.0</t>
  </si>
  <si>
    <t>220.31</t>
  </si>
  <si>
    <t>124591249.0</t>
  </si>
  <si>
    <t>44985367.0</t>
  </si>
  <si>
    <t>42036658.0</t>
  </si>
  <si>
    <t>33028577.0</t>
  </si>
  <si>
    <t>33117.0</t>
  </si>
  <si>
    <t>67.816</t>
  </si>
  <si>
    <t>124614091.0</t>
  </si>
  <si>
    <t>44989892.0</t>
  </si>
  <si>
    <t>42042327.0</t>
  </si>
  <si>
    <t>33034403.0</t>
  </si>
  <si>
    <t>124622788.0</t>
  </si>
  <si>
    <t>44991742.0</t>
  </si>
  <si>
    <t>42044572.0</t>
  </si>
  <si>
    <t>33036833.0</t>
  </si>
  <si>
    <t>26133.0</t>
  </si>
  <si>
    <t>124651586.0</t>
  </si>
  <si>
    <t>44994083.0</t>
  </si>
  <si>
    <t>42048616.0</t>
  </si>
  <si>
    <t>33044665.0</t>
  </si>
  <si>
    <t>28798.0</t>
  </si>
  <si>
    <t>24096.0</t>
  </si>
  <si>
    <t>124686745.0</t>
  </si>
  <si>
    <t>44996495.0</t>
  </si>
  <si>
    <t>42052633.0</t>
  </si>
  <si>
    <t>33052631.0</t>
  </si>
  <si>
    <t>21936.0</t>
  </si>
  <si>
    <t>124728226.0</t>
  </si>
  <si>
    <t>45000851.0</t>
  </si>
  <si>
    <t>42057669.0</t>
  </si>
  <si>
    <t>33060818.0</t>
  </si>
  <si>
    <t>124763864.0</t>
  </si>
  <si>
    <t>45004053.0</t>
  </si>
  <si>
    <t>42061775.0</t>
  </si>
  <si>
    <t>33068013.0</t>
  </si>
  <si>
    <t>35638.0</t>
  </si>
  <si>
    <t>25332.0</t>
  </si>
  <si>
    <t>124798070.0</t>
  </si>
  <si>
    <t>45007240.0</t>
  </si>
  <si>
    <t>42066537.0</t>
  </si>
  <si>
    <t>33075668.0</t>
  </si>
  <si>
    <t>29546.0</t>
  </si>
  <si>
    <t>124846341.0</t>
  </si>
  <si>
    <t>45016286.0</t>
  </si>
  <si>
    <t>42076205.0</t>
  </si>
  <si>
    <t>33085937.0</t>
  </si>
  <si>
    <t>33179.0</t>
  </si>
  <si>
    <t>124865989.0</t>
  </si>
  <si>
    <t>45020238.0</t>
  </si>
  <si>
    <t>42080334.0</t>
  </si>
  <si>
    <t>33090435.0</t>
  </si>
  <si>
    <t>19648.0</t>
  </si>
  <si>
    <t>34743.0</t>
  </si>
  <si>
    <t>220.81</t>
  </si>
  <si>
    <t>124890372.0</t>
  </si>
  <si>
    <t>45022136.0</t>
  </si>
  <si>
    <t>42083915.0</t>
  </si>
  <si>
    <t>33096965.0</t>
  </si>
  <si>
    <t>24383.0</t>
  </si>
  <si>
    <t>34112.0</t>
  </si>
  <si>
    <t>124917328.0</t>
  </si>
  <si>
    <t>45023647.0</t>
  </si>
  <si>
    <t>42086764.0</t>
  </si>
  <si>
    <t>33103705.0</t>
  </si>
  <si>
    <t>26956.0</t>
  </si>
  <si>
    <t>32940.0</t>
  </si>
  <si>
    <t>124947293.0</t>
  </si>
  <si>
    <t>45026435.0</t>
  </si>
  <si>
    <t>42091008.0</t>
  </si>
  <si>
    <t>33110472.0</t>
  </si>
  <si>
    <t>31295.0</t>
  </si>
  <si>
    <t>220.95</t>
  </si>
  <si>
    <t>124978700.0</t>
  </si>
  <si>
    <t>45029061.0</t>
  </si>
  <si>
    <t>42095053.0</t>
  </si>
  <si>
    <t>33117017.0</t>
  </si>
  <si>
    <t>30691.0</t>
  </si>
  <si>
    <t>125006602.0</t>
  </si>
  <si>
    <t>45031879.0</t>
  </si>
  <si>
    <t>42099245.0</t>
  </si>
  <si>
    <t>33123139.0</t>
  </si>
  <si>
    <t>29790.0</t>
  </si>
  <si>
    <t>221.05</t>
  </si>
  <si>
    <t>125045575.0</t>
  </si>
  <si>
    <t>45039289.0</t>
  </si>
  <si>
    <t>42108166.0</t>
  </si>
  <si>
    <t>33131332.0</t>
  </si>
  <si>
    <t>38973.0</t>
  </si>
  <si>
    <t>28462.0</t>
  </si>
  <si>
    <t>125059929.0</t>
  </si>
  <si>
    <t>45042371.0</t>
  </si>
  <si>
    <t>42111541.0</t>
  </si>
  <si>
    <t>33134565.0</t>
  </si>
  <si>
    <t>221.15</t>
  </si>
  <si>
    <t>125154799.0</t>
  </si>
  <si>
    <t>45044178.0</t>
  </si>
  <si>
    <t>42115497.0</t>
  </si>
  <si>
    <t>33140729.0</t>
  </si>
  <si>
    <t>94870.0</t>
  </si>
  <si>
    <t>37775.0</t>
  </si>
  <si>
    <t>125184676.0</t>
  </si>
  <si>
    <t>45046580.0</t>
  </si>
  <si>
    <t>42119633.0</t>
  </si>
  <si>
    <t>33147305.0</t>
  </si>
  <si>
    <t>29877.0</t>
  </si>
  <si>
    <t>38193.0</t>
  </si>
  <si>
    <t>125216762.0</t>
  </si>
  <si>
    <t>45049011.0</t>
  </si>
  <si>
    <t>42124060.0</t>
  </si>
  <si>
    <t>33154056.0</t>
  </si>
  <si>
    <t>32086.0</t>
  </si>
  <si>
    <t>125247167.0</t>
  </si>
  <si>
    <t>45051354.0</t>
  </si>
  <si>
    <t>42127788.0</t>
  </si>
  <si>
    <t>33160563.0</t>
  </si>
  <si>
    <t>38352.0</t>
  </si>
  <si>
    <t>125277958.0</t>
  </si>
  <si>
    <t>45054640.0</t>
  </si>
  <si>
    <t>42132642.0</t>
  </si>
  <si>
    <t>33167609.0</t>
  </si>
  <si>
    <t>38765.0</t>
  </si>
  <si>
    <t>125326095.0</t>
  </si>
  <si>
    <t>45063854.0</t>
  </si>
  <si>
    <t>42143101.0</t>
  </si>
  <si>
    <t>33177626.0</t>
  </si>
  <si>
    <t>48137.0</t>
  </si>
  <si>
    <t>40074.0</t>
  </si>
  <si>
    <t>125344539.0</t>
  </si>
  <si>
    <t>45067392.0</t>
  </si>
  <si>
    <t>42147407.0</t>
  </si>
  <si>
    <t>33181969.0</t>
  </si>
  <si>
    <t>40659.0</t>
  </si>
  <si>
    <t>138.32</t>
  </si>
  <si>
    <t>8295.0</t>
  </si>
  <si>
    <t>146.684</t>
  </si>
  <si>
    <t>125372785.0</t>
  </si>
  <si>
    <t>45069568.0</t>
  </si>
  <si>
    <t>42152710.0</t>
  </si>
  <si>
    <t>33189386.0</t>
  </si>
  <si>
    <t>31141.0</t>
  </si>
  <si>
    <t>8120.0</t>
  </si>
  <si>
    <t>125404521.0</t>
  </si>
  <si>
    <t>45072350.0</t>
  </si>
  <si>
    <t>42158402.0</t>
  </si>
  <si>
    <t>33196530.0</t>
  </si>
  <si>
    <t>31736.0</t>
  </si>
  <si>
    <t>125437491.0</t>
  </si>
  <si>
    <t>45074895.0</t>
  </si>
  <si>
    <t>42164176.0</t>
  </si>
  <si>
    <t>33203980.0</t>
  </si>
  <si>
    <t>32970.0</t>
  </si>
  <si>
    <t>31533.0</t>
  </si>
  <si>
    <t>166.561</t>
  </si>
  <si>
    <t>125525209.0</t>
  </si>
  <si>
    <t>45077701.0</t>
  </si>
  <si>
    <t>42170260.0</t>
  </si>
  <si>
    <t>33210898.0</t>
  </si>
  <si>
    <t>87718.0</t>
  </si>
  <si>
    <t>39720.0</t>
  </si>
  <si>
    <t>9673.0</t>
  </si>
  <si>
    <t>125554858.0</t>
  </si>
  <si>
    <t>45080608.0</t>
  </si>
  <si>
    <t>42177090.0</t>
  </si>
  <si>
    <t>33217544.0</t>
  </si>
  <si>
    <t>39557.0</t>
  </si>
  <si>
    <t>125600394.0</t>
  </si>
  <si>
    <t>45087726.0</t>
  </si>
  <si>
    <t>42194403.0</t>
  </si>
  <si>
    <t>33225867.0</t>
  </si>
  <si>
    <t>45536.0</t>
  </si>
  <si>
    <t>10555.0</t>
  </si>
  <si>
    <t>125619038.0</t>
  </si>
  <si>
    <t>45090778.0</t>
  </si>
  <si>
    <t>42202222.0</t>
  </si>
  <si>
    <t>33229337.0</t>
  </si>
  <si>
    <t>39214.0</t>
  </si>
  <si>
    <t>125646173.0</t>
  </si>
  <si>
    <t>45093411.0</t>
  </si>
  <si>
    <t>42209073.0</t>
  </si>
  <si>
    <t>33235931.0</t>
  </si>
  <si>
    <t>39055.0</t>
  </si>
  <si>
    <t>11049.0</t>
  </si>
  <si>
    <t>203.36</t>
  </si>
  <si>
    <t>125675710.0</t>
  </si>
  <si>
    <t>45095923.0</t>
  </si>
  <si>
    <t>42216234.0</t>
  </si>
  <si>
    <t>33242682.0</t>
  </si>
  <si>
    <t>29537.0</t>
  </si>
  <si>
    <t>38741.0</t>
  </si>
  <si>
    <t>11465.0</t>
  </si>
  <si>
    <t>125706157.0</t>
  </si>
  <si>
    <t>45098293.0</t>
  </si>
  <si>
    <t>42223882.0</t>
  </si>
  <si>
    <t>33249675.0</t>
  </si>
  <si>
    <t>30447.0</t>
  </si>
  <si>
    <t>11878.0</t>
  </si>
  <si>
    <t>125736938.0</t>
  </si>
  <si>
    <t>45100975.0</t>
  </si>
  <si>
    <t>42232008.0</t>
  </si>
  <si>
    <t>33256622.0</t>
  </si>
  <si>
    <t>30781.0</t>
  </si>
  <si>
    <t>30247.0</t>
  </si>
  <si>
    <t>125767931.0</t>
  </si>
  <si>
    <t>45103856.0</t>
  </si>
  <si>
    <t>42240706.0</t>
  </si>
  <si>
    <t>33263724.0</t>
  </si>
  <si>
    <t>30993.0</t>
  </si>
  <si>
    <t>125813342.0</t>
  </si>
  <si>
    <t>45109913.0</t>
  </si>
  <si>
    <t>42261485.0</t>
  </si>
  <si>
    <t>33271586.0</t>
  </si>
  <si>
    <t>45411.0</t>
  </si>
  <si>
    <t>30421.0</t>
  </si>
  <si>
    <t>125831359.0</t>
  </si>
  <si>
    <t>45112740.0</t>
  </si>
  <si>
    <t>42269948.0</t>
  </si>
  <si>
    <t>33274955.0</t>
  </si>
  <si>
    <t>30332.0</t>
  </si>
  <si>
    <t>125854405.0</t>
  </si>
  <si>
    <t>45114586.0</t>
  </si>
  <si>
    <t>42276331.0</t>
  </si>
  <si>
    <t>33281334.0</t>
  </si>
  <si>
    <t>29747.0</t>
  </si>
  <si>
    <t>13621.0</t>
  </si>
  <si>
    <t>125879158.0</t>
  </si>
  <si>
    <t>45116682.0</t>
  </si>
  <si>
    <t>42283095.0</t>
  </si>
  <si>
    <t>33288143.0</t>
  </si>
  <si>
    <t>125906480.0</t>
  </si>
  <si>
    <t>45119193.0</t>
  </si>
  <si>
    <t>42290841.0</t>
  </si>
  <si>
    <t>33295108.0</t>
  </si>
  <si>
    <t>27322.0</t>
  </si>
  <si>
    <t>125933361.0</t>
  </si>
  <si>
    <t>45121768.0</t>
  </si>
  <si>
    <t>42298804.0</t>
  </si>
  <si>
    <t>33301717.0</t>
  </si>
  <si>
    <t>26881.0</t>
  </si>
  <si>
    <t>222.69</t>
  </si>
  <si>
    <t>125960974.0</t>
  </si>
  <si>
    <t>45124286.0</t>
  </si>
  <si>
    <t>42307065.0</t>
  </si>
  <si>
    <t>33308325.0</t>
  </si>
  <si>
    <t>126006245.0</t>
  </si>
  <si>
    <t>45130070.0</t>
  </si>
  <si>
    <t>42329200.0</t>
  </si>
  <si>
    <t>33316294.0</t>
  </si>
  <si>
    <t>12289.0</t>
  </si>
  <si>
    <t>126024267.0</t>
  </si>
  <si>
    <t>45132368.0</t>
  </si>
  <si>
    <t>42337753.0</t>
  </si>
  <si>
    <t>33319652.0</t>
  </si>
  <si>
    <t>18022.0</t>
  </si>
  <si>
    <t>222.85</t>
  </si>
  <si>
    <t>126041519.0</t>
  </si>
  <si>
    <t>45133689.0</t>
  </si>
  <si>
    <t>42342904.0</t>
  </si>
  <si>
    <t>33324661.0</t>
  </si>
  <si>
    <t>17252.0</t>
  </si>
  <si>
    <t>222.89</t>
  </si>
  <si>
    <t>126057710.0</t>
  </si>
  <si>
    <t>45134956.0</t>
  </si>
  <si>
    <t>42347786.0</t>
  </si>
  <si>
    <t>33329132.0</t>
  </si>
  <si>
    <t>25507.0</t>
  </si>
  <si>
    <t>126081106.0</t>
  </si>
  <si>
    <t>45136960.0</t>
  </si>
  <si>
    <t>42355211.0</t>
  </si>
  <si>
    <t>33335312.0</t>
  </si>
  <si>
    <t>126104304.0</t>
  </si>
  <si>
    <t>45139397.0</t>
  </si>
  <si>
    <t>42362993.0</t>
  </si>
  <si>
    <t>33340156.0</t>
  </si>
  <si>
    <t>24420.0</t>
  </si>
  <si>
    <t>126130884.0</t>
  </si>
  <si>
    <t>45142467.0</t>
  </si>
  <si>
    <t>42372749.0</t>
  </si>
  <si>
    <t>33346484.0</t>
  </si>
  <si>
    <t>126169186.0</t>
  </si>
  <si>
    <t>45147463.0</t>
  </si>
  <si>
    <t>42391829.0</t>
  </si>
  <si>
    <t>33353750.0</t>
  </si>
  <si>
    <t>126184571.0</t>
  </si>
  <si>
    <t>45149754.0</t>
  </si>
  <si>
    <t>42399738.0</t>
  </si>
  <si>
    <t>33356780.0</t>
  </si>
  <si>
    <t>15385.0</t>
  </si>
  <si>
    <t>126209074.0</t>
  </si>
  <si>
    <t>45152631.0</t>
  </si>
  <si>
    <t>42409066.0</t>
  </si>
  <si>
    <t>33363083.0</t>
  </si>
  <si>
    <t>23936.0</t>
  </si>
  <si>
    <t>9605.0</t>
  </si>
  <si>
    <t>169.85</t>
  </si>
  <si>
    <t>126231924.0</t>
  </si>
  <si>
    <t>45155205.0</t>
  </si>
  <si>
    <t>42417119.0</t>
  </si>
  <si>
    <t>33369312.0</t>
  </si>
  <si>
    <t>22850.0</t>
  </si>
  <si>
    <t>126255360.0</t>
  </si>
  <si>
    <t>45157966.0</t>
  </si>
  <si>
    <t>42425387.0</t>
  </si>
  <si>
    <t>33375813.0</t>
  </si>
  <si>
    <t>4.739</t>
  </si>
  <si>
    <t>126278939.0</t>
  </si>
  <si>
    <t>45160755.0</t>
  </si>
  <si>
    <t>42434095.0</t>
  </si>
  <si>
    <t>33381733.0</t>
  </si>
  <si>
    <t>24948.0</t>
  </si>
  <si>
    <t>197.153</t>
  </si>
  <si>
    <t>126300435.0</t>
  </si>
  <si>
    <t>45163749.0</t>
  </si>
  <si>
    <t>42442363.0</t>
  </si>
  <si>
    <t>33387100.0</t>
  </si>
  <si>
    <t>126329536.0</t>
  </si>
  <si>
    <t>45167729.0</t>
  </si>
  <si>
    <t>42456465.0</t>
  </si>
  <si>
    <t>33393369.0</t>
  </si>
  <si>
    <t>29101.0</t>
  </si>
  <si>
    <t>126342646.0</t>
  </si>
  <si>
    <t>45169460.0</t>
  </si>
  <si>
    <t>42463117.0</t>
  </si>
  <si>
    <t>33396278.0</t>
  </si>
  <si>
    <t>126359758.0</t>
  </si>
  <si>
    <t>45171453.0</t>
  </si>
  <si>
    <t>42469845.0</t>
  </si>
  <si>
    <t>33401176.0</t>
  </si>
  <si>
    <t>21526.0</t>
  </si>
  <si>
    <t>126375896.0</t>
  </si>
  <si>
    <t>45173642.0</t>
  </si>
  <si>
    <t>42475448.0</t>
  </si>
  <si>
    <t>33405904.0</t>
  </si>
  <si>
    <t>16138.0</t>
  </si>
  <si>
    <t>126393690.0</t>
  </si>
  <si>
    <t>45175874.0</t>
  </si>
  <si>
    <t>42481859.0</t>
  </si>
  <si>
    <t>33410963.0</t>
  </si>
  <si>
    <t>17794.0</t>
  </si>
  <si>
    <t>126426591.0</t>
  </si>
  <si>
    <t>45178268.0</t>
  </si>
  <si>
    <t>42487969.0</t>
  </si>
  <si>
    <t>33415717.0</t>
  </si>
  <si>
    <t>32901.0</t>
  </si>
  <si>
    <t>126443678.0</t>
  </si>
  <si>
    <t>45180444.0</t>
  </si>
  <si>
    <t>42494345.0</t>
  </si>
  <si>
    <t>33420289.0</t>
  </si>
  <si>
    <t>20463.0</t>
  </si>
  <si>
    <t>125.217</t>
  </si>
  <si>
    <t>126466132.0</t>
  </si>
  <si>
    <t>45183695.0</t>
  </si>
  <si>
    <t>42504841.0</t>
  </si>
  <si>
    <t>33425557.0</t>
  </si>
  <si>
    <t>22454.0</t>
  </si>
  <si>
    <t>126476884.0</t>
  </si>
  <si>
    <t>45185335.0</t>
  </si>
  <si>
    <t>42510206.0</t>
  </si>
  <si>
    <t>33427875.0</t>
  </si>
  <si>
    <t>19177.0</t>
  </si>
  <si>
    <t>3.926</t>
  </si>
  <si>
    <t>126491639.0</t>
  </si>
  <si>
    <t>45187025.0</t>
  </si>
  <si>
    <t>42515854.0</t>
  </si>
  <si>
    <t>33432172.0</t>
  </si>
  <si>
    <t>126504756.0</t>
  </si>
  <si>
    <t>45188570.0</t>
  </si>
  <si>
    <t>42520292.0</t>
  </si>
  <si>
    <t>33436351.0</t>
  </si>
  <si>
    <t>126519144.0</t>
  </si>
  <si>
    <t>45190382.0</t>
  </si>
  <si>
    <t>42525193.0</t>
  </si>
  <si>
    <t>33440853.0</t>
  </si>
  <si>
    <t>126533141.0</t>
  </si>
  <si>
    <t>45192239.0</t>
  </si>
  <si>
    <t>42530230.0</t>
  </si>
  <si>
    <t>33445070.0</t>
  </si>
  <si>
    <t>142.741</t>
  </si>
  <si>
    <t>126546563.0</t>
  </si>
  <si>
    <t>45194070.0</t>
  </si>
  <si>
    <t>42535178.0</t>
  </si>
  <si>
    <t>33448954.0</t>
  </si>
  <si>
    <t>14698.0</t>
  </si>
  <si>
    <t>126565606.0</t>
  </si>
  <si>
    <t>45196945.0</t>
  </si>
  <si>
    <t>42543811.0</t>
  </si>
  <si>
    <t>33453575.0</t>
  </si>
  <si>
    <t>108.205</t>
  </si>
  <si>
    <t>126574103.0</t>
  </si>
  <si>
    <t>45198210.0</t>
  </si>
  <si>
    <t>42547799.0</t>
  </si>
  <si>
    <t>33455810.0</t>
  </si>
  <si>
    <t>13888.0</t>
  </si>
  <si>
    <t>126596844.0</t>
  </si>
  <si>
    <t>45204793.0</t>
  </si>
  <si>
    <t>42556309.0</t>
  </si>
  <si>
    <t>33461235.0</t>
  </si>
  <si>
    <t>22741.0</t>
  </si>
  <si>
    <t>126609721.0</t>
  </si>
  <si>
    <t>45206546.0</t>
  </si>
  <si>
    <t>42560881.0</t>
  </si>
  <si>
    <t>33465300.0</t>
  </si>
  <si>
    <t>223.89</t>
  </si>
  <si>
    <t>99.54</t>
  </si>
  <si>
    <t>126623358.0</t>
  </si>
  <si>
    <t>45208477.0</t>
  </si>
  <si>
    <t>42565664.0</t>
  </si>
  <si>
    <t>33469529.0</t>
  </si>
  <si>
    <t>223.91</t>
  </si>
  <si>
    <t>126636111.0</t>
  </si>
  <si>
    <t>45210229.0</t>
  </si>
  <si>
    <t>42570295.0</t>
  </si>
  <si>
    <t>33473387.0</t>
  </si>
  <si>
    <t>223.94</t>
  </si>
  <si>
    <t>126648802.0</t>
  </si>
  <si>
    <t>45212263.0</t>
  </si>
  <si>
    <t>42574975.0</t>
  </si>
  <si>
    <t>33477060.0</t>
  </si>
  <si>
    <t>223.96</t>
  </si>
  <si>
    <t>126666876.0</t>
  </si>
  <si>
    <t>45215091.0</t>
  </si>
  <si>
    <t>42583117.0</t>
  </si>
  <si>
    <t>33481786.0</t>
  </si>
  <si>
    <t>18074.0</t>
  </si>
  <si>
    <t>14467.0</t>
  </si>
  <si>
    <t>223.99</t>
  </si>
  <si>
    <t>59.21</t>
  </si>
  <si>
    <t>88.364</t>
  </si>
  <si>
    <t>126673666.0</t>
  </si>
  <si>
    <t>45216252.0</t>
  </si>
  <si>
    <t>42586424.0</t>
  </si>
  <si>
    <t>33483468.0</t>
  </si>
  <si>
    <t>126685734.0</t>
  </si>
  <si>
    <t>45217989.0</t>
  </si>
  <si>
    <t>42591213.0</t>
  </si>
  <si>
    <t>33487168.0</t>
  </si>
  <si>
    <t>12068.0</t>
  </si>
  <si>
    <t>224.02</t>
  </si>
  <si>
    <t>126698594.0</t>
  </si>
  <si>
    <t>45219800.0</t>
  </si>
  <si>
    <t>42595894.0</t>
  </si>
  <si>
    <t>33491144.0</t>
  </si>
  <si>
    <t>224.05</t>
  </si>
  <si>
    <t>126713952.0</t>
  </si>
  <si>
    <t>45222231.0</t>
  </si>
  <si>
    <t>42601849.0</t>
  </si>
  <si>
    <t>33495452.0</t>
  </si>
  <si>
    <t>224.07</t>
  </si>
  <si>
    <t>126730329.0</t>
  </si>
  <si>
    <t>45224559.0</t>
  </si>
  <si>
    <t>42608671.0</t>
  </si>
  <si>
    <t>33500518.0</t>
  </si>
  <si>
    <t>224.1</t>
  </si>
  <si>
    <t>126742904.0</t>
  </si>
  <si>
    <t>45226829.0</t>
  </si>
  <si>
    <t>42613654.0</t>
  </si>
  <si>
    <t>33504054.0</t>
  </si>
  <si>
    <t>126758029.0</t>
  </si>
  <si>
    <t>45229521.0</t>
  </si>
  <si>
    <t>42620535.0</t>
  </si>
  <si>
    <t>33507948.0</t>
  </si>
  <si>
    <t>224.15</t>
  </si>
  <si>
    <t>126763579.0</t>
  </si>
  <si>
    <t>45230519.0</t>
  </si>
  <si>
    <t>42623209.0</t>
  </si>
  <si>
    <t>33509291.0</t>
  </si>
  <si>
    <t>126766076.0</t>
  </si>
  <si>
    <t>45231058.0</t>
  </si>
  <si>
    <t>42624337.0</t>
  </si>
  <si>
    <t>33509959.0</t>
  </si>
  <si>
    <t>224.17</t>
  </si>
  <si>
    <t>126779388.0</t>
  </si>
  <si>
    <t>45233342.0</t>
  </si>
  <si>
    <t>42629512.0</t>
  </si>
  <si>
    <t>33514047.0</t>
  </si>
  <si>
    <t>70.133</t>
  </si>
  <si>
    <t>126793169.0</t>
  </si>
  <si>
    <t>45235574.0</t>
  </si>
  <si>
    <t>42634817.0</t>
  </si>
  <si>
    <t>33518456.0</t>
  </si>
  <si>
    <t>68.152</t>
  </si>
  <si>
    <t>126802682.0</t>
  </si>
  <si>
    <t>45237186.0</t>
  </si>
  <si>
    <t>42638179.0</t>
  </si>
  <si>
    <t>33524541.0</t>
  </si>
  <si>
    <t>9513.0</t>
  </si>
  <si>
    <t>126811182.0</t>
  </si>
  <si>
    <t>45238444.0</t>
  </si>
  <si>
    <t>42641144.0</t>
  </si>
  <si>
    <t>33530707.0</t>
  </si>
  <si>
    <t>224.25</t>
  </si>
  <si>
    <t>126823566.0</t>
  </si>
  <si>
    <t>45240571.0</t>
  </si>
  <si>
    <t>42646895.0</t>
  </si>
  <si>
    <t>33536902.0</t>
  </si>
  <si>
    <t>224.27</t>
  </si>
  <si>
    <t>126828279.0</t>
  </si>
  <si>
    <t>45241361.0</t>
  </si>
  <si>
    <t>42649398.0</t>
  </si>
  <si>
    <t>33539464.0</t>
  </si>
  <si>
    <t>126835407.0</t>
  </si>
  <si>
    <t>45241922.0</t>
  </si>
  <si>
    <t>42650938.0</t>
  </si>
  <si>
    <t>33548640.0</t>
  </si>
  <si>
    <t>89.478</t>
  </si>
  <si>
    <t>126848407.0</t>
  </si>
  <si>
    <t>45242439.0</t>
  </si>
  <si>
    <t>42652579.0</t>
  </si>
  <si>
    <t>33568916.0</t>
  </si>
  <si>
    <t>224.31</t>
  </si>
  <si>
    <t>126866678.0</t>
  </si>
  <si>
    <t>45243079.0</t>
  </si>
  <si>
    <t>42653942.0</t>
  </si>
  <si>
    <t>33599829.0</t>
  </si>
  <si>
    <t>224.34</t>
  </si>
  <si>
    <t>126889091.0</t>
  </si>
  <si>
    <t>45243772.0</t>
  </si>
  <si>
    <t>42655276.0</t>
  </si>
  <si>
    <t>33641384.0</t>
  </si>
  <si>
    <t>12344.0</t>
  </si>
  <si>
    <t>126916854.0</t>
  </si>
  <si>
    <t>45244712.0</t>
  </si>
  <si>
    <t>42657115.0</t>
  </si>
  <si>
    <t>33682829.0</t>
  </si>
  <si>
    <t>27763.0</t>
  </si>
  <si>
    <t>126946821.0</t>
  </si>
  <si>
    <t>45246469.0</t>
  </si>
  <si>
    <t>42662159.0</t>
  </si>
  <si>
    <t>33726764.0</t>
  </si>
  <si>
    <t>29967.0</t>
  </si>
  <si>
    <t>126962291.0</t>
  </si>
  <si>
    <t>45247084.0</t>
  </si>
  <si>
    <t>42664071.0</t>
  </si>
  <si>
    <t>33750268.0</t>
  </si>
  <si>
    <t>224.51</t>
  </si>
  <si>
    <t>127109722.0</t>
  </si>
  <si>
    <t>45248698.0</t>
  </si>
  <si>
    <t>42666187.0</t>
  </si>
  <si>
    <t>34029624.0</t>
  </si>
  <si>
    <t>147431.0</t>
  </si>
  <si>
    <t>39188.0</t>
  </si>
  <si>
    <t>224.77</t>
  </si>
  <si>
    <t>127276420.0</t>
  </si>
  <si>
    <t>45249760.0</t>
  </si>
  <si>
    <t>42667988.0</t>
  </si>
  <si>
    <t>34345227.0</t>
  </si>
  <si>
    <t>166698.0</t>
  </si>
  <si>
    <t>225.07</t>
  </si>
  <si>
    <t>127447699.0</t>
  </si>
  <si>
    <t>45250569.0</t>
  </si>
  <si>
    <t>42669359.0</t>
  </si>
  <si>
    <t>34698909.0</t>
  </si>
  <si>
    <t>171279.0</t>
  </si>
  <si>
    <t>83003.0</t>
  </si>
  <si>
    <t>225.37</t>
  </si>
  <si>
    <t>127663593.0</t>
  </si>
  <si>
    <t>45251813.0</t>
  </si>
  <si>
    <t>42671720.0</t>
  </si>
  <si>
    <t>35084875.0</t>
  </si>
  <si>
    <t>215894.0</t>
  </si>
  <si>
    <t>110643.0</t>
  </si>
  <si>
    <t>127873969.0</t>
  </si>
  <si>
    <t>45253218.0</t>
  </si>
  <si>
    <t>42674123.0</t>
  </si>
  <si>
    <t>35479066.0</t>
  </si>
  <si>
    <t>210376.0</t>
  </si>
  <si>
    <t>136731.0</t>
  </si>
  <si>
    <t>226.13</t>
  </si>
  <si>
    <t>78.992</t>
  </si>
  <si>
    <t>127980364.0</t>
  </si>
  <si>
    <t>45254088.0</t>
  </si>
  <si>
    <t>42676634.0</t>
  </si>
  <si>
    <t>36027262.0</t>
  </si>
  <si>
    <t>106395.0</t>
  </si>
  <si>
    <t>147649.0</t>
  </si>
  <si>
    <t>128267066.0</t>
  </si>
  <si>
    <t>45256718.0</t>
  </si>
  <si>
    <t>42682975.0</t>
  </si>
  <si>
    <t>36250874.0</t>
  </si>
  <si>
    <t>186396.0</t>
  </si>
  <si>
    <t>128317487.0</t>
  </si>
  <si>
    <t>45257098.0</t>
  </si>
  <si>
    <t>42683418.0</t>
  </si>
  <si>
    <t>36337399.0</t>
  </si>
  <si>
    <t>50421.0</t>
  </si>
  <si>
    <t>172538.0</t>
  </si>
  <si>
    <t>75.349</t>
  </si>
  <si>
    <t>128543885.0</t>
  </si>
  <si>
    <t>45258080.0</t>
  </si>
  <si>
    <t>42685163.0</t>
  </si>
  <si>
    <t>36764699.0</t>
  </si>
  <si>
    <t>226398.0</t>
  </si>
  <si>
    <t>181066.0</t>
  </si>
  <si>
    <t>227.31</t>
  </si>
  <si>
    <t>128789646.0</t>
  </si>
  <si>
    <t>45259141.0</t>
  </si>
  <si>
    <t>42687069.0</t>
  </si>
  <si>
    <t>37224707.0</t>
  </si>
  <si>
    <t>245761.0</t>
  </si>
  <si>
    <t>191707.0</t>
  </si>
  <si>
    <t>227.74</t>
  </si>
  <si>
    <t>129093747.0</t>
  </si>
  <si>
    <t>45260537.0</t>
  </si>
  <si>
    <t>42689008.0</t>
  </si>
  <si>
    <t>37704834.0</t>
  </si>
  <si>
    <t>304101.0</t>
  </si>
  <si>
    <t>204308.0</t>
  </si>
  <si>
    <t>129331414.0</t>
  </si>
  <si>
    <t>45261811.0</t>
  </si>
  <si>
    <t>42691141.0</t>
  </si>
  <si>
    <t>38148745.0</t>
  </si>
  <si>
    <t>237667.0</t>
  </si>
  <si>
    <t>208206.0</t>
  </si>
  <si>
    <t>129719405.0</t>
  </si>
  <si>
    <t>45264457.0</t>
  </si>
  <si>
    <t>42697664.0</t>
  </si>
  <si>
    <t>38902159.0</t>
  </si>
  <si>
    <t>387991.0</t>
  </si>
  <si>
    <t>248434.0</t>
  </si>
  <si>
    <t>68.79</t>
  </si>
  <si>
    <t>129849346.0</t>
  </si>
  <si>
    <t>45265434.0</t>
  </si>
  <si>
    <t>42700117.0</t>
  </si>
  <si>
    <t>39147281.0</t>
  </si>
  <si>
    <t>129941.0</t>
  </si>
  <si>
    <t>226040.0</t>
  </si>
  <si>
    <t>104.863</t>
  </si>
  <si>
    <t>130109350.0</t>
  </si>
  <si>
    <t>45266924.0</t>
  </si>
  <si>
    <t>42702356.0</t>
  </si>
  <si>
    <t>39532909.0</t>
  </si>
  <si>
    <t>260004.0</t>
  </si>
  <si>
    <t>255980.0</t>
  </si>
  <si>
    <t>130361547.0</t>
  </si>
  <si>
    <t>45268017.0</t>
  </si>
  <si>
    <t>42703980.0</t>
  </si>
  <si>
    <t>40002216.0</t>
  </si>
  <si>
    <t>252197.0</t>
  </si>
  <si>
    <t>259666.0</t>
  </si>
  <si>
    <t>130634038.0</t>
  </si>
  <si>
    <t>45269274.0</t>
  </si>
  <si>
    <t>42705700.0</t>
  </si>
  <si>
    <t>40512494.0</t>
  </si>
  <si>
    <t>263485.0</t>
  </si>
  <si>
    <t>231.01</t>
  </si>
  <si>
    <t>130914960.0</t>
  </si>
  <si>
    <t>45270777.0</t>
  </si>
  <si>
    <t>42707630.0</t>
  </si>
  <si>
    <t>41041766.0</t>
  </si>
  <si>
    <t>280922.0</t>
  </si>
  <si>
    <t>260173.0</t>
  </si>
  <si>
    <t>135.668</t>
  </si>
  <si>
    <t>122.069</t>
  </si>
  <si>
    <t>131176020.0</t>
  </si>
  <si>
    <t>45272204.0</t>
  </si>
  <si>
    <t>42709856.0</t>
  </si>
  <si>
    <t>41533185.0</t>
  </si>
  <si>
    <t>261060.0</t>
  </si>
  <si>
    <t>263515.0</t>
  </si>
  <si>
    <t>231.96</t>
  </si>
  <si>
    <t>131648346.0</t>
  </si>
  <si>
    <t>45274934.0</t>
  </si>
  <si>
    <t>42716090.0</t>
  </si>
  <si>
    <t>42488350.0</t>
  </si>
  <si>
    <t>472326.0</t>
  </si>
  <si>
    <t>275563.0</t>
  </si>
  <si>
    <t>133.652</t>
  </si>
  <si>
    <t>131785828.0</t>
  </si>
  <si>
    <t>45275970.0</t>
  </si>
  <si>
    <t>42718917.0</t>
  </si>
  <si>
    <t>42747673.0</t>
  </si>
  <si>
    <t>137482.0</t>
  </si>
  <si>
    <t>276640.0</t>
  </si>
  <si>
    <t>233.04</t>
  </si>
  <si>
    <t>132060575.0</t>
  </si>
  <si>
    <t>45277821.0</t>
  </si>
  <si>
    <t>42720803.0</t>
  </si>
  <si>
    <t>43146326.0</t>
  </si>
  <si>
    <t>274747.0</t>
  </si>
  <si>
    <t>278746.0</t>
  </si>
  <si>
    <t>233.53</t>
  </si>
  <si>
    <t>164.226</t>
  </si>
  <si>
    <t>132313384.0</t>
  </si>
  <si>
    <t>45279010.0</t>
  </si>
  <si>
    <t>42722252.0</t>
  </si>
  <si>
    <t>43627466.0</t>
  </si>
  <si>
    <t>252809.0</t>
  </si>
  <si>
    <t>278834.0</t>
  </si>
  <si>
    <t>132583658.0</t>
  </si>
  <si>
    <t>45280354.0</t>
  </si>
  <si>
    <t>42724067.0</t>
  </si>
  <si>
    <t>44139647.0</t>
  </si>
  <si>
    <t>270274.0</t>
  </si>
  <si>
    <t>278517.0</t>
  </si>
  <si>
    <t>132855666.0</t>
  </si>
  <si>
    <t>45281748.0</t>
  </si>
  <si>
    <t>42725832.0</t>
  </si>
  <si>
    <t>44660786.0</t>
  </si>
  <si>
    <t>272008.0</t>
  </si>
  <si>
    <t>277244.0</t>
  </si>
  <si>
    <t>234.93</t>
  </si>
  <si>
    <t>10070.0</t>
  </si>
  <si>
    <t>133102092.0</t>
  </si>
  <si>
    <t>45283553.0</t>
  </si>
  <si>
    <t>42727881.0</t>
  </si>
  <si>
    <t>45125177.0</t>
  </si>
  <si>
    <t>246426.0</t>
  </si>
  <si>
    <t>275153.0</t>
  </si>
  <si>
    <t>133590172.0</t>
  </si>
  <si>
    <t>45287044.0</t>
  </si>
  <si>
    <t>42734556.0</t>
  </si>
  <si>
    <t>46122414.0</t>
  </si>
  <si>
    <t>488080.0</t>
  </si>
  <si>
    <t>277404.0</t>
  </si>
  <si>
    <t>133726284.0</t>
  </si>
  <si>
    <t>45288388.0</t>
  </si>
  <si>
    <t>42737455.0</t>
  </si>
  <si>
    <t>46379493.0</t>
  </si>
  <si>
    <t>136112.0</t>
  </si>
  <si>
    <t>277208.0</t>
  </si>
  <si>
    <t>236.47</t>
  </si>
  <si>
    <t>134252673.0</t>
  </si>
  <si>
    <t>45290044.0</t>
  </si>
  <si>
    <t>42739681.0</t>
  </si>
  <si>
    <t>46780755.0</t>
  </si>
  <si>
    <t>526389.0</t>
  </si>
  <si>
    <t>313157.0</t>
  </si>
  <si>
    <t>237.41</t>
  </si>
  <si>
    <t>134525804.0</t>
  </si>
  <si>
    <t>45291336.0</t>
  </si>
  <si>
    <t>42741251.0</t>
  </si>
  <si>
    <t>47255397.0</t>
  </si>
  <si>
    <t>273131.0</t>
  </si>
  <si>
    <t>316060.0</t>
  </si>
  <si>
    <t>237.89</t>
  </si>
  <si>
    <t>139.31</t>
  </si>
  <si>
    <t>134808562.0</t>
  </si>
  <si>
    <t>45292794.0</t>
  </si>
  <si>
    <t>42743057.0</t>
  </si>
  <si>
    <t>47744633.0</t>
  </si>
  <si>
    <t>282758.0</t>
  </si>
  <si>
    <t>317843.0</t>
  </si>
  <si>
    <t>238.39</t>
  </si>
  <si>
    <t>135088754.0</t>
  </si>
  <si>
    <t>45294153.0</t>
  </si>
  <si>
    <t>42744835.0</t>
  </si>
  <si>
    <t>48230022.0</t>
  </si>
  <si>
    <t>280192.0</t>
  </si>
  <si>
    <t>319013.0</t>
  </si>
  <si>
    <t>238.88</t>
  </si>
  <si>
    <t>135361272.0</t>
  </si>
  <si>
    <t>45295818.0</t>
  </si>
  <si>
    <t>42746968.0</t>
  </si>
  <si>
    <t>48691987.0</t>
  </si>
  <si>
    <t>272518.0</t>
  </si>
  <si>
    <t>322740.0</t>
  </si>
  <si>
    <t>239.37</t>
  </si>
  <si>
    <t>135921925.0</t>
  </si>
  <si>
    <t>45299339.0</t>
  </si>
  <si>
    <t>42753300.0</t>
  </si>
  <si>
    <t>49715469.0</t>
  </si>
  <si>
    <t>560653.0</t>
  </si>
  <si>
    <t>333108.0</t>
  </si>
  <si>
    <t>136081903.0</t>
  </si>
  <si>
    <t>45300652.0</t>
  </si>
  <si>
    <t>42755779.0</t>
  </si>
  <si>
    <t>49991340.0</t>
  </si>
  <si>
    <t>159978.0</t>
  </si>
  <si>
    <t>336517.0</t>
  </si>
  <si>
    <t>138.09</t>
  </si>
  <si>
    <t>136357133.0</t>
  </si>
  <si>
    <t>45301923.0</t>
  </si>
  <si>
    <t>42757501.0</t>
  </si>
  <si>
    <t>50400185.0</t>
  </si>
  <si>
    <t>275230.0</t>
  </si>
  <si>
    <t>300637.0</t>
  </si>
  <si>
    <t>136634136.0</t>
  </si>
  <si>
    <t>45303211.0</t>
  </si>
  <si>
    <t>42759042.0</t>
  </si>
  <si>
    <t>50886513.0</t>
  </si>
  <si>
    <t>277003.0</t>
  </si>
  <si>
    <t>136927043.0</t>
  </si>
  <si>
    <t>45304741.0</t>
  </si>
  <si>
    <t>42760899.0</t>
  </si>
  <si>
    <t>51404040.0</t>
  </si>
  <si>
    <t>292907.0</t>
  </si>
  <si>
    <t>302640.0</t>
  </si>
  <si>
    <t>242.13</t>
  </si>
  <si>
    <t>131.264</t>
  </si>
  <si>
    <t>137220610.0</t>
  </si>
  <si>
    <t>45306291.0</t>
  </si>
  <si>
    <t>42762880.0</t>
  </si>
  <si>
    <t>51927052.0</t>
  </si>
  <si>
    <t>293567.0</t>
  </si>
  <si>
    <t>304551.0</t>
  </si>
  <si>
    <t>242.65</t>
  </si>
  <si>
    <t>128.665</t>
  </si>
  <si>
    <t>137482021.0</t>
  </si>
  <si>
    <t>45307846.0</t>
  </si>
  <si>
    <t>42764946.0</t>
  </si>
  <si>
    <t>52390119.0</t>
  </si>
  <si>
    <t>261411.0</t>
  </si>
  <si>
    <t>302964.0</t>
  </si>
  <si>
    <t>137960173.0</t>
  </si>
  <si>
    <t>45311090.0</t>
  </si>
  <si>
    <t>42771048.0</t>
  </si>
  <si>
    <t>53261335.0</t>
  </si>
  <si>
    <t>478152.0</t>
  </si>
  <si>
    <t>291178.0</t>
  </si>
  <si>
    <t>243.96</t>
  </si>
  <si>
    <t>94.18</t>
  </si>
  <si>
    <t>138151504.0</t>
  </si>
  <si>
    <t>45312441.0</t>
  </si>
  <si>
    <t>42774257.0</t>
  </si>
  <si>
    <t>53494809.0</t>
  </si>
  <si>
    <t>191331.0</t>
  </si>
  <si>
    <t>295657.0</t>
  </si>
  <si>
    <t>138359057.0</t>
  </si>
  <si>
    <t>45314214.0</t>
  </si>
  <si>
    <t>42777104.0</t>
  </si>
  <si>
    <t>53853186.0</t>
  </si>
  <si>
    <t>207553.0</t>
  </si>
  <si>
    <t>285989.0</t>
  </si>
  <si>
    <t>244.67</t>
  </si>
  <si>
    <t>138595465.0</t>
  </si>
  <si>
    <t>45316058.0</t>
  </si>
  <si>
    <t>42780243.0</t>
  </si>
  <si>
    <t>54263987.0</t>
  </si>
  <si>
    <t>280190.0</t>
  </si>
  <si>
    <t>108.63</t>
  </si>
  <si>
    <t>138820691.0</t>
  </si>
  <si>
    <t>45318210.0</t>
  </si>
  <si>
    <t>42783732.0</t>
  </si>
  <si>
    <t>54653516.0</t>
  </si>
  <si>
    <t>225226.0</t>
  </si>
  <si>
    <t>270521.0</t>
  </si>
  <si>
    <t>245.48</t>
  </si>
  <si>
    <t>139054780.0</t>
  </si>
  <si>
    <t>45320327.0</t>
  </si>
  <si>
    <t>42787341.0</t>
  </si>
  <si>
    <t>55059184.0</t>
  </si>
  <si>
    <t>234089.0</t>
  </si>
  <si>
    <t>262024.0</t>
  </si>
  <si>
    <t>139272230.0</t>
  </si>
  <si>
    <t>45322505.0</t>
  </si>
  <si>
    <t>42791109.0</t>
  </si>
  <si>
    <t>55434793.0</t>
  </si>
  <si>
    <t>217450.0</t>
  </si>
  <si>
    <t>246.28</t>
  </si>
  <si>
    <t>98.03</t>
  </si>
  <si>
    <t>139643051.0</t>
  </si>
  <si>
    <t>45325393.0</t>
  </si>
  <si>
    <t>42797063.0</t>
  </si>
  <si>
    <t>56089543.0</t>
  </si>
  <si>
    <t>370821.0</t>
  </si>
  <si>
    <t>240411.0</t>
  </si>
  <si>
    <t>246.94</t>
  </si>
  <si>
    <t>99.19</t>
  </si>
  <si>
    <t>139755208.0</t>
  </si>
  <si>
    <t>45326519.0</t>
  </si>
  <si>
    <t>42799691.0</t>
  </si>
  <si>
    <t>56284621.0</t>
  </si>
  <si>
    <t>229101.0</t>
  </si>
  <si>
    <t>247.14</t>
  </si>
  <si>
    <t>99.53</t>
  </si>
  <si>
    <t>141.804</t>
  </si>
  <si>
    <t>139927267.0</t>
  </si>
  <si>
    <t>45327343.0</t>
  </si>
  <si>
    <t>42800762.0</t>
  </si>
  <si>
    <t>56589182.0</t>
  </si>
  <si>
    <t>172059.0</t>
  </si>
  <si>
    <t>224030.0</t>
  </si>
  <si>
    <t>247.44</t>
  </si>
  <si>
    <t>100.07</t>
  </si>
  <si>
    <t>7591.0</t>
  </si>
  <si>
    <t>140115449.0</t>
  </si>
  <si>
    <t>45328381.0</t>
  </si>
  <si>
    <t>42802078.0</t>
  </si>
  <si>
    <t>56920286.0</t>
  </si>
  <si>
    <t>188182.0</t>
  </si>
  <si>
    <t>217141.0</t>
  </si>
  <si>
    <t>100.65</t>
  </si>
  <si>
    <t>129.019</t>
  </si>
  <si>
    <t>140299732.0</t>
  </si>
  <si>
    <t>45329461.0</t>
  </si>
  <si>
    <t>42803504.0</t>
  </si>
  <si>
    <t>57241249.0</t>
  </si>
  <si>
    <t>184283.0</t>
  </si>
  <si>
    <t>211292.0</t>
  </si>
  <si>
    <t>248.1</t>
  </si>
  <si>
    <t>101.22</t>
  </si>
  <si>
    <t>140491676.0</t>
  </si>
  <si>
    <t>45330683.0</t>
  </si>
  <si>
    <t>42805091.0</t>
  </si>
  <si>
    <t>57575428.0</t>
  </si>
  <si>
    <t>191944.0</t>
  </si>
  <si>
    <t>205271.0</t>
  </si>
  <si>
    <t>101.81</t>
  </si>
  <si>
    <t>71.194</t>
  </si>
  <si>
    <t>140676843.0</t>
  </si>
  <si>
    <t>45331887.0</t>
  </si>
  <si>
    <t>42806898.0</t>
  </si>
  <si>
    <t>57895665.0</t>
  </si>
  <si>
    <t>185167.0</t>
  </si>
  <si>
    <t>248.77</t>
  </si>
  <si>
    <t>141016752.0</t>
  </si>
  <si>
    <t>45334639.0</t>
  </si>
  <si>
    <t>42812632.0</t>
  </si>
  <si>
    <t>58491262.0</t>
  </si>
  <si>
    <t>339909.0</t>
  </si>
  <si>
    <t>196243.0</t>
  </si>
  <si>
    <t>249.37</t>
  </si>
  <si>
    <t>141111287.0</t>
  </si>
  <si>
    <t>45335692.0</t>
  </si>
  <si>
    <t>42814637.0</t>
  </si>
  <si>
    <t>58655013.0</t>
  </si>
  <si>
    <t>94535.0</t>
  </si>
  <si>
    <t>193726.0</t>
  </si>
  <si>
    <t>249.53</t>
  </si>
  <si>
    <t>107.427</t>
  </si>
  <si>
    <t>141255313.0</t>
  </si>
  <si>
    <t>45336916.0</t>
  </si>
  <si>
    <t>42815913.0</t>
  </si>
  <si>
    <t>58886950.0</t>
  </si>
  <si>
    <t>144026.0</t>
  </si>
  <si>
    <t>189721.0</t>
  </si>
  <si>
    <t>249.79</t>
  </si>
  <si>
    <t>141407498.0</t>
  </si>
  <si>
    <t>45337808.0</t>
  </si>
  <si>
    <t>42817125.0</t>
  </si>
  <si>
    <t>59151939.0</t>
  </si>
  <si>
    <t>152185.0</t>
  </si>
  <si>
    <t>184578.0</t>
  </si>
  <si>
    <t>250.06</t>
  </si>
  <si>
    <t>141551843.0</t>
  </si>
  <si>
    <t>45338806.0</t>
  </si>
  <si>
    <t>42818514.0</t>
  </si>
  <si>
    <t>59401139.0</t>
  </si>
  <si>
    <t>144345.0</t>
  </si>
  <si>
    <t>178873.0</t>
  </si>
  <si>
    <t>250.31</t>
  </si>
  <si>
    <t>105.04</t>
  </si>
  <si>
    <t>141694356.0</t>
  </si>
  <si>
    <t>45339839.0</t>
  </si>
  <si>
    <t>42819851.0</t>
  </si>
  <si>
    <t>59648067.0</t>
  </si>
  <si>
    <t>142513.0</t>
  </si>
  <si>
    <t>171811.0</t>
  </si>
  <si>
    <t>250.56</t>
  </si>
  <si>
    <t>141830518.0</t>
  </si>
  <si>
    <t>45340902.0</t>
  </si>
  <si>
    <t>42821495.0</t>
  </si>
  <si>
    <t>59883271.0</t>
  </si>
  <si>
    <t>136162.0</t>
  </si>
  <si>
    <t>164811.0</t>
  </si>
  <si>
    <t>250.81</t>
  </si>
  <si>
    <t>105.89</t>
  </si>
  <si>
    <t>62.564</t>
  </si>
  <si>
    <t>142059191.0</t>
  </si>
  <si>
    <t>45343411.0</t>
  </si>
  <si>
    <t>42826959.0</t>
  </si>
  <si>
    <t>60278640.0</t>
  </si>
  <si>
    <t>228673.0</t>
  </si>
  <si>
    <t>148920.0</t>
  </si>
  <si>
    <t>251.21</t>
  </si>
  <si>
    <t>106.59</t>
  </si>
  <si>
    <t>142118067.0</t>
  </si>
  <si>
    <t>45344238.0</t>
  </si>
  <si>
    <t>42828646.0</t>
  </si>
  <si>
    <t>60379748.0</t>
  </si>
  <si>
    <t>58876.0</t>
  </si>
  <si>
    <t>142228597.0</t>
  </si>
  <si>
    <t>45345045.0</t>
  </si>
  <si>
    <t>42829974.0</t>
  </si>
  <si>
    <t>60540748.0</t>
  </si>
  <si>
    <t>139041.0</t>
  </si>
  <si>
    <t>251.51</t>
  </si>
  <si>
    <t>107.06</t>
  </si>
  <si>
    <t>91.335</t>
  </si>
  <si>
    <t>142335559.0</t>
  </si>
  <si>
    <t>45345917.0</t>
  </si>
  <si>
    <t>42831224.0</t>
  </si>
  <si>
    <t>60722380.0</t>
  </si>
  <si>
    <t>106962.0</t>
  </si>
  <si>
    <t>132580.0</t>
  </si>
  <si>
    <t>107.38</t>
  </si>
  <si>
    <t>142434055.0</t>
  </si>
  <si>
    <t>45346779.0</t>
  </si>
  <si>
    <t>42832402.0</t>
  </si>
  <si>
    <t>60888347.0</t>
  </si>
  <si>
    <t>98496.0</t>
  </si>
  <si>
    <t>126030.0</t>
  </si>
  <si>
    <t>251.87</t>
  </si>
  <si>
    <t>142534666.0</t>
  </si>
  <si>
    <t>45347784.0</t>
  </si>
  <si>
    <t>42833783.0</t>
  </si>
  <si>
    <t>61056822.0</t>
  </si>
  <si>
    <t>120044.0</t>
  </si>
  <si>
    <t>252.05</t>
  </si>
  <si>
    <t>142630190.0</t>
  </si>
  <si>
    <t>45348824.0</t>
  </si>
  <si>
    <t>42835384.0</t>
  </si>
  <si>
    <t>61215709.0</t>
  </si>
  <si>
    <t>95524.0</t>
  </si>
  <si>
    <t>114239.0</t>
  </si>
  <si>
    <t>252.22</t>
  </si>
  <si>
    <t>142797607.0</t>
  </si>
  <si>
    <t>45351152.0</t>
  </si>
  <si>
    <t>42840626.0</t>
  </si>
  <si>
    <t>61495000.0</t>
  </si>
  <si>
    <t>167417.0</t>
  </si>
  <si>
    <t>105488.0</t>
  </si>
  <si>
    <t>252.52</t>
  </si>
  <si>
    <t>108.74</t>
  </si>
  <si>
    <t>142835587.0</t>
  </si>
  <si>
    <t>45351924.0</t>
  </si>
  <si>
    <t>42842246.0</t>
  </si>
  <si>
    <t>61556468.0</t>
  </si>
  <si>
    <t>37980.0</t>
  </si>
  <si>
    <t>102503.0</t>
  </si>
  <si>
    <t>252.58</t>
  </si>
  <si>
    <t>108.85</t>
  </si>
  <si>
    <t>142921771.0</t>
  </si>
  <si>
    <t>45353898.0</t>
  </si>
  <si>
    <t>42844564.0</t>
  </si>
  <si>
    <t>61671206.0</t>
  </si>
  <si>
    <t>86184.0</t>
  </si>
  <si>
    <t>99025.0</t>
  </si>
  <si>
    <t>252.74</t>
  </si>
  <si>
    <t>109.06</t>
  </si>
  <si>
    <t>143004082.0</t>
  </si>
  <si>
    <t>45354631.0</t>
  </si>
  <si>
    <t>42845605.0</t>
  </si>
  <si>
    <t>61804830.0</t>
  </si>
  <si>
    <t>82311.0</t>
  </si>
  <si>
    <t>95503.0</t>
  </si>
  <si>
    <t>252.88</t>
  </si>
  <si>
    <t>143078861.0</t>
  </si>
  <si>
    <t>45355516.0</t>
  </si>
  <si>
    <t>42846733.0</t>
  </si>
  <si>
    <t>61924772.0</t>
  </si>
  <si>
    <t>92115.0</t>
  </si>
  <si>
    <t>253.01</t>
  </si>
  <si>
    <t>143151788.0</t>
  </si>
  <si>
    <t>45356514.0</t>
  </si>
  <si>
    <t>42847979.0</t>
  </si>
  <si>
    <t>62041179.0</t>
  </si>
  <si>
    <t>88160.0</t>
  </si>
  <si>
    <t>253.14</t>
  </si>
  <si>
    <t>82.016</t>
  </si>
  <si>
    <t>143223821.0</t>
  </si>
  <si>
    <t>45357433.0</t>
  </si>
  <si>
    <t>42849534.0</t>
  </si>
  <si>
    <t>62156634.0</t>
  </si>
  <si>
    <t>72033.0</t>
  </si>
  <si>
    <t>84804.0</t>
  </si>
  <si>
    <t>253.27</t>
  </si>
  <si>
    <t>143336690.0</t>
  </si>
  <si>
    <t>45359292.0</t>
  </si>
  <si>
    <t>42854137.0</t>
  </si>
  <si>
    <t>62336709.0</t>
  </si>
  <si>
    <t>112869.0</t>
  </si>
  <si>
    <t>77012.0</t>
  </si>
  <si>
    <t>253.47</t>
  </si>
  <si>
    <t>110.23</t>
  </si>
  <si>
    <t>143361587.0</t>
  </si>
  <si>
    <t>45359957.0</t>
  </si>
  <si>
    <t>42855736.0</t>
  </si>
  <si>
    <t>62374792.0</t>
  </si>
  <si>
    <t>75143.0</t>
  </si>
  <si>
    <t>253.51</t>
  </si>
  <si>
    <t>143422272.0</t>
  </si>
  <si>
    <t>45360524.0</t>
  </si>
  <si>
    <t>42856687.0</t>
  </si>
  <si>
    <t>62456537.0</t>
  </si>
  <si>
    <t>60685.0</t>
  </si>
  <si>
    <t>253.62</t>
  </si>
  <si>
    <t>85.712</t>
  </si>
  <si>
    <t>143482539.0</t>
  </si>
  <si>
    <t>45361380.0</t>
  </si>
  <si>
    <t>42857630.0</t>
  </si>
  <si>
    <t>62551435.0</t>
  </si>
  <si>
    <t>60267.0</t>
  </si>
  <si>
    <t>68351.0</t>
  </si>
  <si>
    <t>110.61</t>
  </si>
  <si>
    <t>143539236.0</t>
  </si>
  <si>
    <t>45362226.0</t>
  </si>
  <si>
    <t>42858653.0</t>
  </si>
  <si>
    <t>62640883.0</t>
  </si>
  <si>
    <t>65768.0</t>
  </si>
  <si>
    <t>253.83</t>
  </si>
  <si>
    <t>110.77</t>
  </si>
  <si>
    <t>143586627.0</t>
  </si>
  <si>
    <t>45362864.0</t>
  </si>
  <si>
    <t>42859396.0</t>
  </si>
  <si>
    <t>62715727.0</t>
  </si>
  <si>
    <t>253.91</t>
  </si>
  <si>
    <t>143632350.0</t>
  </si>
  <si>
    <t>45363738.0</t>
  </si>
  <si>
    <t>42860491.0</t>
  </si>
  <si>
    <t>62786345.0</t>
  </si>
  <si>
    <t>253.99</t>
  </si>
  <si>
    <t>143694368.0</t>
  </si>
  <si>
    <t>45365341.0</t>
  </si>
  <si>
    <t>42863555.0</t>
  </si>
  <si>
    <t>62881567.0</t>
  </si>
  <si>
    <t>62018.0</t>
  </si>
  <si>
    <t>254.1</t>
  </si>
  <si>
    <t>143708234.0</t>
  </si>
  <si>
    <t>45365837.0</t>
  </si>
  <si>
    <t>42864504.0</t>
  </si>
  <si>
    <t>62901951.0</t>
  </si>
  <si>
    <t>49521.0</t>
  </si>
  <si>
    <t>254.13</t>
  </si>
  <si>
    <t>143752872.0</t>
  </si>
  <si>
    <t>45366195.0</t>
  </si>
  <si>
    <t>42865558.0</t>
  </si>
  <si>
    <t>62958657.0</t>
  </si>
  <si>
    <t>44638.0</t>
  </si>
  <si>
    <t>254.2</t>
  </si>
  <si>
    <t>143793694.0</t>
  </si>
  <si>
    <t>45366837.0</t>
  </si>
  <si>
    <t>42866408.0</t>
  </si>
  <si>
    <t>63021638.0</t>
  </si>
  <si>
    <t>40822.0</t>
  </si>
  <si>
    <t>254.28</t>
  </si>
  <si>
    <t>143831599.0</t>
  </si>
  <si>
    <t>45367525.0</t>
  </si>
  <si>
    <t>42867291.0</t>
  </si>
  <si>
    <t>63079503.0</t>
  </si>
  <si>
    <t>41766.0</t>
  </si>
  <si>
    <t>254.34</t>
  </si>
  <si>
    <t>143869382.0</t>
  </si>
  <si>
    <t>45368118.0</t>
  </si>
  <si>
    <t>42868001.0</t>
  </si>
  <si>
    <t>63138830.0</t>
  </si>
  <si>
    <t>37783.0</t>
  </si>
  <si>
    <t>40394.0</t>
  </si>
  <si>
    <t>254.41</t>
  </si>
  <si>
    <t>111.65</t>
  </si>
  <si>
    <t>143904690.0</t>
  </si>
  <si>
    <t>45368744.0</t>
  </si>
  <si>
    <t>42868868.0</t>
  </si>
  <si>
    <t>63193712.0</t>
  </si>
  <si>
    <t>38906.0</t>
  </si>
  <si>
    <t>254.47</t>
  </si>
  <si>
    <t>143952255.0</t>
  </si>
  <si>
    <t>45370035.0</t>
  </si>
  <si>
    <t>42871440.0</t>
  </si>
  <si>
    <t>63265039.0</t>
  </si>
  <si>
    <t>47565.0</t>
  </si>
  <si>
    <t>111.87</t>
  </si>
  <si>
    <t>143963659.0</t>
  </si>
  <si>
    <t>45370509.0</t>
  </si>
  <si>
    <t>42872490.0</t>
  </si>
  <si>
    <t>63280898.0</t>
  </si>
  <si>
    <t>36489.0</t>
  </si>
  <si>
    <t>254.58</t>
  </si>
  <si>
    <t>143997390.0</t>
  </si>
  <si>
    <t>45371090.0</t>
  </si>
  <si>
    <t>42873299.0</t>
  </si>
  <si>
    <t>63322442.0</t>
  </si>
  <si>
    <t>34931.0</t>
  </si>
  <si>
    <t>144027429.0</t>
  </si>
  <si>
    <t>45371584.0</t>
  </si>
  <si>
    <t>42873988.0</t>
  </si>
  <si>
    <t>63366752.0</t>
  </si>
  <si>
    <t>30039.0</t>
  </si>
  <si>
    <t>254.69</t>
  </si>
  <si>
    <t>144058278.0</t>
  </si>
  <si>
    <t>45372169.0</t>
  </si>
  <si>
    <t>42874671.0</t>
  </si>
  <si>
    <t>63412622.0</t>
  </si>
  <si>
    <t>30849.0</t>
  </si>
  <si>
    <t>254.74</t>
  </si>
  <si>
    <t>122.44</t>
  </si>
  <si>
    <t>144085771.0</t>
  </si>
  <si>
    <t>45372735.0</t>
  </si>
  <si>
    <t>42875249.0</t>
  </si>
  <si>
    <t>63454165.0</t>
  </si>
  <si>
    <t>254.79</t>
  </si>
  <si>
    <t>126.561</t>
  </si>
  <si>
    <t>144112938.0</t>
  </si>
  <si>
    <t>45373327.0</t>
  </si>
  <si>
    <t>42876072.0</t>
  </si>
  <si>
    <t>63494047.0</t>
  </si>
  <si>
    <t>254.84</t>
  </si>
  <si>
    <t>144145818.0</t>
  </si>
  <si>
    <t>45374297.0</t>
  </si>
  <si>
    <t>42878044.0</t>
  </si>
  <si>
    <t>63538997.0</t>
  </si>
  <si>
    <t>135.95</t>
  </si>
  <si>
    <t>144153933.0</t>
  </si>
  <si>
    <t>45374671.0</t>
  </si>
  <si>
    <t>42878848.0</t>
  </si>
  <si>
    <t>63549062.0</t>
  </si>
  <si>
    <t>27182.0</t>
  </si>
  <si>
    <t>254.91</t>
  </si>
  <si>
    <t>144187715.0</t>
  </si>
  <si>
    <t>45376354.0</t>
  </si>
  <si>
    <t>42880275.0</t>
  </si>
  <si>
    <t>63587155.0</t>
  </si>
  <si>
    <t>254.97</t>
  </si>
  <si>
    <t>144211386.0</t>
  </si>
  <si>
    <t>45376957.0</t>
  </si>
  <si>
    <t>42881120.0</t>
  </si>
  <si>
    <t>63620370.0</t>
  </si>
  <si>
    <t>26280.0</t>
  </si>
  <si>
    <t>255.02</t>
  </si>
  <si>
    <t>144232678.0</t>
  </si>
  <si>
    <t>45377593.0</t>
  </si>
  <si>
    <t>42881984.0</t>
  </si>
  <si>
    <t>63649402.0</t>
  </si>
  <si>
    <t>21292.0</t>
  </si>
  <si>
    <t>255.05</t>
  </si>
  <si>
    <t>144249918.0</t>
  </si>
  <si>
    <t>45378226.0</t>
  </si>
  <si>
    <t>42882848.0</t>
  </si>
  <si>
    <t>63671933.0</t>
  </si>
  <si>
    <t>8075.0</t>
  </si>
  <si>
    <t>144261031.0</t>
  </si>
  <si>
    <t>45378837.0</t>
  </si>
  <si>
    <t>42883717.0</t>
  </si>
  <si>
    <t>63685694.0</t>
  </si>
  <si>
    <t>21156.0</t>
  </si>
  <si>
    <t>255.1</t>
  </si>
  <si>
    <t>144263799.0</t>
  </si>
  <si>
    <t>45379028.0</t>
  </si>
  <si>
    <t>42883976.0</t>
  </si>
  <si>
    <t>63688851.0</t>
  </si>
  <si>
    <t>255.11</t>
  </si>
  <si>
    <t>144263863.0</t>
  </si>
  <si>
    <t>45379032.0</t>
  </si>
  <si>
    <t>42883978.0</t>
  </si>
  <si>
    <t>63688957.0</t>
  </si>
  <si>
    <t>9178.0</t>
  </si>
  <si>
    <t>144263979.0</t>
  </si>
  <si>
    <t>45379042.0</t>
  </si>
  <si>
    <t>42883994.0</t>
  </si>
  <si>
    <t>63689065.0</t>
  </si>
  <si>
    <t>126.861</t>
  </si>
  <si>
    <t>144264714.0</t>
  </si>
  <si>
    <t>45379107.0</t>
  </si>
  <si>
    <t>42884039.0</t>
  </si>
  <si>
    <t>63689942.0</t>
  </si>
  <si>
    <t>9459.0</t>
  </si>
  <si>
    <t>144277352.0</t>
  </si>
  <si>
    <t>45379925.0</t>
  </si>
  <si>
    <t>42885191.0</t>
  </si>
  <si>
    <t>63704787.0</t>
  </si>
  <si>
    <t>12638.0</t>
  </si>
  <si>
    <t>255.13</t>
  </si>
  <si>
    <t>112.65</t>
  </si>
  <si>
    <t>144291949.0</t>
  </si>
  <si>
    <t>45380716.0</t>
  </si>
  <si>
    <t>42886189.0</t>
  </si>
  <si>
    <t>63723024.0</t>
  </si>
  <si>
    <t>255.16</t>
  </si>
  <si>
    <t>144304283.0</t>
  </si>
  <si>
    <t>45381418.0</t>
  </si>
  <si>
    <t>42887239.0</t>
  </si>
  <si>
    <t>63738353.0</t>
  </si>
  <si>
    <t>255.18</t>
  </si>
  <si>
    <t>144310027.0</t>
  </si>
  <si>
    <t>45381893.0</t>
  </si>
  <si>
    <t>42887946.0</t>
  </si>
  <si>
    <t>63744839.0</t>
  </si>
  <si>
    <t>255.19</t>
  </si>
  <si>
    <t>144310225.0</t>
  </si>
  <si>
    <t>45381902.0</t>
  </si>
  <si>
    <t>42887958.0</t>
  </si>
  <si>
    <t>63745083.0</t>
  </si>
  <si>
    <t>GNQ</t>
  </si>
  <si>
    <t>Equatorial Guinea</t>
  </si>
  <si>
    <t>32884.0</t>
  </si>
  <si>
    <t>27579.0</t>
  </si>
  <si>
    <t>55799.0</t>
  </si>
  <si>
    <t>47410.0</t>
  </si>
  <si>
    <t>64646.0</t>
  </si>
  <si>
    <t>175770.0</t>
  </si>
  <si>
    <t>130641.0</t>
  </si>
  <si>
    <t>45129.0</t>
  </si>
  <si>
    <t>192967.0</t>
  </si>
  <si>
    <t>136124.0</t>
  </si>
  <si>
    <t>206625.0</t>
  </si>
  <si>
    <t>142475.0</t>
  </si>
  <si>
    <t>64150.0</t>
  </si>
  <si>
    <t>219677.0</t>
  </si>
  <si>
    <t>148079.0</t>
  </si>
  <si>
    <t>71598.0</t>
  </si>
  <si>
    <t>224503.0</t>
  </si>
  <si>
    <t>148085.0</t>
  </si>
  <si>
    <t>148579.0</t>
  </si>
  <si>
    <t>247228.0</t>
  </si>
  <si>
    <t>98649.0</t>
  </si>
  <si>
    <t>248184.0</t>
  </si>
  <si>
    <t>99605.0</t>
  </si>
  <si>
    <t>255030.0</t>
  </si>
  <si>
    <t>106451.0</t>
  </si>
  <si>
    <t>257146.0</t>
  </si>
  <si>
    <t>259480.0</t>
  </si>
  <si>
    <t>149185.0</t>
  </si>
  <si>
    <t>110295.0</t>
  </si>
  <si>
    <t>260528.0</t>
  </si>
  <si>
    <t>111343.0</t>
  </si>
  <si>
    <t>264853.0</t>
  </si>
  <si>
    <t>150363.0</t>
  </si>
  <si>
    <t>114490.0</t>
  </si>
  <si>
    <t>265110.0</t>
  </si>
  <si>
    <t>150609.0</t>
  </si>
  <si>
    <t>114501.0</t>
  </si>
  <si>
    <t>269981.0</t>
  </si>
  <si>
    <t>270841.0</t>
  </si>
  <si>
    <t>155073.0</t>
  </si>
  <si>
    <t>115768.0</t>
  </si>
  <si>
    <t>277042.0</t>
  </si>
  <si>
    <t>116517.0</t>
  </si>
  <si>
    <t>278952.0</t>
  </si>
  <si>
    <t>117082.0</t>
  </si>
  <si>
    <t>163221.0</t>
  </si>
  <si>
    <t>99.862</t>
  </si>
  <si>
    <t>165205.0</t>
  </si>
  <si>
    <t>101.076</t>
  </si>
  <si>
    <t>279113.0</t>
  </si>
  <si>
    <t>161988.0</t>
  </si>
  <si>
    <t>117124.0</t>
  </si>
  <si>
    <t>166969.0</t>
  </si>
  <si>
    <t>102.155</t>
  </si>
  <si>
    <t>170583.0</t>
  </si>
  <si>
    <t>117979.0</t>
  </si>
  <si>
    <t>423.8</t>
  </si>
  <si>
    <t>169169.0</t>
  </si>
  <si>
    <t>103.501</t>
  </si>
  <si>
    <t>293702.0</t>
  </si>
  <si>
    <t>119701.0</t>
  </si>
  <si>
    <t>193.9</t>
  </si>
  <si>
    <t>171690.0</t>
  </si>
  <si>
    <t>105.043</t>
  </si>
  <si>
    <t>178913.0</t>
  </si>
  <si>
    <t>122500.0</t>
  </si>
  <si>
    <t>306265.0</t>
  </si>
  <si>
    <t>179210.0</t>
  </si>
  <si>
    <t>127055.0</t>
  </si>
  <si>
    <t>173637.0</t>
  </si>
  <si>
    <t>106.235</t>
  </si>
  <si>
    <t>308858.0</t>
  </si>
  <si>
    <t>180420.0</t>
  </si>
  <si>
    <t>128438.0</t>
  </si>
  <si>
    <t>176828.0</t>
  </si>
  <si>
    <t>108.187</t>
  </si>
  <si>
    <t>311778.0</t>
  </si>
  <si>
    <t>181290.0</t>
  </si>
  <si>
    <t>130488.0</t>
  </si>
  <si>
    <t>178697.0</t>
  </si>
  <si>
    <t>109.331</t>
  </si>
  <si>
    <t>110.128</t>
  </si>
  <si>
    <t>314289.0</t>
  </si>
  <si>
    <t>182152.0</t>
  </si>
  <si>
    <t>132137.0</t>
  </si>
  <si>
    <t>182355.0</t>
  </si>
  <si>
    <t>111.569</t>
  </si>
  <si>
    <t>258.4</t>
  </si>
  <si>
    <t>246.5</t>
  </si>
  <si>
    <t>322447.0</t>
  </si>
  <si>
    <t>186356.0</t>
  </si>
  <si>
    <t>136091.0</t>
  </si>
  <si>
    <t>19.25</t>
  </si>
  <si>
    <t>490.1</t>
  </si>
  <si>
    <t>325449.0</t>
  </si>
  <si>
    <t>187837.0</t>
  </si>
  <si>
    <t>137612.0</t>
  </si>
  <si>
    <t>185478.0</t>
  </si>
  <si>
    <t>113.479</t>
  </si>
  <si>
    <t>187519.0</t>
  </si>
  <si>
    <t>114.728</t>
  </si>
  <si>
    <t>329229.0</t>
  </si>
  <si>
    <t>189524.0</t>
  </si>
  <si>
    <t>139705.0</t>
  </si>
  <si>
    <t>189186.0</t>
  </si>
  <si>
    <t>115.748</t>
  </si>
  <si>
    <t>331807.0</t>
  </si>
  <si>
    <t>190481.0</t>
  </si>
  <si>
    <t>141326.0</t>
  </si>
  <si>
    <t>336579.0</t>
  </si>
  <si>
    <t>192792.0</t>
  </si>
  <si>
    <t>143787.0</t>
  </si>
  <si>
    <t>192584.0</t>
  </si>
  <si>
    <t>117.827</t>
  </si>
  <si>
    <t>345719.0</t>
  </si>
  <si>
    <t>197657.0</t>
  </si>
  <si>
    <t>148062.0</t>
  </si>
  <si>
    <t>195087.0</t>
  </si>
  <si>
    <t>119.358</t>
  </si>
  <si>
    <t>196464.0</t>
  </si>
  <si>
    <t>120.201</t>
  </si>
  <si>
    <t>353626.0</t>
  </si>
  <si>
    <t>203304.0</t>
  </si>
  <si>
    <t>150322.0</t>
  </si>
  <si>
    <t>199963.0</t>
  </si>
  <si>
    <t>122.341</t>
  </si>
  <si>
    <t>360446.0</t>
  </si>
  <si>
    <t>204222.0</t>
  </si>
  <si>
    <t>156224.0</t>
  </si>
  <si>
    <t>201124.0</t>
  </si>
  <si>
    <t>123.052</t>
  </si>
  <si>
    <t>364051.0</t>
  </si>
  <si>
    <t>205925.0</t>
  </si>
  <si>
    <t>158126.0</t>
  </si>
  <si>
    <t>203792.0</t>
  </si>
  <si>
    <t>124.684</t>
  </si>
  <si>
    <t>366836.0</t>
  </si>
  <si>
    <t>207723.0</t>
  </si>
  <si>
    <t>159113.0</t>
  </si>
  <si>
    <t>126.203</t>
  </si>
  <si>
    <t>370163.0</t>
  </si>
  <si>
    <t>210358.0</t>
  </si>
  <si>
    <t>208702.0</t>
  </si>
  <si>
    <t>127.688</t>
  </si>
  <si>
    <t>210877.0</t>
  </si>
  <si>
    <t>381835.0</t>
  </si>
  <si>
    <t>219233.0</t>
  </si>
  <si>
    <t>162602.0</t>
  </si>
  <si>
    <t>214740.0</t>
  </si>
  <si>
    <t>131.382</t>
  </si>
  <si>
    <t>217029.0</t>
  </si>
  <si>
    <t>132.783</t>
  </si>
  <si>
    <t>221428.0</t>
  </si>
  <si>
    <t>135.474</t>
  </si>
  <si>
    <t>223075.0</t>
  </si>
  <si>
    <t>136.482</t>
  </si>
  <si>
    <t>397083.0</t>
  </si>
  <si>
    <t>225011.0</t>
  </si>
  <si>
    <t>167635.0</t>
  </si>
  <si>
    <t>225262.0</t>
  </si>
  <si>
    <t>137.82</t>
  </si>
  <si>
    <t>403814.0</t>
  </si>
  <si>
    <t>232116.0</t>
  </si>
  <si>
    <t>139.446</t>
  </si>
  <si>
    <t>410064.0</t>
  </si>
  <si>
    <t>234307.0</t>
  </si>
  <si>
    <t>175757.0</t>
  </si>
  <si>
    <t>230491.0</t>
  </si>
  <si>
    <t>141.019</t>
  </si>
  <si>
    <t>414506.0</t>
  </si>
  <si>
    <t>236045.0</t>
  </si>
  <si>
    <t>178461.0</t>
  </si>
  <si>
    <t>231798.0</t>
  </si>
  <si>
    <t>141.819</t>
  </si>
  <si>
    <t>419386.0</t>
  </si>
  <si>
    <t>237751.0</t>
  </si>
  <si>
    <t>181635.0</t>
  </si>
  <si>
    <t>235199.0</t>
  </si>
  <si>
    <t>422768.0</t>
  </si>
  <si>
    <t>238787.0</t>
  </si>
  <si>
    <t>183981.0</t>
  </si>
  <si>
    <t>144.826</t>
  </si>
  <si>
    <t>424653.0</t>
  </si>
  <si>
    <t>239425.0</t>
  </si>
  <si>
    <t>185228.0</t>
  </si>
  <si>
    <t>238486.0</t>
  </si>
  <si>
    <t>145.911</t>
  </si>
  <si>
    <t>239843.0</t>
  </si>
  <si>
    <t>146.741</t>
  </si>
  <si>
    <t>428106.0</t>
  </si>
  <si>
    <t>240376.0</t>
  </si>
  <si>
    <t>187730.0</t>
  </si>
  <si>
    <t>242340.0</t>
  </si>
  <si>
    <t>148.269</t>
  </si>
  <si>
    <t>431001.0</t>
  </si>
  <si>
    <t>241430.0</t>
  </si>
  <si>
    <t>189571.0</t>
  </si>
  <si>
    <t>431640.0</t>
  </si>
  <si>
    <t>241589.0</t>
  </si>
  <si>
    <t>190051.0</t>
  </si>
  <si>
    <t>243644.0</t>
  </si>
  <si>
    <t>149.066</t>
  </si>
  <si>
    <t>243918.0</t>
  </si>
  <si>
    <t>149.234</t>
  </si>
  <si>
    <t>433182.0</t>
  </si>
  <si>
    <t>242220.0</t>
  </si>
  <si>
    <t>190962.0</t>
  </si>
  <si>
    <t>245610.0</t>
  </si>
  <si>
    <t>150.269</t>
  </si>
  <si>
    <t>436479.0</t>
  </si>
  <si>
    <t>243885.0</t>
  </si>
  <si>
    <t>192594.0</t>
  </si>
  <si>
    <t>247158.0</t>
  </si>
  <si>
    <t>151.216</t>
  </si>
  <si>
    <t>438465.0</t>
  </si>
  <si>
    <t>244586.0</t>
  </si>
  <si>
    <t>193879.0</t>
  </si>
  <si>
    <t>249714.0</t>
  </si>
  <si>
    <t>180.7</t>
  </si>
  <si>
    <t>440310.0</t>
  </si>
  <si>
    <t>245628.0</t>
  </si>
  <si>
    <t>194682.0</t>
  </si>
  <si>
    <t>441106.0</t>
  </si>
  <si>
    <t>245832.0</t>
  </si>
  <si>
    <t>195274.0</t>
  </si>
  <si>
    <t>252924.0</t>
  </si>
  <si>
    <t>154.744</t>
  </si>
  <si>
    <t>442855.0</t>
  </si>
  <si>
    <t>246407.0</t>
  </si>
  <si>
    <t>196448.0</t>
  </si>
  <si>
    <t>256295.0</t>
  </si>
  <si>
    <t>156.807</t>
  </si>
  <si>
    <t>443135.0</t>
  </si>
  <si>
    <t>246519.0</t>
  </si>
  <si>
    <t>196616.0</t>
  </si>
  <si>
    <t>257261.0</t>
  </si>
  <si>
    <t>157.398</t>
  </si>
  <si>
    <t>444989.0</t>
  </si>
  <si>
    <t>247251.0</t>
  </si>
  <si>
    <t>197738.0</t>
  </si>
  <si>
    <t>258573.0</t>
  </si>
  <si>
    <t>445684.0</t>
  </si>
  <si>
    <t>247515.0</t>
  </si>
  <si>
    <t>198169.0</t>
  </si>
  <si>
    <t>259834.0</t>
  </si>
  <si>
    <t>158.972</t>
  </si>
  <si>
    <t>446624.0</t>
  </si>
  <si>
    <t>247933.0</t>
  </si>
  <si>
    <t>198691.0</t>
  </si>
  <si>
    <t>260533.0</t>
  </si>
  <si>
    <t>159.399</t>
  </si>
  <si>
    <t>263190.0</t>
  </si>
  <si>
    <t>161.025</t>
  </si>
  <si>
    <t>204.6</t>
  </si>
  <si>
    <t>448577.0</t>
  </si>
  <si>
    <t>249067.0</t>
  </si>
  <si>
    <t>199510.0</t>
  </si>
  <si>
    <t>264065.0</t>
  </si>
  <si>
    <t>452572.0</t>
  </si>
  <si>
    <t>249215.0</t>
  </si>
  <si>
    <t>203357.0</t>
  </si>
  <si>
    <t>264708.0</t>
  </si>
  <si>
    <t>161.954</t>
  </si>
  <si>
    <t>236.9</t>
  </si>
  <si>
    <t>262.5</t>
  </si>
  <si>
    <t>1650.3</t>
  </si>
  <si>
    <t>452666.0</t>
  </si>
  <si>
    <t>249276.0</t>
  </si>
  <si>
    <t>203390.0</t>
  </si>
  <si>
    <t>282.4</t>
  </si>
  <si>
    <t>266224.0</t>
  </si>
  <si>
    <t>162.881</t>
  </si>
  <si>
    <t>345.9</t>
  </si>
  <si>
    <t>266550.0</t>
  </si>
  <si>
    <t>163.081</t>
  </si>
  <si>
    <t>266805.0</t>
  </si>
  <si>
    <t>163.237</t>
  </si>
  <si>
    <t>267432.0</t>
  </si>
  <si>
    <t>268272.0</t>
  </si>
  <si>
    <t>164.134</t>
  </si>
  <si>
    <t>270268.0</t>
  </si>
  <si>
    <t>165.356</t>
  </si>
  <si>
    <t>453502.0</t>
  </si>
  <si>
    <t>249840.0</t>
  </si>
  <si>
    <t>203662.0</t>
  </si>
  <si>
    <t>271443.0</t>
  </si>
  <si>
    <t>166.074</t>
  </si>
  <si>
    <t>0.3071</t>
  </si>
  <si>
    <t>0.2422</t>
  </si>
  <si>
    <t>0.2538</t>
  </si>
  <si>
    <t>0.2602</t>
  </si>
  <si>
    <t>274736.0</t>
  </si>
  <si>
    <t>168.089</t>
  </si>
  <si>
    <t>455655.0</t>
  </si>
  <si>
    <t>251474.0</t>
  </si>
  <si>
    <t>204181.0</t>
  </si>
  <si>
    <t>0.2828</t>
  </si>
  <si>
    <t>275464.0</t>
  </si>
  <si>
    <t>168.535</t>
  </si>
  <si>
    <t>275921.0</t>
  </si>
  <si>
    <t>168.814</t>
  </si>
  <si>
    <t>276422.0</t>
  </si>
  <si>
    <t>169.121</t>
  </si>
  <si>
    <t>277129.0</t>
  </si>
  <si>
    <t>169.553</t>
  </si>
  <si>
    <t>277571.0</t>
  </si>
  <si>
    <t>169.824</t>
  </si>
  <si>
    <t>278380.0</t>
  </si>
  <si>
    <t>170.319</t>
  </si>
  <si>
    <t>279764.0</t>
  </si>
  <si>
    <t>171.165</t>
  </si>
  <si>
    <t>280530.0</t>
  </si>
  <si>
    <t>171.634</t>
  </si>
  <si>
    <t>281167.0</t>
  </si>
  <si>
    <t>172.024</t>
  </si>
  <si>
    <t>282211.0</t>
  </si>
  <si>
    <t>172.663</t>
  </si>
  <si>
    <t>247.3</t>
  </si>
  <si>
    <t>283849.0</t>
  </si>
  <si>
    <t>173.665</t>
  </si>
  <si>
    <t>191.8</t>
  </si>
  <si>
    <t>284687.0</t>
  </si>
  <si>
    <t>174.177</t>
  </si>
  <si>
    <t>207.1</t>
  </si>
  <si>
    <t>327.2</t>
  </si>
  <si>
    <t>333.5</t>
  </si>
  <si>
    <t>286479.0</t>
  </si>
  <si>
    <t>175.274</t>
  </si>
  <si>
    <t>248.3</t>
  </si>
  <si>
    <t>696.1</t>
  </si>
  <si>
    <t>648.5</t>
  </si>
  <si>
    <t>175.835</t>
  </si>
  <si>
    <t>12884.0</t>
  </si>
  <si>
    <t>463549.0</t>
  </si>
  <si>
    <t>257526.0</t>
  </si>
  <si>
    <t>206023.0</t>
  </si>
  <si>
    <t>19090.0</t>
  </si>
  <si>
    <t>283.609</t>
  </si>
  <si>
    <t>15.477</t>
  </si>
  <si>
    <t>17701.9</t>
  </si>
  <si>
    <t>25323.0</t>
  </si>
  <si>
    <t>15.493</t>
  </si>
  <si>
    <t>17720.8</t>
  </si>
  <si>
    <t>16136.2</t>
  </si>
  <si>
    <t>22202.1</t>
  </si>
  <si>
    <t>19156.0</t>
  </si>
  <si>
    <t>16759.4</t>
  </si>
  <si>
    <t>7546.7</t>
  </si>
  <si>
    <t>467504.0</t>
  </si>
  <si>
    <t>259685.0</t>
  </si>
  <si>
    <t>27.91</t>
  </si>
  <si>
    <t>3917.7</t>
  </si>
  <si>
    <t>286.029</t>
  </si>
  <si>
    <t>301.7</t>
  </si>
  <si>
    <t>410.7</t>
  </si>
  <si>
    <t>369.9</t>
  </si>
  <si>
    <t>493.9</t>
  </si>
  <si>
    <t>430.8</t>
  </si>
  <si>
    <t>1720.3</t>
  </si>
  <si>
    <t>473409.0</t>
  </si>
  <si>
    <t>262703.0</t>
  </si>
  <si>
    <t>289.641</t>
  </si>
  <si>
    <t>1636.4</t>
  </si>
  <si>
    <t>1545.5</t>
  </si>
  <si>
    <t>1286.7</t>
  </si>
  <si>
    <t>476752.0</t>
  </si>
  <si>
    <t>264393.0</t>
  </si>
  <si>
    <t>291.687</t>
  </si>
  <si>
    <t>1293.7</t>
  </si>
  <si>
    <t>1384.6</t>
  </si>
  <si>
    <t>479991.0</t>
  </si>
  <si>
    <t>265505.0</t>
  </si>
  <si>
    <t>1741.3</t>
  </si>
  <si>
    <t>293.668</t>
  </si>
  <si>
    <t>580.4</t>
  </si>
  <si>
    <t>533.8</t>
  </si>
  <si>
    <t>487.2</t>
  </si>
  <si>
    <t>393.9</t>
  </si>
  <si>
    <t>206762.0</t>
  </si>
  <si>
    <t>484554.0</t>
  </si>
  <si>
    <t>267610.0</t>
  </si>
  <si>
    <t>208104.0</t>
  </si>
  <si>
    <t>488738.0</t>
  </si>
  <si>
    <t>270109.0</t>
  </si>
  <si>
    <t>214032.0</t>
  </si>
  <si>
    <t>ERI</t>
  </si>
  <si>
    <t>Eritrea</t>
  </si>
  <si>
    <t>23693.0</t>
  </si>
  <si>
    <t>EST</t>
  </si>
  <si>
    <t>Estonia</t>
  </si>
  <si>
    <t>-251.4</t>
  </si>
  <si>
    <t>-12.23</t>
  </si>
  <si>
    <t>-21.29</t>
  </si>
  <si>
    <t>-189.583609840852</t>
  </si>
  <si>
    <t>-254.5</t>
  </si>
  <si>
    <t>-10.69</t>
  </si>
  <si>
    <t>-191.921355228707</t>
  </si>
  <si>
    <t>-265.6</t>
  </si>
  <si>
    <t>-9.75</t>
  </si>
  <si>
    <t>-3.24</t>
  </si>
  <si>
    <t>-200.291991940057</t>
  </si>
  <si>
    <t>-287.5</t>
  </si>
  <si>
    <t>-9.39</t>
  </si>
  <si>
    <t>-216.807031938127</t>
  </si>
  <si>
    <t>-332.4</t>
  </si>
  <si>
    <t>-9.78</t>
  </si>
  <si>
    <t>-13.29</t>
  </si>
  <si>
    <t>-250.666634491246</t>
  </si>
  <si>
    <t>4.525</t>
  </si>
  <si>
    <t>-319.5</t>
  </si>
  <si>
    <t>-8.58</t>
  </si>
  <si>
    <t>-240.938597232109</t>
  </si>
  <si>
    <t>10.558</t>
  </si>
  <si>
    <t>27.148</t>
  </si>
  <si>
    <t>-323.8</t>
  </si>
  <si>
    <t>-244.181276318488</t>
  </si>
  <si>
    <t>7.287</t>
  </si>
  <si>
    <t>66.362</t>
  </si>
  <si>
    <t>8.087</t>
  </si>
  <si>
    <t>-319.1</t>
  </si>
  <si>
    <t>-240.636952665935</t>
  </si>
  <si>
    <t>12810.0</t>
  </si>
  <si>
    <t>11.172</t>
  </si>
  <si>
    <t>16257.0</t>
  </si>
  <si>
    <t>18852.0</t>
  </si>
  <si>
    <t>14.188</t>
  </si>
  <si>
    <t>20484.0</t>
  </si>
  <si>
    <t>15.417</t>
  </si>
  <si>
    <t>21905.0</t>
  </si>
  <si>
    <t>17.175</t>
  </si>
  <si>
    <t>-309.8</t>
  </si>
  <si>
    <t>-6.64</t>
  </si>
  <si>
    <t>-233.623716502371</t>
  </si>
  <si>
    <t>18.524</t>
  </si>
  <si>
    <t>25973.0</t>
  </si>
  <si>
    <t>19.548</t>
  </si>
  <si>
    <t>27837.0</t>
  </si>
  <si>
    <t>20.951</t>
  </si>
  <si>
    <t>22.158</t>
  </si>
  <si>
    <t>31116.0</t>
  </si>
  <si>
    <t>23.418</t>
  </si>
  <si>
    <t>32058.0</t>
  </si>
  <si>
    <t>24.127</t>
  </si>
  <si>
    <t>32508.0</t>
  </si>
  <si>
    <t>24.466</t>
  </si>
  <si>
    <t>-307.3</t>
  </si>
  <si>
    <t>-231.738437963778</t>
  </si>
  <si>
    <t>25.749</t>
  </si>
  <si>
    <t>36090.0</t>
  </si>
  <si>
    <t>38372.0</t>
  </si>
  <si>
    <t>28.879</t>
  </si>
  <si>
    <t>30.166</t>
  </si>
  <si>
    <t>42280.0</t>
  </si>
  <si>
    <t>31.821</t>
  </si>
  <si>
    <t>32.411</t>
  </si>
  <si>
    <t>32.921</t>
  </si>
  <si>
    <t>-301.2</t>
  </si>
  <si>
    <t>-227.138358329613</t>
  </si>
  <si>
    <t>45240.0</t>
  </si>
  <si>
    <t>34.048</t>
  </si>
  <si>
    <t>48678.0</t>
  </si>
  <si>
    <t>36.636</t>
  </si>
  <si>
    <t>49927.0</t>
  </si>
  <si>
    <t>37.576</t>
  </si>
  <si>
    <t>51191.0</t>
  </si>
  <si>
    <t>38.527</t>
  </si>
  <si>
    <t>39.041</t>
  </si>
  <si>
    <t>52435.0</t>
  </si>
  <si>
    <t>39.463</t>
  </si>
  <si>
    <t>-270.9</t>
  </si>
  <si>
    <t>-4.87</t>
  </si>
  <si>
    <t>-204.288782441873</t>
  </si>
  <si>
    <t>53747.0</t>
  </si>
  <si>
    <t>40.451</t>
  </si>
  <si>
    <t>55713.0</t>
  </si>
  <si>
    <t>52.034</t>
  </si>
  <si>
    <t>43.319</t>
  </si>
  <si>
    <t>44.337</t>
  </si>
  <si>
    <t>59685.0</t>
  </si>
  <si>
    <t>60538.0</t>
  </si>
  <si>
    <t>45.562</t>
  </si>
  <si>
    <t>61213.0</t>
  </si>
  <si>
    <t>-259.8</t>
  </si>
  <si>
    <t>-4.44</t>
  </si>
  <si>
    <t>-195.918145730523</t>
  </si>
  <si>
    <t>64871.0</t>
  </si>
  <si>
    <t>48.823</t>
  </si>
  <si>
    <t>66711.0</t>
  </si>
  <si>
    <t>50.208</t>
  </si>
  <si>
    <t>194.8</t>
  </si>
  <si>
    <t>68223.0</t>
  </si>
  <si>
    <t>51.346</t>
  </si>
  <si>
    <t>300.3</t>
  </si>
  <si>
    <t>69449.0</t>
  </si>
  <si>
    <t>52.268</t>
  </si>
  <si>
    <t>70219.0</t>
  </si>
  <si>
    <t>52.848</t>
  </si>
  <si>
    <t>70940.0</t>
  </si>
  <si>
    <t>249.5</t>
  </si>
  <si>
    <t>-243.9</t>
  </si>
  <si>
    <t>-3.97</t>
  </si>
  <si>
    <t>-183.927774225075</t>
  </si>
  <si>
    <t>72182.0</t>
  </si>
  <si>
    <t>54.325</t>
  </si>
  <si>
    <t>55.358</t>
  </si>
  <si>
    <t>56.387</t>
  </si>
  <si>
    <t>216.1</t>
  </si>
  <si>
    <t>76084.0</t>
  </si>
  <si>
    <t>57.262</t>
  </si>
  <si>
    <t>77016.0</t>
  </si>
  <si>
    <t>57.963</t>
  </si>
  <si>
    <t>77836.0</t>
  </si>
  <si>
    <t>58.581</t>
  </si>
  <si>
    <t>78666.0</t>
  </si>
  <si>
    <t>59.205</t>
  </si>
  <si>
    <t>-267.6</t>
  </si>
  <si>
    <t>-201.800214770931</t>
  </si>
  <si>
    <t>80210.0</t>
  </si>
  <si>
    <t>61.307</t>
  </si>
  <si>
    <t>62.484</t>
  </si>
  <si>
    <t>84086.0</t>
  </si>
  <si>
    <t>63.284</t>
  </si>
  <si>
    <t>84932.0</t>
  </si>
  <si>
    <t>193.1</t>
  </si>
  <si>
    <t>85566.0</t>
  </si>
  <si>
    <t>64.398</t>
  </si>
  <si>
    <t>65.139</t>
  </si>
  <si>
    <t>-279.7</t>
  </si>
  <si>
    <t>-210.924962897718</t>
  </si>
  <si>
    <t>88354.0</t>
  </si>
  <si>
    <t>66.497</t>
  </si>
  <si>
    <t>90198.0</t>
  </si>
  <si>
    <t>67.884</t>
  </si>
  <si>
    <t>91580.0</t>
  </si>
  <si>
    <t>68.924</t>
  </si>
  <si>
    <t>92804.0</t>
  </si>
  <si>
    <t>69.846</t>
  </si>
  <si>
    <t>94025.0</t>
  </si>
  <si>
    <t>70.765</t>
  </si>
  <si>
    <t>71.391</t>
  </si>
  <si>
    <t>95726.0</t>
  </si>
  <si>
    <t>72.045</t>
  </si>
  <si>
    <t>-256.6</t>
  </si>
  <si>
    <t>-193.504989201124</t>
  </si>
  <si>
    <t>97019.0</t>
  </si>
  <si>
    <t>73.018</t>
  </si>
  <si>
    <t>188.4</t>
  </si>
  <si>
    <t>98541.0</t>
  </si>
  <si>
    <t>74.163</t>
  </si>
  <si>
    <t>231.8</t>
  </si>
  <si>
    <t>75.119</t>
  </si>
  <si>
    <t>101152.0</t>
  </si>
  <si>
    <t>76.128</t>
  </si>
  <si>
    <t>102190.0</t>
  </si>
  <si>
    <t>103014.0</t>
  </si>
  <si>
    <t>123.6</t>
  </si>
  <si>
    <t>103711.0</t>
  </si>
  <si>
    <t>78.054</t>
  </si>
  <si>
    <t>-270.7</t>
  </si>
  <si>
    <t>-204.137960158786</t>
  </si>
  <si>
    <t>105163.0</t>
  </si>
  <si>
    <t>79.147</t>
  </si>
  <si>
    <t>106607.0</t>
  </si>
  <si>
    <t>80.234</t>
  </si>
  <si>
    <t>107794.0</t>
  </si>
  <si>
    <t>81.127</t>
  </si>
  <si>
    <t>108953.0</t>
  </si>
  <si>
    <t>109982.0</t>
  </si>
  <si>
    <t>82.774</t>
  </si>
  <si>
    <t>110722.0</t>
  </si>
  <si>
    <t>83.331</t>
  </si>
  <si>
    <t>111532.0</t>
  </si>
  <si>
    <t>83.941</t>
  </si>
  <si>
    <t>-270.0</t>
  </si>
  <si>
    <t>-203.61008216798</t>
  </si>
  <si>
    <t>112926.0</t>
  </si>
  <si>
    <t>228.3</t>
  </si>
  <si>
    <t>86.325</t>
  </si>
  <si>
    <t>116200.0</t>
  </si>
  <si>
    <t>87.454</t>
  </si>
  <si>
    <t>442.5</t>
  </si>
  <si>
    <t>117777.0</t>
  </si>
  <si>
    <t>88.641</t>
  </si>
  <si>
    <t>735.7</t>
  </si>
  <si>
    <t>118627.0</t>
  </si>
  <si>
    <t>960.3</t>
  </si>
  <si>
    <t>119157.0</t>
  </si>
  <si>
    <t>89.679</t>
  </si>
  <si>
    <t>1054.2</t>
  </si>
  <si>
    <t>119515.0</t>
  </si>
  <si>
    <t>89.949</t>
  </si>
  <si>
    <t>997.4</t>
  </si>
  <si>
    <t>-266.5</t>
  </si>
  <si>
    <t>-3.39</t>
  </si>
  <si>
    <t>-200.97069221395</t>
  </si>
  <si>
    <t>120140.0</t>
  </si>
  <si>
    <t>90.419</t>
  </si>
  <si>
    <t>120485.0</t>
  </si>
  <si>
    <t>90.679</t>
  </si>
  <si>
    <t>120943.0</t>
  </si>
  <si>
    <t>91.023</t>
  </si>
  <si>
    <t>791.1</t>
  </si>
  <si>
    <t>91.572</t>
  </si>
  <si>
    <t>122242.0</t>
  </si>
  <si>
    <t>122699.0</t>
  </si>
  <si>
    <t>92.345</t>
  </si>
  <si>
    <t>708.7</t>
  </si>
  <si>
    <t>123152.0</t>
  </si>
  <si>
    <t>606.8</t>
  </si>
  <si>
    <t>-245.8</t>
  </si>
  <si>
    <t>-185.360585914405</t>
  </si>
  <si>
    <t>124169.0</t>
  </si>
  <si>
    <t>93.451</t>
  </si>
  <si>
    <t>672.1</t>
  </si>
  <si>
    <t>124994.0</t>
  </si>
  <si>
    <t>94.072</t>
  </si>
  <si>
    <t>125904.0</t>
  </si>
  <si>
    <t>94.757</t>
  </si>
  <si>
    <t>827.3</t>
  </si>
  <si>
    <t>126427.0</t>
  </si>
  <si>
    <t>95.151</t>
  </si>
  <si>
    <t>792.3</t>
  </si>
  <si>
    <t>126761.0</t>
  </si>
  <si>
    <t>127151.0</t>
  </si>
  <si>
    <t>95.696</t>
  </si>
  <si>
    <t>127538.0</t>
  </si>
  <si>
    <t>95.987</t>
  </si>
  <si>
    <t>-243.5</t>
  </si>
  <si>
    <t>-183.6261296589</t>
  </si>
  <si>
    <t>128339.0</t>
  </si>
  <si>
    <t>129072.0</t>
  </si>
  <si>
    <t>97.141</t>
  </si>
  <si>
    <t>680.3</t>
  </si>
  <si>
    <t>129674.0</t>
  </si>
  <si>
    <t>97.595</t>
  </si>
  <si>
    <t>269.5</t>
  </si>
  <si>
    <t>98.021</t>
  </si>
  <si>
    <t>98.336</t>
  </si>
  <si>
    <t>177.2</t>
  </si>
  <si>
    <t>130879.0</t>
  </si>
  <si>
    <t>98.501</t>
  </si>
  <si>
    <t>131161.0</t>
  </si>
  <si>
    <t>98.714</t>
  </si>
  <si>
    <t>-242.4</t>
  </si>
  <si>
    <t>-2.8</t>
  </si>
  <si>
    <t>-182.79660710192</t>
  </si>
  <si>
    <t>131698.0</t>
  </si>
  <si>
    <t>99.118</t>
  </si>
  <si>
    <t>132348.0</t>
  </si>
  <si>
    <t>132882.0</t>
  </si>
  <si>
    <t>100.009</t>
  </si>
  <si>
    <t>246.6</t>
  </si>
  <si>
    <t>133428.0</t>
  </si>
  <si>
    <t>637.3</t>
  </si>
  <si>
    <t>100.682</t>
  </si>
  <si>
    <t>133968.0</t>
  </si>
  <si>
    <t>100.826</t>
  </si>
  <si>
    <t>134099.0</t>
  </si>
  <si>
    <t>100.925</t>
  </si>
  <si>
    <t>-231.9</t>
  </si>
  <si>
    <t>-174.878437239832</t>
  </si>
  <si>
    <t>134609.0</t>
  </si>
  <si>
    <t>101.309</t>
  </si>
  <si>
    <t>135272.0</t>
  </si>
  <si>
    <t>101.808</t>
  </si>
  <si>
    <t>135794.0</t>
  </si>
  <si>
    <t>102.201</t>
  </si>
  <si>
    <t>323.5</t>
  </si>
  <si>
    <t>136247.0</t>
  </si>
  <si>
    <t>102.542</t>
  </si>
  <si>
    <t>136657.0</t>
  </si>
  <si>
    <t>102.85</t>
  </si>
  <si>
    <t>360.5</t>
  </si>
  <si>
    <t>136930.0</t>
  </si>
  <si>
    <t>103.056</t>
  </si>
  <si>
    <t>103.184</t>
  </si>
  <si>
    <t>-220.0</t>
  </si>
  <si>
    <t>-165.904511396132</t>
  </si>
  <si>
    <t>137470.0</t>
  </si>
  <si>
    <t>103.462</t>
  </si>
  <si>
    <t>220.2</t>
  </si>
  <si>
    <t>138127.0</t>
  </si>
  <si>
    <t>138945.0</t>
  </si>
  <si>
    <t>104.572</t>
  </si>
  <si>
    <t>139717.0</t>
  </si>
  <si>
    <t>140362.0</t>
  </si>
  <si>
    <t>140784.0</t>
  </si>
  <si>
    <t>105.956</t>
  </si>
  <si>
    <t>141107.0</t>
  </si>
  <si>
    <t>106.199</t>
  </si>
  <si>
    <t>-187.5</t>
  </si>
  <si>
    <t>-141.39589039443</t>
  </si>
  <si>
    <t>141915.0</t>
  </si>
  <si>
    <t>106.807</t>
  </si>
  <si>
    <t>143061.0</t>
  </si>
  <si>
    <t>144184.0</t>
  </si>
  <si>
    <t>108.515</t>
  </si>
  <si>
    <t>145361.0</t>
  </si>
  <si>
    <t>109.401</t>
  </si>
  <si>
    <t>147030.0</t>
  </si>
  <si>
    <t>110.657</t>
  </si>
  <si>
    <t>147483.0</t>
  </si>
  <si>
    <t>110.998</t>
  </si>
  <si>
    <t>148801.0</t>
  </si>
  <si>
    <t>-196.2</t>
  </si>
  <si>
    <t>-147.956659708732</t>
  </si>
  <si>
    <t>150590.0</t>
  </si>
  <si>
    <t>113.336</t>
  </si>
  <si>
    <t>152284.0</t>
  </si>
  <si>
    <t>153686.0</t>
  </si>
  <si>
    <t>115.666</t>
  </si>
  <si>
    <t>200.2</t>
  </si>
  <si>
    <t>156842.0</t>
  </si>
  <si>
    <t>118.042</t>
  </si>
  <si>
    <t>158076.0</t>
  </si>
  <si>
    <t>158477.0</t>
  </si>
  <si>
    <t>119.272</t>
  </si>
  <si>
    <t>-182.9</t>
  </si>
  <si>
    <t>-1.82</t>
  </si>
  <si>
    <t>-137.92697788342</t>
  </si>
  <si>
    <t>160045.0</t>
  </si>
  <si>
    <t>120.452</t>
  </si>
  <si>
    <t>278.2</t>
  </si>
  <si>
    <t>161395.0</t>
  </si>
  <si>
    <t>121.468</t>
  </si>
  <si>
    <t>276.2</t>
  </si>
  <si>
    <t>162488.0</t>
  </si>
  <si>
    <t>122.291</t>
  </si>
  <si>
    <t>266.7</t>
  </si>
  <si>
    <t>163541.0</t>
  </si>
  <si>
    <t>123.083</t>
  </si>
  <si>
    <t>124.131</t>
  </si>
  <si>
    <t>165495.0</t>
  </si>
  <si>
    <t>124.554</t>
  </si>
  <si>
    <t>165919.0</t>
  </si>
  <si>
    <t>124.873</t>
  </si>
  <si>
    <t>-185.6</t>
  </si>
  <si>
    <t>-1.8</t>
  </si>
  <si>
    <t>-139.9630787051</t>
  </si>
  <si>
    <t>167463.0</t>
  </si>
  <si>
    <t>126.035</t>
  </si>
  <si>
    <t>169164.0</t>
  </si>
  <si>
    <t>127.315</t>
  </si>
  <si>
    <t>170807.0</t>
  </si>
  <si>
    <t>128.552</t>
  </si>
  <si>
    <t>172391.0</t>
  </si>
  <si>
    <t>129.744</t>
  </si>
  <si>
    <t>130.824</t>
  </si>
  <si>
    <t>131.437</t>
  </si>
  <si>
    <t>174927.0</t>
  </si>
  <si>
    <t>131.653</t>
  </si>
  <si>
    <t>-163.3</t>
  </si>
  <si>
    <t>-123.146394140856</t>
  </si>
  <si>
    <t>177692.0</t>
  </si>
  <si>
    <t>133.734</t>
  </si>
  <si>
    <t>179644.0</t>
  </si>
  <si>
    <t>135.203</t>
  </si>
  <si>
    <t>182317.0</t>
  </si>
  <si>
    <t>137.214</t>
  </si>
  <si>
    <t>184908.0</t>
  </si>
  <si>
    <t>139.164</t>
  </si>
  <si>
    <t>187726.0</t>
  </si>
  <si>
    <t>141.285</t>
  </si>
  <si>
    <t>189069.0</t>
  </si>
  <si>
    <t>142.296</t>
  </si>
  <si>
    <t>-152.6</t>
  </si>
  <si>
    <t>-1.4</t>
  </si>
  <si>
    <t>-115.07740199568</t>
  </si>
  <si>
    <t>192225.0</t>
  </si>
  <si>
    <t>194700.0</t>
  </si>
  <si>
    <t>146.534</t>
  </si>
  <si>
    <t>197080.0</t>
  </si>
  <si>
    <t>148.325</t>
  </si>
  <si>
    <t>199519.0</t>
  </si>
  <si>
    <t>150.161</t>
  </si>
  <si>
    <t>202522.0</t>
  </si>
  <si>
    <t>152.421</t>
  </si>
  <si>
    <t>204658.0</t>
  </si>
  <si>
    <t>154.029</t>
  </si>
  <si>
    <t>14.328</t>
  </si>
  <si>
    <t>206485.0</t>
  </si>
  <si>
    <t>155.404</t>
  </si>
  <si>
    <t>-172.7</t>
  </si>
  <si>
    <t>-7.28</t>
  </si>
  <si>
    <t>-130.235041445963</t>
  </si>
  <si>
    <t>209568.0</t>
  </si>
  <si>
    <t>157.724</t>
  </si>
  <si>
    <t>212697.0</t>
  </si>
  <si>
    <t>160.079</t>
  </si>
  <si>
    <t>216307.0</t>
  </si>
  <si>
    <t>162.796</t>
  </si>
  <si>
    <t>219021.0</t>
  </si>
  <si>
    <t>164.838</t>
  </si>
  <si>
    <t>223029.0</t>
  </si>
  <si>
    <t>167.855</t>
  </si>
  <si>
    <t>225373.0</t>
  </si>
  <si>
    <t>169.619</t>
  </si>
  <si>
    <t>24.132</t>
  </si>
  <si>
    <t>227362.0</t>
  </si>
  <si>
    <t>171.116</t>
  </si>
  <si>
    <t>-145.8</t>
  </si>
  <si>
    <t>-109.949444370709</t>
  </si>
  <si>
    <t>231153.0</t>
  </si>
  <si>
    <t>173.969</t>
  </si>
  <si>
    <t>234258.0</t>
  </si>
  <si>
    <t>176.306</t>
  </si>
  <si>
    <t>238320.0</t>
  </si>
  <si>
    <t>179.363</t>
  </si>
  <si>
    <t>241689.0</t>
  </si>
  <si>
    <t>181.899</t>
  </si>
  <si>
    <t>184.523</t>
  </si>
  <si>
    <t>248316.0</t>
  </si>
  <si>
    <t>186.886</t>
  </si>
  <si>
    <t>252187.0</t>
  </si>
  <si>
    <t>-105.9</t>
  </si>
  <si>
    <t>-79.8603988947742</t>
  </si>
  <si>
    <t>256341.0</t>
  </si>
  <si>
    <t>192.926</t>
  </si>
  <si>
    <t>260145.0</t>
  </si>
  <si>
    <t>195.789</t>
  </si>
  <si>
    <t>263884.0</t>
  </si>
  <si>
    <t>198.603</t>
  </si>
  <si>
    <t>266956.0</t>
  </si>
  <si>
    <t>200.915</t>
  </si>
  <si>
    <t>270664.0</t>
  </si>
  <si>
    <t>203.706</t>
  </si>
  <si>
    <t>2.791</t>
  </si>
  <si>
    <t>272529.0</t>
  </si>
  <si>
    <t>205.109</t>
  </si>
  <si>
    <t>273540.0</t>
  </si>
  <si>
    <t>205.87</t>
  </si>
  <si>
    <t>-95.1999999999999</t>
  </si>
  <si>
    <t>-0.79</t>
  </si>
  <si>
    <t>-71.7914067495987</t>
  </si>
  <si>
    <t>277010.0</t>
  </si>
  <si>
    <t>208.482</t>
  </si>
  <si>
    <t>278874.0</t>
  </si>
  <si>
    <t>209.885</t>
  </si>
  <si>
    <t>283070.0</t>
  </si>
  <si>
    <t>213.043</t>
  </si>
  <si>
    <t>285568.0</t>
  </si>
  <si>
    <t>214.923</t>
  </si>
  <si>
    <t>288610.0</t>
  </si>
  <si>
    <t>217.212</t>
  </si>
  <si>
    <t>218.431</t>
  </si>
  <si>
    <t>291687.0</t>
  </si>
  <si>
    <t>219.528</t>
  </si>
  <si>
    <t>-110.1</t>
  </si>
  <si>
    <t>-83.0276668396095</t>
  </si>
  <si>
    <t>295111.0</t>
  </si>
  <si>
    <t>222.105</t>
  </si>
  <si>
    <t>297774.0</t>
  </si>
  <si>
    <t>224.109</t>
  </si>
  <si>
    <t>300774.0</t>
  </si>
  <si>
    <t>226.367</t>
  </si>
  <si>
    <t>303118.0</t>
  </si>
  <si>
    <t>228.131</t>
  </si>
  <si>
    <t>305897.0</t>
  </si>
  <si>
    <t>230.223</t>
  </si>
  <si>
    <t>307291.0</t>
  </si>
  <si>
    <t>231.272</t>
  </si>
  <si>
    <t>15.789</t>
  </si>
  <si>
    <t>308519.0</t>
  </si>
  <si>
    <t>232.196</t>
  </si>
  <si>
    <t>-96.9999999999999</t>
  </si>
  <si>
    <t>-73.1488072973853</t>
  </si>
  <si>
    <t>311430.0</t>
  </si>
  <si>
    <t>314093.0</t>
  </si>
  <si>
    <t>236.391</t>
  </si>
  <si>
    <t>316428.0</t>
  </si>
  <si>
    <t>238.148</t>
  </si>
  <si>
    <t>319113.0</t>
  </si>
  <si>
    <t>240.169</t>
  </si>
  <si>
    <t>321233.0</t>
  </si>
  <si>
    <t>323299.0</t>
  </si>
  <si>
    <t>243.32</t>
  </si>
  <si>
    <t>324530.0</t>
  </si>
  <si>
    <t>244.246</t>
  </si>
  <si>
    <t>-92.0999999999999</t>
  </si>
  <si>
    <t>-69.4536613617442</t>
  </si>
  <si>
    <t>327159.0</t>
  </si>
  <si>
    <t>246.225</t>
  </si>
  <si>
    <t>330208.0</t>
  </si>
  <si>
    <t>248.519</t>
  </si>
  <si>
    <t>333239.0</t>
  </si>
  <si>
    <t>250.801</t>
  </si>
  <si>
    <t>335931.0</t>
  </si>
  <si>
    <t>252.827</t>
  </si>
  <si>
    <t>340278.0</t>
  </si>
  <si>
    <t>256.098</t>
  </si>
  <si>
    <t>342361.0</t>
  </si>
  <si>
    <t>257.666</t>
  </si>
  <si>
    <t>344129.0</t>
  </si>
  <si>
    <t>258.997</t>
  </si>
  <si>
    <t>-123.0</t>
  </si>
  <si>
    <t>-92.7557040987463</t>
  </si>
  <si>
    <t>347365.0</t>
  </si>
  <si>
    <t>261.432</t>
  </si>
  <si>
    <t>351935.0</t>
  </si>
  <si>
    <t>264.871</t>
  </si>
  <si>
    <t>355659.0</t>
  </si>
  <si>
    <t>267.674</t>
  </si>
  <si>
    <t>359690.0</t>
  </si>
  <si>
    <t>270.708</t>
  </si>
  <si>
    <t>364582.0</t>
  </si>
  <si>
    <t>274.39</t>
  </si>
  <si>
    <t>368116.0</t>
  </si>
  <si>
    <t>277.05</t>
  </si>
  <si>
    <t>32.329</t>
  </si>
  <si>
    <t>371912.0</t>
  </si>
  <si>
    <t>279.906</t>
  </si>
  <si>
    <t>-119.3</t>
  </si>
  <si>
    <t>-89.9654918616295</t>
  </si>
  <si>
    <t>376395.0</t>
  </si>
  <si>
    <t>283.28</t>
  </si>
  <si>
    <t>381208.0</t>
  </si>
  <si>
    <t>286.903</t>
  </si>
  <si>
    <t>386471.0</t>
  </si>
  <si>
    <t>290.864</t>
  </si>
  <si>
    <t>391273.0</t>
  </si>
  <si>
    <t>294.478</t>
  </si>
  <si>
    <t>397070.0</t>
  </si>
  <si>
    <t>298.841</t>
  </si>
  <si>
    <t>402317.0</t>
  </si>
  <si>
    <t>302.79</t>
  </si>
  <si>
    <t>405827.0</t>
  </si>
  <si>
    <t>305.431</t>
  </si>
  <si>
    <t>-122.8</t>
  </si>
  <si>
    <t>-92.6048818156589</t>
  </si>
  <si>
    <t>411101.0</t>
  </si>
  <si>
    <t>309.401</t>
  </si>
  <si>
    <t>416610.0</t>
  </si>
  <si>
    <t>313.547</t>
  </si>
  <si>
    <t>423774.0</t>
  </si>
  <si>
    <t>318.939</t>
  </si>
  <si>
    <t>5.392</t>
  </si>
  <si>
    <t>430638.0</t>
  </si>
  <si>
    <t>324.105</t>
  </si>
  <si>
    <t>5.166</t>
  </si>
  <si>
    <t>436070.0</t>
  </si>
  <si>
    <t>328.193</t>
  </si>
  <si>
    <t>441037.0</t>
  </si>
  <si>
    <t>331.931</t>
  </si>
  <si>
    <t>3.738</t>
  </si>
  <si>
    <t>444790.0</t>
  </si>
  <si>
    <t>334.756</t>
  </si>
  <si>
    <t>4.189</t>
  </si>
  <si>
    <t>-89.8999999999999</t>
  </si>
  <si>
    <t>-67.7946162477828</t>
  </si>
  <si>
    <t>132.724</t>
  </si>
  <si>
    <t>448884.0</t>
  </si>
  <si>
    <t>337.837</t>
  </si>
  <si>
    <t>4.063</t>
  </si>
  <si>
    <t>454613.0</t>
  </si>
  <si>
    <t>342.148</t>
  </si>
  <si>
    <t>460267.0</t>
  </si>
  <si>
    <t>346.404</t>
  </si>
  <si>
    <t>4.255</t>
  </si>
  <si>
    <t>3.923</t>
  </si>
  <si>
    <t>465647.0</t>
  </si>
  <si>
    <t>5380.0</t>
  </si>
  <si>
    <t>350.453</t>
  </si>
  <si>
    <t>471427.0</t>
  </si>
  <si>
    <t>354.803</t>
  </si>
  <si>
    <t>476730.0</t>
  </si>
  <si>
    <t>358.794</t>
  </si>
  <si>
    <t>161.38</t>
  </si>
  <si>
    <t>480697.0</t>
  </si>
  <si>
    <t>361.78</t>
  </si>
  <si>
    <t>-52.1999999999999</t>
  </si>
  <si>
    <t>-39.3646158858094</t>
  </si>
  <si>
    <t>484856.0</t>
  </si>
  <si>
    <t>364.91</t>
  </si>
  <si>
    <t>3.868</t>
  </si>
  <si>
    <t>491305.0</t>
  </si>
  <si>
    <t>369.763</t>
  </si>
  <si>
    <t>496748.0</t>
  </si>
  <si>
    <t>373.86</t>
  </si>
  <si>
    <t>501489.0</t>
  </si>
  <si>
    <t>377.428</t>
  </si>
  <si>
    <t>507943.0</t>
  </si>
  <si>
    <t>382.285</t>
  </si>
  <si>
    <t>4.857</t>
  </si>
  <si>
    <t>513733.0</t>
  </si>
  <si>
    <t>386.643</t>
  </si>
  <si>
    <t>196.823</t>
  </si>
  <si>
    <t>516688.0</t>
  </si>
  <si>
    <t>388.867</t>
  </si>
  <si>
    <t>-12.8999999999999</t>
  </si>
  <si>
    <t>-9.72803725913673</t>
  </si>
  <si>
    <t>199.085</t>
  </si>
  <si>
    <t>520817.0</t>
  </si>
  <si>
    <t>391.975</t>
  </si>
  <si>
    <t>3.866</t>
  </si>
  <si>
    <t>526535.0</t>
  </si>
  <si>
    <t>396.278</t>
  </si>
  <si>
    <t>4.303</t>
  </si>
  <si>
    <t>532306.0</t>
  </si>
  <si>
    <t>400.621</t>
  </si>
  <si>
    <t>535874.0</t>
  </si>
  <si>
    <t>403.307</t>
  </si>
  <si>
    <t>543580.0</t>
  </si>
  <si>
    <t>7706.0</t>
  </si>
  <si>
    <t>409.106</t>
  </si>
  <si>
    <t>547146.0</t>
  </si>
  <si>
    <t>411.79</t>
  </si>
  <si>
    <t>140.594</t>
  </si>
  <si>
    <t>551151.0</t>
  </si>
  <si>
    <t>414.804</t>
  </si>
  <si>
    <t>3.014</t>
  </si>
  <si>
    <t>23.2266315954585</t>
  </si>
  <si>
    <t>555758.0</t>
  </si>
  <si>
    <t>418.272</t>
  </si>
  <si>
    <t>561715.0</t>
  </si>
  <si>
    <t>422.755</t>
  </si>
  <si>
    <t>4.483</t>
  </si>
  <si>
    <t>567912.0</t>
  </si>
  <si>
    <t>427.419</t>
  </si>
  <si>
    <t>432.142</t>
  </si>
  <si>
    <t>580228.0</t>
  </si>
  <si>
    <t>436.688</t>
  </si>
  <si>
    <t>585528.0</t>
  </si>
  <si>
    <t>440.677</t>
  </si>
  <si>
    <t>588698.0</t>
  </si>
  <si>
    <t>443.063</t>
  </si>
  <si>
    <t>61.1000000000001</t>
  </si>
  <si>
    <t>46.0762074831985</t>
  </si>
  <si>
    <t>594453.0</t>
  </si>
  <si>
    <t>447.394</t>
  </si>
  <si>
    <t>600348.0</t>
  </si>
  <si>
    <t>451.831</t>
  </si>
  <si>
    <t>4.437</t>
  </si>
  <si>
    <t>4.154</t>
  </si>
  <si>
    <t>607556.0</t>
  </si>
  <si>
    <t>457.256</t>
  </si>
  <si>
    <t>611304.0</t>
  </si>
  <si>
    <t>460.076</t>
  </si>
  <si>
    <t>614456.0</t>
  </si>
  <si>
    <t>462.449</t>
  </si>
  <si>
    <t>617028.0</t>
  </si>
  <si>
    <t>464.384</t>
  </si>
  <si>
    <t>620060.0</t>
  </si>
  <si>
    <t>466.666</t>
  </si>
  <si>
    <t>77.8242980730946</t>
  </si>
  <si>
    <t>624522.0</t>
  </si>
  <si>
    <t>470.024</t>
  </si>
  <si>
    <t>631193.0</t>
  </si>
  <si>
    <t>475.045</t>
  </si>
  <si>
    <t>637035.0</t>
  </si>
  <si>
    <t>479.442</t>
  </si>
  <si>
    <t>640612.0</t>
  </si>
  <si>
    <t>482.134</t>
  </si>
  <si>
    <t>642954.0</t>
  </si>
  <si>
    <t>483.897</t>
  </si>
  <si>
    <t>646472.0</t>
  </si>
  <si>
    <t>486.544</t>
  </si>
  <si>
    <t>649925.0</t>
  </si>
  <si>
    <t>489.143</t>
  </si>
  <si>
    <t>115.605279986486</t>
  </si>
  <si>
    <t>653818.0</t>
  </si>
  <si>
    <t>492.073</t>
  </si>
  <si>
    <t>659420.0</t>
  </si>
  <si>
    <t>496.289</t>
  </si>
  <si>
    <t>4.216</t>
  </si>
  <si>
    <t>666594.0</t>
  </si>
  <si>
    <t>501.688</t>
  </si>
  <si>
    <t>6589.0</t>
  </si>
  <si>
    <t>672272.0</t>
  </si>
  <si>
    <t>505.962</t>
  </si>
  <si>
    <t>677693.0</t>
  </si>
  <si>
    <t>510.042</t>
  </si>
  <si>
    <t>10142.0</t>
  </si>
  <si>
    <t>681603.0</t>
  </si>
  <si>
    <t>512.984</t>
  </si>
  <si>
    <t>10696.0</t>
  </si>
  <si>
    <t>208.26</t>
  </si>
  <si>
    <t>685165.0</t>
  </si>
  <si>
    <t>515.665</t>
  </si>
  <si>
    <t>2.681</t>
  </si>
  <si>
    <t>0.1244</t>
  </si>
  <si>
    <t>10916.0</t>
  </si>
  <si>
    <t>142.376235234499</t>
  </si>
  <si>
    <t>689117.0</t>
  </si>
  <si>
    <t>518.64</t>
  </si>
  <si>
    <t>695989.0</t>
  </si>
  <si>
    <t>523.812</t>
  </si>
  <si>
    <t>5.172</t>
  </si>
  <si>
    <t>13345.0</t>
  </si>
  <si>
    <t>701956.0</t>
  </si>
  <si>
    <t>528.302</t>
  </si>
  <si>
    <t>14742.0</t>
  </si>
  <si>
    <t>706258.0</t>
  </si>
  <si>
    <t>531.54</t>
  </si>
  <si>
    <t>3.238</t>
  </si>
  <si>
    <t>16519.0</t>
  </si>
  <si>
    <t>711130.0</t>
  </si>
  <si>
    <t>535.207</t>
  </si>
  <si>
    <t>714296.0</t>
  </si>
  <si>
    <t>537.59</t>
  </si>
  <si>
    <t>18023.0</t>
  </si>
  <si>
    <t>717029.0</t>
  </si>
  <si>
    <t>539.647</t>
  </si>
  <si>
    <t>18050.0</t>
  </si>
  <si>
    <t>177.442416052317</t>
  </si>
  <si>
    <t>722329.0</t>
  </si>
  <si>
    <t>543.635</t>
  </si>
  <si>
    <t>728445.0</t>
  </si>
  <si>
    <t>548.238</t>
  </si>
  <si>
    <t>733828.0</t>
  </si>
  <si>
    <t>552.29</t>
  </si>
  <si>
    <t>21795.0</t>
  </si>
  <si>
    <t>738562.0</t>
  </si>
  <si>
    <t>555.853</t>
  </si>
  <si>
    <t>23976.0</t>
  </si>
  <si>
    <t>743597.0</t>
  </si>
  <si>
    <t>559.642</t>
  </si>
  <si>
    <t>23066.0</t>
  </si>
  <si>
    <t>748243.0</t>
  </si>
  <si>
    <t>563.139</t>
  </si>
  <si>
    <t>751434.0</t>
  </si>
  <si>
    <t>565.54</t>
  </si>
  <si>
    <t>231.36138225606</t>
  </si>
  <si>
    <t>756382.0</t>
  </si>
  <si>
    <t>569.264</t>
  </si>
  <si>
    <t>762567.0</t>
  </si>
  <si>
    <t>573.919</t>
  </si>
  <si>
    <t>29349.0</t>
  </si>
  <si>
    <t>768139.0</t>
  </si>
  <si>
    <t>578.113</t>
  </si>
  <si>
    <t>4.194</t>
  </si>
  <si>
    <t>25236.0</t>
  </si>
  <si>
    <t>774392.0</t>
  </si>
  <si>
    <t>582.819</t>
  </si>
  <si>
    <t>33956.0</t>
  </si>
  <si>
    <t>26307.0</t>
  </si>
  <si>
    <t>779072.0</t>
  </si>
  <si>
    <t>586.341</t>
  </si>
  <si>
    <t>27527.0</t>
  </si>
  <si>
    <t>782842.0</t>
  </si>
  <si>
    <t>589.178</t>
  </si>
  <si>
    <t>37993.0</t>
  </si>
  <si>
    <t>786039.0</t>
  </si>
  <si>
    <t>591.585</t>
  </si>
  <si>
    <t>3.721</t>
  </si>
  <si>
    <t>38531.0</t>
  </si>
  <si>
    <t>320.5</t>
  </si>
  <si>
    <t>241.692708647546</t>
  </si>
  <si>
    <t>790447.0</t>
  </si>
  <si>
    <t>594.902</t>
  </si>
  <si>
    <t>796476.0</t>
  </si>
  <si>
    <t>599.44</t>
  </si>
  <si>
    <t>42908.0</t>
  </si>
  <si>
    <t>801733.0</t>
  </si>
  <si>
    <t>603.396</t>
  </si>
  <si>
    <t>46102.0</t>
  </si>
  <si>
    <t>807054.0</t>
  </si>
  <si>
    <t>607.401</t>
  </si>
  <si>
    <t>49702.0</t>
  </si>
  <si>
    <t>33745.0</t>
  </si>
  <si>
    <t>16953.0</t>
  </si>
  <si>
    <t>812696.0</t>
  </si>
  <si>
    <t>611.647</t>
  </si>
  <si>
    <t>52770.0</t>
  </si>
  <si>
    <t>35294.0</t>
  </si>
  <si>
    <t>816783.0</t>
  </si>
  <si>
    <t>614.723</t>
  </si>
  <si>
    <t>53322.0</t>
  </si>
  <si>
    <t>819886.0</t>
  </si>
  <si>
    <t>617.058</t>
  </si>
  <si>
    <t>53380.0</t>
  </si>
  <si>
    <t>35711.0</t>
  </si>
  <si>
    <t>18668.0</t>
  </si>
  <si>
    <t>330.2</t>
  </si>
  <si>
    <t>249.007589377285</t>
  </si>
  <si>
    <t>825154.0</t>
  </si>
  <si>
    <t>621.023</t>
  </si>
  <si>
    <t>36708.0</t>
  </si>
  <si>
    <t>831051.0</t>
  </si>
  <si>
    <t>625.461</t>
  </si>
  <si>
    <t>38985.0</t>
  </si>
  <si>
    <t>20149.0</t>
  </si>
  <si>
    <t>836803.0</t>
  </si>
  <si>
    <t>629.79</t>
  </si>
  <si>
    <t>61652.0</t>
  </si>
  <si>
    <t>41575.0</t>
  </si>
  <si>
    <t>21088.0</t>
  </si>
  <si>
    <t>842162.0</t>
  </si>
  <si>
    <t>633.824</t>
  </si>
  <si>
    <t>44331.0</t>
  </si>
  <si>
    <t>847488.0</t>
  </si>
  <si>
    <t>637.832</t>
  </si>
  <si>
    <t>23235.0</t>
  </si>
  <si>
    <t>852470.0</t>
  </si>
  <si>
    <t>641.582</t>
  </si>
  <si>
    <t>68337.0</t>
  </si>
  <si>
    <t>23389.0</t>
  </si>
  <si>
    <t>855531.0</t>
  </si>
  <si>
    <t>643.885</t>
  </si>
  <si>
    <t>68398.0</t>
  </si>
  <si>
    <t>45997.0</t>
  </si>
  <si>
    <t>23448.0</t>
  </si>
  <si>
    <t>275.02443320986</t>
  </si>
  <si>
    <t>861288.0</t>
  </si>
  <si>
    <t>5757.0</t>
  </si>
  <si>
    <t>648.218</t>
  </si>
  <si>
    <t>4.333</t>
  </si>
  <si>
    <t>69244.0</t>
  </si>
  <si>
    <t>867652.0</t>
  </si>
  <si>
    <t>653.008</t>
  </si>
  <si>
    <t>71646.0</t>
  </si>
  <si>
    <t>48444.0</t>
  </si>
  <si>
    <t>24308.0</t>
  </si>
  <si>
    <t>876227.0</t>
  </si>
  <si>
    <t>659.461</t>
  </si>
  <si>
    <t>25053.0</t>
  </si>
  <si>
    <t>882630.0</t>
  </si>
  <si>
    <t>664.28</t>
  </si>
  <si>
    <t>4.819</t>
  </si>
  <si>
    <t>82271.0</t>
  </si>
  <si>
    <t>57391.0</t>
  </si>
  <si>
    <t>26234.0</t>
  </si>
  <si>
    <t>888356.0</t>
  </si>
  <si>
    <t>668.59</t>
  </si>
  <si>
    <t>4.309</t>
  </si>
  <si>
    <t>87045.0</t>
  </si>
  <si>
    <t>61164.0</t>
  </si>
  <si>
    <t>27347.0</t>
  </si>
  <si>
    <t>892952.0</t>
  </si>
  <si>
    <t>672.049</t>
  </si>
  <si>
    <t>87855.0</t>
  </si>
  <si>
    <t>61751.0</t>
  </si>
  <si>
    <t>278.181</t>
  </si>
  <si>
    <t>898752.0</t>
  </si>
  <si>
    <t>676.414</t>
  </si>
  <si>
    <t>4.647</t>
  </si>
  <si>
    <t>62263.0</t>
  </si>
  <si>
    <t>27959.0</t>
  </si>
  <si>
    <t>387.4</t>
  </si>
  <si>
    <t>292.142762340279</t>
  </si>
  <si>
    <t>905322.0</t>
  </si>
  <si>
    <t>681.359</t>
  </si>
  <si>
    <t>4.945</t>
  </si>
  <si>
    <t>91680.0</t>
  </si>
  <si>
    <t>64357.0</t>
  </si>
  <si>
    <t>911230.0</t>
  </si>
  <si>
    <t>685.805</t>
  </si>
  <si>
    <t>68142.0</t>
  </si>
  <si>
    <t>916076.0</t>
  </si>
  <si>
    <t>689.452</t>
  </si>
  <si>
    <t>3.647</t>
  </si>
  <si>
    <t>96847.0</t>
  </si>
  <si>
    <t>68473.0</t>
  </si>
  <si>
    <t>30187.0</t>
  </si>
  <si>
    <t>922474.0</t>
  </si>
  <si>
    <t>694.268</t>
  </si>
  <si>
    <t>103382.0</t>
  </si>
  <si>
    <t>72197.0</t>
  </si>
  <si>
    <t>931955.0</t>
  </si>
  <si>
    <t>701.403</t>
  </si>
  <si>
    <t>7.136</t>
  </si>
  <si>
    <t>4.687</t>
  </si>
  <si>
    <t>35476.0</t>
  </si>
  <si>
    <t>938187.0</t>
  </si>
  <si>
    <t>706.093</t>
  </si>
  <si>
    <t>0.1628</t>
  </si>
  <si>
    <t>78411.0</t>
  </si>
  <si>
    <t>943097.0</t>
  </si>
  <si>
    <t>709.789</t>
  </si>
  <si>
    <t>6335.0</t>
  </si>
  <si>
    <t>4.768</t>
  </si>
  <si>
    <t>78595.0</t>
  </si>
  <si>
    <t>340.179659503614</t>
  </si>
  <si>
    <t>949693.0</t>
  </si>
  <si>
    <t>714.753</t>
  </si>
  <si>
    <t>4.964</t>
  </si>
  <si>
    <t>116151.0</t>
  </si>
  <si>
    <t>81039.0</t>
  </si>
  <si>
    <t>37193.0</t>
  </si>
  <si>
    <t>957318.0</t>
  </si>
  <si>
    <t>720.492</t>
  </si>
  <si>
    <t>121422.0</t>
  </si>
  <si>
    <t>84002.0</t>
  </si>
  <si>
    <t>39617.0</t>
  </si>
  <si>
    <t>964305.0</t>
  </si>
  <si>
    <t>725.75</t>
  </si>
  <si>
    <t>126724.0</t>
  </si>
  <si>
    <t>86910.0</t>
  </si>
  <si>
    <t>971940.0</t>
  </si>
  <si>
    <t>731.496</t>
  </si>
  <si>
    <t>5.746</t>
  </si>
  <si>
    <t>0.1816</t>
  </si>
  <si>
    <t>134356.0</t>
  </si>
  <si>
    <t>44781.0</t>
  </si>
  <si>
    <t>979491.0</t>
  </si>
  <si>
    <t>737.179</t>
  </si>
  <si>
    <t>5.111</t>
  </si>
  <si>
    <t>141449.0</t>
  </si>
  <si>
    <t>97611.0</t>
  </si>
  <si>
    <t>46552.0</t>
  </si>
  <si>
    <t>986273.0</t>
  </si>
  <si>
    <t>742.284</t>
  </si>
  <si>
    <t>145197.0</t>
  </si>
  <si>
    <t>101196.0</t>
  </si>
  <si>
    <t>991787.0</t>
  </si>
  <si>
    <t>746.434</t>
  </si>
  <si>
    <t>5.235</t>
  </si>
  <si>
    <t>146196.0</t>
  </si>
  <si>
    <t>403.449607258775</t>
  </si>
  <si>
    <t>998647.0</t>
  </si>
  <si>
    <t>751.596</t>
  </si>
  <si>
    <t>149859.0</t>
  </si>
  <si>
    <t>105606.0</t>
  </si>
  <si>
    <t>47303.0</t>
  </si>
  <si>
    <t>1006481.0</t>
  </si>
  <si>
    <t>757.492</t>
  </si>
  <si>
    <t>5.286</t>
  </si>
  <si>
    <t>154967.0</t>
  </si>
  <si>
    <t>109641.0</t>
  </si>
  <si>
    <t>48544.0</t>
  </si>
  <si>
    <t>1015933.0</t>
  </si>
  <si>
    <t>764.606</t>
  </si>
  <si>
    <t>161413.0</t>
  </si>
  <si>
    <t>113643.0</t>
  </si>
  <si>
    <t>1023200.0</t>
  </si>
  <si>
    <t>770.075</t>
  </si>
  <si>
    <t>5.511</t>
  </si>
  <si>
    <t>121813.0</t>
  </si>
  <si>
    <t>54308.0</t>
  </si>
  <si>
    <t>1031758.0</t>
  </si>
  <si>
    <t>776.516</t>
  </si>
  <si>
    <t>6.441</t>
  </si>
  <si>
    <t>180169.0</t>
  </si>
  <si>
    <t>127540.0</t>
  </si>
  <si>
    <t>56428.0</t>
  </si>
  <si>
    <t>1036839.0</t>
  </si>
  <si>
    <t>780.34</t>
  </si>
  <si>
    <t>185671.0</t>
  </si>
  <si>
    <t>132963.0</t>
  </si>
  <si>
    <t>56651.0</t>
  </si>
  <si>
    <t>1042815.0</t>
  </si>
  <si>
    <t>784.838</t>
  </si>
  <si>
    <t>4.498</t>
  </si>
  <si>
    <t>190951.0</t>
  </si>
  <si>
    <t>138228.0</t>
  </si>
  <si>
    <t>56790.0</t>
  </si>
  <si>
    <t>618.9</t>
  </si>
  <si>
    <t>466.719555013936</t>
  </si>
  <si>
    <t>1050724.0</t>
  </si>
  <si>
    <t>790.79</t>
  </si>
  <si>
    <t>5.599</t>
  </si>
  <si>
    <t>194570.0</t>
  </si>
  <si>
    <t>141577.0</t>
  </si>
  <si>
    <t>1059372.0</t>
  </si>
  <si>
    <t>797.299</t>
  </si>
  <si>
    <t>199113.0</t>
  </si>
  <si>
    <t>145320.0</t>
  </si>
  <si>
    <t>58119.0</t>
  </si>
  <si>
    <t>1067118.0</t>
  </si>
  <si>
    <t>803.129</t>
  </si>
  <si>
    <t>5.503</t>
  </si>
  <si>
    <t>204537.0</t>
  </si>
  <si>
    <t>150487.0</t>
  </si>
  <si>
    <t>1075681.0</t>
  </si>
  <si>
    <t>809.573</t>
  </si>
  <si>
    <t>5.642</t>
  </si>
  <si>
    <t>211958.0</t>
  </si>
  <si>
    <t>157122.0</t>
  </si>
  <si>
    <t>1082744.0</t>
  </si>
  <si>
    <t>814.889</t>
  </si>
  <si>
    <t>220579.0</t>
  </si>
  <si>
    <t>163566.0</t>
  </si>
  <si>
    <t>62174.0</t>
  </si>
  <si>
    <t>1089548.0</t>
  </si>
  <si>
    <t>820.01</t>
  </si>
  <si>
    <t>5.121</t>
  </si>
  <si>
    <t>222857.0</t>
  </si>
  <si>
    <t>165787.0</t>
  </si>
  <si>
    <t>62349.0</t>
  </si>
  <si>
    <t>50.525</t>
  </si>
  <si>
    <t>1094359.0</t>
  </si>
  <si>
    <t>823.631</t>
  </si>
  <si>
    <t>224201.0</t>
  </si>
  <si>
    <t>167109.0</t>
  </si>
  <si>
    <t>715.6</t>
  </si>
  <si>
    <t>539.64212888669</t>
  </si>
  <si>
    <t>1100623.0</t>
  </si>
  <si>
    <t>6264.0</t>
  </si>
  <si>
    <t>828.345</t>
  </si>
  <si>
    <t>4.714</t>
  </si>
  <si>
    <t>5.365</t>
  </si>
  <si>
    <t>226690.0</t>
  </si>
  <si>
    <t>169060.0</t>
  </si>
  <si>
    <t>63088.0</t>
  </si>
  <si>
    <t>1107920.0</t>
  </si>
  <si>
    <t>833.837</t>
  </si>
  <si>
    <t>229616.0</t>
  </si>
  <si>
    <t>171805.0</t>
  </si>
  <si>
    <t>63413.0</t>
  </si>
  <si>
    <t>1115217.0</t>
  </si>
  <si>
    <t>839.329</t>
  </si>
  <si>
    <t>235267.0</t>
  </si>
  <si>
    <t>177051.0</t>
  </si>
  <si>
    <t>63925.0</t>
  </si>
  <si>
    <t>1121122.0</t>
  </si>
  <si>
    <t>843.773</t>
  </si>
  <si>
    <t>245301.0</t>
  </si>
  <si>
    <t>185535.0</t>
  </si>
  <si>
    <t>65687.0</t>
  </si>
  <si>
    <t>1128888.0</t>
  </si>
  <si>
    <t>849.618</t>
  </si>
  <si>
    <t>251977.0</t>
  </si>
  <si>
    <t>191345.0</t>
  </si>
  <si>
    <t>1133304.0</t>
  </si>
  <si>
    <t>852.941</t>
  </si>
  <si>
    <t>254365.0</t>
  </si>
  <si>
    <t>193475.0</t>
  </si>
  <si>
    <t>67010.0</t>
  </si>
  <si>
    <t>1136630.0</t>
  </si>
  <si>
    <t>855.445</t>
  </si>
  <si>
    <t>0.1947</t>
  </si>
  <si>
    <t>254900.0</t>
  </si>
  <si>
    <t>193961.0</t>
  </si>
  <si>
    <t>67098.0</t>
  </si>
  <si>
    <t>805.1</t>
  </si>
  <si>
    <t>607.135100568298</t>
  </si>
  <si>
    <t>1143246.0</t>
  </si>
  <si>
    <t>860.424</t>
  </si>
  <si>
    <t>4.979</t>
  </si>
  <si>
    <t>4.583</t>
  </si>
  <si>
    <t>257183.0</t>
  </si>
  <si>
    <t>195902.0</t>
  </si>
  <si>
    <t>67592.0</t>
  </si>
  <si>
    <t>1148710.0</t>
  </si>
  <si>
    <t>864.536</t>
  </si>
  <si>
    <t>260742.0</t>
  </si>
  <si>
    <t>198489.0</t>
  </si>
  <si>
    <t>68727.0</t>
  </si>
  <si>
    <t>1155150.0</t>
  </si>
  <si>
    <t>869.383</t>
  </si>
  <si>
    <t>4.847</t>
  </si>
  <si>
    <t>4.294</t>
  </si>
  <si>
    <t>0.1857</t>
  </si>
  <si>
    <t>266717.0</t>
  </si>
  <si>
    <t>202948.0</t>
  </si>
  <si>
    <t>70512.0</t>
  </si>
  <si>
    <t>1161088.0</t>
  </si>
  <si>
    <t>873.852</t>
  </si>
  <si>
    <t>4.469</t>
  </si>
  <si>
    <t>278662.0</t>
  </si>
  <si>
    <t>210934.0</t>
  </si>
  <si>
    <t>74820.0</t>
  </si>
  <si>
    <t>1164158.0</t>
  </si>
  <si>
    <t>876.163</t>
  </si>
  <si>
    <t>282596.0</t>
  </si>
  <si>
    <t>214486.0</t>
  </si>
  <si>
    <t>1167810.0</t>
  </si>
  <si>
    <t>878.911</t>
  </si>
  <si>
    <t>291018.0</t>
  </si>
  <si>
    <t>222281.0</t>
  </si>
  <si>
    <t>8422.0</t>
  </si>
  <si>
    <t>1171114.0</t>
  </si>
  <si>
    <t>881.398</t>
  </si>
  <si>
    <t>0.1673</t>
  </si>
  <si>
    <t>295166.0</t>
  </si>
  <si>
    <t>226290.0</t>
  </si>
  <si>
    <t>897.6</t>
  </si>
  <si>
    <t>676.890406496217</t>
  </si>
  <si>
    <t>1177010.0</t>
  </si>
  <si>
    <t>885.835</t>
  </si>
  <si>
    <t>298660.0</t>
  </si>
  <si>
    <t>228796.0</t>
  </si>
  <si>
    <t>77599.0</t>
  </si>
  <si>
    <t>1183452.0</t>
  </si>
  <si>
    <t>890.683</t>
  </si>
  <si>
    <t>4.848</t>
  </si>
  <si>
    <t>302269.0</t>
  </si>
  <si>
    <t>231270.0</t>
  </si>
  <si>
    <t>22.79</t>
  </si>
  <si>
    <t>1188567.0</t>
  </si>
  <si>
    <t>894.533</t>
  </si>
  <si>
    <t>3.593</t>
  </si>
  <si>
    <t>308276.0</t>
  </si>
  <si>
    <t>236163.0</t>
  </si>
  <si>
    <t>80036.0</t>
  </si>
  <si>
    <t>1194470.0</t>
  </si>
  <si>
    <t>898.976</t>
  </si>
  <si>
    <t>321173.0</t>
  </si>
  <si>
    <t>247793.0</t>
  </si>
  <si>
    <t>12897.0</t>
  </si>
  <si>
    <t>1200081.0</t>
  </si>
  <si>
    <t>903.199</t>
  </si>
  <si>
    <t>3.862</t>
  </si>
  <si>
    <t>331809.0</t>
  </si>
  <si>
    <t>257361.0</t>
  </si>
  <si>
    <t>82949.0</t>
  </si>
  <si>
    <t>1203799.0</t>
  </si>
  <si>
    <t>905.997</t>
  </si>
  <si>
    <t>333435.0</t>
  </si>
  <si>
    <t>258582.0</t>
  </si>
  <si>
    <t>83393.0</t>
  </si>
  <si>
    <t>1206715.0</t>
  </si>
  <si>
    <t>908.192</t>
  </si>
  <si>
    <t>333765.0</t>
  </si>
  <si>
    <t>258867.0</t>
  </si>
  <si>
    <t>83447.0</t>
  </si>
  <si>
    <t>991.7</t>
  </si>
  <si>
    <t>747.852290688836</t>
  </si>
  <si>
    <t>1212725.0</t>
  </si>
  <si>
    <t>912.715</t>
  </si>
  <si>
    <t>335681.0</t>
  </si>
  <si>
    <t>260335.0</t>
  </si>
  <si>
    <t>1218001.0</t>
  </si>
  <si>
    <t>916.686</t>
  </si>
  <si>
    <t>338539.0</t>
  </si>
  <si>
    <t>262617.0</t>
  </si>
  <si>
    <t>1223672.0</t>
  </si>
  <si>
    <t>920.954</t>
  </si>
  <si>
    <t>345755.0</t>
  </si>
  <si>
    <t>267960.0</t>
  </si>
  <si>
    <t>86601.0</t>
  </si>
  <si>
    <t>1229108.0</t>
  </si>
  <si>
    <t>925.045</t>
  </si>
  <si>
    <t>358274.0</t>
  </si>
  <si>
    <t>277268.0</t>
  </si>
  <si>
    <t>90031.0</t>
  </si>
  <si>
    <t>1234532.0</t>
  </si>
  <si>
    <t>929.127</t>
  </si>
  <si>
    <t>4.082</t>
  </si>
  <si>
    <t>369799.0</t>
  </si>
  <si>
    <t>285489.0</t>
  </si>
  <si>
    <t>93609.0</t>
  </si>
  <si>
    <t>1241321.0</t>
  </si>
  <si>
    <t>934.237</t>
  </si>
  <si>
    <t>371858.0</t>
  </si>
  <si>
    <t>286813.0</t>
  </si>
  <si>
    <t>223.297</t>
  </si>
  <si>
    <t>1244284.0</t>
  </si>
  <si>
    <t>936.467</t>
  </si>
  <si>
    <t>373265.0</t>
  </si>
  <si>
    <t>287788.0</t>
  </si>
  <si>
    <t>94854.0</t>
  </si>
  <si>
    <t>808.407437348424</t>
  </si>
  <si>
    <t>1250503.0</t>
  </si>
  <si>
    <t>941.147</t>
  </si>
  <si>
    <t>4.062</t>
  </si>
  <si>
    <t>375877.0</t>
  </si>
  <si>
    <t>289028.0</t>
  </si>
  <si>
    <t>96272.0</t>
  </si>
  <si>
    <t>5742.0</t>
  </si>
  <si>
    <t>1255056.0</t>
  </si>
  <si>
    <t>944.574</t>
  </si>
  <si>
    <t>380103.0</t>
  </si>
  <si>
    <t>290965.0</t>
  </si>
  <si>
    <t>1260960.0</t>
  </si>
  <si>
    <t>949.017</t>
  </si>
  <si>
    <t>385202.0</t>
  </si>
  <si>
    <t>295247.0</t>
  </si>
  <si>
    <t>1266268.0</t>
  </si>
  <si>
    <t>953.012</t>
  </si>
  <si>
    <t>3.995</t>
  </si>
  <si>
    <t>396784.0</t>
  </si>
  <si>
    <t>303449.0</t>
  </si>
  <si>
    <t>103319.0</t>
  </si>
  <si>
    <t>1270905.0</t>
  </si>
  <si>
    <t>956.502</t>
  </si>
  <si>
    <t>405685.0</t>
  </si>
  <si>
    <t>309140.0</t>
  </si>
  <si>
    <t>1274513.0</t>
  </si>
  <si>
    <t>959.217</t>
  </si>
  <si>
    <t>408753.0</t>
  </si>
  <si>
    <t>310005.0</t>
  </si>
  <si>
    <t>108952.0</t>
  </si>
  <si>
    <t>30.825</t>
  </si>
  <si>
    <t>199.99</t>
  </si>
  <si>
    <t>1276544.0</t>
  </si>
  <si>
    <t>960.746</t>
  </si>
  <si>
    <t>411145.0</t>
  </si>
  <si>
    <t>311213.0</t>
  </si>
  <si>
    <t>852.070488302224</t>
  </si>
  <si>
    <t>1281758.0</t>
  </si>
  <si>
    <t>964.67</t>
  </si>
  <si>
    <t>3.924</t>
  </si>
  <si>
    <t>414375.0</t>
  </si>
  <si>
    <t>312666.0</t>
  </si>
  <si>
    <t>112032.0</t>
  </si>
  <si>
    <t>1286612.0</t>
  </si>
  <si>
    <t>968.323</t>
  </si>
  <si>
    <t>3.653</t>
  </si>
  <si>
    <t>421213.0</t>
  </si>
  <si>
    <t>316149.0</t>
  </si>
  <si>
    <t>115449.0</t>
  </si>
  <si>
    <t>1290995.0</t>
  </si>
  <si>
    <t>971.622</t>
  </si>
  <si>
    <t>432423.0</t>
  </si>
  <si>
    <t>322794.0</t>
  </si>
  <si>
    <t>120294.0</t>
  </si>
  <si>
    <t>11210.0</t>
  </si>
  <si>
    <t>1295737.0</t>
  </si>
  <si>
    <t>975.191</t>
  </si>
  <si>
    <t>447194.0</t>
  </si>
  <si>
    <t>331010.0</t>
  </si>
  <si>
    <t>127250.0</t>
  </si>
  <si>
    <t>14771.0</t>
  </si>
  <si>
    <t>1300561.0</t>
  </si>
  <si>
    <t>978.821</t>
  </si>
  <si>
    <t>459052.0</t>
  </si>
  <si>
    <t>336628.0</t>
  </si>
  <si>
    <t>133773.0</t>
  </si>
  <si>
    <t>1303683.0</t>
  </si>
  <si>
    <t>981.171</t>
  </si>
  <si>
    <t>462067.0</t>
  </si>
  <si>
    <t>337579.0</t>
  </si>
  <si>
    <t>135880.0</t>
  </si>
  <si>
    <t>31.577</t>
  </si>
  <si>
    <t>1306619.0</t>
  </si>
  <si>
    <t>983.381</t>
  </si>
  <si>
    <t>464509.0</t>
  </si>
  <si>
    <t>339139.0</t>
  </si>
  <si>
    <t>136876.0</t>
  </si>
  <si>
    <t>871.752796245128</t>
  </si>
  <si>
    <t>1312039.0</t>
  </si>
  <si>
    <t>987.46</t>
  </si>
  <si>
    <t>470249.0</t>
  </si>
  <si>
    <t>341464.0</t>
  </si>
  <si>
    <t>140445.0</t>
  </si>
  <si>
    <t>1316933.0</t>
  </si>
  <si>
    <t>991.143</t>
  </si>
  <si>
    <t>478942.0</t>
  </si>
  <si>
    <t>346424.0</t>
  </si>
  <si>
    <t>144406.0</t>
  </si>
  <si>
    <t>1321362.0</t>
  </si>
  <si>
    <t>994.477</t>
  </si>
  <si>
    <t>492037.0</t>
  </si>
  <si>
    <t>353687.0</t>
  </si>
  <si>
    <t>150575.0</t>
  </si>
  <si>
    <t>13095.0</t>
  </si>
  <si>
    <t>1326313.0</t>
  </si>
  <si>
    <t>998.203</t>
  </si>
  <si>
    <t>3.287</t>
  </si>
  <si>
    <t>0.0814</t>
  </si>
  <si>
    <t>509595.0</t>
  </si>
  <si>
    <t>362296.0</t>
  </si>
  <si>
    <t>160035.0</t>
  </si>
  <si>
    <t>17558.0</t>
  </si>
  <si>
    <t>217.938</t>
  </si>
  <si>
    <t>1331207.0</t>
  </si>
  <si>
    <t>1001.886</t>
  </si>
  <si>
    <t>3.295</t>
  </si>
  <si>
    <t>523353.0</t>
  </si>
  <si>
    <t>368568.0</t>
  </si>
  <si>
    <t>167942.0</t>
  </si>
  <si>
    <t>1334401.0</t>
  </si>
  <si>
    <t>1004.29</t>
  </si>
  <si>
    <t>528859.0</t>
  </si>
  <si>
    <t>371628.0</t>
  </si>
  <si>
    <t>170563.0</t>
  </si>
  <si>
    <t>1337335.0</t>
  </si>
  <si>
    <t>1006.498</t>
  </si>
  <si>
    <t>532055.0</t>
  </si>
  <si>
    <t>372794.0</t>
  </si>
  <si>
    <t>1213.9</t>
  </si>
  <si>
    <t>915.415847198929</t>
  </si>
  <si>
    <t>1342732.0</t>
  </si>
  <si>
    <t>1010.56</t>
  </si>
  <si>
    <t>536372.0</t>
  </si>
  <si>
    <t>374984.0</t>
  </si>
  <si>
    <t>175057.0</t>
  </si>
  <si>
    <t>6692.0</t>
  </si>
  <si>
    <t>9446.0</t>
  </si>
  <si>
    <t>1347459.0</t>
  </si>
  <si>
    <t>1014.118</t>
  </si>
  <si>
    <t>378722.0</t>
  </si>
  <si>
    <t>177754.0</t>
  </si>
  <si>
    <t>177.97</t>
  </si>
  <si>
    <t>1351789.0</t>
  </si>
  <si>
    <t>1017.376</t>
  </si>
  <si>
    <t>552681.0</t>
  </si>
  <si>
    <t>384717.0</t>
  </si>
  <si>
    <t>182310.0</t>
  </si>
  <si>
    <t>1356898.0</t>
  </si>
  <si>
    <t>1021.221</t>
  </si>
  <si>
    <t>3.288</t>
  </si>
  <si>
    <t>565606.0</t>
  </si>
  <si>
    <t>390529.0</t>
  </si>
  <si>
    <t>189885.0</t>
  </si>
  <si>
    <t>1361957.0</t>
  </si>
  <si>
    <t>1025.029</t>
  </si>
  <si>
    <t>3.807</t>
  </si>
  <si>
    <t>574373.0</t>
  </si>
  <si>
    <t>396645.0</t>
  </si>
  <si>
    <t>193217.0</t>
  </si>
  <si>
    <t>1365371.0</t>
  </si>
  <si>
    <t>1027.598</t>
  </si>
  <si>
    <t>577826.0</t>
  </si>
  <si>
    <t>399777.0</t>
  </si>
  <si>
    <t>193795.0</t>
  </si>
  <si>
    <t>1029.768</t>
  </si>
  <si>
    <t>578789.0</t>
  </si>
  <si>
    <t>400709.0</t>
  </si>
  <si>
    <t>193964.0</t>
  </si>
  <si>
    <t>1271.6</t>
  </si>
  <si>
    <t>958.928075869641</t>
  </si>
  <si>
    <t>1374185.0</t>
  </si>
  <si>
    <t>1034.232</t>
  </si>
  <si>
    <t>585730.0</t>
  </si>
  <si>
    <t>406596.0</t>
  </si>
  <si>
    <t>195992.0</t>
  </si>
  <si>
    <t>1378987.0</t>
  </si>
  <si>
    <t>1037.846</t>
  </si>
  <si>
    <t>593642.0</t>
  </si>
  <si>
    <t>412451.0</t>
  </si>
  <si>
    <t>198980.0</t>
  </si>
  <si>
    <t>150.822</t>
  </si>
  <si>
    <t>1383483.0</t>
  </si>
  <si>
    <t>1041.23</t>
  </si>
  <si>
    <t>602617.0</t>
  </si>
  <si>
    <t>417672.0</t>
  </si>
  <si>
    <t>203924.0</t>
  </si>
  <si>
    <t>1388207.0</t>
  </si>
  <si>
    <t>1044.785</t>
  </si>
  <si>
    <t>3.366</t>
  </si>
  <si>
    <t>617321.0</t>
  </si>
  <si>
    <t>422990.0</t>
  </si>
  <si>
    <t>214697.0</t>
  </si>
  <si>
    <t>8239.0</t>
  </si>
  <si>
    <t>7388.0</t>
  </si>
  <si>
    <t>1392929.0</t>
  </si>
  <si>
    <t>1048.339</t>
  </si>
  <si>
    <t>631601.0</t>
  </si>
  <si>
    <t>429603.0</t>
  </si>
  <si>
    <t>223934.0</t>
  </si>
  <si>
    <t>1396424.0</t>
  </si>
  <si>
    <t>1050.969</t>
  </si>
  <si>
    <t>636462.0</t>
  </si>
  <si>
    <t>433702.0</t>
  </si>
  <si>
    <t>225516.0</t>
  </si>
  <si>
    <t>1399037.0</t>
  </si>
  <si>
    <t>1052.936</t>
  </si>
  <si>
    <t>640190.0</t>
  </si>
  <si>
    <t>437034.0</t>
  </si>
  <si>
    <t>1280.7</t>
  </si>
  <si>
    <t>965.790489750118</t>
  </si>
  <si>
    <t>1403957.0</t>
  </si>
  <si>
    <t>1056.639</t>
  </si>
  <si>
    <t>645688.0</t>
  </si>
  <si>
    <t>441415.0</t>
  </si>
  <si>
    <t>228724.0</t>
  </si>
  <si>
    <t>1408181.0</t>
  </si>
  <si>
    <t>1059.818</t>
  </si>
  <si>
    <t>652699.0</t>
  </si>
  <si>
    <t>446394.0</t>
  </si>
  <si>
    <t>231552.0</t>
  </si>
  <si>
    <t>6362.0</t>
  </si>
  <si>
    <t>1412095.0</t>
  </si>
  <si>
    <t>1062.764</t>
  </si>
  <si>
    <t>664107.0</t>
  </si>
  <si>
    <t>452178.0</t>
  </si>
  <si>
    <t>238172.0</t>
  </si>
  <si>
    <t>1416180.0</t>
  </si>
  <si>
    <t>1065.838</t>
  </si>
  <si>
    <t>680266.0</t>
  </si>
  <si>
    <t>457909.0</t>
  </si>
  <si>
    <t>249717.0</t>
  </si>
  <si>
    <t>1420214.0</t>
  </si>
  <si>
    <t>1068.874</t>
  </si>
  <si>
    <t>692755.0</t>
  </si>
  <si>
    <t>462637.0</t>
  </si>
  <si>
    <t>259407.0</t>
  </si>
  <si>
    <t>1423431.0</t>
  </si>
  <si>
    <t>1071.295</t>
  </si>
  <si>
    <t>697962.0</t>
  </si>
  <si>
    <t>466471.0</t>
  </si>
  <si>
    <t>261899.0</t>
  </si>
  <si>
    <t>1426333.0</t>
  </si>
  <si>
    <t>1073.479</t>
  </si>
  <si>
    <t>702499.0</t>
  </si>
  <si>
    <t>470002.0</t>
  </si>
  <si>
    <t>263503.0</t>
  </si>
  <si>
    <t>1308.4</t>
  </si>
  <si>
    <t>986.679375957722</t>
  </si>
  <si>
    <t>1430724.0</t>
  </si>
  <si>
    <t>1076.784</t>
  </si>
  <si>
    <t>706215.0</t>
  </si>
  <si>
    <t>472303.0</t>
  </si>
  <si>
    <t>265496.0</t>
  </si>
  <si>
    <t>9436.0</t>
  </si>
  <si>
    <t>1436911.0</t>
  </si>
  <si>
    <t>1081.44</t>
  </si>
  <si>
    <t>714783.0</t>
  </si>
  <si>
    <t>478048.0</t>
  </si>
  <si>
    <t>269831.0</t>
  </si>
  <si>
    <t>1440881.0</t>
  </si>
  <si>
    <t>1084.428</t>
  </si>
  <si>
    <t>725758.0</t>
  </si>
  <si>
    <t>483805.0</t>
  </si>
  <si>
    <t>275848.0</t>
  </si>
  <si>
    <t>76.165</t>
  </si>
  <si>
    <t>1445143.0</t>
  </si>
  <si>
    <t>1087.636</t>
  </si>
  <si>
    <t>739767.0</t>
  </si>
  <si>
    <t>489917.0</t>
  </si>
  <si>
    <t>284482.0</t>
  </si>
  <si>
    <t>1449117.0</t>
  </si>
  <si>
    <t>1090.627</t>
  </si>
  <si>
    <t>751398.0</t>
  </si>
  <si>
    <t>291949.0</t>
  </si>
  <si>
    <t>1451935.0</t>
  </si>
  <si>
    <t>1092.748</t>
  </si>
  <si>
    <t>756601.0</t>
  </si>
  <si>
    <t>498389.0</t>
  </si>
  <si>
    <t>295187.0</t>
  </si>
  <si>
    <t>1454537.0</t>
  </si>
  <si>
    <t>1094.706</t>
  </si>
  <si>
    <t>761817.0</t>
  </si>
  <si>
    <t>500006.0</t>
  </si>
  <si>
    <t>298907.0</t>
  </si>
  <si>
    <t>1322.3</t>
  </si>
  <si>
    <t>997.161524632295</t>
  </si>
  <si>
    <t>1458619.0</t>
  </si>
  <si>
    <t>1097.778</t>
  </si>
  <si>
    <t>768098.0</t>
  </si>
  <si>
    <t>502983.0</t>
  </si>
  <si>
    <t>302865.0</t>
  </si>
  <si>
    <t>1462560.0</t>
  </si>
  <si>
    <t>1100.744</t>
  </si>
  <si>
    <t>777670.0</t>
  </si>
  <si>
    <t>507204.0</t>
  </si>
  <si>
    <t>308916.0</t>
  </si>
  <si>
    <t>1466052.0</t>
  </si>
  <si>
    <t>1103.372</t>
  </si>
  <si>
    <t>791135.0</t>
  </si>
  <si>
    <t>511544.0</t>
  </si>
  <si>
    <t>318624.0</t>
  </si>
  <si>
    <t>1469736.0</t>
  </si>
  <si>
    <t>1106.145</t>
  </si>
  <si>
    <t>806059.0</t>
  </si>
  <si>
    <t>515867.0</t>
  </si>
  <si>
    <t>329725.0</t>
  </si>
  <si>
    <t>1473575.0</t>
  </si>
  <si>
    <t>1109.034</t>
  </si>
  <si>
    <t>519285.0</t>
  </si>
  <si>
    <t>338647.0</t>
  </si>
  <si>
    <t>1476326.0</t>
  </si>
  <si>
    <t>1111.105</t>
  </si>
  <si>
    <t>824759.0</t>
  </si>
  <si>
    <t>521486.0</t>
  </si>
  <si>
    <t>343410.0</t>
  </si>
  <si>
    <t>11562.0</t>
  </si>
  <si>
    <t>39.33</t>
  </si>
  <si>
    <t>45.247</t>
  </si>
  <si>
    <t>1478747.0</t>
  </si>
  <si>
    <t>1112.927</t>
  </si>
  <si>
    <t>829336.0</t>
  </si>
  <si>
    <t>523175.0</t>
  </si>
  <si>
    <t>346485.0</t>
  </si>
  <si>
    <t>11621.0</t>
  </si>
  <si>
    <t>1011.26340810097</t>
  </si>
  <si>
    <t>1483489.0</t>
  </si>
  <si>
    <t>1116.496</t>
  </si>
  <si>
    <t>837097.0</t>
  </si>
  <si>
    <t>526329.0</t>
  </si>
  <si>
    <t>351675.0</t>
  </si>
  <si>
    <t>40.722</t>
  </si>
  <si>
    <t>1487642.0</t>
  </si>
  <si>
    <t>1119.621</t>
  </si>
  <si>
    <t>847649.0</t>
  </si>
  <si>
    <t>529772.0</t>
  </si>
  <si>
    <t>359144.0</t>
  </si>
  <si>
    <t>1491864.0</t>
  </si>
  <si>
    <t>1122.799</t>
  </si>
  <si>
    <t>860889.0</t>
  </si>
  <si>
    <t>532687.0</t>
  </si>
  <si>
    <t>369846.0</t>
  </si>
  <si>
    <t>1495701.0</t>
  </si>
  <si>
    <t>1125.687</t>
  </si>
  <si>
    <t>875010.0</t>
  </si>
  <si>
    <t>535594.0</t>
  </si>
  <si>
    <t>381399.0</t>
  </si>
  <si>
    <t>36.951</t>
  </si>
  <si>
    <t>1499623.0</t>
  </si>
  <si>
    <t>1128.638</t>
  </si>
  <si>
    <t>889052.0</t>
  </si>
  <si>
    <t>540074.0</t>
  </si>
  <si>
    <t>392698.0</t>
  </si>
  <si>
    <t>1502535.0</t>
  </si>
  <si>
    <t>1130.83</t>
  </si>
  <si>
    <t>895311.0</t>
  </si>
  <si>
    <t>541694.0</t>
  </si>
  <si>
    <t>397550.0</t>
  </si>
  <si>
    <t>1504698.0</t>
  </si>
  <si>
    <t>1132.458</t>
  </si>
  <si>
    <t>899352.0</t>
  </si>
  <si>
    <t>543467.0</t>
  </si>
  <si>
    <t>400203.0</t>
  </si>
  <si>
    <t>1364.5</t>
  </si>
  <si>
    <t>1028.98502636374</t>
  </si>
  <si>
    <t>1508282.0</t>
  </si>
  <si>
    <t>1135.155</t>
  </si>
  <si>
    <t>907975.0</t>
  </si>
  <si>
    <t>546358.0</t>
  </si>
  <si>
    <t>406682.0</t>
  </si>
  <si>
    <t>1511294.0</t>
  </si>
  <si>
    <t>1137.422</t>
  </si>
  <si>
    <t>913835.0</t>
  </si>
  <si>
    <t>548179.0</t>
  </si>
  <si>
    <t>411035.0</t>
  </si>
  <si>
    <t>1513217.0</t>
  </si>
  <si>
    <t>1138.869</t>
  </si>
  <si>
    <t>548182.0</t>
  </si>
  <si>
    <t>411156.0</t>
  </si>
  <si>
    <t>7582.0</t>
  </si>
  <si>
    <t>1515183.0</t>
  </si>
  <si>
    <t>1140.349</t>
  </si>
  <si>
    <t>914137.0</t>
  </si>
  <si>
    <t>548218.0</t>
  </si>
  <si>
    <t>411311.0</t>
  </si>
  <si>
    <t>1518676.0</t>
  </si>
  <si>
    <t>1142.978</t>
  </si>
  <si>
    <t>921780.0</t>
  </si>
  <si>
    <t>550227.0</t>
  </si>
  <si>
    <t>417314.0</t>
  </si>
  <si>
    <t>1521184.0</t>
  </si>
  <si>
    <t>1144.866</t>
  </si>
  <si>
    <t>926234.0</t>
  </si>
  <si>
    <t>551375.0</t>
  </si>
  <si>
    <t>420968.0</t>
  </si>
  <si>
    <t>1523363.0</t>
  </si>
  <si>
    <t>1146.505</t>
  </si>
  <si>
    <t>930659.0</t>
  </si>
  <si>
    <t>552598.0</t>
  </si>
  <si>
    <t>424516.0</t>
  </si>
  <si>
    <t>1482.8</t>
  </si>
  <si>
    <t>1118.19640680993</t>
  </si>
  <si>
    <t>1527142.0</t>
  </si>
  <si>
    <t>1149.35</t>
  </si>
  <si>
    <t>938139.0</t>
  </si>
  <si>
    <t>554518.0</t>
  </si>
  <si>
    <t>430580.0</t>
  </si>
  <si>
    <t>14023.0</t>
  </si>
  <si>
    <t>1530265.0</t>
  </si>
  <si>
    <t>1151.7</t>
  </si>
  <si>
    <t>946546.0</t>
  </si>
  <si>
    <t>556695.0</t>
  </si>
  <si>
    <t>437139.0</t>
  </si>
  <si>
    <t>1533112.0</t>
  </si>
  <si>
    <t>1153.843</t>
  </si>
  <si>
    <t>955406.0</t>
  </si>
  <si>
    <t>559123.0</t>
  </si>
  <si>
    <t>444115.0</t>
  </si>
  <si>
    <t>14433.0</t>
  </si>
  <si>
    <t>1536090.0</t>
  </si>
  <si>
    <t>1156.084</t>
  </si>
  <si>
    <t>962791.0</t>
  </si>
  <si>
    <t>561513.0</t>
  </si>
  <si>
    <t>449571.0</t>
  </si>
  <si>
    <t>14652.0</t>
  </si>
  <si>
    <t>1539042.0</t>
  </si>
  <si>
    <t>1158.306</t>
  </si>
  <si>
    <t>970193.0</t>
  </si>
  <si>
    <t>563857.0</t>
  </si>
  <si>
    <t>455281.0</t>
  </si>
  <si>
    <t>1159.899</t>
  </si>
  <si>
    <t>975224.0</t>
  </si>
  <si>
    <t>565197.0</t>
  </si>
  <si>
    <t>459485.0</t>
  </si>
  <si>
    <t>1542863.0</t>
  </si>
  <si>
    <t>1161.181</t>
  </si>
  <si>
    <t>980746.0</t>
  </si>
  <si>
    <t>566548.0</t>
  </si>
  <si>
    <t>464293.0</t>
  </si>
  <si>
    <t>1529.3</t>
  </si>
  <si>
    <t>1153.26258762775</t>
  </si>
  <si>
    <t>1545752.0</t>
  </si>
  <si>
    <t>1163.356</t>
  </si>
  <si>
    <t>985360.0</t>
  </si>
  <si>
    <t>569076.0</t>
  </si>
  <si>
    <t>466994.0</t>
  </si>
  <si>
    <t>15211.0</t>
  </si>
  <si>
    <t>1548398.0</t>
  </si>
  <si>
    <t>1165.347</t>
  </si>
  <si>
    <t>993706.0</t>
  </si>
  <si>
    <t>571643.0</t>
  </si>
  <si>
    <t>473311.0</t>
  </si>
  <si>
    <t>15416.0</t>
  </si>
  <si>
    <t>1550991.0</t>
  </si>
  <si>
    <t>1167.299</t>
  </si>
  <si>
    <t>1000305.0</t>
  </si>
  <si>
    <t>574146.0</t>
  </si>
  <si>
    <t>478029.0</t>
  </si>
  <si>
    <t>15645.0</t>
  </si>
  <si>
    <t>1554353.0</t>
  </si>
  <si>
    <t>1169.829</t>
  </si>
  <si>
    <t>1008416.0</t>
  </si>
  <si>
    <t>576799.0</t>
  </si>
  <si>
    <t>484054.0</t>
  </si>
  <si>
    <t>1558485.0</t>
  </si>
  <si>
    <t>1172.939</t>
  </si>
  <si>
    <t>1015043.0</t>
  </si>
  <si>
    <t>579670.0</t>
  </si>
  <si>
    <t>488617.0</t>
  </si>
  <si>
    <t>1561248.0</t>
  </si>
  <si>
    <t>1175.018</t>
  </si>
  <si>
    <t>1018317.0</t>
  </si>
  <si>
    <t>581224.0</t>
  </si>
  <si>
    <t>490785.0</t>
  </si>
  <si>
    <t>1563601.0</t>
  </si>
  <si>
    <t>1176.789</t>
  </si>
  <si>
    <t>1023064.0</t>
  </si>
  <si>
    <t>582792.0</t>
  </si>
  <si>
    <t>494148.0</t>
  </si>
  <si>
    <t>1633.4</t>
  </si>
  <si>
    <t>1231.76558597473</t>
  </si>
  <si>
    <t>1567105.0</t>
  </si>
  <si>
    <t>1179.426</t>
  </si>
  <si>
    <t>1027526.0</t>
  </si>
  <si>
    <t>584633.0</t>
  </si>
  <si>
    <t>497300.0</t>
  </si>
  <si>
    <t>1570112.0</t>
  </si>
  <si>
    <t>1181.689</t>
  </si>
  <si>
    <t>1034168.0</t>
  </si>
  <si>
    <t>587075.0</t>
  </si>
  <si>
    <t>502239.0</t>
  </si>
  <si>
    <t>1572864.0</t>
  </si>
  <si>
    <t>1183.761</t>
  </si>
  <si>
    <t>1041302.0</t>
  </si>
  <si>
    <t>589333.0</t>
  </si>
  <si>
    <t>507664.0</t>
  </si>
  <si>
    <t>1576528.0</t>
  </si>
  <si>
    <t>1186.518</t>
  </si>
  <si>
    <t>1048802.0</t>
  </si>
  <si>
    <t>592308.0</t>
  </si>
  <si>
    <t>513342.0</t>
  </si>
  <si>
    <t>17094.0</t>
  </si>
  <si>
    <t>1579609.0</t>
  </si>
  <si>
    <t>1188.837</t>
  </si>
  <si>
    <t>1053795.0</t>
  </si>
  <si>
    <t>594303.0</t>
  </si>
  <si>
    <t>517142.0</t>
  </si>
  <si>
    <t>1583135.0</t>
  </si>
  <si>
    <t>1191.491</t>
  </si>
  <si>
    <t>1055673.0</t>
  </si>
  <si>
    <t>595572.0</t>
  </si>
  <si>
    <t>518283.0</t>
  </si>
  <si>
    <t>17335.0</t>
  </si>
  <si>
    <t>1585222.0</t>
  </si>
  <si>
    <t>1193.061</t>
  </si>
  <si>
    <t>1060010.0</t>
  </si>
  <si>
    <t>598617.0</t>
  </si>
  <si>
    <t>520522.0</t>
  </si>
  <si>
    <t>1690.3</t>
  </si>
  <si>
    <t>1274.6745255131</t>
  </si>
  <si>
    <t>1588345.0</t>
  </si>
  <si>
    <t>1195.412</t>
  </si>
  <si>
    <t>1065853.0</t>
  </si>
  <si>
    <t>601727.0</t>
  </si>
  <si>
    <t>524340.0</t>
  </si>
  <si>
    <t>1591105.0</t>
  </si>
  <si>
    <t>1197.489</t>
  </si>
  <si>
    <t>1074012.0</t>
  </si>
  <si>
    <t>605027.0</t>
  </si>
  <si>
    <t>530141.0</t>
  </si>
  <si>
    <t>45.63</t>
  </si>
  <si>
    <t>1593797.0</t>
  </si>
  <si>
    <t>1199.515</t>
  </si>
  <si>
    <t>1080914.0</t>
  </si>
  <si>
    <t>608079.0</t>
  </si>
  <si>
    <t>534729.0</t>
  </si>
  <si>
    <t>1596637.0</t>
  </si>
  <si>
    <t>1201.653</t>
  </si>
  <si>
    <t>1088661.0</t>
  </si>
  <si>
    <t>611854.0</t>
  </si>
  <si>
    <t>540050.0</t>
  </si>
  <si>
    <t>18060.0</t>
  </si>
  <si>
    <t>1599720.0</t>
  </si>
  <si>
    <t>1203.973</t>
  </si>
  <si>
    <t>1096084.0</t>
  </si>
  <si>
    <t>616031.0</t>
  </si>
  <si>
    <t>544390.0</t>
  </si>
  <si>
    <t>1601794.0</t>
  </si>
  <si>
    <t>1205.534</t>
  </si>
  <si>
    <t>1099427.0</t>
  </si>
  <si>
    <t>618378.0</t>
  </si>
  <si>
    <t>546177.0</t>
  </si>
  <si>
    <t>18267.0</t>
  </si>
  <si>
    <t>1603721.0</t>
  </si>
  <si>
    <t>1206.984</t>
  </si>
  <si>
    <t>1102640.0</t>
  </si>
  <si>
    <t>620637.0</t>
  </si>
  <si>
    <t>547970.0</t>
  </si>
  <si>
    <t>18328.0</t>
  </si>
  <si>
    <t>1692.6</t>
  </si>
  <si>
    <t>1276.4089817686</t>
  </si>
  <si>
    <t>1606966.0</t>
  </si>
  <si>
    <t>1209.426</t>
  </si>
  <si>
    <t>1108229.0</t>
  </si>
  <si>
    <t>623861.0</t>
  </si>
  <si>
    <t>551310.0</t>
  </si>
  <si>
    <t>1610138.0</t>
  </si>
  <si>
    <t>1211.814</t>
  </si>
  <si>
    <t>1114364.0</t>
  </si>
  <si>
    <t>626516.0</t>
  </si>
  <si>
    <t>555489.0</t>
  </si>
  <si>
    <t>18580.0</t>
  </si>
  <si>
    <t>1613262.0</t>
  </si>
  <si>
    <t>1214.165</t>
  </si>
  <si>
    <t>1119882.0</t>
  </si>
  <si>
    <t>629582.0</t>
  </si>
  <si>
    <t>558802.0</t>
  </si>
  <si>
    <t>18738.0</t>
  </si>
  <si>
    <t>1616532.0</t>
  </si>
  <si>
    <t>1216.626</t>
  </si>
  <si>
    <t>1125107.0</t>
  </si>
  <si>
    <t>632985.0</t>
  </si>
  <si>
    <t>561360.0</t>
  </si>
  <si>
    <t>18880.0</t>
  </si>
  <si>
    <t>1620083.0</t>
  </si>
  <si>
    <t>1219.298</t>
  </si>
  <si>
    <t>1130246.0</t>
  </si>
  <si>
    <t>636204.0</t>
  </si>
  <si>
    <t>563957.0</t>
  </si>
  <si>
    <t>1622332.0</t>
  </si>
  <si>
    <t>1220.991</t>
  </si>
  <si>
    <t>1133208.0</t>
  </si>
  <si>
    <t>638257.0</t>
  </si>
  <si>
    <t>565549.0</t>
  </si>
  <si>
    <t>1624273.0</t>
  </si>
  <si>
    <t>1222.452</t>
  </si>
  <si>
    <t>1135997.0</t>
  </si>
  <si>
    <t>640235.0</t>
  </si>
  <si>
    <t>567036.0</t>
  </si>
  <si>
    <t>1693.3</t>
  </si>
  <si>
    <t>1276.93685975941</t>
  </si>
  <si>
    <t>1628191.0</t>
  </si>
  <si>
    <t>1225.401</t>
  </si>
  <si>
    <t>1141908.0</t>
  </si>
  <si>
    <t>644062.0</t>
  </si>
  <si>
    <t>569937.0</t>
  </si>
  <si>
    <t>19336.0</t>
  </si>
  <si>
    <t>1631818.0</t>
  </si>
  <si>
    <t>1228.13</t>
  </si>
  <si>
    <t>1148161.0</t>
  </si>
  <si>
    <t>648354.0</t>
  </si>
  <si>
    <t>572863.0</t>
  </si>
  <si>
    <t>1635282.0</t>
  </si>
  <si>
    <t>1230.737</t>
  </si>
  <si>
    <t>1154324.0</t>
  </si>
  <si>
    <t>653067.0</t>
  </si>
  <si>
    <t>575958.0</t>
  </si>
  <si>
    <t>1639138.0</t>
  </si>
  <si>
    <t>1233.639</t>
  </si>
  <si>
    <t>1159724.0</t>
  </si>
  <si>
    <t>657007.0</t>
  </si>
  <si>
    <t>578601.0</t>
  </si>
  <si>
    <t>19850.0</t>
  </si>
  <si>
    <t>1647937.0</t>
  </si>
  <si>
    <t>1240.262</t>
  </si>
  <si>
    <t>6.622</t>
  </si>
  <si>
    <t>1166475.0</t>
  </si>
  <si>
    <t>661963.0</t>
  </si>
  <si>
    <t>581804.0</t>
  </si>
  <si>
    <t>20062.0</t>
  </si>
  <si>
    <t>1650821.0</t>
  </si>
  <si>
    <t>1242.432</t>
  </si>
  <si>
    <t>1170024.0</t>
  </si>
  <si>
    <t>664589.0</t>
  </si>
  <si>
    <t>583518.0</t>
  </si>
  <si>
    <t>20169.0</t>
  </si>
  <si>
    <t>1653620.0</t>
  </si>
  <si>
    <t>1244.539</t>
  </si>
  <si>
    <t>666305.0</t>
  </si>
  <si>
    <t>584367.0</t>
  </si>
  <si>
    <t>20241.0</t>
  </si>
  <si>
    <t>1731.6</t>
  </si>
  <si>
    <t>1305.81932697064</t>
  </si>
  <si>
    <t>1661384.0</t>
  </si>
  <si>
    <t>1250.382</t>
  </si>
  <si>
    <t>5.843</t>
  </si>
  <si>
    <t>1177606.0</t>
  </si>
  <si>
    <t>670191.0</t>
  </si>
  <si>
    <t>587316.0</t>
  </si>
  <si>
    <t>1668116.0</t>
  </si>
  <si>
    <t>1255.449</t>
  </si>
  <si>
    <t>3.902</t>
  </si>
  <si>
    <t>1183757.0</t>
  </si>
  <si>
    <t>590598.0</t>
  </si>
  <si>
    <t>1674125.0</t>
  </si>
  <si>
    <t>1259.971</t>
  </si>
  <si>
    <t>1189487.0</t>
  </si>
  <si>
    <t>678337.0</t>
  </si>
  <si>
    <t>593486.0</t>
  </si>
  <si>
    <t>20779.0</t>
  </si>
  <si>
    <t>1682016.0</t>
  </si>
  <si>
    <t>1265.91</t>
  </si>
  <si>
    <t>1195185.0</t>
  </si>
  <si>
    <t>682098.0</t>
  </si>
  <si>
    <t>596346.0</t>
  </si>
  <si>
    <t>20966.0</t>
  </si>
  <si>
    <t>1686229.0</t>
  </si>
  <si>
    <t>1269.081</t>
  </si>
  <si>
    <t>1201118.0</t>
  </si>
  <si>
    <t>686064.0</t>
  </si>
  <si>
    <t>599442.0</t>
  </si>
  <si>
    <t>21209.0</t>
  </si>
  <si>
    <t>1690675.0</t>
  </si>
  <si>
    <t>1272.427</t>
  </si>
  <si>
    <t>1205705.0</t>
  </si>
  <si>
    <t>688877.0</t>
  </si>
  <si>
    <t>1693360.0</t>
  </si>
  <si>
    <t>1274.448</t>
  </si>
  <si>
    <t>1208070.0</t>
  </si>
  <si>
    <t>690440.0</t>
  </si>
  <si>
    <t>603151.0</t>
  </si>
  <si>
    <t>21483.0</t>
  </si>
  <si>
    <t>1751.7</t>
  </si>
  <si>
    <t>1320.97696642093</t>
  </si>
  <si>
    <t>1698339.0</t>
  </si>
  <si>
    <t>1278.195</t>
  </si>
  <si>
    <t>1213469.0</t>
  </si>
  <si>
    <t>693673.0</t>
  </si>
  <si>
    <t>606215.0</t>
  </si>
  <si>
    <t>21671.0</t>
  </si>
  <si>
    <t>91.51</t>
  </si>
  <si>
    <t>1702590.0</t>
  </si>
  <si>
    <t>1281.394</t>
  </si>
  <si>
    <t>3.199</t>
  </si>
  <si>
    <t>1218364.0</t>
  </si>
  <si>
    <t>696554.0</t>
  </si>
  <si>
    <t>608871.0</t>
  </si>
  <si>
    <t>21855.0</t>
  </si>
  <si>
    <t>1707225.0</t>
  </si>
  <si>
    <t>1284.883</t>
  </si>
  <si>
    <t>3.488</t>
  </si>
  <si>
    <t>1223652.0</t>
  </si>
  <si>
    <t>699806.0</t>
  </si>
  <si>
    <t>611597.0</t>
  </si>
  <si>
    <t>1711667.0</t>
  </si>
  <si>
    <t>1288.226</t>
  </si>
  <si>
    <t>3.188</t>
  </si>
  <si>
    <t>1229438.0</t>
  </si>
  <si>
    <t>703068.0</t>
  </si>
  <si>
    <t>614950.0</t>
  </si>
  <si>
    <t>22334.0</t>
  </si>
  <si>
    <t>92.71</t>
  </si>
  <si>
    <t>1714787.0</t>
  </si>
  <si>
    <t>1290.574</t>
  </si>
  <si>
    <t>1230857.0</t>
  </si>
  <si>
    <t>703904.0</t>
  </si>
  <si>
    <t>615727.0</t>
  </si>
  <si>
    <t>92.82</t>
  </si>
  <si>
    <t>1717159.0</t>
  </si>
  <si>
    <t>1292.359</t>
  </si>
  <si>
    <t>1233654.0</t>
  </si>
  <si>
    <t>705746.0</t>
  </si>
  <si>
    <t>617038.0</t>
  </si>
  <si>
    <t>93.03</t>
  </si>
  <si>
    <t>1720833.0</t>
  </si>
  <si>
    <t>1295.124</t>
  </si>
  <si>
    <t>1235055.0</t>
  </si>
  <si>
    <t>706928.0</t>
  </si>
  <si>
    <t>617523.0</t>
  </si>
  <si>
    <t>22569.0</t>
  </si>
  <si>
    <t>93.14</t>
  </si>
  <si>
    <t>1757.8</t>
  </si>
  <si>
    <t>1325.57704605509</t>
  </si>
  <si>
    <t>1725766.0</t>
  </si>
  <si>
    <t>1298.837</t>
  </si>
  <si>
    <t>1239182.0</t>
  </si>
  <si>
    <t>709312.0</t>
  </si>
  <si>
    <t>619782.0</t>
  </si>
  <si>
    <t>1730990.0</t>
  </si>
  <si>
    <t>1302.769</t>
  </si>
  <si>
    <t>1243338.0</t>
  </si>
  <si>
    <t>711593.0</t>
  </si>
  <si>
    <t>622132.0</t>
  </si>
  <si>
    <t>93.76</t>
  </si>
  <si>
    <t>1735949.0</t>
  </si>
  <si>
    <t>1306.501</t>
  </si>
  <si>
    <t>3.732</t>
  </si>
  <si>
    <t>1247873.0</t>
  </si>
  <si>
    <t>714169.0</t>
  </si>
  <si>
    <t>624711.0</t>
  </si>
  <si>
    <t>79.936</t>
  </si>
  <si>
    <t>1740389.0</t>
  </si>
  <si>
    <t>1309.842</t>
  </si>
  <si>
    <t>1251614.0</t>
  </si>
  <si>
    <t>716245.0</t>
  </si>
  <si>
    <t>626811.0</t>
  </si>
  <si>
    <t>1745087.0</t>
  </si>
  <si>
    <t>1313.378</t>
  </si>
  <si>
    <t>1256431.0</t>
  </si>
  <si>
    <t>719119.0</t>
  </si>
  <si>
    <t>629368.0</t>
  </si>
  <si>
    <t>1749465.0</t>
  </si>
  <si>
    <t>1316.673</t>
  </si>
  <si>
    <t>1260098.0</t>
  </si>
  <si>
    <t>721382.0</t>
  </si>
  <si>
    <t>631289.0</t>
  </si>
  <si>
    <t>23895.0</t>
  </si>
  <si>
    <t>1752199.0</t>
  </si>
  <si>
    <t>1318.731</t>
  </si>
  <si>
    <t>1263849.0</t>
  </si>
  <si>
    <t>723249.0</t>
  </si>
  <si>
    <t>633499.0</t>
  </si>
  <si>
    <t>24081.0</t>
  </si>
  <si>
    <t>1787.9</t>
  </si>
  <si>
    <t>1348.27579965974</t>
  </si>
  <si>
    <t>1757573.0</t>
  </si>
  <si>
    <t>1322.775</t>
  </si>
  <si>
    <t>1267708.0</t>
  </si>
  <si>
    <t>725049.0</t>
  </si>
  <si>
    <t>635958.0</t>
  </si>
  <si>
    <t>1762350.0</t>
  </si>
  <si>
    <t>1326.371</t>
  </si>
  <si>
    <t>1272763.0</t>
  </si>
  <si>
    <t>726847.0</t>
  </si>
  <si>
    <t>639562.0</t>
  </si>
  <si>
    <t>1767036.0</t>
  </si>
  <si>
    <t>1329.897</t>
  </si>
  <si>
    <t>1275123.0</t>
  </si>
  <si>
    <t>727863.0</t>
  </si>
  <si>
    <t>641053.0</t>
  </si>
  <si>
    <t>1772095.0</t>
  </si>
  <si>
    <t>1333.705</t>
  </si>
  <si>
    <t>1278629.0</t>
  </si>
  <si>
    <t>729504.0</t>
  </si>
  <si>
    <t>643332.0</t>
  </si>
  <si>
    <t>96.42</t>
  </si>
  <si>
    <t>1777215.0</t>
  </si>
  <si>
    <t>1337.558</t>
  </si>
  <si>
    <t>1281939.0</t>
  </si>
  <si>
    <t>730985.0</t>
  </si>
  <si>
    <t>645512.0</t>
  </si>
  <si>
    <t>25147.0</t>
  </si>
  <si>
    <t>96.67</t>
  </si>
  <si>
    <t>1780412.0</t>
  </si>
  <si>
    <t>1339.964</t>
  </si>
  <si>
    <t>1285120.0</t>
  </si>
  <si>
    <t>732120.0</t>
  </si>
  <si>
    <t>647834.0</t>
  </si>
  <si>
    <t>25327.0</t>
  </si>
  <si>
    <t>1783771.0</t>
  </si>
  <si>
    <t>1342.492</t>
  </si>
  <si>
    <t>1287464.0</t>
  </si>
  <si>
    <t>732577.0</t>
  </si>
  <si>
    <t>649758.0</t>
  </si>
  <si>
    <t>25493.0</t>
  </si>
  <si>
    <t>1387.56500440401</t>
  </si>
  <si>
    <t>1788977.0</t>
  </si>
  <si>
    <t>1346.411</t>
  </si>
  <si>
    <t>3.918</t>
  </si>
  <si>
    <t>1291166.0</t>
  </si>
  <si>
    <t>733865.0</t>
  </si>
  <si>
    <t>652462.0</t>
  </si>
  <si>
    <t>1794972.0</t>
  </si>
  <si>
    <t>1350.922</t>
  </si>
  <si>
    <t>1294777.0</t>
  </si>
  <si>
    <t>735195.0</t>
  </si>
  <si>
    <t>655056.0</t>
  </si>
  <si>
    <t>97.64</t>
  </si>
  <si>
    <t>1800387.0</t>
  </si>
  <si>
    <t>1354.998</t>
  </si>
  <si>
    <t>1298158.0</t>
  </si>
  <si>
    <t>736338.0</t>
  </si>
  <si>
    <t>657526.0</t>
  </si>
  <si>
    <t>26182.0</t>
  </si>
  <si>
    <t>1806839.0</t>
  </si>
  <si>
    <t>1359.854</t>
  </si>
  <si>
    <t>4.856</t>
  </si>
  <si>
    <t>1301619.0</t>
  </si>
  <si>
    <t>737469.0</t>
  </si>
  <si>
    <t>660054.0</t>
  </si>
  <si>
    <t>26453.0</t>
  </si>
  <si>
    <t>1813173.0</t>
  </si>
  <si>
    <t>1364.621</t>
  </si>
  <si>
    <t>1305264.0</t>
  </si>
  <si>
    <t>738607.0</t>
  </si>
  <si>
    <t>662678.0</t>
  </si>
  <si>
    <t>26783.0</t>
  </si>
  <si>
    <t>1817881.0</t>
  </si>
  <si>
    <t>1368.164</t>
  </si>
  <si>
    <t>4.029</t>
  </si>
  <si>
    <t>1308007.0</t>
  </si>
  <si>
    <t>739462.0</t>
  </si>
  <si>
    <t>664707.0</t>
  </si>
  <si>
    <t>26962.0</t>
  </si>
  <si>
    <t>1821849.0</t>
  </si>
  <si>
    <t>1371.15</t>
  </si>
  <si>
    <t>4.094</t>
  </si>
  <si>
    <t>1310141.0</t>
  </si>
  <si>
    <t>739908.0</t>
  </si>
  <si>
    <t>666375.0</t>
  </si>
  <si>
    <t>27146.0</t>
  </si>
  <si>
    <t>1916.5</t>
  </si>
  <si>
    <t>1445.25452768494</t>
  </si>
  <si>
    <t>1827964.0</t>
  </si>
  <si>
    <t>1375.753</t>
  </si>
  <si>
    <t>4.602</t>
  </si>
  <si>
    <t>1313872.0</t>
  </si>
  <si>
    <t>740852.0</t>
  </si>
  <si>
    <t>669294.0</t>
  </si>
  <si>
    <t>27390.0</t>
  </si>
  <si>
    <t>99.08</t>
  </si>
  <si>
    <t>1834044.0</t>
  </si>
  <si>
    <t>1380.329</t>
  </si>
  <si>
    <t>1317994.0</t>
  </si>
  <si>
    <t>741984.0</t>
  </si>
  <si>
    <t>672494.0</t>
  </si>
  <si>
    <t>1841192.0</t>
  </si>
  <si>
    <t>1385.708</t>
  </si>
  <si>
    <t>1321931.0</t>
  </si>
  <si>
    <t>743058.0</t>
  </si>
  <si>
    <t>675446.0</t>
  </si>
  <si>
    <t>99.69</t>
  </si>
  <si>
    <t>1847644.0</t>
  </si>
  <si>
    <t>1390.564</t>
  </si>
  <si>
    <t>1325774.0</t>
  </si>
  <si>
    <t>744233.0</t>
  </si>
  <si>
    <t>678375.0</t>
  </si>
  <si>
    <t>28261.0</t>
  </si>
  <si>
    <t>1854670.0</t>
  </si>
  <si>
    <t>1395.852</t>
  </si>
  <si>
    <t>5.288</t>
  </si>
  <si>
    <t>1329838.0</t>
  </si>
  <si>
    <t>745661.0</t>
  </si>
  <si>
    <t>681483.0</t>
  </si>
  <si>
    <t>28607.0</t>
  </si>
  <si>
    <t>1860569.0</t>
  </si>
  <si>
    <t>1400.292</t>
  </si>
  <si>
    <t>4.589</t>
  </si>
  <si>
    <t>1332871.0</t>
  </si>
  <si>
    <t>746687.0</t>
  </si>
  <si>
    <t>683871.0</t>
  </si>
  <si>
    <t>28836.0</t>
  </si>
  <si>
    <t>100.51</t>
  </si>
  <si>
    <t>1864991.0</t>
  </si>
  <si>
    <t>1403.62</t>
  </si>
  <si>
    <t>1334628.0</t>
  </si>
  <si>
    <t>685277.0</t>
  </si>
  <si>
    <t>1939.2</t>
  </si>
  <si>
    <t>1462.37285681536</t>
  </si>
  <si>
    <t>1871567.0</t>
  </si>
  <si>
    <t>1408.569</t>
  </si>
  <si>
    <t>1337777.0</t>
  </si>
  <si>
    <t>748221.0</t>
  </si>
  <si>
    <t>687824.0</t>
  </si>
  <si>
    <t>100.88</t>
  </si>
  <si>
    <t>1879035.0</t>
  </si>
  <si>
    <t>1414.189</t>
  </si>
  <si>
    <t>1341805.0</t>
  </si>
  <si>
    <t>749050.0</t>
  </si>
  <si>
    <t>691037.0</t>
  </si>
  <si>
    <t>29530.0</t>
  </si>
  <si>
    <t>101.19</t>
  </si>
  <si>
    <t>1885324.0</t>
  </si>
  <si>
    <t>6289.0</t>
  </si>
  <si>
    <t>1418.923</t>
  </si>
  <si>
    <t>1345847.0</t>
  </si>
  <si>
    <t>750070.0</t>
  </si>
  <si>
    <t>694216.0</t>
  </si>
  <si>
    <t>101.49</t>
  </si>
  <si>
    <t>1891990.0</t>
  </si>
  <si>
    <t>1423.94</t>
  </si>
  <si>
    <t>5.017</t>
  </si>
  <si>
    <t>1349979.0</t>
  </si>
  <si>
    <t>751495.0</t>
  </si>
  <si>
    <t>697472.0</t>
  </si>
  <si>
    <t>30174.0</t>
  </si>
  <si>
    <t>101.8</t>
  </si>
  <si>
    <t>1898680.0</t>
  </si>
  <si>
    <t>1428.975</t>
  </si>
  <si>
    <t>5.035</t>
  </si>
  <si>
    <t>4.732</t>
  </si>
  <si>
    <t>1354493.0</t>
  </si>
  <si>
    <t>752918.0</t>
  </si>
  <si>
    <t>701051.0</t>
  </si>
  <si>
    <t>30586.0</t>
  </si>
  <si>
    <t>102.14</t>
  </si>
  <si>
    <t>148.56</t>
  </si>
  <si>
    <t>1903154.0</t>
  </si>
  <si>
    <t>1432.342</t>
  </si>
  <si>
    <t>1357973.0</t>
  </si>
  <si>
    <t>753929.0</t>
  </si>
  <si>
    <t>703961.0</t>
  </si>
  <si>
    <t>30859.0</t>
  </si>
  <si>
    <t>1906395.0</t>
  </si>
  <si>
    <t>1434.781</t>
  </si>
  <si>
    <t>1359998.0</t>
  </si>
  <si>
    <t>754468.0</t>
  </si>
  <si>
    <t>705690.0</t>
  </si>
  <si>
    <t>30997.0</t>
  </si>
  <si>
    <t>102.56</t>
  </si>
  <si>
    <t>2004.9</t>
  </si>
  <si>
    <t>1511.91797680957</t>
  </si>
  <si>
    <t>1912614.0</t>
  </si>
  <si>
    <t>1439.462</t>
  </si>
  <si>
    <t>1361664.0</t>
  </si>
  <si>
    <t>754960.0</t>
  </si>
  <si>
    <t>707045.0</t>
  </si>
  <si>
    <t>31111.0</t>
  </si>
  <si>
    <t>102.68</t>
  </si>
  <si>
    <t>1918922.0</t>
  </si>
  <si>
    <t>1444.209</t>
  </si>
  <si>
    <t>4.747</t>
  </si>
  <si>
    <t>1365145.0</t>
  </si>
  <si>
    <t>756171.0</t>
  </si>
  <si>
    <t>709766.0</t>
  </si>
  <si>
    <t>31382.0</t>
  </si>
  <si>
    <t>102.95</t>
  </si>
  <si>
    <t>1925094.0</t>
  </si>
  <si>
    <t>1448.854</t>
  </si>
  <si>
    <t>1367896.0</t>
  </si>
  <si>
    <t>757198.0</t>
  </si>
  <si>
    <t>711898.0</t>
  </si>
  <si>
    <t>31612.0</t>
  </si>
  <si>
    <t>103.15</t>
  </si>
  <si>
    <t>1931461.0</t>
  </si>
  <si>
    <t>1453.646</t>
  </si>
  <si>
    <t>1370773.0</t>
  </si>
  <si>
    <t>758131.0</t>
  </si>
  <si>
    <t>714091.0</t>
  </si>
  <si>
    <t>31879.0</t>
  </si>
  <si>
    <t>103.37</t>
  </si>
  <si>
    <t>1937671.0</t>
  </si>
  <si>
    <t>1458.32</t>
  </si>
  <si>
    <t>1373102.0</t>
  </si>
  <si>
    <t>759106.0</t>
  </si>
  <si>
    <t>715891.0</t>
  </si>
  <si>
    <t>32114.0</t>
  </si>
  <si>
    <t>103.55</t>
  </si>
  <si>
    <t>1941693.0</t>
  </si>
  <si>
    <t>1461.347</t>
  </si>
  <si>
    <t>4.144</t>
  </si>
  <si>
    <t>1375282.0</t>
  </si>
  <si>
    <t>759685.0</t>
  </si>
  <si>
    <t>717670.0</t>
  </si>
  <si>
    <t>1945498.0</t>
  </si>
  <si>
    <t>1464.211</t>
  </si>
  <si>
    <t>1375953.0</t>
  </si>
  <si>
    <t>759967.0</t>
  </si>
  <si>
    <t>718178.0</t>
  </si>
  <si>
    <t>2062.6</t>
  </si>
  <si>
    <t>1555.43020548028</t>
  </si>
  <si>
    <t>1951735.0</t>
  </si>
  <si>
    <t>1468.905</t>
  </si>
  <si>
    <t>1377726.0</t>
  </si>
  <si>
    <t>760615.0</t>
  </si>
  <si>
    <t>719555.0</t>
  </si>
  <si>
    <t>32529.0</t>
  </si>
  <si>
    <t>1958592.0</t>
  </si>
  <si>
    <t>1474.065</t>
  </si>
  <si>
    <t>4.265</t>
  </si>
  <si>
    <t>1379946.0</t>
  </si>
  <si>
    <t>761400.0</t>
  </si>
  <si>
    <t>721235.0</t>
  </si>
  <si>
    <t>32740.0</t>
  </si>
  <si>
    <t>188.528</t>
  </si>
  <si>
    <t>1964990.0</t>
  </si>
  <si>
    <t>1478.881</t>
  </si>
  <si>
    <t>1382038.0</t>
  </si>
  <si>
    <t>762131.0</t>
  </si>
  <si>
    <t>722778.0</t>
  </si>
  <si>
    <t>32972.0</t>
  </si>
  <si>
    <t>104.22</t>
  </si>
  <si>
    <t>1972069.0</t>
  </si>
  <si>
    <t>1484.208</t>
  </si>
  <si>
    <t>5.328</t>
  </si>
  <si>
    <t>1384110.0</t>
  </si>
  <si>
    <t>762919.0</t>
  </si>
  <si>
    <t>724214.0</t>
  </si>
  <si>
    <t>33303.0</t>
  </si>
  <si>
    <t>104.38</t>
  </si>
  <si>
    <t>1979852.0</t>
  </si>
  <si>
    <t>1490.066</t>
  </si>
  <si>
    <t>1386673.0</t>
  </si>
  <si>
    <t>763881.0</t>
  </si>
  <si>
    <t>725845.0</t>
  </si>
  <si>
    <t>33797.0</t>
  </si>
  <si>
    <t>1985213.0</t>
  </si>
  <si>
    <t>1494.101</t>
  </si>
  <si>
    <t>1388822.0</t>
  </si>
  <si>
    <t>764507.0</t>
  </si>
  <si>
    <t>727490.0</t>
  </si>
  <si>
    <t>34058.0</t>
  </si>
  <si>
    <t>1989316.0</t>
  </si>
  <si>
    <t>1497.189</t>
  </si>
  <si>
    <t>764862.0</t>
  </si>
  <si>
    <t>728420.0</t>
  </si>
  <si>
    <t>104.83</t>
  </si>
  <si>
    <t>2111.1</t>
  </si>
  <si>
    <t>1592.00460912897</t>
  </si>
  <si>
    <t>1502.746</t>
  </si>
  <si>
    <t>5.557</t>
  </si>
  <si>
    <t>1392082.0</t>
  </si>
  <si>
    <t>765473.0</t>
  </si>
  <si>
    <t>729676.0</t>
  </si>
  <si>
    <t>104.98</t>
  </si>
  <si>
    <t>260.923</t>
  </si>
  <si>
    <t>2004040.0</t>
  </si>
  <si>
    <t>1508.27</t>
  </si>
  <si>
    <t>5.524</t>
  </si>
  <si>
    <t>4.887</t>
  </si>
  <si>
    <t>1394697.0</t>
  </si>
  <si>
    <t>766239.0</t>
  </si>
  <si>
    <t>731139.0</t>
  </si>
  <si>
    <t>35544.0</t>
  </si>
  <si>
    <t>105.18</t>
  </si>
  <si>
    <t>2010976.0</t>
  </si>
  <si>
    <t>1513.49</t>
  </si>
  <si>
    <t>1396955.0</t>
  </si>
  <si>
    <t>767041.0</t>
  </si>
  <si>
    <t>732387.0</t>
  </si>
  <si>
    <t>36230.0</t>
  </si>
  <si>
    <t>2018865.0</t>
  </si>
  <si>
    <t>1519.428</t>
  </si>
  <si>
    <t>5.937</t>
  </si>
  <si>
    <t>5.031</t>
  </si>
  <si>
    <t>1399866.0</t>
  </si>
  <si>
    <t>733773.0</t>
  </si>
  <si>
    <t>37297.0</t>
  </si>
  <si>
    <t>2027152.0</t>
  </si>
  <si>
    <t>1525.665</t>
  </si>
  <si>
    <t>1403573.0</t>
  </si>
  <si>
    <t>769348.0</t>
  </si>
  <si>
    <t>735466.0</t>
  </si>
  <si>
    <t>105.85</t>
  </si>
  <si>
    <t>2033900.0</t>
  </si>
  <si>
    <t>1530.743</t>
  </si>
  <si>
    <t>1405124.0</t>
  </si>
  <si>
    <t>769969.0</t>
  </si>
  <si>
    <t>736232.0</t>
  </si>
  <si>
    <t>39267.0</t>
  </si>
  <si>
    <t>105.96</t>
  </si>
  <si>
    <t>2038887.0</t>
  </si>
  <si>
    <t>1534.496</t>
  </si>
  <si>
    <t>1406554.0</t>
  </si>
  <si>
    <t>770704.0</t>
  </si>
  <si>
    <t>737006.0</t>
  </si>
  <si>
    <t>106.07</t>
  </si>
  <si>
    <t>1643.20877423714</t>
  </si>
  <si>
    <t>2046490.0</t>
  </si>
  <si>
    <t>1540.219</t>
  </si>
  <si>
    <t>5.722</t>
  </si>
  <si>
    <t>5.353</t>
  </si>
  <si>
    <t>1409389.0</t>
  </si>
  <si>
    <t>771670.0</t>
  </si>
  <si>
    <t>738229.0</t>
  </si>
  <si>
    <t>40800.0</t>
  </si>
  <si>
    <t>106.28</t>
  </si>
  <si>
    <t>2055273.0</t>
  </si>
  <si>
    <t>1546.829</t>
  </si>
  <si>
    <t>5.508</t>
  </si>
  <si>
    <t>1412868.0</t>
  </si>
  <si>
    <t>772633.0</t>
  </si>
  <si>
    <t>739485.0</t>
  </si>
  <si>
    <t>106.55</t>
  </si>
  <si>
    <t>2064105.0</t>
  </si>
  <si>
    <t>1553.476</t>
  </si>
  <si>
    <t>6.647</t>
  </si>
  <si>
    <t>1416766.0</t>
  </si>
  <si>
    <t>774214.0</t>
  </si>
  <si>
    <t>741112.0</t>
  </si>
  <si>
    <t>44216.0</t>
  </si>
  <si>
    <t>2072600.0</t>
  </si>
  <si>
    <t>1559.869</t>
  </si>
  <si>
    <t>5.777</t>
  </si>
  <si>
    <t>1421329.0</t>
  </si>
  <si>
    <t>742797.0</t>
  </si>
  <si>
    <t>46342.0</t>
  </si>
  <si>
    <t>2081634.0</t>
  </si>
  <si>
    <t>1566.668</t>
  </si>
  <si>
    <t>6.799</t>
  </si>
  <si>
    <t>1428239.0</t>
  </si>
  <si>
    <t>778680.0</t>
  </si>
  <si>
    <t>745315.0</t>
  </si>
  <si>
    <t>107.71</t>
  </si>
  <si>
    <t>2090800.0</t>
  </si>
  <si>
    <t>1573.567</t>
  </si>
  <si>
    <t>1430916.0</t>
  </si>
  <si>
    <t>780283.0</t>
  </si>
  <si>
    <t>746628.0</t>
  </si>
  <si>
    <t>50268.0</t>
  </si>
  <si>
    <t>2096784.0</t>
  </si>
  <si>
    <t>1578.071</t>
  </si>
  <si>
    <t>8271.0</t>
  </si>
  <si>
    <t>1432617.0</t>
  </si>
  <si>
    <t>781374.0</t>
  </si>
  <si>
    <t>747548.0</t>
  </si>
  <si>
    <t>50664.0</t>
  </si>
  <si>
    <t>108.04</t>
  </si>
  <si>
    <t>2247.9</t>
  </si>
  <si>
    <t>1695.16705076075</t>
  </si>
  <si>
    <t>2104667.0</t>
  </si>
  <si>
    <t>1584.003</t>
  </si>
  <si>
    <t>8311.0</t>
  </si>
  <si>
    <t>6.255</t>
  </si>
  <si>
    <t>0.1716</t>
  </si>
  <si>
    <t>1437968.0</t>
  </si>
  <si>
    <t>783349.0</t>
  </si>
  <si>
    <t>749163.0</t>
  </si>
  <si>
    <t>108.44</t>
  </si>
  <si>
    <t>2114854.0</t>
  </si>
  <si>
    <t>10187.0</t>
  </si>
  <si>
    <t>1591.67</t>
  </si>
  <si>
    <t>1445754.0</t>
  </si>
  <si>
    <t>785808.0</t>
  </si>
  <si>
    <t>751127.0</t>
  </si>
  <si>
    <t>58140.0</t>
  </si>
  <si>
    <t>2123862.0</t>
  </si>
  <si>
    <t>1598.45</t>
  </si>
  <si>
    <t>1454311.0</t>
  </si>
  <si>
    <t>788125.0</t>
  </si>
  <si>
    <t>752792.0</t>
  </si>
  <si>
    <t>63788.0</t>
  </si>
  <si>
    <t>109.67</t>
  </si>
  <si>
    <t>2131515.0</t>
  </si>
  <si>
    <t>1604.21</t>
  </si>
  <si>
    <t>6.334</t>
  </si>
  <si>
    <t>1463607.0</t>
  </si>
  <si>
    <t>790341.0</t>
  </si>
  <si>
    <t>754391.0</t>
  </si>
  <si>
    <t>2140352.0</t>
  </si>
  <si>
    <t>1610.861</t>
  </si>
  <si>
    <t>6.651</t>
  </si>
  <si>
    <t>6.313</t>
  </si>
  <si>
    <t>1473447.0</t>
  </si>
  <si>
    <t>793280.0</t>
  </si>
  <si>
    <t>756250.0</t>
  </si>
  <si>
    <t>76685.0</t>
  </si>
  <si>
    <t>111.11</t>
  </si>
  <si>
    <t>2147897.0</t>
  </si>
  <si>
    <t>1616.539</t>
  </si>
  <si>
    <t>5.678</t>
  </si>
  <si>
    <t>6.139</t>
  </si>
  <si>
    <t>1475743.0</t>
  </si>
  <si>
    <t>794583.0</t>
  </si>
  <si>
    <t>757246.0</t>
  </si>
  <si>
    <t>77401.0</t>
  </si>
  <si>
    <t>2154487.0</t>
  </si>
  <si>
    <t>1621.499</t>
  </si>
  <si>
    <t>1477146.0</t>
  </si>
  <si>
    <t>795480.0</t>
  </si>
  <si>
    <t>757939.0</t>
  </si>
  <si>
    <t>77756.0</t>
  </si>
  <si>
    <t>2367.6</t>
  </si>
  <si>
    <t>1785.43418718855</t>
  </si>
  <si>
    <t>2162295.0</t>
  </si>
  <si>
    <t>1627.375</t>
  </si>
  <si>
    <t>6.196</t>
  </si>
  <si>
    <t>1484485.0</t>
  </si>
  <si>
    <t>797296.0</t>
  </si>
  <si>
    <t>759203.0</t>
  </si>
  <si>
    <t>82912.0</t>
  </si>
  <si>
    <t>2172577.0</t>
  </si>
  <si>
    <t>1635.114</t>
  </si>
  <si>
    <t>7.738</t>
  </si>
  <si>
    <t>1494373.0</t>
  </si>
  <si>
    <t>799375.0</t>
  </si>
  <si>
    <t>760598.0</t>
  </si>
  <si>
    <t>2181464.0</t>
  </si>
  <si>
    <t>1641.802</t>
  </si>
  <si>
    <t>6.688</t>
  </si>
  <si>
    <t>1504193.0</t>
  </si>
  <si>
    <t>801504.0</t>
  </si>
  <si>
    <t>761964.0</t>
  </si>
  <si>
    <t>97465.0</t>
  </si>
  <si>
    <t>113.43</t>
  </si>
  <si>
    <t>2189319.0</t>
  </si>
  <si>
    <t>1647.714</t>
  </si>
  <si>
    <t>6.215</t>
  </si>
  <si>
    <t>1514746.0</t>
  </si>
  <si>
    <t>803567.0</t>
  </si>
  <si>
    <t>763298.0</t>
  </si>
  <si>
    <t>105621.0</t>
  </si>
  <si>
    <t>10553.0</t>
  </si>
  <si>
    <t>2197847.0</t>
  </si>
  <si>
    <t>1654.132</t>
  </si>
  <si>
    <t>6.182</t>
  </si>
  <si>
    <t>1526653.0</t>
  </si>
  <si>
    <t>806091.0</t>
  </si>
  <si>
    <t>764992.0</t>
  </si>
  <si>
    <t>114494.0</t>
  </si>
  <si>
    <t>115.13</t>
  </si>
  <si>
    <t>2203722.0</t>
  </si>
  <si>
    <t>1658.554</t>
  </si>
  <si>
    <t>6.002</t>
  </si>
  <si>
    <t>1529169.0</t>
  </si>
  <si>
    <t>807118.0</t>
  </si>
  <si>
    <t>765692.0</t>
  </si>
  <si>
    <t>115811.0</t>
  </si>
  <si>
    <t>2209300.0</t>
  </si>
  <si>
    <t>1662.752</t>
  </si>
  <si>
    <t>1530628.0</t>
  </si>
  <si>
    <t>807794.0</t>
  </si>
  <si>
    <t>766198.0</t>
  </si>
  <si>
    <t>116487.0</t>
  </si>
  <si>
    <t>2492.5</t>
  </si>
  <si>
    <t>41.76</t>
  </si>
  <si>
    <t>1879.62270297663</t>
  </si>
  <si>
    <t>2216971.0</t>
  </si>
  <si>
    <t>1668.525</t>
  </si>
  <si>
    <t>1536989.0</t>
  </si>
  <si>
    <t>809139.0</t>
  </si>
  <si>
    <t>767184.0</t>
  </si>
  <si>
    <t>121221.0</t>
  </si>
  <si>
    <t>115.91</t>
  </si>
  <si>
    <t>2226633.0</t>
  </si>
  <si>
    <t>1675.797</t>
  </si>
  <si>
    <t>7.272</t>
  </si>
  <si>
    <t>1545623.0</t>
  </si>
  <si>
    <t>810597.0</t>
  </si>
  <si>
    <t>768252.0</t>
  </si>
  <si>
    <t>2234516.0</t>
  </si>
  <si>
    <t>1681.73</t>
  </si>
  <si>
    <t>5.704</t>
  </si>
  <si>
    <t>1553272.0</t>
  </si>
  <si>
    <t>811965.0</t>
  </si>
  <si>
    <t>769278.0</t>
  </si>
  <si>
    <t>117.13</t>
  </si>
  <si>
    <t>2241414.0</t>
  </si>
  <si>
    <t>1686.921</t>
  </si>
  <si>
    <t>5.601</t>
  </si>
  <si>
    <t>0.1613</t>
  </si>
  <si>
    <t>1560409.0</t>
  </si>
  <si>
    <t>813143.0</t>
  </si>
  <si>
    <t>770176.0</t>
  </si>
  <si>
    <t>405.712</t>
  </si>
  <si>
    <t>2248155.0</t>
  </si>
  <si>
    <t>1691.995</t>
  </si>
  <si>
    <t>5.073</t>
  </si>
  <si>
    <t>1570082.0</t>
  </si>
  <si>
    <t>814664.0</t>
  </si>
  <si>
    <t>771334.0</t>
  </si>
  <si>
    <t>147333.0</t>
  </si>
  <si>
    <t>2252717.0</t>
  </si>
  <si>
    <t>1695.428</t>
  </si>
  <si>
    <t>1572195.0</t>
  </si>
  <si>
    <t>815223.0</t>
  </si>
  <si>
    <t>771852.0</t>
  </si>
  <si>
    <t>148707.0</t>
  </si>
  <si>
    <t>118.56</t>
  </si>
  <si>
    <t>2257201.0</t>
  </si>
  <si>
    <t>1698.803</t>
  </si>
  <si>
    <t>1573260.0</t>
  </si>
  <si>
    <t>815499.0</t>
  </si>
  <si>
    <t>772152.0</t>
  </si>
  <si>
    <t>149337.0</t>
  </si>
  <si>
    <t>118.64</t>
  </si>
  <si>
    <t>1963.70612579785</t>
  </si>
  <si>
    <t>2263843.0</t>
  </si>
  <si>
    <t>1703.802</t>
  </si>
  <si>
    <t>1579502.0</t>
  </si>
  <si>
    <t>816544.0</t>
  </si>
  <si>
    <t>773106.0</t>
  </si>
  <si>
    <t>154167.0</t>
  </si>
  <si>
    <t>2271639.0</t>
  </si>
  <si>
    <t>1709.669</t>
  </si>
  <si>
    <t>5.867</t>
  </si>
  <si>
    <t>1586850.0</t>
  </si>
  <si>
    <t>817539.0</t>
  </si>
  <si>
    <t>774009.0</t>
  </si>
  <si>
    <t>160100.0</t>
  </si>
  <si>
    <t>2277697.0</t>
  </si>
  <si>
    <t>1714.228</t>
  </si>
  <si>
    <t>4.643</t>
  </si>
  <si>
    <t>1594098.0</t>
  </si>
  <si>
    <t>818535.0</t>
  </si>
  <si>
    <t>774903.0</t>
  </si>
  <si>
    <t>165954.0</t>
  </si>
  <si>
    <t>120.21</t>
  </si>
  <si>
    <t>2283649.0</t>
  </si>
  <si>
    <t>1718.708</t>
  </si>
  <si>
    <t>1601615.0</t>
  </si>
  <si>
    <t>819503.0</t>
  </si>
  <si>
    <t>775863.0</t>
  </si>
  <si>
    <t>172024.0</t>
  </si>
  <si>
    <t>2287873.0</t>
  </si>
  <si>
    <t>1721.887</t>
  </si>
  <si>
    <t>1610294.0</t>
  </si>
  <si>
    <t>820701.0</t>
  </si>
  <si>
    <t>777115.0</t>
  </si>
  <si>
    <t>178884.0</t>
  </si>
  <si>
    <t>121.43</t>
  </si>
  <si>
    <t>2293594.0</t>
  </si>
  <si>
    <t>1726.193</t>
  </si>
  <si>
    <t>1612407.0</t>
  </si>
  <si>
    <t>821188.0</t>
  </si>
  <si>
    <t>777595.0</t>
  </si>
  <si>
    <t>180298.0</t>
  </si>
  <si>
    <t>2297473.0</t>
  </si>
  <si>
    <t>1729.112</t>
  </si>
  <si>
    <t>1613896.0</t>
  </si>
  <si>
    <t>821580.0</t>
  </si>
  <si>
    <t>778091.0</t>
  </si>
  <si>
    <t>181148.0</t>
  </si>
  <si>
    <t>121.71</t>
  </si>
  <si>
    <t>2711.3</t>
  </si>
  <si>
    <t>2044.62228067424</t>
  </si>
  <si>
    <t>2304474.0</t>
  </si>
  <si>
    <t>1734.381</t>
  </si>
  <si>
    <t>4.368</t>
  </si>
  <si>
    <t>1618589.0</t>
  </si>
  <si>
    <t>822288.0</t>
  </si>
  <si>
    <t>778942.0</t>
  </si>
  <si>
    <t>184677.0</t>
  </si>
  <si>
    <t>2310750.0</t>
  </si>
  <si>
    <t>1739.105</t>
  </si>
  <si>
    <t>4.205</t>
  </si>
  <si>
    <t>1625158.0</t>
  </si>
  <si>
    <t>823165.0</t>
  </si>
  <si>
    <t>780008.0</t>
  </si>
  <si>
    <t>189800.0</t>
  </si>
  <si>
    <t>122.56</t>
  </si>
  <si>
    <t>2316399.0</t>
  </si>
  <si>
    <t>1743.356</t>
  </si>
  <si>
    <t>1631596.0</t>
  </si>
  <si>
    <t>823946.0</t>
  </si>
  <si>
    <t>780973.0</t>
  </si>
  <si>
    <t>123.04</t>
  </si>
  <si>
    <t>2322470.0</t>
  </si>
  <si>
    <t>1747.925</t>
  </si>
  <si>
    <t>4.569</t>
  </si>
  <si>
    <t>1638175.0</t>
  </si>
  <si>
    <t>824675.0</t>
  </si>
  <si>
    <t>781977.0</t>
  </si>
  <si>
    <t>200164.0</t>
  </si>
  <si>
    <t>123.54</t>
  </si>
  <si>
    <t>2327524.0</t>
  </si>
  <si>
    <t>1751.729</t>
  </si>
  <si>
    <t>4.263</t>
  </si>
  <si>
    <t>1645636.0</t>
  </si>
  <si>
    <t>825659.0</t>
  </si>
  <si>
    <t>783383.0</t>
  </si>
  <si>
    <t>205781.0</t>
  </si>
  <si>
    <t>2331396.0</t>
  </si>
  <si>
    <t>1754.643</t>
  </si>
  <si>
    <t>1647790.0</t>
  </si>
  <si>
    <t>826102.0</t>
  </si>
  <si>
    <t>783973.0</t>
  </si>
  <si>
    <t>207151.0</t>
  </si>
  <si>
    <t>124.26</t>
  </si>
  <si>
    <t>2335409.0</t>
  </si>
  <si>
    <t>1757.663</t>
  </si>
  <si>
    <t>1648740.0</t>
  </si>
  <si>
    <t>826347.0</t>
  </si>
  <si>
    <t>784284.0</t>
  </si>
  <si>
    <t>207693.0</t>
  </si>
  <si>
    <t>2148.46342257991</t>
  </si>
  <si>
    <t>2342249.0</t>
  </si>
  <si>
    <t>1762.811</t>
  </si>
  <si>
    <t>1653375.0</t>
  </si>
  <si>
    <t>826955.0</t>
  </si>
  <si>
    <t>785271.0</t>
  </si>
  <si>
    <t>211121.0</t>
  </si>
  <si>
    <t>190.79</t>
  </si>
  <si>
    <t>2348769.0</t>
  </si>
  <si>
    <t>1767.718</t>
  </si>
  <si>
    <t>1659595.0</t>
  </si>
  <si>
    <t>827688.0</t>
  </si>
  <si>
    <t>786391.0</t>
  </si>
  <si>
    <t>215917.0</t>
  </si>
  <si>
    <t>2354309.0</t>
  </si>
  <si>
    <t>1771.888</t>
  </si>
  <si>
    <t>4.076</t>
  </si>
  <si>
    <t>1665505.0</t>
  </si>
  <si>
    <t>828376.0</t>
  </si>
  <si>
    <t>787497.0</t>
  </si>
  <si>
    <t>220449.0</t>
  </si>
  <si>
    <t>2359991.0</t>
  </si>
  <si>
    <t>1776.164</t>
  </si>
  <si>
    <t>1672260.0</t>
  </si>
  <si>
    <t>829043.0</t>
  </si>
  <si>
    <t>788636.0</t>
  </si>
  <si>
    <t>225769.0</t>
  </si>
  <si>
    <t>126.11</t>
  </si>
  <si>
    <t>59.47</t>
  </si>
  <si>
    <t>2365346.0</t>
  </si>
  <si>
    <t>1780.194</t>
  </si>
  <si>
    <t>1679587.0</t>
  </si>
  <si>
    <t>829785.0</t>
  </si>
  <si>
    <t>790211.0</t>
  </si>
  <si>
    <t>231239.0</t>
  </si>
  <si>
    <t>126.66</t>
  </si>
  <si>
    <t>2369390.0</t>
  </si>
  <si>
    <t>1783.238</t>
  </si>
  <si>
    <t>1681552.0</t>
  </si>
  <si>
    <t>830176.0</t>
  </si>
  <si>
    <t>790969.0</t>
  </si>
  <si>
    <t>232321.0</t>
  </si>
  <si>
    <t>112.776</t>
  </si>
  <si>
    <t>2373642.0</t>
  </si>
  <si>
    <t>1786.438</t>
  </si>
  <si>
    <t>1682389.0</t>
  </si>
  <si>
    <t>830365.0</t>
  </si>
  <si>
    <t>791254.0</t>
  </si>
  <si>
    <t>232809.0</t>
  </si>
  <si>
    <t>126.87</t>
  </si>
  <si>
    <t>2920.5</t>
  </si>
  <si>
    <t>2202.38238878365</t>
  </si>
  <si>
    <t>2380119.0</t>
  </si>
  <si>
    <t>1791.313</t>
  </si>
  <si>
    <t>1687205.0</t>
  </si>
  <si>
    <t>830886.0</t>
  </si>
  <si>
    <t>792428.0</t>
  </si>
  <si>
    <t>236281.0</t>
  </si>
  <si>
    <t>2386683.0</t>
  </si>
  <si>
    <t>1796.253</t>
  </si>
  <si>
    <t>1693608.0</t>
  </si>
  <si>
    <t>831400.0</t>
  </si>
  <si>
    <t>793841.0</t>
  </si>
  <si>
    <t>241074.0</t>
  </si>
  <si>
    <t>2393059.0</t>
  </si>
  <si>
    <t>1801.052</t>
  </si>
  <si>
    <t>1699822.0</t>
  </si>
  <si>
    <t>831917.0</t>
  </si>
  <si>
    <t>795227.0</t>
  </si>
  <si>
    <t>245752.0</t>
  </si>
  <si>
    <t>199.84</t>
  </si>
  <si>
    <t>2399808.0</t>
  </si>
  <si>
    <t>1806.131</t>
  </si>
  <si>
    <t>4.281</t>
  </si>
  <si>
    <t>1706772.0</t>
  </si>
  <si>
    <t>832484.0</t>
  </si>
  <si>
    <t>796546.0</t>
  </si>
  <si>
    <t>251194.0</t>
  </si>
  <si>
    <t>62.78</t>
  </si>
  <si>
    <t>2405413.0</t>
  </si>
  <si>
    <t>1810.349</t>
  </si>
  <si>
    <t>1714490.0</t>
  </si>
  <si>
    <t>833139.0</t>
  </si>
  <si>
    <t>798373.0</t>
  </si>
  <si>
    <t>256872.0</t>
  </si>
  <si>
    <t>129.29</t>
  </si>
  <si>
    <t>2410040.0</t>
  </si>
  <si>
    <t>1813.832</t>
  </si>
  <si>
    <t>1716856.0</t>
  </si>
  <si>
    <t>833421.0</t>
  </si>
  <si>
    <t>799016.0</t>
  </si>
  <si>
    <t>258507.0</t>
  </si>
  <si>
    <t>2414044.0</t>
  </si>
  <si>
    <t>1816.845</t>
  </si>
  <si>
    <t>3.013</t>
  </si>
  <si>
    <t>1717952.0</t>
  </si>
  <si>
    <t>833583.0</t>
  </si>
  <si>
    <t>799352.0</t>
  </si>
  <si>
    <t>259210.0</t>
  </si>
  <si>
    <t>129.55</t>
  </si>
  <si>
    <t>3005.6</t>
  </si>
  <si>
    <t>2266.55727023733</t>
  </si>
  <si>
    <t>2420571.0</t>
  </si>
  <si>
    <t>1821.757</t>
  </si>
  <si>
    <t>5779.0</t>
  </si>
  <si>
    <t>1722936.0</t>
  </si>
  <si>
    <t>834044.0</t>
  </si>
  <si>
    <t>800544.0</t>
  </si>
  <si>
    <t>262875.0</t>
  </si>
  <si>
    <t>2428016.0</t>
  </si>
  <si>
    <t>1827.361</t>
  </si>
  <si>
    <t>1729614.0</t>
  </si>
  <si>
    <t>834521.0</t>
  </si>
  <si>
    <t>801882.0</t>
  </si>
  <si>
    <t>268066.0</t>
  </si>
  <si>
    <t>2434645.0</t>
  </si>
  <si>
    <t>1832.35</t>
  </si>
  <si>
    <t>4.471</t>
  </si>
  <si>
    <t>1736437.0</t>
  </si>
  <si>
    <t>835001.0</t>
  </si>
  <si>
    <t>803236.0</t>
  </si>
  <si>
    <t>273398.0</t>
  </si>
  <si>
    <t>130.95</t>
  </si>
  <si>
    <t>2441093.0</t>
  </si>
  <si>
    <t>1837.203</t>
  </si>
  <si>
    <t>4.853</t>
  </si>
  <si>
    <t>1743930.0</t>
  </si>
  <si>
    <t>835492.0</t>
  </si>
  <si>
    <t>804515.0</t>
  </si>
  <si>
    <t>279494.0</t>
  </si>
  <si>
    <t>2447507.0</t>
  </si>
  <si>
    <t>1842.03</t>
  </si>
  <si>
    <t>1752499.0</t>
  </si>
  <si>
    <t>836143.0</t>
  </si>
  <si>
    <t>806223.0</t>
  </si>
  <si>
    <t>286175.0</t>
  </si>
  <si>
    <t>8569.0</t>
  </si>
  <si>
    <t>2452158.0</t>
  </si>
  <si>
    <t>1845.53</t>
  </si>
  <si>
    <t>4.528</t>
  </si>
  <si>
    <t>1754893.0</t>
  </si>
  <si>
    <t>836464.0</t>
  </si>
  <si>
    <t>806808.0</t>
  </si>
  <si>
    <t>287853.0</t>
  </si>
  <si>
    <t>2456841.0</t>
  </si>
  <si>
    <t>1849.055</t>
  </si>
  <si>
    <t>4.601</t>
  </si>
  <si>
    <t>1756590.0</t>
  </si>
  <si>
    <t>836744.0</t>
  </si>
  <si>
    <t>807106.0</t>
  </si>
  <si>
    <t>289134.0</t>
  </si>
  <si>
    <t>3079.1</t>
  </si>
  <si>
    <t>2321.98445927195</t>
  </si>
  <si>
    <t>2464446.0</t>
  </si>
  <si>
    <t>1854.778</t>
  </si>
  <si>
    <t>4.717</t>
  </si>
  <si>
    <t>0.0891</t>
  </si>
  <si>
    <t>1762877.0</t>
  </si>
  <si>
    <t>837231.0</t>
  </si>
  <si>
    <t>808177.0</t>
  </si>
  <si>
    <t>294212.0</t>
  </si>
  <si>
    <t>2471685.0</t>
  </si>
  <si>
    <t>1860.227</t>
  </si>
  <si>
    <t>1771141.0</t>
  </si>
  <si>
    <t>837954.0</t>
  </si>
  <si>
    <t>809401.0</t>
  </si>
  <si>
    <t>300986.0</t>
  </si>
  <si>
    <t>2479833.0</t>
  </si>
  <si>
    <t>1866.359</t>
  </si>
  <si>
    <t>4.858</t>
  </si>
  <si>
    <t>1779282.0</t>
  </si>
  <si>
    <t>838775.0</t>
  </si>
  <si>
    <t>810673.0</t>
  </si>
  <si>
    <t>307530.0</t>
  </si>
  <si>
    <t>134.18</t>
  </si>
  <si>
    <t>2486713.0</t>
  </si>
  <si>
    <t>1871.537</t>
  </si>
  <si>
    <t>1782692.0</t>
  </si>
  <si>
    <t>839195.0</t>
  </si>
  <si>
    <t>811205.0</t>
  </si>
  <si>
    <t>310281.0</t>
  </si>
  <si>
    <t>176.462</t>
  </si>
  <si>
    <t>2490590.0</t>
  </si>
  <si>
    <t>1874.455</t>
  </si>
  <si>
    <t>4.632</t>
  </si>
  <si>
    <t>1783005.0</t>
  </si>
  <si>
    <t>839236.0</t>
  </si>
  <si>
    <t>811272.0</t>
  </si>
  <si>
    <t>310512.0</t>
  </si>
  <si>
    <t>2494072.0</t>
  </si>
  <si>
    <t>1877.075</t>
  </si>
  <si>
    <t>1783349.0</t>
  </si>
  <si>
    <t>839269.0</t>
  </si>
  <si>
    <t>811313.0</t>
  </si>
  <si>
    <t>310813.0</t>
  </si>
  <si>
    <t>134.48</t>
  </si>
  <si>
    <t>2498590.0</t>
  </si>
  <si>
    <t>1880.476</t>
  </si>
  <si>
    <t>1783915.0</t>
  </si>
  <si>
    <t>839323.0</t>
  </si>
  <si>
    <t>811408.0</t>
  </si>
  <si>
    <t>311299.0</t>
  </si>
  <si>
    <t>134.53</t>
  </si>
  <si>
    <t>3140.2</t>
  </si>
  <si>
    <t>2368.06066675515</t>
  </si>
  <si>
    <t>2506585.0</t>
  </si>
  <si>
    <t>1886.493</t>
  </si>
  <si>
    <t>1790223.0</t>
  </si>
  <si>
    <t>839939.0</t>
  </si>
  <si>
    <t>812428.0</t>
  </si>
  <si>
    <t>2513905.0</t>
  </si>
  <si>
    <t>1892.002</t>
  </si>
  <si>
    <t>1797755.0</t>
  </si>
  <si>
    <t>840739.0</t>
  </si>
  <si>
    <t>813506.0</t>
  </si>
  <si>
    <t>322529.0</t>
  </si>
  <si>
    <t>135.57</t>
  </si>
  <si>
    <t>174.2</t>
  </si>
  <si>
    <t>2523443.0</t>
  </si>
  <si>
    <t>1899.18</t>
  </si>
  <si>
    <t>1803974.0</t>
  </si>
  <si>
    <t>841459.0</t>
  </si>
  <si>
    <t>814415.0</t>
  </si>
  <si>
    <t>327536.0</t>
  </si>
  <si>
    <t>2531127.0</t>
  </si>
  <si>
    <t>1904.964</t>
  </si>
  <si>
    <t>5.783</t>
  </si>
  <si>
    <t>1808195.0</t>
  </si>
  <si>
    <t>842044.0</t>
  </si>
  <si>
    <t>815029.0</t>
  </si>
  <si>
    <t>330876.0</t>
  </si>
  <si>
    <t>2536827.0</t>
  </si>
  <si>
    <t>1909.253</t>
  </si>
  <si>
    <t>1808868.0</t>
  </si>
  <si>
    <t>842138.0</t>
  </si>
  <si>
    <t>815159.0</t>
  </si>
  <si>
    <t>331413.0</t>
  </si>
  <si>
    <t>136.41</t>
  </si>
  <si>
    <t>2540245.0</t>
  </si>
  <si>
    <t>1911.826</t>
  </si>
  <si>
    <t>1809099.0</t>
  </si>
  <si>
    <t>842161.0</t>
  </si>
  <si>
    <t>815189.0</t>
  </si>
  <si>
    <t>331616.0</t>
  </si>
  <si>
    <t>2547051.0</t>
  </si>
  <si>
    <t>1916.948</t>
  </si>
  <si>
    <t>1810354.0</t>
  </si>
  <si>
    <t>842389.0</t>
  </si>
  <si>
    <t>815386.0</t>
  </si>
  <si>
    <t>332595.0</t>
  </si>
  <si>
    <t>3226.1</t>
  </si>
  <si>
    <t>2432.83883734118</t>
  </si>
  <si>
    <t>2557151.0</t>
  </si>
  <si>
    <t>10100.0</t>
  </si>
  <si>
    <t>1924.55</t>
  </si>
  <si>
    <t>1814015.0</t>
  </si>
  <si>
    <t>842871.0</t>
  </si>
  <si>
    <t>815905.0</t>
  </si>
  <si>
    <t>335540.0</t>
  </si>
  <si>
    <t>2565822.0</t>
  </si>
  <si>
    <t>1931.076</t>
  </si>
  <si>
    <t>6.526</t>
  </si>
  <si>
    <t>1819526.0</t>
  </si>
  <si>
    <t>843634.0</t>
  </si>
  <si>
    <t>816733.0</t>
  </si>
  <si>
    <t>339926.0</t>
  </si>
  <si>
    <t>2574638.0</t>
  </si>
  <si>
    <t>1937.711</t>
  </si>
  <si>
    <t>6.635</t>
  </si>
  <si>
    <t>5.505</t>
  </si>
  <si>
    <t>1825227.0</t>
  </si>
  <si>
    <t>844295.0</t>
  </si>
  <si>
    <t>817395.0</t>
  </si>
  <si>
    <t>344682.0</t>
  </si>
  <si>
    <t>137.64</t>
  </si>
  <si>
    <t>2583745.0</t>
  </si>
  <si>
    <t>1944.565</t>
  </si>
  <si>
    <t>5.657</t>
  </si>
  <si>
    <t>1831024.0</t>
  </si>
  <si>
    <t>845082.0</t>
  </si>
  <si>
    <t>818100.0</t>
  </si>
  <si>
    <t>349403.0</t>
  </si>
  <si>
    <t>138.08</t>
  </si>
  <si>
    <t>2592088.0</t>
  </si>
  <si>
    <t>1950.844</t>
  </si>
  <si>
    <t>6.279</t>
  </si>
  <si>
    <t>1837170.0</t>
  </si>
  <si>
    <t>845827.0</t>
  </si>
  <si>
    <t>818891.0</t>
  </si>
  <si>
    <t>354458.0</t>
  </si>
  <si>
    <t>2600011.0</t>
  </si>
  <si>
    <t>1956.807</t>
  </si>
  <si>
    <t>5.963</t>
  </si>
  <si>
    <t>1839811.0</t>
  </si>
  <si>
    <t>846134.0</t>
  </si>
  <si>
    <t>819248.0</t>
  </si>
  <si>
    <t>356655.0</t>
  </si>
  <si>
    <t>2606828.0</t>
  </si>
  <si>
    <t>1961.937</t>
  </si>
  <si>
    <t>1841302.0</t>
  </si>
  <si>
    <t>846315.0</t>
  </si>
  <si>
    <t>819458.0</t>
  </si>
  <si>
    <t>357904.0</t>
  </si>
  <si>
    <t>3263.5</t>
  </si>
  <si>
    <t>2461.04260427853</t>
  </si>
  <si>
    <t>2615167.0</t>
  </si>
  <si>
    <t>1968.213</t>
  </si>
  <si>
    <t>6.276</t>
  </si>
  <si>
    <t>8288.0</t>
  </si>
  <si>
    <t>1845488.0</t>
  </si>
  <si>
    <t>846716.0</t>
  </si>
  <si>
    <t>819968.0</t>
  </si>
  <si>
    <t>361467.0</t>
  </si>
  <si>
    <t>2624199.0</t>
  </si>
  <si>
    <t>1975.011</t>
  </si>
  <si>
    <t>6.277</t>
  </si>
  <si>
    <t>1851201.0</t>
  </si>
  <si>
    <t>847230.0</t>
  </si>
  <si>
    <t>820572.0</t>
  </si>
  <si>
    <t>366400.0</t>
  </si>
  <si>
    <t>2633473.0</t>
  </si>
  <si>
    <t>1981.991</t>
  </si>
  <si>
    <t>1856995.0</t>
  </si>
  <si>
    <t>847805.0</t>
  </si>
  <si>
    <t>821232.0</t>
  </si>
  <si>
    <t>371311.0</t>
  </si>
  <si>
    <t>140.04</t>
  </si>
  <si>
    <t>2641636.0</t>
  </si>
  <si>
    <t>1988.134</t>
  </si>
  <si>
    <t>6.144</t>
  </si>
  <si>
    <t>1862924.0</t>
  </si>
  <si>
    <t>848350.0</t>
  </si>
  <si>
    <t>821763.0</t>
  </si>
  <si>
    <t>376478.0</t>
  </si>
  <si>
    <t>2651218.0</t>
  </si>
  <si>
    <t>1995.346</t>
  </si>
  <si>
    <t>7.212</t>
  </si>
  <si>
    <t>1869402.0</t>
  </si>
  <si>
    <t>849021.0</t>
  </si>
  <si>
    <t>822461.0</t>
  </si>
  <si>
    <t>381963.0</t>
  </si>
  <si>
    <t>140.97</t>
  </si>
  <si>
    <t>2660516.0</t>
  </si>
  <si>
    <t>2002.344</t>
  </si>
  <si>
    <t>6.506</t>
  </si>
  <si>
    <t>1872682.0</t>
  </si>
  <si>
    <t>849344.0</t>
  </si>
  <si>
    <t>822837.0</t>
  </si>
  <si>
    <t>384786.0</t>
  </si>
  <si>
    <t>2669564.0</t>
  </si>
  <si>
    <t>2009.153</t>
  </si>
  <si>
    <t>6.745</t>
  </si>
  <si>
    <t>1873957.0</t>
  </si>
  <si>
    <t>849503.0</t>
  </si>
  <si>
    <t>822986.0</t>
  </si>
  <si>
    <t>385862.0</t>
  </si>
  <si>
    <t>3285.9</t>
  </si>
  <si>
    <t>2477.93469998431</t>
  </si>
  <si>
    <t>2678859.0</t>
  </si>
  <si>
    <t>2016.149</t>
  </si>
  <si>
    <t>6.996</t>
  </si>
  <si>
    <t>1877583.0</t>
  </si>
  <si>
    <t>849853.0</t>
  </si>
  <si>
    <t>823364.0</t>
  </si>
  <si>
    <t>389006.0</t>
  </si>
  <si>
    <t>2689897.0</t>
  </si>
  <si>
    <t>2024.456</t>
  </si>
  <si>
    <t>7.063</t>
  </si>
  <si>
    <t>1882216.0</t>
  </si>
  <si>
    <t>850318.0</t>
  </si>
  <si>
    <t>823868.0</t>
  </si>
  <si>
    <t>392975.0</t>
  </si>
  <si>
    <t>2702312.0</t>
  </si>
  <si>
    <t>2033.8</t>
  </si>
  <si>
    <t>9.344</t>
  </si>
  <si>
    <t>1886354.0</t>
  </si>
  <si>
    <t>850815.0</t>
  </si>
  <si>
    <t>824365.0</t>
  </si>
  <si>
    <t>396430.0</t>
  </si>
  <si>
    <t>2715517.0</t>
  </si>
  <si>
    <t>2043.738</t>
  </si>
  <si>
    <t>7.943</t>
  </si>
  <si>
    <t>1890803.0</t>
  </si>
  <si>
    <t>851244.0</t>
  </si>
  <si>
    <t>824811.0</t>
  </si>
  <si>
    <t>400302.0</t>
  </si>
  <si>
    <t>2729189.0</t>
  </si>
  <si>
    <t>2054.028</t>
  </si>
  <si>
    <t>8.383</t>
  </si>
  <si>
    <t>0.2628</t>
  </si>
  <si>
    <t>1895862.0</t>
  </si>
  <si>
    <t>851804.0</t>
  </si>
  <si>
    <t>825364.0</t>
  </si>
  <si>
    <t>404606.0</t>
  </si>
  <si>
    <t>2738381.0</t>
  </si>
  <si>
    <t>2060.946</t>
  </si>
  <si>
    <t>8.372</t>
  </si>
  <si>
    <t>0.2961</t>
  </si>
  <si>
    <t>1897990.0</t>
  </si>
  <si>
    <t>852059.0</t>
  </si>
  <si>
    <t>825612.0</t>
  </si>
  <si>
    <t>406411.0</t>
  </si>
  <si>
    <t>2750500.0</t>
  </si>
  <si>
    <t>2070.067</t>
  </si>
  <si>
    <t>9.121</t>
  </si>
  <si>
    <t>8.702</t>
  </si>
  <si>
    <t>0.3006</t>
  </si>
  <si>
    <t>1898989.0</t>
  </si>
  <si>
    <t>852180.0</t>
  </si>
  <si>
    <t>825739.0</t>
  </si>
  <si>
    <t>407260.0</t>
  </si>
  <si>
    <t>3292.3</t>
  </si>
  <si>
    <t>2482.76101304311</t>
  </si>
  <si>
    <t>2762874.0</t>
  </si>
  <si>
    <t>2079.38</t>
  </si>
  <si>
    <t>9.313</t>
  </si>
  <si>
    <t>9.033</t>
  </si>
  <si>
    <t>0.3246</t>
  </si>
  <si>
    <t>1901816.0</t>
  </si>
  <si>
    <t>852507.0</t>
  </si>
  <si>
    <t>826106.0</t>
  </si>
  <si>
    <t>409639.0</t>
  </si>
  <si>
    <t>2775839.0</t>
  </si>
  <si>
    <t>2089.137</t>
  </si>
  <si>
    <t>9.758</t>
  </si>
  <si>
    <t>12277.0</t>
  </si>
  <si>
    <t>1905113.0</t>
  </si>
  <si>
    <t>852862.0</t>
  </si>
  <si>
    <t>826521.0</t>
  </si>
  <si>
    <t>412411.0</t>
  </si>
  <si>
    <t>2788970.0</t>
  </si>
  <si>
    <t>2099.02</t>
  </si>
  <si>
    <t>9.883</t>
  </si>
  <si>
    <t>1908117.0</t>
  </si>
  <si>
    <t>853199.0</t>
  </si>
  <si>
    <t>826904.0</t>
  </si>
  <si>
    <t>414921.0</t>
  </si>
  <si>
    <t>2801553.0</t>
  </si>
  <si>
    <t>2108.49</t>
  </si>
  <si>
    <t>1911391.0</t>
  </si>
  <si>
    <t>853490.0</t>
  </si>
  <si>
    <t>827272.0</t>
  </si>
  <si>
    <t>417732.0</t>
  </si>
  <si>
    <t>2816030.0</t>
  </si>
  <si>
    <t>2119.386</t>
  </si>
  <si>
    <t>12406.0</t>
  </si>
  <si>
    <t>0.4206</t>
  </si>
  <si>
    <t>1915131.0</t>
  </si>
  <si>
    <t>853903.0</t>
  </si>
  <si>
    <t>827757.0</t>
  </si>
  <si>
    <t>420859.0</t>
  </si>
  <si>
    <t>144.42</t>
  </si>
  <si>
    <t>2827369.0</t>
  </si>
  <si>
    <t>2127.92</t>
  </si>
  <si>
    <t>8.534</t>
  </si>
  <si>
    <t>9.568</t>
  </si>
  <si>
    <t>0.4368</t>
  </si>
  <si>
    <t>1916734.0</t>
  </si>
  <si>
    <t>854034.0</t>
  </si>
  <si>
    <t>827959.0</t>
  </si>
  <si>
    <t>422245.0</t>
  </si>
  <si>
    <t>2837214.0</t>
  </si>
  <si>
    <t>2135.329</t>
  </si>
  <si>
    <t>7.409</t>
  </si>
  <si>
    <t>9.323</t>
  </si>
  <si>
    <t>1917821.0</t>
  </si>
  <si>
    <t>854129.0</t>
  </si>
  <si>
    <t>828099.0</t>
  </si>
  <si>
    <t>423166.0</t>
  </si>
  <si>
    <t>3308.9</t>
  </si>
  <si>
    <t>2495.27926253936</t>
  </si>
  <si>
    <t>2850628.0</t>
  </si>
  <si>
    <t>2145.425</t>
  </si>
  <si>
    <t>10.096</t>
  </si>
  <si>
    <t>9.435</t>
  </si>
  <si>
    <t>0.4681</t>
  </si>
  <si>
    <t>1920111.0</t>
  </si>
  <si>
    <t>854335.0</t>
  </si>
  <si>
    <t>828396.0</t>
  </si>
  <si>
    <t>425113.0</t>
  </si>
  <si>
    <t>2863938.0</t>
  </si>
  <si>
    <t>2155.442</t>
  </si>
  <si>
    <t>10.017</t>
  </si>
  <si>
    <t>12586.0</t>
  </si>
  <si>
    <t>9.472</t>
  </si>
  <si>
    <t>0.4819</t>
  </si>
  <si>
    <t>1922566.0</t>
  </si>
  <si>
    <t>854508.0</t>
  </si>
  <si>
    <t>828766.0</t>
  </si>
  <si>
    <t>427170.0</t>
  </si>
  <si>
    <t>2876255.0</t>
  </si>
  <si>
    <t>2164.712</t>
  </si>
  <si>
    <t>9.384</t>
  </si>
  <si>
    <t>0.5017</t>
  </si>
  <si>
    <t>1924870.0</t>
  </si>
  <si>
    <t>854682.0</t>
  </si>
  <si>
    <t>829131.0</t>
  </si>
  <si>
    <t>429067.0</t>
  </si>
  <si>
    <t>145.16</t>
  </si>
  <si>
    <t>2891186.0</t>
  </si>
  <si>
    <t>2175.949</t>
  </si>
  <si>
    <t>11.237</t>
  </si>
  <si>
    <t>0.4954</t>
  </si>
  <si>
    <t>1926970.0</t>
  </si>
  <si>
    <t>854866.0</t>
  </si>
  <si>
    <t>829414.0</t>
  </si>
  <si>
    <t>430864.0</t>
  </si>
  <si>
    <t>2905048.0</t>
  </si>
  <si>
    <t>13862.0</t>
  </si>
  <si>
    <t>2186.382</t>
  </si>
  <si>
    <t>0.5233</t>
  </si>
  <si>
    <t>1929180.0</t>
  </si>
  <si>
    <t>855031.0</t>
  </si>
  <si>
    <t>829691.0</t>
  </si>
  <si>
    <t>432772.0</t>
  </si>
  <si>
    <t>2916965.0</t>
  </si>
  <si>
    <t>2195.351</t>
  </si>
  <si>
    <t>9.633</t>
  </si>
  <si>
    <t>0.5276</t>
  </si>
  <si>
    <t>1930129.0</t>
  </si>
  <si>
    <t>855110.0</t>
  </si>
  <si>
    <t>829794.0</t>
  </si>
  <si>
    <t>433609.0</t>
  </si>
  <si>
    <t>2924901.0</t>
  </si>
  <si>
    <t>2201.324</t>
  </si>
  <si>
    <t>5.973</t>
  </si>
  <si>
    <t>12527.0</t>
  </si>
  <si>
    <t>0.5516</t>
  </si>
  <si>
    <t>1930637.0</t>
  </si>
  <si>
    <t>855145.0</t>
  </si>
  <si>
    <t>829847.0</t>
  </si>
  <si>
    <t>434061.0</t>
  </si>
  <si>
    <t>145.59</t>
  </si>
  <si>
    <t>3343.5</t>
  </si>
  <si>
    <t>2521.37151751348</t>
  </si>
  <si>
    <t>2935950.0</t>
  </si>
  <si>
    <t>2209.639</t>
  </si>
  <si>
    <t>9.174</t>
  </si>
  <si>
    <t>0.5628</t>
  </si>
  <si>
    <t>1932036.0</t>
  </si>
  <si>
    <t>855294.0</t>
  </si>
  <si>
    <t>830111.0</t>
  </si>
  <si>
    <t>435169.0</t>
  </si>
  <si>
    <t>2947182.0</t>
  </si>
  <si>
    <t>2218.093</t>
  </si>
  <si>
    <t>0.5741</t>
  </si>
  <si>
    <t>1933694.0</t>
  </si>
  <si>
    <t>855441.0</t>
  </si>
  <si>
    <t>830485.0</t>
  </si>
  <si>
    <t>436423.0</t>
  </si>
  <si>
    <t>145.82</t>
  </si>
  <si>
    <t>2958736.0</t>
  </si>
  <si>
    <t>11554.0</t>
  </si>
  <si>
    <t>2226.788</t>
  </si>
  <si>
    <t>0.5732</t>
  </si>
  <si>
    <t>1935215.0</t>
  </si>
  <si>
    <t>855549.0</t>
  </si>
  <si>
    <t>830799.0</t>
  </si>
  <si>
    <t>437608.0</t>
  </si>
  <si>
    <t>2968136.0</t>
  </si>
  <si>
    <t>9400.0</t>
  </si>
  <si>
    <t>2233.863</t>
  </si>
  <si>
    <t>10993.0</t>
  </si>
  <si>
    <t>1936750.0</t>
  </si>
  <si>
    <t>855699.0</t>
  </si>
  <si>
    <t>831102.0</t>
  </si>
  <si>
    <t>438829.0</t>
  </si>
  <si>
    <t>146.05</t>
  </si>
  <si>
    <t>2978310.0</t>
  </si>
  <si>
    <t>10174.0</t>
  </si>
  <si>
    <t>2241.52</t>
  </si>
  <si>
    <t>7.877</t>
  </si>
  <si>
    <t>0.6022</t>
  </si>
  <si>
    <t>1938531.0</t>
  </si>
  <si>
    <t>855852.0</t>
  </si>
  <si>
    <t>831389.0</t>
  </si>
  <si>
    <t>440306.0</t>
  </si>
  <si>
    <t>2985822.0</t>
  </si>
  <si>
    <t>2247.174</t>
  </si>
  <si>
    <t>0.6113</t>
  </si>
  <si>
    <t>1939135.0</t>
  </si>
  <si>
    <t>855918.0</t>
  </si>
  <si>
    <t>831473.0</t>
  </si>
  <si>
    <t>440830.0</t>
  </si>
  <si>
    <t>2991218.0</t>
  </si>
  <si>
    <t>2251.235</t>
  </si>
  <si>
    <t>1939656.0</t>
  </si>
  <si>
    <t>855968.0</t>
  </si>
  <si>
    <t>831592.0</t>
  </si>
  <si>
    <t>441232.0</t>
  </si>
  <si>
    <t>146.27</t>
  </si>
  <si>
    <t>3370.9</t>
  </si>
  <si>
    <t>2542.03417029646</t>
  </si>
  <si>
    <t>2998260.0</t>
  </si>
  <si>
    <t>2256.535</t>
  </si>
  <si>
    <t>0.6088</t>
  </si>
  <si>
    <t>1940616.0</t>
  </si>
  <si>
    <t>856049.0</t>
  </si>
  <si>
    <t>831793.0</t>
  </si>
  <si>
    <t>441985.0</t>
  </si>
  <si>
    <t>3011763.0</t>
  </si>
  <si>
    <t>2266.697</t>
  </si>
  <si>
    <t>10.163</t>
  </si>
  <si>
    <t>6.944</t>
  </si>
  <si>
    <t>0.5444</t>
  </si>
  <si>
    <t>1941901.0</t>
  </si>
  <si>
    <t>856154.0</t>
  </si>
  <si>
    <t>832076.0</t>
  </si>
  <si>
    <t>442973.0</t>
  </si>
  <si>
    <t>3022887.0</t>
  </si>
  <si>
    <t>2275.069</t>
  </si>
  <si>
    <t>0.5757</t>
  </si>
  <si>
    <t>1943113.0</t>
  </si>
  <si>
    <t>856264.0</t>
  </si>
  <si>
    <t>832367.0</t>
  </si>
  <si>
    <t>443882.0</t>
  </si>
  <si>
    <t>146.53</t>
  </si>
  <si>
    <t>3034350.0</t>
  </si>
  <si>
    <t>2283.697</t>
  </si>
  <si>
    <t>8.627</t>
  </si>
  <si>
    <t>1944377.0</t>
  </si>
  <si>
    <t>856361.0</t>
  </si>
  <si>
    <t>832661.0</t>
  </si>
  <si>
    <t>444833.0</t>
  </si>
  <si>
    <t>455.483</t>
  </si>
  <si>
    <t>3046161.0</t>
  </si>
  <si>
    <t>2292.586</t>
  </si>
  <si>
    <t>8.889</t>
  </si>
  <si>
    <t>0.5668</t>
  </si>
  <si>
    <t>1945925.0</t>
  </si>
  <si>
    <t>856490.0</t>
  </si>
  <si>
    <t>833007.0</t>
  </si>
  <si>
    <t>446029.0</t>
  </si>
  <si>
    <t>3053109.0</t>
  </si>
  <si>
    <t>2297.815</t>
  </si>
  <si>
    <t>0.5892</t>
  </si>
  <si>
    <t>1946621.0</t>
  </si>
  <si>
    <t>856578.0</t>
  </si>
  <si>
    <t>833158.0</t>
  </si>
  <si>
    <t>446579.0</t>
  </si>
  <si>
    <t>146.8</t>
  </si>
  <si>
    <t>3058690.0</t>
  </si>
  <si>
    <t>2302.015</t>
  </si>
  <si>
    <t>0.5801</t>
  </si>
  <si>
    <t>1946927.0</t>
  </si>
  <si>
    <t>856610.0</t>
  </si>
  <si>
    <t>833218.0</t>
  </si>
  <si>
    <t>446826.0</t>
  </si>
  <si>
    <t>146.82</t>
  </si>
  <si>
    <t>3484.5</t>
  </si>
  <si>
    <t>2627.7012270901</t>
  </si>
  <si>
    <t>3068440.0</t>
  </si>
  <si>
    <t>2309.353</t>
  </si>
  <si>
    <t>7.546</t>
  </si>
  <si>
    <t>1948014.0</t>
  </si>
  <si>
    <t>856700.0</t>
  </si>
  <si>
    <t>833410.0</t>
  </si>
  <si>
    <t>447720.0</t>
  </si>
  <si>
    <t>3079730.0</t>
  </si>
  <si>
    <t>2317.85</t>
  </si>
  <si>
    <t>8.497</t>
  </si>
  <si>
    <t>7.308</t>
  </si>
  <si>
    <t>1949520.0</t>
  </si>
  <si>
    <t>856839.0</t>
  </si>
  <si>
    <t>833726.0</t>
  </si>
  <si>
    <t>448891.0</t>
  </si>
  <si>
    <t>147.02</t>
  </si>
  <si>
    <t>3087903.0</t>
  </si>
  <si>
    <t>2324.001</t>
  </si>
  <si>
    <t>0.6014</t>
  </si>
  <si>
    <t>1950477.0</t>
  </si>
  <si>
    <t>856942.0</t>
  </si>
  <si>
    <t>833954.0</t>
  </si>
  <si>
    <t>449608.0</t>
  </si>
  <si>
    <t>62.89</t>
  </si>
  <si>
    <t>33.91</t>
  </si>
  <si>
    <t>3096130.0</t>
  </si>
  <si>
    <t>8227.0</t>
  </si>
  <si>
    <t>2330.193</t>
  </si>
  <si>
    <t>6.192</t>
  </si>
  <si>
    <t>1950623.0</t>
  </si>
  <si>
    <t>856958.0</t>
  </si>
  <si>
    <t>833983.0</t>
  </si>
  <si>
    <t>449722.0</t>
  </si>
  <si>
    <t>3103449.0</t>
  </si>
  <si>
    <t>2335.702</t>
  </si>
  <si>
    <t>6.159</t>
  </si>
  <si>
    <t>1952208.0</t>
  </si>
  <si>
    <t>857091.0</t>
  </si>
  <si>
    <t>834337.0</t>
  </si>
  <si>
    <t>450956.0</t>
  </si>
  <si>
    <t>3110529.0</t>
  </si>
  <si>
    <t>2341.03</t>
  </si>
  <si>
    <t>5.329</t>
  </si>
  <si>
    <t>1952785.0</t>
  </si>
  <si>
    <t>857135.0</t>
  </si>
  <si>
    <t>834436.0</t>
  </si>
  <si>
    <t>451433.0</t>
  </si>
  <si>
    <t>3114901.0</t>
  </si>
  <si>
    <t>2344.321</t>
  </si>
  <si>
    <t>0.5764</t>
  </si>
  <si>
    <t>1953111.0</t>
  </si>
  <si>
    <t>857168.0</t>
  </si>
  <si>
    <t>834487.0</t>
  </si>
  <si>
    <t>451708.0</t>
  </si>
  <si>
    <t>147.29</t>
  </si>
  <si>
    <t>3578.1</t>
  </si>
  <si>
    <t>2698.286055575</t>
  </si>
  <si>
    <t>3123484.0</t>
  </si>
  <si>
    <t>2350.78</t>
  </si>
  <si>
    <t>1954094.0</t>
  </si>
  <si>
    <t>857274.0</t>
  </si>
  <si>
    <t>834704.0</t>
  </si>
  <si>
    <t>452502.0</t>
  </si>
  <si>
    <t>147.36</t>
  </si>
  <si>
    <t>3132083.0</t>
  </si>
  <si>
    <t>2357.252</t>
  </si>
  <si>
    <t>5.629</t>
  </si>
  <si>
    <t>0.5939</t>
  </si>
  <si>
    <t>1955139.0</t>
  </si>
  <si>
    <t>857379.0</t>
  </si>
  <si>
    <t>834956.0</t>
  </si>
  <si>
    <t>453320.0</t>
  </si>
  <si>
    <t>3138750.0</t>
  </si>
  <si>
    <t>2362.27</t>
  </si>
  <si>
    <t>5.018</t>
  </si>
  <si>
    <t>5.467</t>
  </si>
  <si>
    <t>0.5821</t>
  </si>
  <si>
    <t>1956025.0</t>
  </si>
  <si>
    <t>857446.0</t>
  </si>
  <si>
    <t>835130.0</t>
  </si>
  <si>
    <t>454027.0</t>
  </si>
  <si>
    <t>3145295.0</t>
  </si>
  <si>
    <t>2367.195</t>
  </si>
  <si>
    <t>4.926</t>
  </si>
  <si>
    <t>0.5851</t>
  </si>
  <si>
    <t>1957028.0</t>
  </si>
  <si>
    <t>857543.0</t>
  </si>
  <si>
    <t>835340.0</t>
  </si>
  <si>
    <t>454830.0</t>
  </si>
  <si>
    <t>3151189.0</t>
  </si>
  <si>
    <t>2371.631</t>
  </si>
  <si>
    <t>4.436</t>
  </si>
  <si>
    <t>5.133</t>
  </si>
  <si>
    <t>1958230.0</t>
  </si>
  <si>
    <t>857656.0</t>
  </si>
  <si>
    <t>835594.0</t>
  </si>
  <si>
    <t>455789.0</t>
  </si>
  <si>
    <t>3154650.0</t>
  </si>
  <si>
    <t>2374.236</t>
  </si>
  <si>
    <t>0.5918</t>
  </si>
  <si>
    <t>1958641.0</t>
  </si>
  <si>
    <t>857696.0</t>
  </si>
  <si>
    <t>835660.0</t>
  </si>
  <si>
    <t>456140.0</t>
  </si>
  <si>
    <t>147.7</t>
  </si>
  <si>
    <t>3157982.0</t>
  </si>
  <si>
    <t>2376.744</t>
  </si>
  <si>
    <t>1958895.0</t>
  </si>
  <si>
    <t>857748.0</t>
  </si>
  <si>
    <t>835719.0</t>
  </si>
  <si>
    <t>456350.0</t>
  </si>
  <si>
    <t>147.72</t>
  </si>
  <si>
    <t>3644.9</t>
  </si>
  <si>
    <t>2748.66069812618</t>
  </si>
  <si>
    <t>3165056.0</t>
  </si>
  <si>
    <t>2382.068</t>
  </si>
  <si>
    <t>0.5454</t>
  </si>
  <si>
    <t>1959668.0</t>
  </si>
  <si>
    <t>857842.0</t>
  </si>
  <si>
    <t>835878.0</t>
  </si>
  <si>
    <t>456975.0</t>
  </si>
  <si>
    <t>3171138.0</t>
  </si>
  <si>
    <t>2386.645</t>
  </si>
  <si>
    <t>1960433.0</t>
  </si>
  <si>
    <t>857919.0</t>
  </si>
  <si>
    <t>836031.0</t>
  </si>
  <si>
    <t>457593.0</t>
  </si>
  <si>
    <t>147.84</t>
  </si>
  <si>
    <t>3176708.0</t>
  </si>
  <si>
    <t>2390.837</t>
  </si>
  <si>
    <t>1961173.0</t>
  </si>
  <si>
    <t>857999.0</t>
  </si>
  <si>
    <t>836186.0</t>
  </si>
  <si>
    <t>458178.0</t>
  </si>
  <si>
    <t>147.89</t>
  </si>
  <si>
    <t>3182005.0</t>
  </si>
  <si>
    <t>2394.824</t>
  </si>
  <si>
    <t>0.4914</t>
  </si>
  <si>
    <t>1962086.0</t>
  </si>
  <si>
    <t>858094.0</t>
  </si>
  <si>
    <t>836351.0</t>
  </si>
  <si>
    <t>458935.0</t>
  </si>
  <si>
    <t>147.96</t>
  </si>
  <si>
    <t>3186986.0</t>
  </si>
  <si>
    <t>2398.573</t>
  </si>
  <si>
    <t>0.4718</t>
  </si>
  <si>
    <t>1963062.0</t>
  </si>
  <si>
    <t>858184.0</t>
  </si>
  <si>
    <t>836542.0</t>
  </si>
  <si>
    <t>459731.0</t>
  </si>
  <si>
    <t>148.04</t>
  </si>
  <si>
    <t>3190306.0</t>
  </si>
  <si>
    <t>2401.071</t>
  </si>
  <si>
    <t>1963501.0</t>
  </si>
  <si>
    <t>858238.0</t>
  </si>
  <si>
    <t>836630.0</t>
  </si>
  <si>
    <t>460087.0</t>
  </si>
  <si>
    <t>148.07</t>
  </si>
  <si>
    <t>3192898.0</t>
  </si>
  <si>
    <t>2403.022</t>
  </si>
  <si>
    <t>3.754</t>
  </si>
  <si>
    <t>0.4427</t>
  </si>
  <si>
    <t>1963644.0</t>
  </si>
  <si>
    <t>858245.0</t>
  </si>
  <si>
    <t>836645.0</t>
  </si>
  <si>
    <t>460215.0</t>
  </si>
  <si>
    <t>148.08</t>
  </si>
  <si>
    <t>3693.7</t>
  </si>
  <si>
    <t>2785.46133519951</t>
  </si>
  <si>
    <t>3199409.0</t>
  </si>
  <si>
    <t>2407.922</t>
  </si>
  <si>
    <t>0.4362</t>
  </si>
  <si>
    <t>1964234.0</t>
  </si>
  <si>
    <t>858331.0</t>
  </si>
  <si>
    <t>836773.0</t>
  </si>
  <si>
    <t>460704.0</t>
  </si>
  <si>
    <t>148.13</t>
  </si>
  <si>
    <t>3204693.0</t>
  </si>
  <si>
    <t>2411.899</t>
  </si>
  <si>
    <t>3.977</t>
  </si>
  <si>
    <t>0.4285</t>
  </si>
  <si>
    <t>1964894.0</t>
  </si>
  <si>
    <t>858390.0</t>
  </si>
  <si>
    <t>836885.0</t>
  </si>
  <si>
    <t>461270.0</t>
  </si>
  <si>
    <t>3209475.0</t>
  </si>
  <si>
    <t>2415.498</t>
  </si>
  <si>
    <t>0.4164</t>
  </si>
  <si>
    <t>1965446.0</t>
  </si>
  <si>
    <t>858445.0</t>
  </si>
  <si>
    <t>836991.0</t>
  </si>
  <si>
    <t>461729.0</t>
  </si>
  <si>
    <t>3213932.0</t>
  </si>
  <si>
    <t>2418.853</t>
  </si>
  <si>
    <t>0.4048</t>
  </si>
  <si>
    <t>1965903.0</t>
  </si>
  <si>
    <t>858499.0</t>
  </si>
  <si>
    <t>837064.0</t>
  </si>
  <si>
    <t>462115.0</t>
  </si>
  <si>
    <t>3217733.0</t>
  </si>
  <si>
    <t>2421.713</t>
  </si>
  <si>
    <t>1966649.0</t>
  </si>
  <si>
    <t>858567.0</t>
  </si>
  <si>
    <t>837174.0</t>
  </si>
  <si>
    <t>462763.0</t>
  </si>
  <si>
    <t>148.31</t>
  </si>
  <si>
    <t>3220029.0</t>
  </si>
  <si>
    <t>2423.441</t>
  </si>
  <si>
    <t>0.3956</t>
  </si>
  <si>
    <t>1966923.0</t>
  </si>
  <si>
    <t>858623.0</t>
  </si>
  <si>
    <t>837245.0</t>
  </si>
  <si>
    <t>462990.0</t>
  </si>
  <si>
    <t>3222321.0</t>
  </si>
  <si>
    <t>2425.166</t>
  </si>
  <si>
    <t>0.3814</t>
  </si>
  <si>
    <t>1967076.0</t>
  </si>
  <si>
    <t>858648.0</t>
  </si>
  <si>
    <t>837269.0</t>
  </si>
  <si>
    <t>463120.0</t>
  </si>
  <si>
    <t>3733.3</t>
  </si>
  <si>
    <t>2815.32414725081</t>
  </si>
  <si>
    <t>3227624.0</t>
  </si>
  <si>
    <t>2429.158</t>
  </si>
  <si>
    <t>0.3886</t>
  </si>
  <si>
    <t>1967583.0</t>
  </si>
  <si>
    <t>858703.0</t>
  </si>
  <si>
    <t>837367.0</t>
  </si>
  <si>
    <t>463539.0</t>
  </si>
  <si>
    <t>148.38</t>
  </si>
  <si>
    <t>3231973.0</t>
  </si>
  <si>
    <t>2432.431</t>
  </si>
  <si>
    <t>0.3764</t>
  </si>
  <si>
    <t>1968142.0</t>
  </si>
  <si>
    <t>858769.0</t>
  </si>
  <si>
    <t>837466.0</t>
  </si>
  <si>
    <t>464018.0</t>
  </si>
  <si>
    <t>148.42</t>
  </si>
  <si>
    <t>3236065.0</t>
  </si>
  <si>
    <t>2435.51</t>
  </si>
  <si>
    <t>0.3746</t>
  </si>
  <si>
    <t>1968655.0</t>
  </si>
  <si>
    <t>858838.0</t>
  </si>
  <si>
    <t>837560.0</t>
  </si>
  <si>
    <t>464447.0</t>
  </si>
  <si>
    <t>148.46</t>
  </si>
  <si>
    <t>3240042.0</t>
  </si>
  <si>
    <t>2438.503</t>
  </si>
  <si>
    <t>1969344.0</t>
  </si>
  <si>
    <t>858892.0</t>
  </si>
  <si>
    <t>837646.0</t>
  </si>
  <si>
    <t>465062.0</t>
  </si>
  <si>
    <t>3243539.0</t>
  </si>
  <si>
    <t>2441.135</t>
  </si>
  <si>
    <t>0.3723</t>
  </si>
  <si>
    <t>1970031.0</t>
  </si>
  <si>
    <t>858944.0</t>
  </si>
  <si>
    <t>837724.0</t>
  </si>
  <si>
    <t>465682.0</t>
  </si>
  <si>
    <t>3245523.0</t>
  </si>
  <si>
    <t>2442.629</t>
  </si>
  <si>
    <t>1970277.0</t>
  </si>
  <si>
    <t>858971.0</t>
  </si>
  <si>
    <t>837752.0</t>
  </si>
  <si>
    <t>465895.0</t>
  </si>
  <si>
    <t>3247674.0</t>
  </si>
  <si>
    <t>2444.247</t>
  </si>
  <si>
    <t>1970427.0</t>
  </si>
  <si>
    <t>858984.0</t>
  </si>
  <si>
    <t>837773.0</t>
  </si>
  <si>
    <t>466026.0</t>
  </si>
  <si>
    <t>148.59</t>
  </si>
  <si>
    <t>3763.7</t>
  </si>
  <si>
    <t>2838.2491342801</t>
  </si>
  <si>
    <t>3252308.0</t>
  </si>
  <si>
    <t>2447.735</t>
  </si>
  <si>
    <t>0.3741</t>
  </si>
  <si>
    <t>1970881.0</t>
  </si>
  <si>
    <t>859042.0</t>
  </si>
  <si>
    <t>837843.0</t>
  </si>
  <si>
    <t>466417.0</t>
  </si>
  <si>
    <t>3256670.0</t>
  </si>
  <si>
    <t>2451.018</t>
  </si>
  <si>
    <t>3.283</t>
  </si>
  <si>
    <t>0.3514</t>
  </si>
  <si>
    <t>1971449.0</t>
  </si>
  <si>
    <t>859107.0</t>
  </si>
  <si>
    <t>837928.0</t>
  </si>
  <si>
    <t>466928.0</t>
  </si>
  <si>
    <t>3260360.0</t>
  </si>
  <si>
    <t>2453.795</t>
  </si>
  <si>
    <t>1972010.0</t>
  </si>
  <si>
    <t>859165.0</t>
  </si>
  <si>
    <t>838028.0</t>
  </si>
  <si>
    <t>467406.0</t>
  </si>
  <si>
    <t>3264157.0</t>
  </si>
  <si>
    <t>2456.653</t>
  </si>
  <si>
    <t>1972601.0</t>
  </si>
  <si>
    <t>859236.0</t>
  </si>
  <si>
    <t>838139.0</t>
  </si>
  <si>
    <t>467915.0</t>
  </si>
  <si>
    <t>148.76</t>
  </si>
  <si>
    <t>3267188.0</t>
  </si>
  <si>
    <t>2458.934</t>
  </si>
  <si>
    <t>1973143.0</t>
  </si>
  <si>
    <t>859298.0</t>
  </si>
  <si>
    <t>838205.0</t>
  </si>
  <si>
    <t>468391.0</t>
  </si>
  <si>
    <t>148.8</t>
  </si>
  <si>
    <t>3269301.0</t>
  </si>
  <si>
    <t>2460.524</t>
  </si>
  <si>
    <t>1973295.0</t>
  </si>
  <si>
    <t>859309.0</t>
  </si>
  <si>
    <t>838222.0</t>
  </si>
  <si>
    <t>468531.0</t>
  </si>
  <si>
    <t>148.81</t>
  </si>
  <si>
    <t>3271281.0</t>
  </si>
  <si>
    <t>2462.014</t>
  </si>
  <si>
    <t>1973426.0</t>
  </si>
  <si>
    <t>859318.0</t>
  </si>
  <si>
    <t>838233.0</t>
  </si>
  <si>
    <t>468653.0</t>
  </si>
  <si>
    <t>148.82</t>
  </si>
  <si>
    <t>3771.1</t>
  </si>
  <si>
    <t>2843.82955875433</t>
  </si>
  <si>
    <t>3276011.0</t>
  </si>
  <si>
    <t>2465.574</t>
  </si>
  <si>
    <t>1973851.0</t>
  </si>
  <si>
    <t>859372.0</t>
  </si>
  <si>
    <t>838295.0</t>
  </si>
  <si>
    <t>469025.0</t>
  </si>
  <si>
    <t>148.85</t>
  </si>
  <si>
    <t>3280094.0</t>
  </si>
  <si>
    <t>2468.647</t>
  </si>
  <si>
    <t>1974320.0</t>
  </si>
  <si>
    <t>859419.0</t>
  </si>
  <si>
    <t>838356.0</t>
  </si>
  <si>
    <t>469438.0</t>
  </si>
  <si>
    <t>3283975.0</t>
  </si>
  <si>
    <t>2471.568</t>
  </si>
  <si>
    <t>1974780.0</t>
  </si>
  <si>
    <t>859468.0</t>
  </si>
  <si>
    <t>838422.0</t>
  </si>
  <si>
    <t>469840.0</t>
  </si>
  <si>
    <t>3287901.0</t>
  </si>
  <si>
    <t>2474.523</t>
  </si>
  <si>
    <t>2.955</t>
  </si>
  <si>
    <t>1975232.0</t>
  </si>
  <si>
    <t>859526.0</t>
  </si>
  <si>
    <t>838486.0</t>
  </si>
  <si>
    <t>470242.0</t>
  </si>
  <si>
    <t>148.95</t>
  </si>
  <si>
    <t>3291090.0</t>
  </si>
  <si>
    <t>2476.923</t>
  </si>
  <si>
    <t>1975775.0</t>
  </si>
  <si>
    <t>859567.0</t>
  </si>
  <si>
    <t>838552.0</t>
  </si>
  <si>
    <t>470732.0</t>
  </si>
  <si>
    <t>3292923.0</t>
  </si>
  <si>
    <t>2478.302</t>
  </si>
  <si>
    <t>1976018.0</t>
  </si>
  <si>
    <t>859589.0</t>
  </si>
  <si>
    <t>838580.0</t>
  </si>
  <si>
    <t>470956.0</t>
  </si>
  <si>
    <t>149.01</t>
  </si>
  <si>
    <t>3294896.0</t>
  </si>
  <si>
    <t>2479.787</t>
  </si>
  <si>
    <t>1976160.0</t>
  </si>
  <si>
    <t>859607.0</t>
  </si>
  <si>
    <t>838600.0</t>
  </si>
  <si>
    <t>471087.0</t>
  </si>
  <si>
    <t>3787.1</t>
  </si>
  <si>
    <t>2855.89534140132</t>
  </si>
  <si>
    <t>3299169.0</t>
  </si>
  <si>
    <t>2483.003</t>
  </si>
  <si>
    <t>1976522.0</t>
  </si>
  <si>
    <t>859637.0</t>
  </si>
  <si>
    <t>838656.0</t>
  </si>
  <si>
    <t>471405.0</t>
  </si>
  <si>
    <t>3302578.0</t>
  </si>
  <si>
    <t>2485.569</t>
  </si>
  <si>
    <t>1977056.0</t>
  </si>
  <si>
    <t>859689.0</t>
  </si>
  <si>
    <t>838729.0</t>
  </si>
  <si>
    <t>471888.0</t>
  </si>
  <si>
    <t>3305623.0</t>
  </si>
  <si>
    <t>2487.861</t>
  </si>
  <si>
    <t>1977580.0</t>
  </si>
  <si>
    <t>859754.0</t>
  </si>
  <si>
    <t>838811.0</t>
  </si>
  <si>
    <t>472349.0</t>
  </si>
  <si>
    <t>149.13</t>
  </si>
  <si>
    <t>158.363</t>
  </si>
  <si>
    <t>3308385.0</t>
  </si>
  <si>
    <t>2489.939</t>
  </si>
  <si>
    <t>1978113.0</t>
  </si>
  <si>
    <t>859830.0</t>
  </si>
  <si>
    <t>838890.0</t>
  </si>
  <si>
    <t>472821.0</t>
  </si>
  <si>
    <t>149.17</t>
  </si>
  <si>
    <t>3309847.0</t>
  </si>
  <si>
    <t>2491.04</t>
  </si>
  <si>
    <t>1978222.0</t>
  </si>
  <si>
    <t>859849.0</t>
  </si>
  <si>
    <t>838911.0</t>
  </si>
  <si>
    <t>472920.0</t>
  </si>
  <si>
    <t>3311570.0</t>
  </si>
  <si>
    <t>2492.337</t>
  </si>
  <si>
    <t>1978405.0</t>
  </si>
  <si>
    <t>859874.0</t>
  </si>
  <si>
    <t>838937.0</t>
  </si>
  <si>
    <t>473089.0</t>
  </si>
  <si>
    <t>149.19</t>
  </si>
  <si>
    <t>3313194.0</t>
  </si>
  <si>
    <t>2493.559</t>
  </si>
  <si>
    <t>1978478.0</t>
  </si>
  <si>
    <t>859889.0</t>
  </si>
  <si>
    <t>838955.0</t>
  </si>
  <si>
    <t>473157.0</t>
  </si>
  <si>
    <t>3784.3</t>
  </si>
  <si>
    <t>2853.7838294381</t>
  </si>
  <si>
    <t>3317124.0</t>
  </si>
  <si>
    <t>2496.517</t>
  </si>
  <si>
    <t>1978910.0</t>
  </si>
  <si>
    <t>859952.0</t>
  </si>
  <si>
    <t>839030.0</t>
  </si>
  <si>
    <t>473552.0</t>
  </si>
  <si>
    <t>3319226.0</t>
  </si>
  <si>
    <t>2498.099</t>
  </si>
  <si>
    <t>1979358.0</t>
  </si>
  <si>
    <t>860014.0</t>
  </si>
  <si>
    <t>839101.0</t>
  </si>
  <si>
    <t>473955.0</t>
  </si>
  <si>
    <t>149.27</t>
  </si>
  <si>
    <t>3323278.0</t>
  </si>
  <si>
    <t>2501.148</t>
  </si>
  <si>
    <t>1979730.0</t>
  </si>
  <si>
    <t>860072.0</t>
  </si>
  <si>
    <t>839168.0</t>
  </si>
  <si>
    <t>474293.0</t>
  </si>
  <si>
    <t>149.29</t>
  </si>
  <si>
    <t>3326030.0</t>
  </si>
  <si>
    <t>2503.219</t>
  </si>
  <si>
    <t>1980075.0</t>
  </si>
  <si>
    <t>860129.0</t>
  </si>
  <si>
    <t>839241.0</t>
  </si>
  <si>
    <t>474582.0</t>
  </si>
  <si>
    <t>3328829.0</t>
  </si>
  <si>
    <t>2505.326</t>
  </si>
  <si>
    <t>1980586.0</t>
  </si>
  <si>
    <t>860208.0</t>
  </si>
  <si>
    <t>839344.0</t>
  </si>
  <si>
    <t>3330318.0</t>
  </si>
  <si>
    <t>2506.447</t>
  </si>
  <si>
    <t>1980747.0</t>
  </si>
  <si>
    <t>860241.0</t>
  </si>
  <si>
    <t>839383.0</t>
  </si>
  <si>
    <t>475143.0</t>
  </si>
  <si>
    <t>106.01</t>
  </si>
  <si>
    <t>3331938.0</t>
  </si>
  <si>
    <t>2507.666</t>
  </si>
  <si>
    <t>1980811.0</t>
  </si>
  <si>
    <t>860255.0</t>
  </si>
  <si>
    <t>839397.0</t>
  </si>
  <si>
    <t>475203.0</t>
  </si>
  <si>
    <t>149.38</t>
  </si>
  <si>
    <t>3799.1</t>
  </si>
  <si>
    <t>2864.94467838656</t>
  </si>
  <si>
    <t>3335557.0</t>
  </si>
  <si>
    <t>2510.389</t>
  </si>
  <si>
    <t>1981162.0</t>
  </si>
  <si>
    <t>860314.0</t>
  </si>
  <si>
    <t>839460.0</t>
  </si>
  <si>
    <t>475509.0</t>
  </si>
  <si>
    <t>3338303.0</t>
  </si>
  <si>
    <t>2512.456</t>
  </si>
  <si>
    <t>1981604.0</t>
  </si>
  <si>
    <t>860356.0</t>
  </si>
  <si>
    <t>839517.0</t>
  </si>
  <si>
    <t>475919.0</t>
  </si>
  <si>
    <t>149.44</t>
  </si>
  <si>
    <t>3340686.0</t>
  </si>
  <si>
    <t>2514.25</t>
  </si>
  <si>
    <t>1981922.0</t>
  </si>
  <si>
    <t>860416.0</t>
  </si>
  <si>
    <t>839579.0</t>
  </si>
  <si>
    <t>476192.0</t>
  </si>
  <si>
    <t>3343092.0</t>
  </si>
  <si>
    <t>2516.06</t>
  </si>
  <si>
    <t>1982279.0</t>
  </si>
  <si>
    <t>860489.0</t>
  </si>
  <si>
    <t>839665.0</t>
  </si>
  <si>
    <t>476480.0</t>
  </si>
  <si>
    <t>149.49</t>
  </si>
  <si>
    <t>35.93</t>
  </si>
  <si>
    <t>3345274.0</t>
  </si>
  <si>
    <t>2517.703</t>
  </si>
  <si>
    <t>1982683.0</t>
  </si>
  <si>
    <t>839727.0</t>
  </si>
  <si>
    <t>476833.0</t>
  </si>
  <si>
    <t>3346781.0</t>
  </si>
  <si>
    <t>2518.837</t>
  </si>
  <si>
    <t>1982847.0</t>
  </si>
  <si>
    <t>860585.0</t>
  </si>
  <si>
    <t>839768.0</t>
  </si>
  <si>
    <t>476987.0</t>
  </si>
  <si>
    <t>3348347.0</t>
  </si>
  <si>
    <t>2520.015</t>
  </si>
  <si>
    <t>1982932.0</t>
  </si>
  <si>
    <t>860617.0</t>
  </si>
  <si>
    <t>839803.0</t>
  </si>
  <si>
    <t>477058.0</t>
  </si>
  <si>
    <t>149.54</t>
  </si>
  <si>
    <t>3791.1</t>
  </si>
  <si>
    <t>2858.91178706307</t>
  </si>
  <si>
    <t>3352980.0</t>
  </si>
  <si>
    <t>2523.502</t>
  </si>
  <si>
    <t>1983262.0</t>
  </si>
  <si>
    <t>860685.0</t>
  </si>
  <si>
    <t>839886.0</t>
  </si>
  <si>
    <t>477335.0</t>
  </si>
  <si>
    <t>149.56</t>
  </si>
  <si>
    <t>3355417.0</t>
  </si>
  <si>
    <t>2525.336</t>
  </si>
  <si>
    <t>1983586.0</t>
  </si>
  <si>
    <t>860749.0</t>
  </si>
  <si>
    <t>839946.0</t>
  </si>
  <si>
    <t>477622.0</t>
  </si>
  <si>
    <t>36.02</t>
  </si>
  <si>
    <t>3357798.0</t>
  </si>
  <si>
    <t>2527.128</t>
  </si>
  <si>
    <t>1983928.0</t>
  </si>
  <si>
    <t>860806.0</t>
  </si>
  <si>
    <t>840007.0</t>
  </si>
  <si>
    <t>477933.0</t>
  </si>
  <si>
    <t>149.61</t>
  </si>
  <si>
    <t>3360101.0</t>
  </si>
  <si>
    <t>2528.862</t>
  </si>
  <si>
    <t>1984254.0</t>
  </si>
  <si>
    <t>860868.0</t>
  </si>
  <si>
    <t>840082.0</t>
  </si>
  <si>
    <t>478220.0</t>
  </si>
  <si>
    <t>149.63</t>
  </si>
  <si>
    <t>3362317.0</t>
  </si>
  <si>
    <t>2530.529</t>
  </si>
  <si>
    <t>1984619.0</t>
  </si>
  <si>
    <t>860936.0</t>
  </si>
  <si>
    <t>840152.0</t>
  </si>
  <si>
    <t>478542.0</t>
  </si>
  <si>
    <t>149.66</t>
  </si>
  <si>
    <t>3363624.0</t>
  </si>
  <si>
    <t>2531.513</t>
  </si>
  <si>
    <t>1984748.0</t>
  </si>
  <si>
    <t>860975.0</t>
  </si>
  <si>
    <t>840193.0</t>
  </si>
  <si>
    <t>478660.0</t>
  </si>
  <si>
    <t>149.67</t>
  </si>
  <si>
    <t>3364315.0</t>
  </si>
  <si>
    <t>2532.033</t>
  </si>
  <si>
    <t>1984800.0</t>
  </si>
  <si>
    <t>861002.0</t>
  </si>
  <si>
    <t>840220.0</t>
  </si>
  <si>
    <t>478701.0</t>
  </si>
  <si>
    <t>3799.9</t>
  </si>
  <si>
    <t>2865.54796751891</t>
  </si>
  <si>
    <t>97.28</t>
  </si>
  <si>
    <t>3367241.0</t>
  </si>
  <si>
    <t>2534.235</t>
  </si>
  <si>
    <t>1985083.0</t>
  </si>
  <si>
    <t>861089.0</t>
  </si>
  <si>
    <t>840301.0</t>
  </si>
  <si>
    <t>478948.0</t>
  </si>
  <si>
    <t>3369184.0</t>
  </si>
  <si>
    <t>2535.698</t>
  </si>
  <si>
    <t>1985434.0</t>
  </si>
  <si>
    <t>861178.0</t>
  </si>
  <si>
    <t>840396.0</t>
  </si>
  <si>
    <t>479253.0</t>
  </si>
  <si>
    <t>149.72</t>
  </si>
  <si>
    <t>3370924.0</t>
  </si>
  <si>
    <t>2537.007</t>
  </si>
  <si>
    <t>1985748.0</t>
  </si>
  <si>
    <t>861240.0</t>
  </si>
  <si>
    <t>840472.0</t>
  </si>
  <si>
    <t>479535.0</t>
  </si>
  <si>
    <t>3372520.0</t>
  </si>
  <si>
    <t>2538.208</t>
  </si>
  <si>
    <t>861322.0</t>
  </si>
  <si>
    <t>840557.0</t>
  </si>
  <si>
    <t>479815.0</t>
  </si>
  <si>
    <t>3374305.0</t>
  </si>
  <si>
    <t>2539.552</t>
  </si>
  <si>
    <t>1986380.0</t>
  </si>
  <si>
    <t>861375.0</t>
  </si>
  <si>
    <t>840616.0</t>
  </si>
  <si>
    <t>480085.0</t>
  </si>
  <si>
    <t>3375426.0</t>
  </si>
  <si>
    <t>2540.395</t>
  </si>
  <si>
    <t>1986493.0</t>
  </si>
  <si>
    <t>861393.0</t>
  </si>
  <si>
    <t>840637.0</t>
  </si>
  <si>
    <t>480187.0</t>
  </si>
  <si>
    <t>3376863.0</t>
  </si>
  <si>
    <t>2541.477</t>
  </si>
  <si>
    <t>1986576.0</t>
  </si>
  <si>
    <t>861410.0</t>
  </si>
  <si>
    <t>840656.0</t>
  </si>
  <si>
    <t>480258.0</t>
  </si>
  <si>
    <t>149.81</t>
  </si>
  <si>
    <t>3832.5</t>
  </si>
  <si>
    <t>2890.13199966216</t>
  </si>
  <si>
    <t>3379100.0</t>
  </si>
  <si>
    <t>2543.161</t>
  </si>
  <si>
    <t>1986821.0</t>
  </si>
  <si>
    <t>861452.0</t>
  </si>
  <si>
    <t>840706.0</t>
  </si>
  <si>
    <t>480476.0</t>
  </si>
  <si>
    <t>3380810.0</t>
  </si>
  <si>
    <t>2544.448</t>
  </si>
  <si>
    <t>1987051.0</t>
  </si>
  <si>
    <t>861488.0</t>
  </si>
  <si>
    <t>840751.0</t>
  </si>
  <si>
    <t>480683.0</t>
  </si>
  <si>
    <t>3382488.0</t>
  </si>
  <si>
    <t>2545.71</t>
  </si>
  <si>
    <t>1987316.0</t>
  </si>
  <si>
    <t>861533.0</t>
  </si>
  <si>
    <t>840809.0</t>
  </si>
  <si>
    <t>480909.0</t>
  </si>
  <si>
    <t>149.87</t>
  </si>
  <si>
    <t>78.428</t>
  </si>
  <si>
    <t>3384107.0</t>
  </si>
  <si>
    <t>2546.929</t>
  </si>
  <si>
    <t>1987526.0</t>
  </si>
  <si>
    <t>861582.0</t>
  </si>
  <si>
    <t>840864.0</t>
  </si>
  <si>
    <t>481081.0</t>
  </si>
  <si>
    <t>149.88</t>
  </si>
  <si>
    <t>3385517.0</t>
  </si>
  <si>
    <t>2547.99</t>
  </si>
  <si>
    <t>1987852.0</t>
  </si>
  <si>
    <t>861644.0</t>
  </si>
  <si>
    <t>840951.0</t>
  </si>
  <si>
    <t>481354.0</t>
  </si>
  <si>
    <t>3386459.0</t>
  </si>
  <si>
    <t>2548.699</t>
  </si>
  <si>
    <t>1987994.0</t>
  </si>
  <si>
    <t>861672.0</t>
  </si>
  <si>
    <t>840983.0</t>
  </si>
  <si>
    <t>481474.0</t>
  </si>
  <si>
    <t>149.92</t>
  </si>
  <si>
    <t>3387595.0</t>
  </si>
  <si>
    <t>2549.554</t>
  </si>
  <si>
    <t>1988075.0</t>
  </si>
  <si>
    <t>861691.0</t>
  </si>
  <si>
    <t>841004.0</t>
  </si>
  <si>
    <t>481549.0</t>
  </si>
  <si>
    <t>3809.5</t>
  </si>
  <si>
    <t>2872.78743710711</t>
  </si>
  <si>
    <t>3389446.0</t>
  </si>
  <si>
    <t>2550.947</t>
  </si>
  <si>
    <t>1988351.0</t>
  </si>
  <si>
    <t>861759.0</t>
  </si>
  <si>
    <t>481797.0</t>
  </si>
  <si>
    <t>3390912.0</t>
  </si>
  <si>
    <t>2552.05</t>
  </si>
  <si>
    <t>1988599.0</t>
  </si>
  <si>
    <t>861796.0</t>
  </si>
  <si>
    <t>841115.0</t>
  </si>
  <si>
    <t>482014.0</t>
  </si>
  <si>
    <t>149.96</t>
  </si>
  <si>
    <t>3392489.0</t>
  </si>
  <si>
    <t>2553.237</t>
  </si>
  <si>
    <t>1988838.0</t>
  </si>
  <si>
    <t>861833.0</t>
  </si>
  <si>
    <t>841159.0</t>
  </si>
  <si>
    <t>482225.0</t>
  </si>
  <si>
    <t>3393983.0</t>
  </si>
  <si>
    <t>2554.362</t>
  </si>
  <si>
    <t>1989062.0</t>
  </si>
  <si>
    <t>861892.0</t>
  </si>
  <si>
    <t>841222.0</t>
  </si>
  <si>
    <t>482418.0</t>
  </si>
  <si>
    <t>3395364.0</t>
  </si>
  <si>
    <t>2555.401</t>
  </si>
  <si>
    <t>1989380.0</t>
  </si>
  <si>
    <t>861952.0</t>
  </si>
  <si>
    <t>841293.0</t>
  </si>
  <si>
    <t>3396390.0</t>
  </si>
  <si>
    <t>2556.173</t>
  </si>
  <si>
    <t>1989500.0</t>
  </si>
  <si>
    <t>861979.0</t>
  </si>
  <si>
    <t>841323.0</t>
  </si>
  <si>
    <t>482795.0</t>
  </si>
  <si>
    <t>3397496.0</t>
  </si>
  <si>
    <t>2557.006</t>
  </si>
  <si>
    <t>1989565.0</t>
  </si>
  <si>
    <t>861991.0</t>
  </si>
  <si>
    <t>841335.0</t>
  </si>
  <si>
    <t>482855.0</t>
  </si>
  <si>
    <t>150.04</t>
  </si>
  <si>
    <t>3802.1</t>
  </si>
  <si>
    <t>2867.20701263287</t>
  </si>
  <si>
    <t>3399367.0</t>
  </si>
  <si>
    <t>2558.414</t>
  </si>
  <si>
    <t>1989800.0</t>
  </si>
  <si>
    <t>862028.0</t>
  </si>
  <si>
    <t>841379.0</t>
  </si>
  <si>
    <t>483059.0</t>
  </si>
  <si>
    <t>150.05</t>
  </si>
  <si>
    <t>3400822.0</t>
  </si>
  <si>
    <t>2559.509</t>
  </si>
  <si>
    <t>1990046.0</t>
  </si>
  <si>
    <t>862073.0</t>
  </si>
  <si>
    <t>841436.0</t>
  </si>
  <si>
    <t>483269.0</t>
  </si>
  <si>
    <t>150.07</t>
  </si>
  <si>
    <t>3402180.0</t>
  </si>
  <si>
    <t>2560.531</t>
  </si>
  <si>
    <t>1990256.0</t>
  </si>
  <si>
    <t>862109.0</t>
  </si>
  <si>
    <t>841471.0</t>
  </si>
  <si>
    <t>483457.0</t>
  </si>
  <si>
    <t>3403431.0</t>
  </si>
  <si>
    <t>2561.472</t>
  </si>
  <si>
    <t>1990479.0</t>
  </si>
  <si>
    <t>862155.0</t>
  </si>
  <si>
    <t>841522.0</t>
  </si>
  <si>
    <t>483659.0</t>
  </si>
  <si>
    <t>3404722.0</t>
  </si>
  <si>
    <t>2562.444</t>
  </si>
  <si>
    <t>1990684.0</t>
  </si>
  <si>
    <t>862196.0</t>
  </si>
  <si>
    <t>841569.0</t>
  </si>
  <si>
    <t>483834.0</t>
  </si>
  <si>
    <t>150.12</t>
  </si>
  <si>
    <t>3405737.0</t>
  </si>
  <si>
    <t>2563.208</t>
  </si>
  <si>
    <t>1990768.0</t>
  </si>
  <si>
    <t>862210.0</t>
  </si>
  <si>
    <t>841581.0</t>
  </si>
  <si>
    <t>483911.0</t>
  </si>
  <si>
    <t>150.13</t>
  </si>
  <si>
    <t>3406527.0</t>
  </si>
  <si>
    <t>2563.803</t>
  </si>
  <si>
    <t>1990814.0</t>
  </si>
  <si>
    <t>862235.0</t>
  </si>
  <si>
    <t>841605.0</t>
  </si>
  <si>
    <t>483949.0</t>
  </si>
  <si>
    <t>3812.9</t>
  </si>
  <si>
    <t>2875.35141591959</t>
  </si>
  <si>
    <t>3408423.0</t>
  </si>
  <si>
    <t>2565.229</t>
  </si>
  <si>
    <t>1990989.0</t>
  </si>
  <si>
    <t>862280.0</t>
  </si>
  <si>
    <t>841653.0</t>
  </si>
  <si>
    <t>484101.0</t>
  </si>
  <si>
    <t>3409931.0</t>
  </si>
  <si>
    <t>2566.364</t>
  </si>
  <si>
    <t>1991138.0</t>
  </si>
  <si>
    <t>862309.0</t>
  </si>
  <si>
    <t>841682.0</t>
  </si>
  <si>
    <t>484230.0</t>
  </si>
  <si>
    <t>150.15</t>
  </si>
  <si>
    <t>49.017</t>
  </si>
  <si>
    <t>3411507.0</t>
  </si>
  <si>
    <t>2567.551</t>
  </si>
  <si>
    <t>1991339.0</t>
  </si>
  <si>
    <t>862362.0</t>
  </si>
  <si>
    <t>841734.0</t>
  </si>
  <si>
    <t>484407.0</t>
  </si>
  <si>
    <t>150.17</t>
  </si>
  <si>
    <t>3412972.0</t>
  </si>
  <si>
    <t>2568.653</t>
  </si>
  <si>
    <t>1991535.0</t>
  </si>
  <si>
    <t>862402.0</t>
  </si>
  <si>
    <t>841781.0</t>
  </si>
  <si>
    <t>484578.0</t>
  </si>
  <si>
    <t>150.18</t>
  </si>
  <si>
    <t>3414228.0</t>
  </si>
  <si>
    <t>2569.598</t>
  </si>
  <si>
    <t>1991759.0</t>
  </si>
  <si>
    <t>862465.0</t>
  </si>
  <si>
    <t>841841.0</t>
  </si>
  <si>
    <t>484761.0</t>
  </si>
  <si>
    <t>3414932.0</t>
  </si>
  <si>
    <t>2570.128</t>
  </si>
  <si>
    <t>1991838.0</t>
  </si>
  <si>
    <t>862494.0</t>
  </si>
  <si>
    <t>841870.0</t>
  </si>
  <si>
    <t>484821.0</t>
  </si>
  <si>
    <t>3415686.0</t>
  </si>
  <si>
    <t>2570.696</t>
  </si>
  <si>
    <t>1991877.0</t>
  </si>
  <si>
    <t>862523.0</t>
  </si>
  <si>
    <t>841899.0</t>
  </si>
  <si>
    <t>484854.0</t>
  </si>
  <si>
    <t>3856.5</t>
  </si>
  <si>
    <t>2908.23067363265</t>
  </si>
  <si>
    <t>3417011.0</t>
  </si>
  <si>
    <t>2571.693</t>
  </si>
  <si>
    <t>1992058.0</t>
  </si>
  <si>
    <t>862603.0</t>
  </si>
  <si>
    <t>841978.0</t>
  </si>
  <si>
    <t>484998.0</t>
  </si>
  <si>
    <t>150.22</t>
  </si>
  <si>
    <t>3418114.0</t>
  </si>
  <si>
    <t>2572.523</t>
  </si>
  <si>
    <t>1992234.0</t>
  </si>
  <si>
    <t>862636.0</t>
  </si>
  <si>
    <t>842016.0</t>
  </si>
  <si>
    <t>485154.0</t>
  </si>
  <si>
    <t>150.24</t>
  </si>
  <si>
    <t>3419193.0</t>
  </si>
  <si>
    <t>2573.335</t>
  </si>
  <si>
    <t>1992463.0</t>
  </si>
  <si>
    <t>862690.0</t>
  </si>
  <si>
    <t>842076.0</t>
  </si>
  <si>
    <t>485350.0</t>
  </si>
  <si>
    <t>150.25</t>
  </si>
  <si>
    <t>3420254.0</t>
  </si>
  <si>
    <t>2574.134</t>
  </si>
  <si>
    <t>1992645.0</t>
  </si>
  <si>
    <t>862744.0</t>
  </si>
  <si>
    <t>842124.0</t>
  </si>
  <si>
    <t>485503.0</t>
  </si>
  <si>
    <t>150.27</t>
  </si>
  <si>
    <t>3421123.0</t>
  </si>
  <si>
    <t>2574.788</t>
  </si>
  <si>
    <t>1992821.0</t>
  </si>
  <si>
    <t>862783.0</t>
  </si>
  <si>
    <t>842170.0</t>
  </si>
  <si>
    <t>485653.0</t>
  </si>
  <si>
    <t>3421729.0</t>
  </si>
  <si>
    <t>2575.244</t>
  </si>
  <si>
    <t>1992905.0</t>
  </si>
  <si>
    <t>862806.0</t>
  </si>
  <si>
    <t>842187.0</t>
  </si>
  <si>
    <t>485722.0</t>
  </si>
  <si>
    <t>3422376.0</t>
  </si>
  <si>
    <t>2575.731</t>
  </si>
  <si>
    <t>1992979.0</t>
  </si>
  <si>
    <t>862836.0</t>
  </si>
  <si>
    <t>842218.0</t>
  </si>
  <si>
    <t>485789.0</t>
  </si>
  <si>
    <t>2925.12276933843</t>
  </si>
  <si>
    <t>3423822.0</t>
  </si>
  <si>
    <t>2576.819</t>
  </si>
  <si>
    <t>1993163.0</t>
  </si>
  <si>
    <t>862874.0</t>
  </si>
  <si>
    <t>842263.0</t>
  </si>
  <si>
    <t>485945.0</t>
  </si>
  <si>
    <t>3425068.0</t>
  </si>
  <si>
    <t>2577.757</t>
  </si>
  <si>
    <t>1993333.0</t>
  </si>
  <si>
    <t>862906.0</t>
  </si>
  <si>
    <t>842296.0</t>
  </si>
  <si>
    <t>486101.0</t>
  </si>
  <si>
    <t>150.32</t>
  </si>
  <si>
    <t>36.66</t>
  </si>
  <si>
    <t>1993490.0</t>
  </si>
  <si>
    <t>862944.0</t>
  </si>
  <si>
    <t>842339.0</t>
  </si>
  <si>
    <t>486234.0</t>
  </si>
  <si>
    <t>150.33</t>
  </si>
  <si>
    <t>1993506.0</t>
  </si>
  <si>
    <t>862949.0</t>
  </si>
  <si>
    <t>842344.0</t>
  </si>
  <si>
    <t>486248.0</t>
  </si>
  <si>
    <t>1993522.0</t>
  </si>
  <si>
    <t>862961.0</t>
  </si>
  <si>
    <t>842355.0</t>
  </si>
  <si>
    <t>486256.0</t>
  </si>
  <si>
    <t>1993560.0</t>
  </si>
  <si>
    <t>862973.0</t>
  </si>
  <si>
    <t>842368.0</t>
  </si>
  <si>
    <t>486292.0</t>
  </si>
  <si>
    <t>150.34</t>
  </si>
  <si>
    <t>1993574.0</t>
  </si>
  <si>
    <t>862983.0</t>
  </si>
  <si>
    <t>842376.0</t>
  </si>
  <si>
    <t>486301.0</t>
  </si>
  <si>
    <t>3942.1</t>
  </si>
  <si>
    <t>2972.78261079405</t>
  </si>
  <si>
    <t>1993721.0</t>
  </si>
  <si>
    <t>863009.0</t>
  </si>
  <si>
    <t>842402.0</t>
  </si>
  <si>
    <t>486426.0</t>
  </si>
  <si>
    <t>1993865.0</t>
  </si>
  <si>
    <t>863040.0</t>
  </si>
  <si>
    <t>842438.0</t>
  </si>
  <si>
    <t>486541.0</t>
  </si>
  <si>
    <t>150.36</t>
  </si>
  <si>
    <t>36.69</t>
  </si>
  <si>
    <t>1994005.0</t>
  </si>
  <si>
    <t>863061.0</t>
  </si>
  <si>
    <t>842470.0</t>
  </si>
  <si>
    <t>486659.0</t>
  </si>
  <si>
    <t>150.37</t>
  </si>
  <si>
    <t>1994164.0</t>
  </si>
  <si>
    <t>863104.0</t>
  </si>
  <si>
    <t>842511.0</t>
  </si>
  <si>
    <t>486793.0</t>
  </si>
  <si>
    <t>1994304.0</t>
  </si>
  <si>
    <t>863135.0</t>
  </si>
  <si>
    <t>842548.0</t>
  </si>
  <si>
    <t>486903.0</t>
  </si>
  <si>
    <t>150.39</t>
  </si>
  <si>
    <t>1994348.0</t>
  </si>
  <si>
    <t>863140.0</t>
  </si>
  <si>
    <t>842554.0</t>
  </si>
  <si>
    <t>486944.0</t>
  </si>
  <si>
    <t>1994395.0</t>
  </si>
  <si>
    <t>863152.0</t>
  </si>
  <si>
    <t>842566.0</t>
  </si>
  <si>
    <t>486987.0</t>
  </si>
  <si>
    <t>4012.5</t>
  </si>
  <si>
    <t>3025.87205444081</t>
  </si>
  <si>
    <t>1994541.0</t>
  </si>
  <si>
    <t>863188.0</t>
  </si>
  <si>
    <t>842600.0</t>
  </si>
  <si>
    <t>487110.0</t>
  </si>
  <si>
    <t>150.41</t>
  </si>
  <si>
    <t>1994710.0</t>
  </si>
  <si>
    <t>863225.0</t>
  </si>
  <si>
    <t>842639.0</t>
  </si>
  <si>
    <t>487255.0</t>
  </si>
  <si>
    <t>1994910.0</t>
  </si>
  <si>
    <t>863249.0</t>
  </si>
  <si>
    <t>842671.0</t>
  </si>
  <si>
    <t>487428.0</t>
  </si>
  <si>
    <t>150.44</t>
  </si>
  <si>
    <t>36.76</t>
  </si>
  <si>
    <t>1995079.0</t>
  </si>
  <si>
    <t>863289.0</t>
  </si>
  <si>
    <t>842711.0</t>
  </si>
  <si>
    <t>487576.0</t>
  </si>
  <si>
    <t>1995259.0</t>
  </si>
  <si>
    <t>863324.0</t>
  </si>
  <si>
    <t>842746.0</t>
  </si>
  <si>
    <t>150.46</t>
  </si>
  <si>
    <t>1995320.0</t>
  </si>
  <si>
    <t>863344.0</t>
  </si>
  <si>
    <t>842766.0</t>
  </si>
  <si>
    <t>487788.0</t>
  </si>
  <si>
    <t>150.47</t>
  </si>
  <si>
    <t>1995357.0</t>
  </si>
  <si>
    <t>863356.0</t>
  </si>
  <si>
    <t>842780.0</t>
  </si>
  <si>
    <t>487815.0</t>
  </si>
  <si>
    <t>4056.5</t>
  </si>
  <si>
    <t>3059.05295672004</t>
  </si>
  <si>
    <t>1995571.0</t>
  </si>
  <si>
    <t>863401.0</t>
  </si>
  <si>
    <t>842829.0</t>
  </si>
  <si>
    <t>488006.0</t>
  </si>
  <si>
    <t>150.49</t>
  </si>
  <si>
    <t>1995798.0</t>
  </si>
  <si>
    <t>863474.0</t>
  </si>
  <si>
    <t>842891.0</t>
  </si>
  <si>
    <t>488197.0</t>
  </si>
  <si>
    <t>150.51</t>
  </si>
  <si>
    <t>1995997.0</t>
  </si>
  <si>
    <t>863507.0</t>
  </si>
  <si>
    <t>842926.0</t>
  </si>
  <si>
    <t>488369.0</t>
  </si>
  <si>
    <t>1996230.0</t>
  </si>
  <si>
    <t>863550.0</t>
  </si>
  <si>
    <t>842966.0</t>
  </si>
  <si>
    <t>488575.0</t>
  </si>
  <si>
    <t>1996546.0</t>
  </si>
  <si>
    <t>863602.0</t>
  </si>
  <si>
    <t>843019.0</t>
  </si>
  <si>
    <t>488854.0</t>
  </si>
  <si>
    <t>150.56</t>
  </si>
  <si>
    <t>1996627.0</t>
  </si>
  <si>
    <t>863621.0</t>
  </si>
  <si>
    <t>843037.0</t>
  </si>
  <si>
    <t>488923.0</t>
  </si>
  <si>
    <t>1996672.0</t>
  </si>
  <si>
    <t>863629.0</t>
  </si>
  <si>
    <t>843046.0</t>
  </si>
  <si>
    <t>488962.0</t>
  </si>
  <si>
    <t>4083.3</t>
  </si>
  <si>
    <t>3079.26314265375</t>
  </si>
  <si>
    <t>1997079.0</t>
  </si>
  <si>
    <t>863699.0</t>
  </si>
  <si>
    <t>843117.0</t>
  </si>
  <si>
    <t>489331.0</t>
  </si>
  <si>
    <t>1997537.0</t>
  </si>
  <si>
    <t>863762.0</t>
  </si>
  <si>
    <t>843178.0</t>
  </si>
  <si>
    <t>489744.0</t>
  </si>
  <si>
    <t>150.64</t>
  </si>
  <si>
    <t>1997996.0</t>
  </si>
  <si>
    <t>863801.0</t>
  </si>
  <si>
    <t>843219.0</t>
  </si>
  <si>
    <t>490184.0</t>
  </si>
  <si>
    <t>1998543.0</t>
  </si>
  <si>
    <t>863845.0</t>
  </si>
  <si>
    <t>843258.0</t>
  </si>
  <si>
    <t>490703.0</t>
  </si>
  <si>
    <t>150.71</t>
  </si>
  <si>
    <t>1999051.0</t>
  </si>
  <si>
    <t>863895.0</t>
  </si>
  <si>
    <t>843307.0</t>
  </si>
  <si>
    <t>1999177.0</t>
  </si>
  <si>
    <t>863920.0</t>
  </si>
  <si>
    <t>843328.0</t>
  </si>
  <si>
    <t>491289.0</t>
  </si>
  <si>
    <t>150.76</t>
  </si>
  <si>
    <t>87.965</t>
  </si>
  <si>
    <t>1999280.0</t>
  </si>
  <si>
    <t>863942.0</t>
  </si>
  <si>
    <t>843348.0</t>
  </si>
  <si>
    <t>491383.0</t>
  </si>
  <si>
    <t>150.77</t>
  </si>
  <si>
    <t>4104.5</t>
  </si>
  <si>
    <t>3095.25030466101</t>
  </si>
  <si>
    <t>1999768.0</t>
  </si>
  <si>
    <t>863996.0</t>
  </si>
  <si>
    <t>843389.0</t>
  </si>
  <si>
    <t>491830.0</t>
  </si>
  <si>
    <t>2000425.0</t>
  </si>
  <si>
    <t>864062.0</t>
  </si>
  <si>
    <t>843451.0</t>
  </si>
  <si>
    <t>492449.0</t>
  </si>
  <si>
    <t>2001160.0</t>
  </si>
  <si>
    <t>864156.0</t>
  </si>
  <si>
    <t>843544.0</t>
  </si>
  <si>
    <t>493146.0</t>
  </si>
  <si>
    <t>2001967.0</t>
  </si>
  <si>
    <t>864216.0</t>
  </si>
  <si>
    <t>843602.0</t>
  </si>
  <si>
    <t>493918.0</t>
  </si>
  <si>
    <t>150.97</t>
  </si>
  <si>
    <t>2002655.0</t>
  </si>
  <si>
    <t>864287.0</t>
  </si>
  <si>
    <t>843672.0</t>
  </si>
  <si>
    <t>494573.0</t>
  </si>
  <si>
    <t>2002757.0</t>
  </si>
  <si>
    <t>864307.0</t>
  </si>
  <si>
    <t>843691.0</t>
  </si>
  <si>
    <t>494667.0</t>
  </si>
  <si>
    <t>151.03</t>
  </si>
  <si>
    <t>2002895.0</t>
  </si>
  <si>
    <t>864324.0</t>
  </si>
  <si>
    <t>843709.0</t>
  </si>
  <si>
    <t>494793.0</t>
  </si>
  <si>
    <t>151.04</t>
  </si>
  <si>
    <t>4133.1</t>
  </si>
  <si>
    <t>3116.81789114251</t>
  </si>
  <si>
    <t>2003760.0</t>
  </si>
  <si>
    <t>864372.0</t>
  </si>
  <si>
    <t>843761.0</t>
  </si>
  <si>
    <t>495624.0</t>
  </si>
  <si>
    <t>2004682.0</t>
  </si>
  <si>
    <t>864450.0</t>
  </si>
  <si>
    <t>843827.0</t>
  </si>
  <si>
    <t>496503.0</t>
  </si>
  <si>
    <t>2005642.0</t>
  </si>
  <si>
    <t>864566.0</t>
  </si>
  <si>
    <t>843927.0</t>
  </si>
  <si>
    <t>497412.0</t>
  </si>
  <si>
    <t>94.264</t>
  </si>
  <si>
    <t>2006582.0</t>
  </si>
  <si>
    <t>864638.0</t>
  </si>
  <si>
    <t>844001.0</t>
  </si>
  <si>
    <t>498310.0</t>
  </si>
  <si>
    <t>151.32</t>
  </si>
  <si>
    <t>2007469.0</t>
  </si>
  <si>
    <t>864690.0</t>
  </si>
  <si>
    <t>844058.0</t>
  </si>
  <si>
    <t>499161.0</t>
  </si>
  <si>
    <t>2007628.0</t>
  </si>
  <si>
    <t>864718.0</t>
  </si>
  <si>
    <t>844083.0</t>
  </si>
  <si>
    <t>499310.0</t>
  </si>
  <si>
    <t>2007751.0</t>
  </si>
  <si>
    <t>864739.0</t>
  </si>
  <si>
    <t>844102.0</t>
  </si>
  <si>
    <t>499420.0</t>
  </si>
  <si>
    <t>4187.3</t>
  </si>
  <si>
    <t>3157.69072985919</t>
  </si>
  <si>
    <t>2008740.0</t>
  </si>
  <si>
    <t>864820.0</t>
  </si>
  <si>
    <t>844186.0</t>
  </si>
  <si>
    <t>500361.0</t>
  </si>
  <si>
    <t>37.73</t>
  </si>
  <si>
    <t>2009967.0</t>
  </si>
  <si>
    <t>864910.0</t>
  </si>
  <si>
    <t>844266.0</t>
  </si>
  <si>
    <t>501537.0</t>
  </si>
  <si>
    <t>151.57</t>
  </si>
  <si>
    <t>2011154.0</t>
  </si>
  <si>
    <t>864975.0</t>
  </si>
  <si>
    <t>844336.0</t>
  </si>
  <si>
    <t>502682.0</t>
  </si>
  <si>
    <t>151.66</t>
  </si>
  <si>
    <t>2012431.0</t>
  </si>
  <si>
    <t>865051.0</t>
  </si>
  <si>
    <t>844410.0</t>
  </si>
  <si>
    <t>503917.0</t>
  </si>
  <si>
    <t>2013435.0</t>
  </si>
  <si>
    <t>865119.0</t>
  </si>
  <si>
    <t>844480.0</t>
  </si>
  <si>
    <t>504886.0</t>
  </si>
  <si>
    <t>2013623.0</t>
  </si>
  <si>
    <t>865151.0</t>
  </si>
  <si>
    <t>844510.0</t>
  </si>
  <si>
    <t>505059.0</t>
  </si>
  <si>
    <t>2013741.0</t>
  </si>
  <si>
    <t>865177.0</t>
  </si>
  <si>
    <t>844535.0</t>
  </si>
  <si>
    <t>505159.0</t>
  </si>
  <si>
    <t>4177.3</t>
  </si>
  <si>
    <t>-3.42</t>
  </si>
  <si>
    <t>3150.14961570482</t>
  </si>
  <si>
    <t>2014678.0</t>
  </si>
  <si>
    <t>865263.0</t>
  </si>
  <si>
    <t>844618.0</t>
  </si>
  <si>
    <t>506040.0</t>
  </si>
  <si>
    <t>151.93</t>
  </si>
  <si>
    <t>2015810.0</t>
  </si>
  <si>
    <t>865326.0</t>
  </si>
  <si>
    <t>844683.0</t>
  </si>
  <si>
    <t>507132.0</t>
  </si>
  <si>
    <t>152.01</t>
  </si>
  <si>
    <t>2016865.0</t>
  </si>
  <si>
    <t>865381.0</t>
  </si>
  <si>
    <t>844744.0</t>
  </si>
  <si>
    <t>508148.0</t>
  </si>
  <si>
    <t>2018151.0</t>
  </si>
  <si>
    <t>865443.0</t>
  </si>
  <si>
    <t>844811.0</t>
  </si>
  <si>
    <t>509385.0</t>
  </si>
  <si>
    <t>2019189.0</t>
  </si>
  <si>
    <t>865500.0</t>
  </si>
  <si>
    <t>844867.0</t>
  </si>
  <si>
    <t>510382.0</t>
  </si>
  <si>
    <t>152.27</t>
  </si>
  <si>
    <t>2019308.0</t>
  </si>
  <si>
    <t>865521.0</t>
  </si>
  <si>
    <t>844888.0</t>
  </si>
  <si>
    <t>510491.0</t>
  </si>
  <si>
    <t>2019432.0</t>
  </si>
  <si>
    <t>865542.0</t>
  </si>
  <si>
    <t>844907.0</t>
  </si>
  <si>
    <t>510603.0</t>
  </si>
  <si>
    <t>152.29</t>
  </si>
  <si>
    <t>4212.3</t>
  </si>
  <si>
    <t>3176.54351524512</t>
  </si>
  <si>
    <t>2020129.0</t>
  </si>
  <si>
    <t>844965.0</t>
  </si>
  <si>
    <t>511259.0</t>
  </si>
  <si>
    <t>152.34</t>
  </si>
  <si>
    <t>2021172.0</t>
  </si>
  <si>
    <t>865648.0</t>
  </si>
  <si>
    <t>845017.0</t>
  </si>
  <si>
    <t>512263.0</t>
  </si>
  <si>
    <t>2022412.0</t>
  </si>
  <si>
    <t>865707.0</t>
  </si>
  <si>
    <t>845078.0</t>
  </si>
  <si>
    <t>513462.0</t>
  </si>
  <si>
    <t>2023601.0</t>
  </si>
  <si>
    <t>865759.0</t>
  </si>
  <si>
    <t>845134.0</t>
  </si>
  <si>
    <t>514612.0</t>
  </si>
  <si>
    <t>2024764.0</t>
  </si>
  <si>
    <t>865812.0</t>
  </si>
  <si>
    <t>845188.0</t>
  </si>
  <si>
    <t>515746.0</t>
  </si>
  <si>
    <t>2024909.0</t>
  </si>
  <si>
    <t>865842.0</t>
  </si>
  <si>
    <t>845215.0</t>
  </si>
  <si>
    <t>515874.0</t>
  </si>
  <si>
    <t>2025034.0</t>
  </si>
  <si>
    <t>865856.0</t>
  </si>
  <si>
    <t>845230.0</t>
  </si>
  <si>
    <t>515991.0</t>
  </si>
  <si>
    <t>152.71</t>
  </si>
  <si>
    <t>4251.3</t>
  </si>
  <si>
    <t>3205.95386044716</t>
  </si>
  <si>
    <t>2025821.0</t>
  </si>
  <si>
    <t>865911.0</t>
  </si>
  <si>
    <t>845280.0</t>
  </si>
  <si>
    <t>516737.0</t>
  </si>
  <si>
    <t>152.77</t>
  </si>
  <si>
    <t>2026953.0</t>
  </si>
  <si>
    <t>865960.0</t>
  </si>
  <si>
    <t>845329.0</t>
  </si>
  <si>
    <t>517832.0</t>
  </si>
  <si>
    <t>2028334.0</t>
  </si>
  <si>
    <t>866023.0</t>
  </si>
  <si>
    <t>845383.0</t>
  </si>
  <si>
    <t>519157.0</t>
  </si>
  <si>
    <t>2029412.0</t>
  </si>
  <si>
    <t>866072.0</t>
  </si>
  <si>
    <t>845436.0</t>
  </si>
  <si>
    <t>520204.0</t>
  </si>
  <si>
    <t>2030475.0</t>
  </si>
  <si>
    <t>866117.0</t>
  </si>
  <si>
    <t>845481.0</t>
  </si>
  <si>
    <t>521231.0</t>
  </si>
  <si>
    <t>153.12</t>
  </si>
  <si>
    <t>2030726.0</t>
  </si>
  <si>
    <t>866143.0</t>
  </si>
  <si>
    <t>845502.0</t>
  </si>
  <si>
    <t>521466.0</t>
  </si>
  <si>
    <t>2030799.0</t>
  </si>
  <si>
    <t>866158.0</t>
  </si>
  <si>
    <t>845516.0</t>
  </si>
  <si>
    <t>521534.0</t>
  </si>
  <si>
    <t>4258.3</t>
  </si>
  <si>
    <t>3211.23264035522</t>
  </si>
  <si>
    <t>2031531.0</t>
  </si>
  <si>
    <t>866199.0</t>
  </si>
  <si>
    <t>845559.0</t>
  </si>
  <si>
    <t>522227.0</t>
  </si>
  <si>
    <t>2032513.0</t>
  </si>
  <si>
    <t>866277.0</t>
  </si>
  <si>
    <t>845644.0</t>
  </si>
  <si>
    <t>523171.0</t>
  </si>
  <si>
    <t>153.27</t>
  </si>
  <si>
    <t>2033640.0</t>
  </si>
  <si>
    <t>866317.0</t>
  </si>
  <si>
    <t>845683.0</t>
  </si>
  <si>
    <t>524264.0</t>
  </si>
  <si>
    <t>153.36</t>
  </si>
  <si>
    <t>2034534.0</t>
  </si>
  <si>
    <t>866355.0</t>
  </si>
  <si>
    <t>845720.0</t>
  </si>
  <si>
    <t>525137.0</t>
  </si>
  <si>
    <t>2035807.0</t>
  </si>
  <si>
    <t>866434.0</t>
  </si>
  <si>
    <t>845794.0</t>
  </si>
  <si>
    <t>526350.0</t>
  </si>
  <si>
    <t>153.52</t>
  </si>
  <si>
    <t>2036006.0</t>
  </si>
  <si>
    <t>866450.0</t>
  </si>
  <si>
    <t>845811.0</t>
  </si>
  <si>
    <t>526536.0</t>
  </si>
  <si>
    <t>2036085.0</t>
  </si>
  <si>
    <t>866463.0</t>
  </si>
  <si>
    <t>845825.0</t>
  </si>
  <si>
    <t>526607.0</t>
  </si>
  <si>
    <t>4284.7</t>
  </si>
  <si>
    <t>3231.14118172275</t>
  </si>
  <si>
    <t>2036719.0</t>
  </si>
  <si>
    <t>866503.0</t>
  </si>
  <si>
    <t>845872.0</t>
  </si>
  <si>
    <t>527215.0</t>
  </si>
  <si>
    <t>153.59</t>
  </si>
  <si>
    <t>2037653.0</t>
  </si>
  <si>
    <t>866531.0</t>
  </si>
  <si>
    <t>845909.0</t>
  </si>
  <si>
    <t>528129.0</t>
  </si>
  <si>
    <t>2038741.0</t>
  </si>
  <si>
    <t>866571.0</t>
  </si>
  <si>
    <t>845957.0</t>
  </si>
  <si>
    <t>529178.0</t>
  </si>
  <si>
    <t>2039734.0</t>
  </si>
  <si>
    <t>866620.0</t>
  </si>
  <si>
    <t>846015.0</t>
  </si>
  <si>
    <t>530138.0</t>
  </si>
  <si>
    <t>2040894.0</t>
  </si>
  <si>
    <t>866676.0</t>
  </si>
  <si>
    <t>846068.0</t>
  </si>
  <si>
    <t>531254.0</t>
  </si>
  <si>
    <t>2041074.0</t>
  </si>
  <si>
    <t>866699.0</t>
  </si>
  <si>
    <t>846091.0</t>
  </si>
  <si>
    <t>531420.0</t>
  </si>
  <si>
    <t>2041128.0</t>
  </si>
  <si>
    <t>866704.0</t>
  </si>
  <si>
    <t>846096.0</t>
  </si>
  <si>
    <t>531471.0</t>
  </si>
  <si>
    <t>4346.3</t>
  </si>
  <si>
    <t>3277.59444491367</t>
  </si>
  <si>
    <t>2041781.0</t>
  </si>
  <si>
    <t>866726.0</t>
  </si>
  <si>
    <t>846118.0</t>
  </si>
  <si>
    <t>532108.0</t>
  </si>
  <si>
    <t>153.97</t>
  </si>
  <si>
    <t>2042717.0</t>
  </si>
  <si>
    <t>866750.0</t>
  </si>
  <si>
    <t>846144.0</t>
  </si>
  <si>
    <t>533027.0</t>
  </si>
  <si>
    <t>154.04</t>
  </si>
  <si>
    <t>2044069.0</t>
  </si>
  <si>
    <t>866775.0</t>
  </si>
  <si>
    <t>846186.0</t>
  </si>
  <si>
    <t>534355.0</t>
  </si>
  <si>
    <t>2045380.0</t>
  </si>
  <si>
    <t>866808.0</t>
  </si>
  <si>
    <t>846216.0</t>
  </si>
  <si>
    <t>535649.0</t>
  </si>
  <si>
    <t>154.24</t>
  </si>
  <si>
    <t>2046592.0</t>
  </si>
  <si>
    <t>866837.0</t>
  </si>
  <si>
    <t>846247.0</t>
  </si>
  <si>
    <t>536845.0</t>
  </si>
  <si>
    <t>154.34</t>
  </si>
  <si>
    <t>2046856.0</t>
  </si>
  <si>
    <t>866855.0</t>
  </si>
  <si>
    <t>846264.0</t>
  </si>
  <si>
    <t>537095.0</t>
  </si>
  <si>
    <t>154.36</t>
  </si>
  <si>
    <t>2046950.0</t>
  </si>
  <si>
    <t>866858.0</t>
  </si>
  <si>
    <t>846267.0</t>
  </si>
  <si>
    <t>537188.0</t>
  </si>
  <si>
    <t>4375.9</t>
  </si>
  <si>
    <t>3299.9161428106</t>
  </si>
  <si>
    <t>2047869.0</t>
  </si>
  <si>
    <t>866890.0</t>
  </si>
  <si>
    <t>846300.0</t>
  </si>
  <si>
    <t>538082.0</t>
  </si>
  <si>
    <t>154.43</t>
  </si>
  <si>
    <t>2049151.0</t>
  </si>
  <si>
    <t>866921.0</t>
  </si>
  <si>
    <t>846334.0</t>
  </si>
  <si>
    <t>539334.0</t>
  </si>
  <si>
    <t>154.53</t>
  </si>
  <si>
    <t>2050441.0</t>
  </si>
  <si>
    <t>866953.0</t>
  </si>
  <si>
    <t>846361.0</t>
  </si>
  <si>
    <t>540594.0</t>
  </si>
  <si>
    <t>154.63</t>
  </si>
  <si>
    <t>2051851.0</t>
  </si>
  <si>
    <t>866987.0</t>
  </si>
  <si>
    <t>846396.0</t>
  </si>
  <si>
    <t>541983.0</t>
  </si>
  <si>
    <t>2053366.0</t>
  </si>
  <si>
    <t>867039.0</t>
  </si>
  <si>
    <t>846452.0</t>
  </si>
  <si>
    <t>543461.0</t>
  </si>
  <si>
    <t>154.85</t>
  </si>
  <si>
    <t>2053546.0</t>
  </si>
  <si>
    <t>867049.0</t>
  </si>
  <si>
    <t>846465.0</t>
  </si>
  <si>
    <t>543637.0</t>
  </si>
  <si>
    <t>154.86</t>
  </si>
  <si>
    <t>2053608.0</t>
  </si>
  <si>
    <t>867052.0</t>
  </si>
  <si>
    <t>846467.0</t>
  </si>
  <si>
    <t>543696.0</t>
  </si>
  <si>
    <t>4439.5</t>
  </si>
  <si>
    <t>3347.8776288324</t>
  </si>
  <si>
    <t>2054275.0</t>
  </si>
  <si>
    <t>867067.0</t>
  </si>
  <si>
    <t>846483.0</t>
  </si>
  <si>
    <t>2055248.0</t>
  </si>
  <si>
    <t>867096.0</t>
  </si>
  <si>
    <t>846514.0</t>
  </si>
  <si>
    <t>545302.0</t>
  </si>
  <si>
    <t>154.99</t>
  </si>
  <si>
    <t>2056521.0</t>
  </si>
  <si>
    <t>867125.0</t>
  </si>
  <si>
    <t>846548.0</t>
  </si>
  <si>
    <t>546550.0</t>
  </si>
  <si>
    <t>155.08</t>
  </si>
  <si>
    <t>2057946.0</t>
  </si>
  <si>
    <t>867155.0</t>
  </si>
  <si>
    <t>846578.0</t>
  </si>
  <si>
    <t>547955.0</t>
  </si>
  <si>
    <t>2059081.0</t>
  </si>
  <si>
    <t>867193.0</t>
  </si>
  <si>
    <t>846617.0</t>
  </si>
  <si>
    <t>549066.0</t>
  </si>
  <si>
    <t>155.28</t>
  </si>
  <si>
    <t>2059272.0</t>
  </si>
  <si>
    <t>867210.0</t>
  </si>
  <si>
    <t>846632.0</t>
  </si>
  <si>
    <t>549249.0</t>
  </si>
  <si>
    <t>2059340.0</t>
  </si>
  <si>
    <t>867219.0</t>
  </si>
  <si>
    <t>846643.0</t>
  </si>
  <si>
    <t>549310.0</t>
  </si>
  <si>
    <t>4458.9</t>
  </si>
  <si>
    <t>3362.50739029187</t>
  </si>
  <si>
    <t>2059977.0</t>
  </si>
  <si>
    <t>867233.0</t>
  </si>
  <si>
    <t>846659.0</t>
  </si>
  <si>
    <t>549934.0</t>
  </si>
  <si>
    <t>155.35</t>
  </si>
  <si>
    <t>2060951.0</t>
  </si>
  <si>
    <t>867265.0</t>
  </si>
  <si>
    <t>846692.0</t>
  </si>
  <si>
    <t>550896.0</t>
  </si>
  <si>
    <t>2062118.0</t>
  </si>
  <si>
    <t>867299.0</t>
  </si>
  <si>
    <t>846735.0</t>
  </si>
  <si>
    <t>552033.0</t>
  </si>
  <si>
    <t>155.51</t>
  </si>
  <si>
    <t>2063151.0</t>
  </si>
  <si>
    <t>867329.0</t>
  </si>
  <si>
    <t>846766.0</t>
  </si>
  <si>
    <t>553050.0</t>
  </si>
  <si>
    <t>2064324.0</t>
  </si>
  <si>
    <t>867356.0</t>
  </si>
  <si>
    <t>846797.0</t>
  </si>
  <si>
    <t>554204.0</t>
  </si>
  <si>
    <t>155.67</t>
  </si>
  <si>
    <t>2064483.0</t>
  </si>
  <si>
    <t>867365.0</t>
  </si>
  <si>
    <t>846808.0</t>
  </si>
  <si>
    <t>554356.0</t>
  </si>
  <si>
    <t>132.324</t>
  </si>
  <si>
    <t>2064574.0</t>
  </si>
  <si>
    <t>867374.0</t>
  </si>
  <si>
    <t>846818.0</t>
  </si>
  <si>
    <t>554445.0</t>
  </si>
  <si>
    <t>4481.7</t>
  </si>
  <si>
    <t>3379.70113056384</t>
  </si>
  <si>
    <t>2065383.0</t>
  </si>
  <si>
    <t>867419.0</t>
  </si>
  <si>
    <t>846860.0</t>
  </si>
  <si>
    <t>555224.0</t>
  </si>
  <si>
    <t>155.75</t>
  </si>
  <si>
    <t>2066221.0</t>
  </si>
  <si>
    <t>867434.0</t>
  </si>
  <si>
    <t>846878.0</t>
  </si>
  <si>
    <t>556047.0</t>
  </si>
  <si>
    <t>2067350.0</t>
  </si>
  <si>
    <t>867464.0</t>
  </si>
  <si>
    <t>846912.0</t>
  </si>
  <si>
    <t>557164.0</t>
  </si>
  <si>
    <t>155.9</t>
  </si>
  <si>
    <t>2068482.0</t>
  </si>
  <si>
    <t>867500.0</t>
  </si>
  <si>
    <t>846953.0</t>
  </si>
  <si>
    <t>558268.0</t>
  </si>
  <si>
    <t>155.99</t>
  </si>
  <si>
    <t>2069604.0</t>
  </si>
  <si>
    <t>867541.0</t>
  </si>
  <si>
    <t>846993.0</t>
  </si>
  <si>
    <t>559365.0</t>
  </si>
  <si>
    <t>2069766.0</t>
  </si>
  <si>
    <t>867549.0</t>
  </si>
  <si>
    <t>847000.0</t>
  </si>
  <si>
    <t>559524.0</t>
  </si>
  <si>
    <t>2069846.0</t>
  </si>
  <si>
    <t>867554.0</t>
  </si>
  <si>
    <t>847005.0</t>
  </si>
  <si>
    <t>559601.0</t>
  </si>
  <si>
    <t>4465.5</t>
  </si>
  <si>
    <t>3367.48452563376</t>
  </si>
  <si>
    <t>2070532.0</t>
  </si>
  <si>
    <t>867575.0</t>
  </si>
  <si>
    <t>847028.0</t>
  </si>
  <si>
    <t>560279.0</t>
  </si>
  <si>
    <t>2071351.0</t>
  </si>
  <si>
    <t>867603.0</t>
  </si>
  <si>
    <t>847063.0</t>
  </si>
  <si>
    <t>561085.0</t>
  </si>
  <si>
    <t>2072462.0</t>
  </si>
  <si>
    <t>867628.0</t>
  </si>
  <si>
    <t>847089.0</t>
  </si>
  <si>
    <t>562175.0</t>
  </si>
  <si>
    <t>156.29</t>
  </si>
  <si>
    <t>2073707.0</t>
  </si>
  <si>
    <t>867654.0</t>
  </si>
  <si>
    <t>847121.0</t>
  </si>
  <si>
    <t>563405.0</t>
  </si>
  <si>
    <t>2074957.0</t>
  </si>
  <si>
    <t>867686.0</t>
  </si>
  <si>
    <t>847161.0</t>
  </si>
  <si>
    <t>564625.0</t>
  </si>
  <si>
    <t>2075099.0</t>
  </si>
  <si>
    <t>867692.0</t>
  </si>
  <si>
    <t>847168.0</t>
  </si>
  <si>
    <t>564767.0</t>
  </si>
  <si>
    <t>156.49</t>
  </si>
  <si>
    <t>130.82</t>
  </si>
  <si>
    <t>2075202.0</t>
  </si>
  <si>
    <t>867699.0</t>
  </si>
  <si>
    <t>847176.0</t>
  </si>
  <si>
    <t>564866.0</t>
  </si>
  <si>
    <t>4488.1</t>
  </si>
  <si>
    <t>3384.52744362263</t>
  </si>
  <si>
    <t>2076245.0</t>
  </si>
  <si>
    <t>867711.0</t>
  </si>
  <si>
    <t>847188.0</t>
  </si>
  <si>
    <t>565901.0</t>
  </si>
  <si>
    <t>156.57</t>
  </si>
  <si>
    <t>2077472.0</t>
  </si>
  <si>
    <t>867746.0</t>
  </si>
  <si>
    <t>847223.0</t>
  </si>
  <si>
    <t>567110.0</t>
  </si>
  <si>
    <t>2078778.0</t>
  </si>
  <si>
    <t>867773.0</t>
  </si>
  <si>
    <t>847253.0</t>
  </si>
  <si>
    <t>568408.0</t>
  </si>
  <si>
    <t>156.76</t>
  </si>
  <si>
    <t>2080041.0</t>
  </si>
  <si>
    <t>867812.0</t>
  </si>
  <si>
    <t>847290.0</t>
  </si>
  <si>
    <t>569646.0</t>
  </si>
  <si>
    <t>156.86</t>
  </si>
  <si>
    <t>2081044.0</t>
  </si>
  <si>
    <t>867837.0</t>
  </si>
  <si>
    <t>847317.0</t>
  </si>
  <si>
    <t>570642.0</t>
  </si>
  <si>
    <t>156.93</t>
  </si>
  <si>
    <t>2081206.0</t>
  </si>
  <si>
    <t>867846.0</t>
  </si>
  <si>
    <t>847328.0</t>
  </si>
  <si>
    <t>570804.0</t>
  </si>
  <si>
    <t>156.95</t>
  </si>
  <si>
    <t>134.58</t>
  </si>
  <si>
    <t>2081318.0</t>
  </si>
  <si>
    <t>867852.0</t>
  </si>
  <si>
    <t>847338.0</t>
  </si>
  <si>
    <t>4531.9</t>
  </si>
  <si>
    <t>3417.55752361877</t>
  </si>
  <si>
    <t>2082045.0</t>
  </si>
  <si>
    <t>867905.0</t>
  </si>
  <si>
    <t>571612.0</t>
  </si>
  <si>
    <t>157.01</t>
  </si>
  <si>
    <t>2082914.0</t>
  </si>
  <si>
    <t>867921.0</t>
  </si>
  <si>
    <t>847419.0</t>
  </si>
  <si>
    <t>572471.0</t>
  </si>
  <si>
    <t>157.07</t>
  </si>
  <si>
    <t>2083911.0</t>
  </si>
  <si>
    <t>867939.0</t>
  </si>
  <si>
    <t>847443.0</t>
  </si>
  <si>
    <t>573459.0</t>
  </si>
  <si>
    <t>2084819.0</t>
  </si>
  <si>
    <t>867961.0</t>
  </si>
  <si>
    <t>847469.0</t>
  </si>
  <si>
    <t>574354.0</t>
  </si>
  <si>
    <t>2085515.0</t>
  </si>
  <si>
    <t>867981.0</t>
  </si>
  <si>
    <t>847493.0</t>
  </si>
  <si>
    <t>575043.0</t>
  </si>
  <si>
    <t>157.27</t>
  </si>
  <si>
    <t>2085656.0</t>
  </si>
  <si>
    <t>868008.0</t>
  </si>
  <si>
    <t>847517.0</t>
  </si>
  <si>
    <t>575162.0</t>
  </si>
  <si>
    <t>157.28</t>
  </si>
  <si>
    <t>2085698.0</t>
  </si>
  <si>
    <t>868010.0</t>
  </si>
  <si>
    <t>847520.0</t>
  </si>
  <si>
    <t>575204.0</t>
  </si>
  <si>
    <t>4576.3</t>
  </si>
  <si>
    <t>3451.04007046417</t>
  </si>
  <si>
    <t>2086138.0</t>
  </si>
  <si>
    <t>868023.0</t>
  </si>
  <si>
    <t>575634.0</t>
  </si>
  <si>
    <t>2086769.0</t>
  </si>
  <si>
    <t>868042.0</t>
  </si>
  <si>
    <t>847559.0</t>
  </si>
  <si>
    <t>576251.0</t>
  </si>
  <si>
    <t>157.37</t>
  </si>
  <si>
    <t>2087524.0</t>
  </si>
  <si>
    <t>868055.0</t>
  </si>
  <si>
    <t>847575.0</t>
  </si>
  <si>
    <t>577001.0</t>
  </si>
  <si>
    <t>157.42</t>
  </si>
  <si>
    <t>2088268.0</t>
  </si>
  <si>
    <t>868074.0</t>
  </si>
  <si>
    <t>847597.0</t>
  </si>
  <si>
    <t>577730.0</t>
  </si>
  <si>
    <t>2088992.0</t>
  </si>
  <si>
    <t>868088.0</t>
  </si>
  <si>
    <t>847613.0</t>
  </si>
  <si>
    <t>578441.0</t>
  </si>
  <si>
    <t>2089139.0</t>
  </si>
  <si>
    <t>868101.0</t>
  </si>
  <si>
    <t>847627.0</t>
  </si>
  <si>
    <t>578583.0</t>
  </si>
  <si>
    <t>2089210.0</t>
  </si>
  <si>
    <t>868106.0</t>
  </si>
  <si>
    <t>847632.0</t>
  </si>
  <si>
    <t>578650.0</t>
  </si>
  <si>
    <t>157.55</t>
  </si>
  <si>
    <t>4596.5</t>
  </si>
  <si>
    <t>3466.273121056</t>
  </si>
  <si>
    <t>2089801.0</t>
  </si>
  <si>
    <t>868134.0</t>
  </si>
  <si>
    <t>847662.0</t>
  </si>
  <si>
    <t>579224.0</t>
  </si>
  <si>
    <t>157.59</t>
  </si>
  <si>
    <t>2090379.0</t>
  </si>
  <si>
    <t>868148.0</t>
  </si>
  <si>
    <t>847682.0</t>
  </si>
  <si>
    <t>579790.0</t>
  </si>
  <si>
    <t>2090898.0</t>
  </si>
  <si>
    <t>868158.0</t>
  </si>
  <si>
    <t>847694.0</t>
  </si>
  <si>
    <t>580300.0</t>
  </si>
  <si>
    <t>2091474.0</t>
  </si>
  <si>
    <t>868171.0</t>
  </si>
  <si>
    <t>847711.0</t>
  </si>
  <si>
    <t>580868.0</t>
  </si>
  <si>
    <t>2092030.0</t>
  </si>
  <si>
    <t>868184.0</t>
  </si>
  <si>
    <t>847731.0</t>
  </si>
  <si>
    <t>581411.0</t>
  </si>
  <si>
    <t>157.76</t>
  </si>
  <si>
    <t>2092143.0</t>
  </si>
  <si>
    <t>868196.0</t>
  </si>
  <si>
    <t>847742.0</t>
  </si>
  <si>
    <t>581521.0</t>
  </si>
  <si>
    <t>2092182.0</t>
  </si>
  <si>
    <t>868204.0</t>
  </si>
  <si>
    <t>847749.0</t>
  </si>
  <si>
    <t>581556.0</t>
  </si>
  <si>
    <t>2092501.0</t>
  </si>
  <si>
    <t>868222.0</t>
  </si>
  <si>
    <t>847770.0</t>
  </si>
  <si>
    <t>581866.0</t>
  </si>
  <si>
    <t>2093151.0</t>
  </si>
  <si>
    <t>868241.0</t>
  </si>
  <si>
    <t>847796.0</t>
  </si>
  <si>
    <t>582497.0</t>
  </si>
  <si>
    <t>157.85</t>
  </si>
  <si>
    <t>2093710.0</t>
  </si>
  <si>
    <t>868254.0</t>
  </si>
  <si>
    <t>847808.0</t>
  </si>
  <si>
    <t>583052.0</t>
  </si>
  <si>
    <t>2094179.0</t>
  </si>
  <si>
    <t>868261.0</t>
  </si>
  <si>
    <t>847817.0</t>
  </si>
  <si>
    <t>583517.0</t>
  </si>
  <si>
    <t>157.92</t>
  </si>
  <si>
    <t>2094623.0</t>
  </si>
  <si>
    <t>868274.0</t>
  </si>
  <si>
    <t>847830.0</t>
  </si>
  <si>
    <t>583954.0</t>
  </si>
  <si>
    <t>157.96</t>
  </si>
  <si>
    <t>2094728.0</t>
  </si>
  <si>
    <t>868284.0</t>
  </si>
  <si>
    <t>847838.0</t>
  </si>
  <si>
    <t>584055.0</t>
  </si>
  <si>
    <t>2094795.0</t>
  </si>
  <si>
    <t>868288.0</t>
  </si>
  <si>
    <t>847842.0</t>
  </si>
  <si>
    <t>584120.0</t>
  </si>
  <si>
    <t>44.05</t>
  </si>
  <si>
    <t>2095091.0</t>
  </si>
  <si>
    <t>868304.0</t>
  </si>
  <si>
    <t>847859.0</t>
  </si>
  <si>
    <t>584408.0</t>
  </si>
  <si>
    <t>2095497.0</t>
  </si>
  <si>
    <t>868317.0</t>
  </si>
  <si>
    <t>847874.0</t>
  </si>
  <si>
    <t>584808.0</t>
  </si>
  <si>
    <t>158.02</t>
  </si>
  <si>
    <t>2095976.0</t>
  </si>
  <si>
    <t>868337.0</t>
  </si>
  <si>
    <t>847892.0</t>
  </si>
  <si>
    <t>585274.0</t>
  </si>
  <si>
    <t>158.06</t>
  </si>
  <si>
    <t>2096379.0</t>
  </si>
  <si>
    <t>868347.0</t>
  </si>
  <si>
    <t>847904.0</t>
  </si>
  <si>
    <t>585670.0</t>
  </si>
  <si>
    <t>2096813.0</t>
  </si>
  <si>
    <t>868358.0</t>
  </si>
  <si>
    <t>847915.0</t>
  </si>
  <si>
    <t>586097.0</t>
  </si>
  <si>
    <t>158.12</t>
  </si>
  <si>
    <t>2096915.0</t>
  </si>
  <si>
    <t>868365.0</t>
  </si>
  <si>
    <t>847921.0</t>
  </si>
  <si>
    <t>586197.0</t>
  </si>
  <si>
    <t>158.13</t>
  </si>
  <si>
    <t>2096954.0</t>
  </si>
  <si>
    <t>868367.0</t>
  </si>
  <si>
    <t>847923.0</t>
  </si>
  <si>
    <t>586235.0</t>
  </si>
  <si>
    <t>2097179.0</t>
  </si>
  <si>
    <t>868376.0</t>
  </si>
  <si>
    <t>847930.0</t>
  </si>
  <si>
    <t>586456.0</t>
  </si>
  <si>
    <t>2097578.0</t>
  </si>
  <si>
    <t>868387.0</t>
  </si>
  <si>
    <t>847943.0</t>
  </si>
  <si>
    <t>586845.0</t>
  </si>
  <si>
    <t>158.18</t>
  </si>
  <si>
    <t>2097975.0</t>
  </si>
  <si>
    <t>868403.0</t>
  </si>
  <si>
    <t>847960.0</t>
  </si>
  <si>
    <t>587231.0</t>
  </si>
  <si>
    <t>158.21</t>
  </si>
  <si>
    <t>2098334.0</t>
  </si>
  <si>
    <t>868412.0</t>
  </si>
  <si>
    <t>847973.0</t>
  </si>
  <si>
    <t>587583.0</t>
  </si>
  <si>
    <t>158.24</t>
  </si>
  <si>
    <t>2098713.0</t>
  </si>
  <si>
    <t>868429.0</t>
  </si>
  <si>
    <t>847991.0</t>
  </si>
  <si>
    <t>587955.0</t>
  </si>
  <si>
    <t>2098820.0</t>
  </si>
  <si>
    <t>868441.0</t>
  </si>
  <si>
    <t>848002.0</t>
  </si>
  <si>
    <t>588059.0</t>
  </si>
  <si>
    <t>2098846.0</t>
  </si>
  <si>
    <t>868442.0</t>
  </si>
  <si>
    <t>848003.0</t>
  </si>
  <si>
    <t>588085.0</t>
  </si>
  <si>
    <t>2099130.0</t>
  </si>
  <si>
    <t>868456.0</t>
  </si>
  <si>
    <t>848015.0</t>
  </si>
  <si>
    <t>588365.0</t>
  </si>
  <si>
    <t>2099571.0</t>
  </si>
  <si>
    <t>868470.0</t>
  </si>
  <si>
    <t>848026.0</t>
  </si>
  <si>
    <t>588797.0</t>
  </si>
  <si>
    <t>2099956.0</t>
  </si>
  <si>
    <t>868481.0</t>
  </si>
  <si>
    <t>848040.0</t>
  </si>
  <si>
    <t>589171.0</t>
  </si>
  <si>
    <t>158.36</t>
  </si>
  <si>
    <t>2100259.0</t>
  </si>
  <si>
    <t>868496.0</t>
  </si>
  <si>
    <t>848060.0</t>
  </si>
  <si>
    <t>589465.0</t>
  </si>
  <si>
    <t>158.38</t>
  </si>
  <si>
    <t>2100418.0</t>
  </si>
  <si>
    <t>868509.0</t>
  </si>
  <si>
    <t>848067.0</t>
  </si>
  <si>
    <t>589613.0</t>
  </si>
  <si>
    <t>158.39</t>
  </si>
  <si>
    <t>2100438.0</t>
  </si>
  <si>
    <t>848068.0</t>
  </si>
  <si>
    <t>589632.0</t>
  </si>
  <si>
    <t>2100442.0</t>
  </si>
  <si>
    <t>589636.0</t>
  </si>
  <si>
    <t>2100460.0</t>
  </si>
  <si>
    <t>868511.0</t>
  </si>
  <si>
    <t>848070.0</t>
  </si>
  <si>
    <t>589653.0</t>
  </si>
  <si>
    <t>2100755.0</t>
  </si>
  <si>
    <t>868525.0</t>
  </si>
  <si>
    <t>848085.0</t>
  </si>
  <si>
    <t>589940.0</t>
  </si>
  <si>
    <t>2101000.0</t>
  </si>
  <si>
    <t>868544.0</t>
  </si>
  <si>
    <t>848103.0</t>
  </si>
  <si>
    <t>590178.0</t>
  </si>
  <si>
    <t>158.44</t>
  </si>
  <si>
    <t>2101279.0</t>
  </si>
  <si>
    <t>868555.0</t>
  </si>
  <si>
    <t>848114.0</t>
  </si>
  <si>
    <t>590452.0</t>
  </si>
  <si>
    <t>2101430.0</t>
  </si>
  <si>
    <t>868570.0</t>
  </si>
  <si>
    <t>848131.0</t>
  </si>
  <si>
    <t>590590.0</t>
  </si>
  <si>
    <t>2101439.0</t>
  </si>
  <si>
    <t>868572.0</t>
  </si>
  <si>
    <t>848133.0</t>
  </si>
  <si>
    <t>590599.0</t>
  </si>
  <si>
    <t>2101445.0</t>
  </si>
  <si>
    <t>590605.0</t>
  </si>
  <si>
    <t>2101596.0</t>
  </si>
  <si>
    <t>868574.0</t>
  </si>
  <si>
    <t>848136.0</t>
  </si>
  <si>
    <t>590756.0</t>
  </si>
  <si>
    <t>158.48</t>
  </si>
  <si>
    <t>SWZ</t>
  </si>
  <si>
    <t>Eswatini</t>
  </si>
  <si>
    <t>31846.0</t>
  </si>
  <si>
    <t>32958.0</t>
  </si>
  <si>
    <t>33279.0</t>
  </si>
  <si>
    <t>35227.0</t>
  </si>
  <si>
    <t>36227.0</t>
  </si>
  <si>
    <t>8078.0</t>
  </si>
  <si>
    <t>46796.0</t>
  </si>
  <si>
    <t>37028.0</t>
  </si>
  <si>
    <t>47623.0</t>
  </si>
  <si>
    <t>37231.0</t>
  </si>
  <si>
    <t>37402.0</t>
  </si>
  <si>
    <t>51451.0</t>
  </si>
  <si>
    <t>37558.0</t>
  </si>
  <si>
    <t>13893.0</t>
  </si>
  <si>
    <t>37997.0</t>
  </si>
  <si>
    <t>63425.0</t>
  </si>
  <si>
    <t>65667.0</t>
  </si>
  <si>
    <t>38326.0</t>
  </si>
  <si>
    <t>27341.0</t>
  </si>
  <si>
    <t>38734.0</t>
  </si>
  <si>
    <t>27674.0</t>
  </si>
  <si>
    <t>76399.0</t>
  </si>
  <si>
    <t>32665.0</t>
  </si>
  <si>
    <t>87998.0</t>
  </si>
  <si>
    <t>103946.0</t>
  </si>
  <si>
    <t>57503.0</t>
  </si>
  <si>
    <t>46443.0</t>
  </si>
  <si>
    <t>119426.0</t>
  </si>
  <si>
    <t>65243.0</t>
  </si>
  <si>
    <t>54183.0</t>
  </si>
  <si>
    <t>136164.0</t>
  </si>
  <si>
    <t>73612.0</t>
  </si>
  <si>
    <t>62552.0</t>
  </si>
  <si>
    <t>149198.0</t>
  </si>
  <si>
    <t>69069.0</t>
  </si>
  <si>
    <t>164120.0</t>
  </si>
  <si>
    <t>87590.0</t>
  </si>
  <si>
    <t>76530.0</t>
  </si>
  <si>
    <t>85115.0</t>
  </si>
  <si>
    <t>93731.0</t>
  </si>
  <si>
    <t>100126.0</t>
  </si>
  <si>
    <t>102504.0</t>
  </si>
  <si>
    <t>109596.0</t>
  </si>
  <si>
    <t>208541.0</t>
  </si>
  <si>
    <t>171325.0</t>
  </si>
  <si>
    <t>210277.0</t>
  </si>
  <si>
    <t>180709.0</t>
  </si>
  <si>
    <t>172985.0</t>
  </si>
  <si>
    <t>231078.0</t>
  </si>
  <si>
    <t>200605.0</t>
  </si>
  <si>
    <t>193318.0</t>
  </si>
  <si>
    <t>239551.0</t>
  </si>
  <si>
    <t>206478.0</t>
  </si>
  <si>
    <t>199621.0</t>
  </si>
  <si>
    <t>240002.0</t>
  </si>
  <si>
    <t>208925.0</t>
  </si>
  <si>
    <t>201803.0</t>
  </si>
  <si>
    <t>248985.0</t>
  </si>
  <si>
    <t>217532.0</t>
  </si>
  <si>
    <t>210432.0</t>
  </si>
  <si>
    <t>258552.0</t>
  </si>
  <si>
    <t>227080.0</t>
  </si>
  <si>
    <t>219736.0</t>
  </si>
  <si>
    <t>266056.0</t>
  </si>
  <si>
    <t>232472.0</t>
  </si>
  <si>
    <t>225042.0</t>
  </si>
  <si>
    <t>270643.0</t>
  </si>
  <si>
    <t>236992.0</t>
  </si>
  <si>
    <t>229476.0</t>
  </si>
  <si>
    <t>273523.0</t>
  </si>
  <si>
    <t>239875.0</t>
  </si>
  <si>
    <t>232148.0</t>
  </si>
  <si>
    <t>274379.0</t>
  </si>
  <si>
    <t>243248.0</t>
  </si>
  <si>
    <t>235360.0</t>
  </si>
  <si>
    <t>279406.0</t>
  </si>
  <si>
    <t>238029.0</t>
  </si>
  <si>
    <t>286670.0</t>
  </si>
  <si>
    <t>248590.0</t>
  </si>
  <si>
    <t>240107.0</t>
  </si>
  <si>
    <t>293353.0</t>
  </si>
  <si>
    <t>259022.0</t>
  </si>
  <si>
    <t>249607.0</t>
  </si>
  <si>
    <t>306445.0</t>
  </si>
  <si>
    <t>271668.0</t>
  </si>
  <si>
    <t>260763.0</t>
  </si>
  <si>
    <t>290582.0</t>
  </si>
  <si>
    <t>344255.0</t>
  </si>
  <si>
    <t>302675.0</t>
  </si>
  <si>
    <t>375012.0</t>
  </si>
  <si>
    <t>320460.0</t>
  </si>
  <si>
    <t>385304.0</t>
  </si>
  <si>
    <t>326455.0</t>
  </si>
  <si>
    <t>295361.0</t>
  </si>
  <si>
    <t>396482.0</t>
  </si>
  <si>
    <t>332743.0</t>
  </si>
  <si>
    <t>299541.0</t>
  </si>
  <si>
    <t>399616.0</t>
  </si>
  <si>
    <t>334088.0</t>
  </si>
  <si>
    <t>301243.0</t>
  </si>
  <si>
    <t>404374.0</t>
  </si>
  <si>
    <t>334727.0</t>
  </si>
  <si>
    <t>302304.0</t>
  </si>
  <si>
    <t>411013.0</t>
  </si>
  <si>
    <t>338607.0</t>
  </si>
  <si>
    <t>307817.0</t>
  </si>
  <si>
    <t>417510.0</t>
  </si>
  <si>
    <t>341385.0</t>
  </si>
  <si>
    <t>311347.0</t>
  </si>
  <si>
    <t>418229.0</t>
  </si>
  <si>
    <t>341756.0</t>
  </si>
  <si>
    <t>311782.0</t>
  </si>
  <si>
    <t>345602.0</t>
  </si>
  <si>
    <t>315764.0</t>
  </si>
  <si>
    <t>440245.0</t>
  </si>
  <si>
    <t>352664.0</t>
  </si>
  <si>
    <t>460130.0</t>
  </si>
  <si>
    <t>365273.0</t>
  </si>
  <si>
    <t>462652.0</t>
  </si>
  <si>
    <t>366076.0</t>
  </si>
  <si>
    <t>475718.0</t>
  </si>
  <si>
    <t>374633.0</t>
  </si>
  <si>
    <t>486162.0</t>
  </si>
  <si>
    <t>378854.0</t>
  </si>
  <si>
    <t>490899.0</t>
  </si>
  <si>
    <t>380363.0</t>
  </si>
  <si>
    <t>503477.0</t>
  </si>
  <si>
    <t>384830.0</t>
  </si>
  <si>
    <t>501428.0</t>
  </si>
  <si>
    <t>420.565</t>
  </si>
  <si>
    <t>506539.0</t>
  </si>
  <si>
    <t>386210.0</t>
  </si>
  <si>
    <t>505698.0</t>
  </si>
  <si>
    <t>424.147</t>
  </si>
  <si>
    <t>509424.0</t>
  </si>
  <si>
    <t>318360.0</t>
  </si>
  <si>
    <t>66331.0</t>
  </si>
  <si>
    <t>511972.0</t>
  </si>
  <si>
    <t>429.409</t>
  </si>
  <si>
    <t>514794.0</t>
  </si>
  <si>
    <t>431.776</t>
  </si>
  <si>
    <t>517095.0</t>
  </si>
  <si>
    <t>433.706</t>
  </si>
  <si>
    <t>521379.0</t>
  </si>
  <si>
    <t>437.299</t>
  </si>
  <si>
    <t>522740.0</t>
  </si>
  <si>
    <t>525272.0</t>
  </si>
  <si>
    <t>440.564</t>
  </si>
  <si>
    <t>528187.0</t>
  </si>
  <si>
    <t>443.009</t>
  </si>
  <si>
    <t>535393.0</t>
  </si>
  <si>
    <t>387468.0</t>
  </si>
  <si>
    <t>336066.0</t>
  </si>
  <si>
    <t>529611.0</t>
  </si>
  <si>
    <t>444.204</t>
  </si>
  <si>
    <t>531002.0</t>
  </si>
  <si>
    <t>532024.0</t>
  </si>
  <si>
    <t>446.227</t>
  </si>
  <si>
    <t>534073.0</t>
  </si>
  <si>
    <t>447.946</t>
  </si>
  <si>
    <t>535418.0</t>
  </si>
  <si>
    <t>449.074</t>
  </si>
  <si>
    <t>0.1912</t>
  </si>
  <si>
    <t>537184.0</t>
  </si>
  <si>
    <t>450.555</t>
  </si>
  <si>
    <t>538249.0</t>
  </si>
  <si>
    <t>451.449</t>
  </si>
  <si>
    <t>538582.0</t>
  </si>
  <si>
    <t>451.728</t>
  </si>
  <si>
    <t>542576.0</t>
  </si>
  <si>
    <t>455.078</t>
  </si>
  <si>
    <t>543830.0</t>
  </si>
  <si>
    <t>456.13</t>
  </si>
  <si>
    <t>544573.0</t>
  </si>
  <si>
    <t>456.753</t>
  </si>
  <si>
    <t>545726.0</t>
  </si>
  <si>
    <t>457.72</t>
  </si>
  <si>
    <t>546974.0</t>
  </si>
  <si>
    <t>458.767</t>
  </si>
  <si>
    <t>547721.0</t>
  </si>
  <si>
    <t>459.393</t>
  </si>
  <si>
    <t>548910.0</t>
  </si>
  <si>
    <t>460.39</t>
  </si>
  <si>
    <t>549656.0</t>
  </si>
  <si>
    <t>461.016</t>
  </si>
  <si>
    <t>684176.0</t>
  </si>
  <si>
    <t>410506.0</t>
  </si>
  <si>
    <t>342088.0</t>
  </si>
  <si>
    <t>684885.0</t>
  </si>
  <si>
    <t>746363.0</t>
  </si>
  <si>
    <t>764657.0</t>
  </si>
  <si>
    <t>772287.0</t>
  </si>
  <si>
    <t>491715.0</t>
  </si>
  <si>
    <t>489620.0</t>
  </si>
  <si>
    <t>147157.0</t>
  </si>
  <si>
    <t>773579.0</t>
  </si>
  <si>
    <t>492162.0</t>
  </si>
  <si>
    <t>490673.0</t>
  </si>
  <si>
    <t>492300.0</t>
  </si>
  <si>
    <t>147518.0</t>
  </si>
  <si>
    <t>507582.0</t>
  </si>
  <si>
    <t>ETH</t>
  </si>
  <si>
    <t>Ethiopia</t>
  </si>
  <si>
    <t>129.5</t>
  </si>
  <si>
    <t>11669.0</t>
  </si>
  <si>
    <t>340.9</t>
  </si>
  <si>
    <t>13645.0</t>
  </si>
  <si>
    <t>581.1</t>
  </si>
  <si>
    <t>473.6</t>
  </si>
  <si>
    <t>18754.0</t>
  </si>
  <si>
    <t>442.7</t>
  </si>
  <si>
    <t>19857.0</t>
  </si>
  <si>
    <t>651.8</t>
  </si>
  <si>
    <t>22330.0</t>
  </si>
  <si>
    <t>24088.0</t>
  </si>
  <si>
    <t>593.6</t>
  </si>
  <si>
    <t>25135.0</t>
  </si>
  <si>
    <t>498.2</t>
  </si>
  <si>
    <t>26517.0</t>
  </si>
  <si>
    <t>28445.0</t>
  </si>
  <si>
    <t>30306.0</t>
  </si>
  <si>
    <t>166.6</t>
  </si>
  <si>
    <t>34860.0</t>
  </si>
  <si>
    <t>36624.0</t>
  </si>
  <si>
    <t>39048.0</t>
  </si>
  <si>
    <t>53029.0</t>
  </si>
  <si>
    <t>57254.0</t>
  </si>
  <si>
    <t>59029.0</t>
  </si>
  <si>
    <t>63300.0</t>
  </si>
  <si>
    <t>65760.0</t>
  </si>
  <si>
    <t>69507.0</t>
  </si>
  <si>
    <t>73164.0</t>
  </si>
  <si>
    <t>79962.0</t>
  </si>
  <si>
    <t>81010.0</t>
  </si>
  <si>
    <t>83854.0</t>
  </si>
  <si>
    <t>87264.0</t>
  </si>
  <si>
    <t>91616.0</t>
  </si>
  <si>
    <t>96566.0</t>
  </si>
  <si>
    <t>101581.0</t>
  </si>
  <si>
    <t>106615.0</t>
  </si>
  <si>
    <t>109451.0</t>
  </si>
  <si>
    <t>112377.0</t>
  </si>
  <si>
    <t>116309.0</t>
  </si>
  <si>
    <t>120429.0</t>
  </si>
  <si>
    <t>125570.0</t>
  </si>
  <si>
    <t>131368.0</t>
  </si>
  <si>
    <t>136868.0</t>
  </si>
  <si>
    <t>142960.0</t>
  </si>
  <si>
    <t>147735.0</t>
  </si>
  <si>
    <t>152334.0</t>
  </si>
  <si>
    <t>158521.0</t>
  </si>
  <si>
    <t>165151.0</t>
  </si>
  <si>
    <t>170860.0</t>
  </si>
  <si>
    <t>176504.0</t>
  </si>
  <si>
    <t>181349.0</t>
  </si>
  <si>
    <t>186985.0</t>
  </si>
  <si>
    <t>192087.0</t>
  </si>
  <si>
    <t>197361.0</t>
  </si>
  <si>
    <t>202214.0</t>
  </si>
  <si>
    <t>207023.0</t>
  </si>
  <si>
    <t>211871.0</t>
  </si>
  <si>
    <t>216328.0</t>
  </si>
  <si>
    <t>219566.0</t>
  </si>
  <si>
    <t>223341.0</t>
  </si>
  <si>
    <t>227375.0</t>
  </si>
  <si>
    <t>232050.0</t>
  </si>
  <si>
    <t>237464.0</t>
  </si>
  <si>
    <t>243016.0</t>
  </si>
  <si>
    <t>246911.0</t>
  </si>
  <si>
    <t>250604.0</t>
  </si>
  <si>
    <t>253904.0</t>
  </si>
  <si>
    <t>255302.0</t>
  </si>
  <si>
    <t>256648.0</t>
  </si>
  <si>
    <t>258390.0</t>
  </si>
  <si>
    <t>260582.0</t>
  </si>
  <si>
    <t>263897.0</t>
  </si>
  <si>
    <t>108.2</t>
  </si>
  <si>
    <t>266323.0</t>
  </si>
  <si>
    <t>268292.0</t>
  </si>
  <si>
    <t>272454.0</t>
  </si>
  <si>
    <t>275930.0</t>
  </si>
  <si>
    <t>281069.0</t>
  </si>
  <si>
    <t>285628.0</t>
  </si>
  <si>
    <t>289550.0</t>
  </si>
  <si>
    <t>293935.0</t>
  </si>
  <si>
    <t>297542.0</t>
  </si>
  <si>
    <t>302728.0</t>
  </si>
  <si>
    <t>309639.0</t>
  </si>
  <si>
    <t>317046.0</t>
  </si>
  <si>
    <t>323932.0</t>
  </si>
  <si>
    <t>331266.0</t>
  </si>
  <si>
    <t>336322.0</t>
  </si>
  <si>
    <t>2.796</t>
  </si>
  <si>
    <t>342866.0</t>
  </si>
  <si>
    <t>350160.0</t>
  </si>
  <si>
    <t>357058.0</t>
  </si>
  <si>
    <t>364322.0</t>
  </si>
  <si>
    <t>372812.0</t>
  </si>
  <si>
    <t>382339.0</t>
  </si>
  <si>
    <t>389348.0</t>
  </si>
  <si>
    <t>395851.0</t>
  </si>
  <si>
    <t>403611.0</t>
  </si>
  <si>
    <t>413397.0</t>
  </si>
  <si>
    <t>3.437</t>
  </si>
  <si>
    <t>422354.0</t>
  </si>
  <si>
    <t>429712.0</t>
  </si>
  <si>
    <t>437319.0</t>
  </si>
  <si>
    <t>444226.0</t>
  </si>
  <si>
    <t>452427.0</t>
  </si>
  <si>
    <t>459746.0</t>
  </si>
  <si>
    <t>468814.0</t>
  </si>
  <si>
    <t>9068.0</t>
  </si>
  <si>
    <t>478017.0</t>
  </si>
  <si>
    <t>488936.0</t>
  </si>
  <si>
    <t>509010.0</t>
  </si>
  <si>
    <t>520891.0</t>
  </si>
  <si>
    <t>535431.0</t>
  </si>
  <si>
    <t>550119.0</t>
  </si>
  <si>
    <t>14688.0</t>
  </si>
  <si>
    <t>11615.0</t>
  </si>
  <si>
    <t>567442.0</t>
  </si>
  <si>
    <t>589694.0</t>
  </si>
  <si>
    <t>609463.0</t>
  </si>
  <si>
    <t>629210.0</t>
  </si>
  <si>
    <t>19747.0</t>
  </si>
  <si>
    <t>651311.0</t>
  </si>
  <si>
    <t>18631.0</t>
  </si>
  <si>
    <t>672637.0</t>
  </si>
  <si>
    <t>5.592</t>
  </si>
  <si>
    <t>19601.0</t>
  </si>
  <si>
    <t>694093.0</t>
  </si>
  <si>
    <t>717128.0</t>
  </si>
  <si>
    <t>21384.0</t>
  </si>
  <si>
    <t>736904.0</t>
  </si>
  <si>
    <t>19776.0</t>
  </si>
  <si>
    <t>757057.0</t>
  </si>
  <si>
    <t>6.294</t>
  </si>
  <si>
    <t>775908.0</t>
  </si>
  <si>
    <t>794686.0</t>
  </si>
  <si>
    <t>813410.0</t>
  </si>
  <si>
    <t>831470.0</t>
  </si>
  <si>
    <t>6.913</t>
  </si>
  <si>
    <t>19625.0</t>
  </si>
  <si>
    <t>850236.0</t>
  </si>
  <si>
    <t>7.069</t>
  </si>
  <si>
    <t>19015.0</t>
  </si>
  <si>
    <t>869430.0</t>
  </si>
  <si>
    <t>19194.0</t>
  </si>
  <si>
    <t>18932.0</t>
  </si>
  <si>
    <t>890929.0</t>
  </si>
  <si>
    <t>21499.0</t>
  </si>
  <si>
    <t>7.407</t>
  </si>
  <si>
    <t>910293.0</t>
  </si>
  <si>
    <t>7.568</t>
  </si>
  <si>
    <t>928453.0</t>
  </si>
  <si>
    <t>19110.0</t>
  </si>
  <si>
    <t>949813.0</t>
  </si>
  <si>
    <t>7.896</t>
  </si>
  <si>
    <t>19486.0</t>
  </si>
  <si>
    <t>970591.0</t>
  </si>
  <si>
    <t>20778.0</t>
  </si>
  <si>
    <t>8.069</t>
  </si>
  <si>
    <t>19874.0</t>
  </si>
  <si>
    <t>994303.0</t>
  </si>
  <si>
    <t>8.266</t>
  </si>
  <si>
    <t>20581.0</t>
  </si>
  <si>
    <t>1018847.0</t>
  </si>
  <si>
    <t>24544.0</t>
  </si>
  <si>
    <t>1044005.0</t>
  </si>
  <si>
    <t>21868.0</t>
  </si>
  <si>
    <t>1063454.0</t>
  </si>
  <si>
    <t>21880.0</t>
  </si>
  <si>
    <t>1078269.0</t>
  </si>
  <si>
    <t>21402.0</t>
  </si>
  <si>
    <t>1093830.0</t>
  </si>
  <si>
    <t>1110495.0</t>
  </si>
  <si>
    <t>1122659.0</t>
  </si>
  <si>
    <t>1138012.0</t>
  </si>
  <si>
    <t>1147268.0</t>
  </si>
  <si>
    <t>9256.0</t>
  </si>
  <si>
    <t>9.538</t>
  </si>
  <si>
    <t>1157292.0</t>
  </si>
  <si>
    <t>9.621</t>
  </si>
  <si>
    <t>1165647.0</t>
  </si>
  <si>
    <t>9.691</t>
  </si>
  <si>
    <t>10260.0</t>
  </si>
  <si>
    <t>1176252.0</t>
  </si>
  <si>
    <t>1184473.0</t>
  </si>
  <si>
    <t>9.847</t>
  </si>
  <si>
    <t>1194795.0</t>
  </si>
  <si>
    <t>1202818.0</t>
  </si>
  <si>
    <t>1210933.0</t>
  </si>
  <si>
    <t>10.067</t>
  </si>
  <si>
    <t>1217746.0</t>
  </si>
  <si>
    <t>1226297.0</t>
  </si>
  <si>
    <t>10.195</t>
  </si>
  <si>
    <t>1234645.0</t>
  </si>
  <si>
    <t>8342.0</t>
  </si>
  <si>
    <t>1241872.0</t>
  </si>
  <si>
    <t>7227.0</t>
  </si>
  <si>
    <t>10.325</t>
  </si>
  <si>
    <t>1249551.0</t>
  </si>
  <si>
    <t>1256182.0</t>
  </si>
  <si>
    <t>10.444</t>
  </si>
  <si>
    <t>1260929.0</t>
  </si>
  <si>
    <t>10.483</t>
  </si>
  <si>
    <t>1266213.0</t>
  </si>
  <si>
    <t>1272352.0</t>
  </si>
  <si>
    <t>1278827.0</t>
  </si>
  <si>
    <t>1285743.0</t>
  </si>
  <si>
    <t>1293469.0</t>
  </si>
  <si>
    <t>10.754</t>
  </si>
  <si>
    <t>1301570.0</t>
  </si>
  <si>
    <t>1307632.0</t>
  </si>
  <si>
    <t>10.871</t>
  </si>
  <si>
    <t>1312910.0</t>
  </si>
  <si>
    <t>1321164.0</t>
  </si>
  <si>
    <t>10.984</t>
  </si>
  <si>
    <t>1327832.0</t>
  </si>
  <si>
    <t>11.039</t>
  </si>
  <si>
    <t>1335856.0</t>
  </si>
  <si>
    <t>1343250.0</t>
  </si>
  <si>
    <t>1350633.0</t>
  </si>
  <si>
    <t>7383.0</t>
  </si>
  <si>
    <t>11.229</t>
  </si>
  <si>
    <t>1356630.0</t>
  </si>
  <si>
    <t>1362974.0</t>
  </si>
  <si>
    <t>11.331</t>
  </si>
  <si>
    <t>1370095.0</t>
  </si>
  <si>
    <t>11.391</t>
  </si>
  <si>
    <t>1377080.0</t>
  </si>
  <si>
    <t>11.449</t>
  </si>
  <si>
    <t>1383649.0</t>
  </si>
  <si>
    <t>1390197.0</t>
  </si>
  <si>
    <t>11.558</t>
  </si>
  <si>
    <t>1397348.0</t>
  </si>
  <si>
    <t>11.617</t>
  </si>
  <si>
    <t>1403894.0</t>
  </si>
  <si>
    <t>1410496.0</t>
  </si>
  <si>
    <t>1416829.0</t>
  </si>
  <si>
    <t>11.779</t>
  </si>
  <si>
    <t>1423505.0</t>
  </si>
  <si>
    <t>11.835</t>
  </si>
  <si>
    <t>1430043.0</t>
  </si>
  <si>
    <t>11.889</t>
  </si>
  <si>
    <t>1437497.0</t>
  </si>
  <si>
    <t>11.951</t>
  </si>
  <si>
    <t>1444542.0</t>
  </si>
  <si>
    <t>1449170.0</t>
  </si>
  <si>
    <t>12.048</t>
  </si>
  <si>
    <t>1455054.0</t>
  </si>
  <si>
    <t>1461344.0</t>
  </si>
  <si>
    <t>12.149</t>
  </si>
  <si>
    <t>1469117.0</t>
  </si>
  <si>
    <t>1474983.0</t>
  </si>
  <si>
    <t>12.263</t>
  </si>
  <si>
    <t>1481369.0</t>
  </si>
  <si>
    <t>12.316</t>
  </si>
  <si>
    <t>1487270.0</t>
  </si>
  <si>
    <t>12.365</t>
  </si>
  <si>
    <t>1492996.0</t>
  </si>
  <si>
    <t>12.412</t>
  </si>
  <si>
    <t>1498360.0</t>
  </si>
  <si>
    <t>1504305.0</t>
  </si>
  <si>
    <t>12.506</t>
  </si>
  <si>
    <t>1510144.0</t>
  </si>
  <si>
    <t>1514869.0</t>
  </si>
  <si>
    <t>12.594</t>
  </si>
  <si>
    <t>1520897.0</t>
  </si>
  <si>
    <t>12.644</t>
  </si>
  <si>
    <t>1526221.0</t>
  </si>
  <si>
    <t>12.689</t>
  </si>
  <si>
    <t>1530110.0</t>
  </si>
  <si>
    <t>12.721</t>
  </si>
  <si>
    <t>1534470.0</t>
  </si>
  <si>
    <t>12.757</t>
  </si>
  <si>
    <t>1539653.0</t>
  </si>
  <si>
    <t>1545131.0</t>
  </si>
  <si>
    <t>1550663.0</t>
  </si>
  <si>
    <t>12.892</t>
  </si>
  <si>
    <t>1557006.0</t>
  </si>
  <si>
    <t>1562008.0</t>
  </si>
  <si>
    <t>12.986</t>
  </si>
  <si>
    <t>1566221.0</t>
  </si>
  <si>
    <t>1569999.0</t>
  </si>
  <si>
    <t>13.053</t>
  </si>
  <si>
    <t>1574870.0</t>
  </si>
  <si>
    <t>1580071.0</t>
  </si>
  <si>
    <t>13.136</t>
  </si>
  <si>
    <t>1585559.0</t>
  </si>
  <si>
    <t>13.182</t>
  </si>
  <si>
    <t>1591148.0</t>
  </si>
  <si>
    <t>13.228</t>
  </si>
  <si>
    <t>1595643.0</t>
  </si>
  <si>
    <t>13.266</t>
  </si>
  <si>
    <t>1600606.0</t>
  </si>
  <si>
    <t>13.307</t>
  </si>
  <si>
    <t>1604697.0</t>
  </si>
  <si>
    <t>1609980.0</t>
  </si>
  <si>
    <t>13.385</t>
  </si>
  <si>
    <t>1615769.0</t>
  </si>
  <si>
    <t>13.433</t>
  </si>
  <si>
    <t>1621040.0</t>
  </si>
  <si>
    <t>13.477</t>
  </si>
  <si>
    <t>1626446.0</t>
  </si>
  <si>
    <t>13.522</t>
  </si>
  <si>
    <t>1631912.0</t>
  </si>
  <si>
    <t>1636729.0</t>
  </si>
  <si>
    <t>13.607</t>
  </si>
  <si>
    <t>1641697.0</t>
  </si>
  <si>
    <t>1645995.0</t>
  </si>
  <si>
    <t>13.684</t>
  </si>
  <si>
    <t>1652517.0</t>
  </si>
  <si>
    <t>13.739</t>
  </si>
  <si>
    <t>1658190.0</t>
  </si>
  <si>
    <t>13.786</t>
  </si>
  <si>
    <t>1664375.0</t>
  </si>
  <si>
    <t>1669754.0</t>
  </si>
  <si>
    <t>1673957.0</t>
  </si>
  <si>
    <t>1679245.0</t>
  </si>
  <si>
    <t>13.961</t>
  </si>
  <si>
    <t>1683558.0</t>
  </si>
  <si>
    <t>1689299.0</t>
  </si>
  <si>
    <t>1695106.0</t>
  </si>
  <si>
    <t>14.093</t>
  </si>
  <si>
    <t>1701522.0</t>
  </si>
  <si>
    <t>0.0957</t>
  </si>
  <si>
    <t>1706321.0</t>
  </si>
  <si>
    <t>1711099.0</t>
  </si>
  <si>
    <t>1714966.0</t>
  </si>
  <si>
    <t>14.258</t>
  </si>
  <si>
    <t>1720417.0</t>
  </si>
  <si>
    <t>1725693.0</t>
  </si>
  <si>
    <t>14.347</t>
  </si>
  <si>
    <t>1731977.0</t>
  </si>
  <si>
    <t>1738290.0</t>
  </si>
  <si>
    <t>14.452</t>
  </si>
  <si>
    <t>1743663.0</t>
  </si>
  <si>
    <t>14.496</t>
  </si>
  <si>
    <t>1747905.0</t>
  </si>
  <si>
    <t>1752252.0</t>
  </si>
  <si>
    <t>14.568</t>
  </si>
  <si>
    <t>1757348.0</t>
  </si>
  <si>
    <t>1762851.0</t>
  </si>
  <si>
    <t>14.656</t>
  </si>
  <si>
    <t>1769613.0</t>
  </si>
  <si>
    <t>14.712</t>
  </si>
  <si>
    <t>1776322.0</t>
  </si>
  <si>
    <t>14.768</t>
  </si>
  <si>
    <t>1780961.0</t>
  </si>
  <si>
    <t>14.806</t>
  </si>
  <si>
    <t>1785132.0</t>
  </si>
  <si>
    <t>1789287.0</t>
  </si>
  <si>
    <t>14.876</t>
  </si>
  <si>
    <t>1794689.0</t>
  </si>
  <si>
    <t>14.921</t>
  </si>
  <si>
    <t>1800236.0</t>
  </si>
  <si>
    <t>14.967</t>
  </si>
  <si>
    <t>1806046.0</t>
  </si>
  <si>
    <t>15.015</t>
  </si>
  <si>
    <t>1811578.0</t>
  </si>
  <si>
    <t>1817965.0</t>
  </si>
  <si>
    <t>15.114</t>
  </si>
  <si>
    <t>1822122.0</t>
  </si>
  <si>
    <t>15.149</t>
  </si>
  <si>
    <t>1826056.0</t>
  </si>
  <si>
    <t>15.181</t>
  </si>
  <si>
    <t>1831857.0</t>
  </si>
  <si>
    <t>1836527.0</t>
  </si>
  <si>
    <t>15.268</t>
  </si>
  <si>
    <t>1840767.0</t>
  </si>
  <si>
    <t>15.304</t>
  </si>
  <si>
    <t>1844719.0</t>
  </si>
  <si>
    <t>15.336</t>
  </si>
  <si>
    <t>1850100.0</t>
  </si>
  <si>
    <t>15.381</t>
  </si>
  <si>
    <t>1854699.0</t>
  </si>
  <si>
    <t>15.419</t>
  </si>
  <si>
    <t>1859648.0</t>
  </si>
  <si>
    <t>1864567.0</t>
  </si>
  <si>
    <t>15.501</t>
  </si>
  <si>
    <t>1870415.0</t>
  </si>
  <si>
    <t>1876040.0</t>
  </si>
  <si>
    <t>1882151.0</t>
  </si>
  <si>
    <t>15.648</t>
  </si>
  <si>
    <t>1886939.0</t>
  </si>
  <si>
    <t>15.687</t>
  </si>
  <si>
    <t>1891919.0</t>
  </si>
  <si>
    <t>15.729</t>
  </si>
  <si>
    <t>1895552.0</t>
  </si>
  <si>
    <t>1899637.0</t>
  </si>
  <si>
    <t>15.793</t>
  </si>
  <si>
    <t>1903582.0</t>
  </si>
  <si>
    <t>1908533.0</t>
  </si>
  <si>
    <t>15.867</t>
  </si>
  <si>
    <t>1913618.0</t>
  </si>
  <si>
    <t>15.909</t>
  </si>
  <si>
    <t>1919663.0</t>
  </si>
  <si>
    <t>1924136.0</t>
  </si>
  <si>
    <t>15.997</t>
  </si>
  <si>
    <t>1930478.0</t>
  </si>
  <si>
    <t>16.049</t>
  </si>
  <si>
    <t>1936330.0</t>
  </si>
  <si>
    <t>16.098</t>
  </si>
  <si>
    <t>1942333.0</t>
  </si>
  <si>
    <t>16.148</t>
  </si>
  <si>
    <t>1949344.0</t>
  </si>
  <si>
    <t>16.206</t>
  </si>
  <si>
    <t>1955443.0</t>
  </si>
  <si>
    <t>16.257</t>
  </si>
  <si>
    <t>1962552.0</t>
  </si>
  <si>
    <t>16.316</t>
  </si>
  <si>
    <t>1968768.0</t>
  </si>
  <si>
    <t>16.368</t>
  </si>
  <si>
    <t>1974373.0</t>
  </si>
  <si>
    <t>16.414</t>
  </si>
  <si>
    <t>1980005.0</t>
  </si>
  <si>
    <t>16.461</t>
  </si>
  <si>
    <t>1986007.0</t>
  </si>
  <si>
    <t>16.511</t>
  </si>
  <si>
    <t>1991072.0</t>
  </si>
  <si>
    <t>16.553</t>
  </si>
  <si>
    <t>1997635.0</t>
  </si>
  <si>
    <t>16.608</t>
  </si>
  <si>
    <t>0.1051</t>
  </si>
  <si>
    <t>2004312.0</t>
  </si>
  <si>
    <t>16.663</t>
  </si>
  <si>
    <t>2009459.0</t>
  </si>
  <si>
    <t>16.706</t>
  </si>
  <si>
    <t>2014440.0</t>
  </si>
  <si>
    <t>16.748</t>
  </si>
  <si>
    <t>2020994.0</t>
  </si>
  <si>
    <t>16.802</t>
  </si>
  <si>
    <t>2026734.0</t>
  </si>
  <si>
    <t>2033790.0</t>
  </si>
  <si>
    <t>16.908</t>
  </si>
  <si>
    <t>2040290.0</t>
  </si>
  <si>
    <t>2046852.0</t>
  </si>
  <si>
    <t>17.017</t>
  </si>
  <si>
    <t>2051853.0</t>
  </si>
  <si>
    <t>2057017.0</t>
  </si>
  <si>
    <t>17.101</t>
  </si>
  <si>
    <t>2063144.0</t>
  </si>
  <si>
    <t>17.152</t>
  </si>
  <si>
    <t>2069997.0</t>
  </si>
  <si>
    <t>17.209</t>
  </si>
  <si>
    <t>2076898.0</t>
  </si>
  <si>
    <t>17.267</t>
  </si>
  <si>
    <t>2084845.0</t>
  </si>
  <si>
    <t>17.333</t>
  </si>
  <si>
    <t>2090850.0</t>
  </si>
  <si>
    <t>17.383</t>
  </si>
  <si>
    <t>2096810.0</t>
  </si>
  <si>
    <t>17.432</t>
  </si>
  <si>
    <t>2102317.0</t>
  </si>
  <si>
    <t>2108406.0</t>
  </si>
  <si>
    <t>17.529</t>
  </si>
  <si>
    <t>2114618.0</t>
  </si>
  <si>
    <t>2121277.0</t>
  </si>
  <si>
    <t>17.636</t>
  </si>
  <si>
    <t>2128036.0</t>
  </si>
  <si>
    <t>17.692</t>
  </si>
  <si>
    <t>2134587.0</t>
  </si>
  <si>
    <t>2140427.0</t>
  </si>
  <si>
    <t>17.795</t>
  </si>
  <si>
    <t>2146457.0</t>
  </si>
  <si>
    <t>2152739.0</t>
  </si>
  <si>
    <t>17.897</t>
  </si>
  <si>
    <t>2158296.0</t>
  </si>
  <si>
    <t>17.943</t>
  </si>
  <si>
    <t>2165507.0</t>
  </si>
  <si>
    <t>2171913.0</t>
  </si>
  <si>
    <t>2178403.0</t>
  </si>
  <si>
    <t>18.111</t>
  </si>
  <si>
    <t>2184745.0</t>
  </si>
  <si>
    <t>18.163</t>
  </si>
  <si>
    <t>2192311.0</t>
  </si>
  <si>
    <t>18.226</t>
  </si>
  <si>
    <t>2200130.0</t>
  </si>
  <si>
    <t>2207195.0</t>
  </si>
  <si>
    <t>2214180.0</t>
  </si>
  <si>
    <t>18.408</t>
  </si>
  <si>
    <t>0.1746</t>
  </si>
  <si>
    <t>2221834.0</t>
  </si>
  <si>
    <t>18.472</t>
  </si>
  <si>
    <t>2227729.0</t>
  </si>
  <si>
    <t>18.521</t>
  </si>
  <si>
    <t>2233489.0</t>
  </si>
  <si>
    <t>18.569</t>
  </si>
  <si>
    <t>2240827.0</t>
  </si>
  <si>
    <t>2248384.0</t>
  </si>
  <si>
    <t>18.692</t>
  </si>
  <si>
    <t>0.2059</t>
  </si>
  <si>
    <t>2256439.0</t>
  </si>
  <si>
    <t>18.759</t>
  </si>
  <si>
    <t>2264683.0</t>
  </si>
  <si>
    <t>18.828</t>
  </si>
  <si>
    <t>2272910.0</t>
  </si>
  <si>
    <t>18.896</t>
  </si>
  <si>
    <t>2279472.0</t>
  </si>
  <si>
    <t>18.951</t>
  </si>
  <si>
    <t>2286394.0</t>
  </si>
  <si>
    <t>19.008</t>
  </si>
  <si>
    <t>2293486.0</t>
  </si>
  <si>
    <t>19.067</t>
  </si>
  <si>
    <t>2301145.0</t>
  </si>
  <si>
    <t>0.2419</t>
  </si>
  <si>
    <t>2308568.0</t>
  </si>
  <si>
    <t>19.193</t>
  </si>
  <si>
    <t>0.2428</t>
  </si>
  <si>
    <t>19.261</t>
  </si>
  <si>
    <t>2325485.0</t>
  </si>
  <si>
    <t>0.2502</t>
  </si>
  <si>
    <t>2332735.0</t>
  </si>
  <si>
    <t>7250.0</t>
  </si>
  <si>
    <t>19.394</t>
  </si>
  <si>
    <t>2340575.0</t>
  </si>
  <si>
    <t>19.459</t>
  </si>
  <si>
    <t>2348871.0</t>
  </si>
  <si>
    <t>19.528</t>
  </si>
  <si>
    <t>2356893.0</t>
  </si>
  <si>
    <t>19.595</t>
  </si>
  <si>
    <t>2365187.0</t>
  </si>
  <si>
    <t>2374204.0</t>
  </si>
  <si>
    <t>9017.0</t>
  </si>
  <si>
    <t>2382596.0</t>
  </si>
  <si>
    <t>19.808</t>
  </si>
  <si>
    <t>2389558.0</t>
  </si>
  <si>
    <t>19.866</t>
  </si>
  <si>
    <t>2398596.0</t>
  </si>
  <si>
    <t>19.941</t>
  </si>
  <si>
    <t>0.2548</t>
  </si>
  <si>
    <t>2406786.0</t>
  </si>
  <si>
    <t>20.009</t>
  </si>
  <si>
    <t>2414973.0</t>
  </si>
  <si>
    <t>20.077</t>
  </si>
  <si>
    <t>2422730.0</t>
  </si>
  <si>
    <t>20.142</t>
  </si>
  <si>
    <t>430000.0</t>
  </si>
  <si>
    <t>2430217.0</t>
  </si>
  <si>
    <t>20.204</t>
  </si>
  <si>
    <t>2437495.0</t>
  </si>
  <si>
    <t>20.265</t>
  </si>
  <si>
    <t>2445578.0</t>
  </si>
  <si>
    <t>20.332</t>
  </si>
  <si>
    <t>2453287.0</t>
  </si>
  <si>
    <t>2460888.0</t>
  </si>
  <si>
    <t>20.459</t>
  </si>
  <si>
    <t>2469593.0</t>
  </si>
  <si>
    <t>20.532</t>
  </si>
  <si>
    <t>2478471.0</t>
  </si>
  <si>
    <t>20.605</t>
  </si>
  <si>
    <t>2485951.0</t>
  </si>
  <si>
    <t>20.668</t>
  </si>
  <si>
    <t>2494258.0</t>
  </si>
  <si>
    <t>20.737</t>
  </si>
  <si>
    <t>2501570.0</t>
  </si>
  <si>
    <t>20.797</t>
  </si>
  <si>
    <t>2507403.0</t>
  </si>
  <si>
    <t>20.846</t>
  </si>
  <si>
    <t>2514749.0</t>
  </si>
  <si>
    <t>7346.0</t>
  </si>
  <si>
    <t>20.907</t>
  </si>
  <si>
    <t>2521604.0</t>
  </si>
  <si>
    <t>2528645.0</t>
  </si>
  <si>
    <t>21.022</t>
  </si>
  <si>
    <t>0.2279</t>
  </si>
  <si>
    <t>2535226.0</t>
  </si>
  <si>
    <t>21.077</t>
  </si>
  <si>
    <t>2544095.0</t>
  </si>
  <si>
    <t>21.151</t>
  </si>
  <si>
    <t>2550394.0</t>
  </si>
  <si>
    <t>21.203</t>
  </si>
  <si>
    <t>2555989.0</t>
  </si>
  <si>
    <t>2561247.0</t>
  </si>
  <si>
    <t>21.294</t>
  </si>
  <si>
    <t>2568346.0</t>
  </si>
  <si>
    <t>21.353</t>
  </si>
  <si>
    <t>1071485.0</t>
  </si>
  <si>
    <t>2574544.0</t>
  </si>
  <si>
    <t>6557.0</t>
  </si>
  <si>
    <t>1099614.0</t>
  </si>
  <si>
    <t>31511.0</t>
  </si>
  <si>
    <t>2580700.0</t>
  </si>
  <si>
    <t>21.455</t>
  </si>
  <si>
    <t>0.1792</t>
  </si>
  <si>
    <t>1114500.0</t>
  </si>
  <si>
    <t>14886.0</t>
  </si>
  <si>
    <t>2584305.0</t>
  </si>
  <si>
    <t>21.485</t>
  </si>
  <si>
    <t>1134885.0</t>
  </si>
  <si>
    <t>2586083.0</t>
  </si>
  <si>
    <t>1141092.0</t>
  </si>
  <si>
    <t>2590091.0</t>
  </si>
  <si>
    <t>21.533</t>
  </si>
  <si>
    <t>1168268.0</t>
  </si>
  <si>
    <t>27176.0</t>
  </si>
  <si>
    <t>2593729.0</t>
  </si>
  <si>
    <t>21.564</t>
  </si>
  <si>
    <t>1194578.0</t>
  </si>
  <si>
    <t>2599462.0</t>
  </si>
  <si>
    <t>21.611</t>
  </si>
  <si>
    <t>1215934.0</t>
  </si>
  <si>
    <t>21356.0</t>
  </si>
  <si>
    <t>2604376.0</t>
  </si>
  <si>
    <t>21.652</t>
  </si>
  <si>
    <t>1237826.0</t>
  </si>
  <si>
    <t>2609897.0</t>
  </si>
  <si>
    <t>21.698</t>
  </si>
  <si>
    <t>1287801.0</t>
  </si>
  <si>
    <t>49975.0</t>
  </si>
  <si>
    <t>24757.0</t>
  </si>
  <si>
    <t>2615290.0</t>
  </si>
  <si>
    <t>21.743</t>
  </si>
  <si>
    <t>1290828.0</t>
  </si>
  <si>
    <t>22278.0</t>
  </si>
  <si>
    <t>2620593.0</t>
  </si>
  <si>
    <t>21.787</t>
  </si>
  <si>
    <t>1295723.0</t>
  </si>
  <si>
    <t>2624176.0</t>
  </si>
  <si>
    <t>21.817</t>
  </si>
  <si>
    <t>1300775.0</t>
  </si>
  <si>
    <t>18930.0</t>
  </si>
  <si>
    <t>2628952.0</t>
  </si>
  <si>
    <t>21.856</t>
  </si>
  <si>
    <t>1360752.0</t>
  </si>
  <si>
    <t>59977.0</t>
  </si>
  <si>
    <t>23739.0</t>
  </si>
  <si>
    <t>2634674.0</t>
  </si>
  <si>
    <t>1397647.0</t>
  </si>
  <si>
    <t>36895.0</t>
  </si>
  <si>
    <t>25959.0</t>
  </si>
  <si>
    <t>2640295.0</t>
  </si>
  <si>
    <t>21.951</t>
  </si>
  <si>
    <t>1420251.0</t>
  </si>
  <si>
    <t>22604.0</t>
  </si>
  <si>
    <t>26061.0</t>
  </si>
  <si>
    <t>2644565.0</t>
  </si>
  <si>
    <t>21.986</t>
  </si>
  <si>
    <t>1436665.0</t>
  </si>
  <si>
    <t>2648487.0</t>
  </si>
  <si>
    <t>22.019</t>
  </si>
  <si>
    <t>1454503.0</t>
  </si>
  <si>
    <t>17838.0</t>
  </si>
  <si>
    <t>23382.0</t>
  </si>
  <si>
    <t>2652558.0</t>
  </si>
  <si>
    <t>22.053</t>
  </si>
  <si>
    <t>1460021.0</t>
  </si>
  <si>
    <t>2656382.0</t>
  </si>
  <si>
    <t>22.084</t>
  </si>
  <si>
    <t>1470079.0</t>
  </si>
  <si>
    <t>2661450.0</t>
  </si>
  <si>
    <t>1484820.0</t>
  </si>
  <si>
    <t>2666416.0</t>
  </si>
  <si>
    <t>22.168</t>
  </si>
  <si>
    <t>1501724.0</t>
  </si>
  <si>
    <t>2672100.0</t>
  </si>
  <si>
    <t>22.215</t>
  </si>
  <si>
    <t>1534280.0</t>
  </si>
  <si>
    <t>32556.0</t>
  </si>
  <si>
    <t>16290.0</t>
  </si>
  <si>
    <t>2677195.0</t>
  </si>
  <si>
    <t>22.257</t>
  </si>
  <si>
    <t>1584156.0</t>
  </si>
  <si>
    <t>2682758.0</t>
  </si>
  <si>
    <t>22.304</t>
  </si>
  <si>
    <t>1615117.0</t>
  </si>
  <si>
    <t>22945.0</t>
  </si>
  <si>
    <t>2687134.0</t>
  </si>
  <si>
    <t>1655244.0</t>
  </si>
  <si>
    <t>27889.0</t>
  </si>
  <si>
    <t>2691240.0</t>
  </si>
  <si>
    <t>22.374</t>
  </si>
  <si>
    <t>1684450.0</t>
  </si>
  <si>
    <t>30624.0</t>
  </si>
  <si>
    <t>2696063.0</t>
  </si>
  <si>
    <t>22.414</t>
  </si>
  <si>
    <t>1717481.0</t>
  </si>
  <si>
    <t>33031.0</t>
  </si>
  <si>
    <t>2701090.0</t>
  </si>
  <si>
    <t>22.456</t>
  </si>
  <si>
    <t>1738550.0</t>
  </si>
  <si>
    <t>2706146.0</t>
  </si>
  <si>
    <t>22.498</t>
  </si>
  <si>
    <t>1784722.0</t>
  </si>
  <si>
    <t>2711918.0</t>
  </si>
  <si>
    <t>22.546</t>
  </si>
  <si>
    <t>1798140.0</t>
  </si>
  <si>
    <t>13418.0</t>
  </si>
  <si>
    <t>2716923.0</t>
  </si>
  <si>
    <t>1801175.0</t>
  </si>
  <si>
    <t>2720495.0</t>
  </si>
  <si>
    <t>1805006.0</t>
  </si>
  <si>
    <t>21395.0</t>
  </si>
  <si>
    <t>2723959.0</t>
  </si>
  <si>
    <t>22.646</t>
  </si>
  <si>
    <t>1813739.0</t>
  </si>
  <si>
    <t>2728559.0</t>
  </si>
  <si>
    <t>22.684</t>
  </si>
  <si>
    <t>1822343.0</t>
  </si>
  <si>
    <t>2733562.0</t>
  </si>
  <si>
    <t>22.726</t>
  </si>
  <si>
    <t>1838569.0</t>
  </si>
  <si>
    <t>2737938.0</t>
  </si>
  <si>
    <t>22.762</t>
  </si>
  <si>
    <t>1853259.0</t>
  </si>
  <si>
    <t>2743647.0</t>
  </si>
  <si>
    <t>1865958.0</t>
  </si>
  <si>
    <t>2748152.0</t>
  </si>
  <si>
    <t>22.847</t>
  </si>
  <si>
    <t>1878367.0</t>
  </si>
  <si>
    <t>2751987.0</t>
  </si>
  <si>
    <t>22.879</t>
  </si>
  <si>
    <t>1882719.0</t>
  </si>
  <si>
    <t>2755429.0</t>
  </si>
  <si>
    <t>1888214.0</t>
  </si>
  <si>
    <t>2759855.0</t>
  </si>
  <si>
    <t>22.945</t>
  </si>
  <si>
    <t>1894717.0</t>
  </si>
  <si>
    <t>2764790.0</t>
  </si>
  <si>
    <t>22.986</t>
  </si>
  <si>
    <t>1901363.0</t>
  </si>
  <si>
    <t>2770859.0</t>
  </si>
  <si>
    <t>23.036</t>
  </si>
  <si>
    <t>1920676.0</t>
  </si>
  <si>
    <t>2776427.0</t>
  </si>
  <si>
    <t>1932522.0</t>
  </si>
  <si>
    <t>2781832.0</t>
  </si>
  <si>
    <t>23.127</t>
  </si>
  <si>
    <t>1936566.0</t>
  </si>
  <si>
    <t>2786990.0</t>
  </si>
  <si>
    <t>1939970.0</t>
  </si>
  <si>
    <t>2791959.0</t>
  </si>
  <si>
    <t>23.212</t>
  </si>
  <si>
    <t>1948073.0</t>
  </si>
  <si>
    <t>2797358.0</t>
  </si>
  <si>
    <t>23.256</t>
  </si>
  <si>
    <t>1954623.0</t>
  </si>
  <si>
    <t>2802595.0</t>
  </si>
  <si>
    <t>1962486.0</t>
  </si>
  <si>
    <t>2808359.0</t>
  </si>
  <si>
    <t>23.348</t>
  </si>
  <si>
    <t>1964005.0</t>
  </si>
  <si>
    <t>2813953.0</t>
  </si>
  <si>
    <t>23.394</t>
  </si>
  <si>
    <t>1974476.0</t>
  </si>
  <si>
    <t>2819655.0</t>
  </si>
  <si>
    <t>1975727.0</t>
  </si>
  <si>
    <t>2824993.0</t>
  </si>
  <si>
    <t>23.486</t>
  </si>
  <si>
    <t>1975957.0</t>
  </si>
  <si>
    <t>2828170.0</t>
  </si>
  <si>
    <t>2830936.0</t>
  </si>
  <si>
    <t>1982320.0</t>
  </si>
  <si>
    <t>2835342.0</t>
  </si>
  <si>
    <t>23.572</t>
  </si>
  <si>
    <t>1987301.0</t>
  </si>
  <si>
    <t>2839867.0</t>
  </si>
  <si>
    <t>1987927.0</t>
  </si>
  <si>
    <t>2845263.0</t>
  </si>
  <si>
    <t>23.655</t>
  </si>
  <si>
    <t>1988335.0</t>
  </si>
  <si>
    <t>2850570.0</t>
  </si>
  <si>
    <t>1988902.0</t>
  </si>
  <si>
    <t>2853904.0</t>
  </si>
  <si>
    <t>23.727</t>
  </si>
  <si>
    <t>1989297.0</t>
  </si>
  <si>
    <t>2857048.0</t>
  </si>
  <si>
    <t>23.753</t>
  </si>
  <si>
    <t>2003226.0</t>
  </si>
  <si>
    <t>13929.0</t>
  </si>
  <si>
    <t>2861598.0</t>
  </si>
  <si>
    <t>23.791</t>
  </si>
  <si>
    <t>2010091.0</t>
  </si>
  <si>
    <t>2866572.0</t>
  </si>
  <si>
    <t>2019163.0</t>
  </si>
  <si>
    <t>2871470.0</t>
  </si>
  <si>
    <t>2022116.0</t>
  </si>
  <si>
    <t>2876446.0</t>
  </si>
  <si>
    <t>23.914</t>
  </si>
  <si>
    <t>2029761.0</t>
  </si>
  <si>
    <t>2880886.0</t>
  </si>
  <si>
    <t>23.951</t>
  </si>
  <si>
    <t>2034764.0</t>
  </si>
  <si>
    <t>2036792.0</t>
  </si>
  <si>
    <t>2889654.0</t>
  </si>
  <si>
    <t>2047751.0</t>
  </si>
  <si>
    <t>2894491.0</t>
  </si>
  <si>
    <t>24.064</t>
  </si>
  <si>
    <t>2049573.0</t>
  </si>
  <si>
    <t>2899263.0</t>
  </si>
  <si>
    <t>24.104</t>
  </si>
  <si>
    <t>2053298.0</t>
  </si>
  <si>
    <t>2904227.0</t>
  </si>
  <si>
    <t>24.145</t>
  </si>
  <si>
    <t>2055126.0</t>
  </si>
  <si>
    <t>2910584.0</t>
  </si>
  <si>
    <t>24.198</t>
  </si>
  <si>
    <t>2055593.0</t>
  </si>
  <si>
    <t>2915994.0</t>
  </si>
  <si>
    <t>24.243</t>
  </si>
  <si>
    <t>2920624.0</t>
  </si>
  <si>
    <t>2058333.0</t>
  </si>
  <si>
    <t>2924982.0</t>
  </si>
  <si>
    <t>24.317</t>
  </si>
  <si>
    <t>2062456.0</t>
  </si>
  <si>
    <t>2929862.0</t>
  </si>
  <si>
    <t>24.358</t>
  </si>
  <si>
    <t>2064777.0</t>
  </si>
  <si>
    <t>2935415.0</t>
  </si>
  <si>
    <t>2077549.0</t>
  </si>
  <si>
    <t>2941006.0</t>
  </si>
  <si>
    <t>2090997.0</t>
  </si>
  <si>
    <t>13448.0</t>
  </si>
  <si>
    <t>2946793.0</t>
  </si>
  <si>
    <t>24.499</t>
  </si>
  <si>
    <t>2111842.0</t>
  </si>
  <si>
    <t>20845.0</t>
  </si>
  <si>
    <t>2951438.0</t>
  </si>
  <si>
    <t>2129768.0</t>
  </si>
  <si>
    <t>2955540.0</t>
  </si>
  <si>
    <t>24.572</t>
  </si>
  <si>
    <t>2958987.0</t>
  </si>
  <si>
    <t>2962387.0</t>
  </si>
  <si>
    <t>24.628</t>
  </si>
  <si>
    <t>2144550.0</t>
  </si>
  <si>
    <t>2966137.0</t>
  </si>
  <si>
    <t>2970769.0</t>
  </si>
  <si>
    <t>24.698</t>
  </si>
  <si>
    <t>2155657.0</t>
  </si>
  <si>
    <t>2976312.0</t>
  </si>
  <si>
    <t>24.744</t>
  </si>
  <si>
    <t>2160707.0</t>
  </si>
  <si>
    <t>2981185.0</t>
  </si>
  <si>
    <t>24.785</t>
  </si>
  <si>
    <t>2171831.0</t>
  </si>
  <si>
    <t>2984666.0</t>
  </si>
  <si>
    <t>24.814</t>
  </si>
  <si>
    <t>2175114.0</t>
  </si>
  <si>
    <t>2989254.0</t>
  </si>
  <si>
    <t>24.852</t>
  </si>
  <si>
    <t>2179990.0</t>
  </si>
  <si>
    <t>2994640.0</t>
  </si>
  <si>
    <t>24.897</t>
  </si>
  <si>
    <t>2184338.0</t>
  </si>
  <si>
    <t>2999679.0</t>
  </si>
  <si>
    <t>24.939</t>
  </si>
  <si>
    <t>2197813.0</t>
  </si>
  <si>
    <t>3006482.0</t>
  </si>
  <si>
    <t>2204417.0</t>
  </si>
  <si>
    <t>3013596.0</t>
  </si>
  <si>
    <t>2216338.0</t>
  </si>
  <si>
    <t>3019053.0</t>
  </si>
  <si>
    <t>2217097.0</t>
  </si>
  <si>
    <t>3023600.0</t>
  </si>
  <si>
    <t>3028542.0</t>
  </si>
  <si>
    <t>25.178</t>
  </si>
  <si>
    <t>2221206.0</t>
  </si>
  <si>
    <t>3034839.0</t>
  </si>
  <si>
    <t>25.231</t>
  </si>
  <si>
    <t>2227813.0</t>
  </si>
  <si>
    <t>3040755.0</t>
  </si>
  <si>
    <t>2250893.0</t>
  </si>
  <si>
    <t>23080.0</t>
  </si>
  <si>
    <t>3048353.0</t>
  </si>
  <si>
    <t>25.343</t>
  </si>
  <si>
    <t>2254270.0</t>
  </si>
  <si>
    <t>3056291.0</t>
  </si>
  <si>
    <t>25.409</t>
  </si>
  <si>
    <t>2267254.0</t>
  </si>
  <si>
    <t>12984.0</t>
  </si>
  <si>
    <t>3063593.0</t>
  </si>
  <si>
    <t>3069384.0</t>
  </si>
  <si>
    <t>2270390.0</t>
  </si>
  <si>
    <t>3074994.0</t>
  </si>
  <si>
    <t>25.565</t>
  </si>
  <si>
    <t>2286107.0</t>
  </si>
  <si>
    <t>3082512.0</t>
  </si>
  <si>
    <t>25.627</t>
  </si>
  <si>
    <t>2291339.0</t>
  </si>
  <si>
    <t>3089301.0</t>
  </si>
  <si>
    <t>25.684</t>
  </si>
  <si>
    <t>2297485.0</t>
  </si>
  <si>
    <t>3096721.0</t>
  </si>
  <si>
    <t>25.745</t>
  </si>
  <si>
    <t>2302496.0</t>
  </si>
  <si>
    <t>3104151.0</t>
  </si>
  <si>
    <t>2311076.0</t>
  </si>
  <si>
    <t>3109798.0</t>
  </si>
  <si>
    <t>25.854</t>
  </si>
  <si>
    <t>6194.0</t>
  </si>
  <si>
    <t>3114870.0</t>
  </si>
  <si>
    <t>25.896</t>
  </si>
  <si>
    <t>3120043.0</t>
  </si>
  <si>
    <t>2314394.0</t>
  </si>
  <si>
    <t>3127281.0</t>
  </si>
  <si>
    <t>25.999</t>
  </si>
  <si>
    <t>2326531.0</t>
  </si>
  <si>
    <t>3134967.0</t>
  </si>
  <si>
    <t>3142116.0</t>
  </si>
  <si>
    <t>26.123</t>
  </si>
  <si>
    <t>3148930.0</t>
  </si>
  <si>
    <t>26.179</t>
  </si>
  <si>
    <t>3157947.0</t>
  </si>
  <si>
    <t>26.254</t>
  </si>
  <si>
    <t>3164055.0</t>
  </si>
  <si>
    <t>3170408.0</t>
  </si>
  <si>
    <t>26.358</t>
  </si>
  <si>
    <t>2349283.0</t>
  </si>
  <si>
    <t>3179346.0</t>
  </si>
  <si>
    <t>26.432</t>
  </si>
  <si>
    <t>2377658.0</t>
  </si>
  <si>
    <t>3190150.0</t>
  </si>
  <si>
    <t>26.522</t>
  </si>
  <si>
    <t>2391026.0</t>
  </si>
  <si>
    <t>8672.0</t>
  </si>
  <si>
    <t>3200770.0</t>
  </si>
  <si>
    <t>2394866.0</t>
  </si>
  <si>
    <t>3210062.0</t>
  </si>
  <si>
    <t>26.688</t>
  </si>
  <si>
    <t>2428296.0</t>
  </si>
  <si>
    <t>33430.0</t>
  </si>
  <si>
    <t>3219174.0</t>
  </si>
  <si>
    <t>2434041.0</t>
  </si>
  <si>
    <t>3225641.0</t>
  </si>
  <si>
    <t>2435730.0</t>
  </si>
  <si>
    <t>3230986.0</t>
  </si>
  <si>
    <t>26.862</t>
  </si>
  <si>
    <t>2451758.0</t>
  </si>
  <si>
    <t>16028.0</t>
  </si>
  <si>
    <t>3239416.0</t>
  </si>
  <si>
    <t>2451950.0</t>
  </si>
  <si>
    <t>3246694.0</t>
  </si>
  <si>
    <t>26.992</t>
  </si>
  <si>
    <t>2455791.0</t>
  </si>
  <si>
    <t>3255321.0</t>
  </si>
  <si>
    <t>27.064</t>
  </si>
  <si>
    <t>2494451.0</t>
  </si>
  <si>
    <t>3262275.0</t>
  </si>
  <si>
    <t>3270272.0</t>
  </si>
  <si>
    <t>27.188</t>
  </si>
  <si>
    <t>2517808.0</t>
  </si>
  <si>
    <t>3277931.0</t>
  </si>
  <si>
    <t>27.252</t>
  </si>
  <si>
    <t>0.1696</t>
  </si>
  <si>
    <t>2523079.0</t>
  </si>
  <si>
    <t>3284610.0</t>
  </si>
  <si>
    <t>27.307</t>
  </si>
  <si>
    <t>2575687.0</t>
  </si>
  <si>
    <t>52608.0</t>
  </si>
  <si>
    <t>3293449.0</t>
  </si>
  <si>
    <t>27.381</t>
  </si>
  <si>
    <t>2582951.0</t>
  </si>
  <si>
    <t>3301802.0</t>
  </si>
  <si>
    <t>2654956.0</t>
  </si>
  <si>
    <t>72005.0</t>
  </si>
  <si>
    <t>3309560.0</t>
  </si>
  <si>
    <t>2750241.0</t>
  </si>
  <si>
    <t>95285.0</t>
  </si>
  <si>
    <t>36541.0</t>
  </si>
  <si>
    <t>34448.0</t>
  </si>
  <si>
    <t>3321906.0</t>
  </si>
  <si>
    <t>27.617</t>
  </si>
  <si>
    <t>2754008.0</t>
  </si>
  <si>
    <t>3325376.0</t>
  </si>
  <si>
    <t>27.646</t>
  </si>
  <si>
    <t>38188.0</t>
  </si>
  <si>
    <t>3330057.0</t>
  </si>
  <si>
    <t>27.685</t>
  </si>
  <si>
    <t>2826786.0</t>
  </si>
  <si>
    <t>2334572.0</t>
  </si>
  <si>
    <t>35871.0</t>
  </si>
  <si>
    <t>3339072.0</t>
  </si>
  <si>
    <t>2846240.0</t>
  </si>
  <si>
    <t>2339171.0</t>
  </si>
  <si>
    <t>37613.0</t>
  </si>
  <si>
    <t>3348560.0</t>
  </si>
  <si>
    <t>27.839</t>
  </si>
  <si>
    <t>2879482.0</t>
  </si>
  <si>
    <t>2366290.0</t>
  </si>
  <si>
    <t>3358285.0</t>
  </si>
  <si>
    <t>2917433.0</t>
  </si>
  <si>
    <t>2398917.0</t>
  </si>
  <si>
    <t>37951.0</t>
  </si>
  <si>
    <t>23885.0</t>
  </si>
  <si>
    <t>3368523.0</t>
  </si>
  <si>
    <t>2960109.0</t>
  </si>
  <si>
    <t>2414898.0</t>
  </si>
  <si>
    <t>42676.0</t>
  </si>
  <si>
    <t>29712.0</t>
  </si>
  <si>
    <t>3377987.0</t>
  </si>
  <si>
    <t>28.084</t>
  </si>
  <si>
    <t>2966309.0</t>
  </si>
  <si>
    <t>2414934.0</t>
  </si>
  <si>
    <t>30329.0</t>
  </si>
  <si>
    <t>3384314.0</t>
  </si>
  <si>
    <t>3018870.0</t>
  </si>
  <si>
    <t>2442551.0</t>
  </si>
  <si>
    <t>52561.0</t>
  </si>
  <si>
    <t>32639.0</t>
  </si>
  <si>
    <t>3389665.0</t>
  </si>
  <si>
    <t>28.181</t>
  </si>
  <si>
    <t>3184627.0</t>
  </si>
  <si>
    <t>2555907.0</t>
  </si>
  <si>
    <t>165757.0</t>
  </si>
  <si>
    <t>51120.0</t>
  </si>
  <si>
    <t>31619.0</t>
  </si>
  <si>
    <t>3400128.0</t>
  </si>
  <si>
    <t>28.268</t>
  </si>
  <si>
    <t>3225168.0</t>
  </si>
  <si>
    <t>2584644.0</t>
  </si>
  <si>
    <t>40541.0</t>
  </si>
  <si>
    <t>54133.0</t>
  </si>
  <si>
    <t>35068.0</t>
  </si>
  <si>
    <t>3409507.0</t>
  </si>
  <si>
    <t>28.346</t>
  </si>
  <si>
    <t>3281470.0</t>
  </si>
  <si>
    <t>2624638.0</t>
  </si>
  <si>
    <t>56302.0</t>
  </si>
  <si>
    <t>57427.0</t>
  </si>
  <si>
    <t>3418988.0</t>
  </si>
  <si>
    <t>28.425</t>
  </si>
  <si>
    <t>3460250.0</t>
  </si>
  <si>
    <t>2729775.0</t>
  </si>
  <si>
    <t>178780.0</t>
  </si>
  <si>
    <t>3428456.0</t>
  </si>
  <si>
    <t>3493470.0</t>
  </si>
  <si>
    <t>2751057.0</t>
  </si>
  <si>
    <t>76194.0</t>
  </si>
  <si>
    <t>3436178.0</t>
  </si>
  <si>
    <t>28.567</t>
  </si>
  <si>
    <t>3506187.0</t>
  </si>
  <si>
    <t>2760230.0</t>
  </si>
  <si>
    <t>77125.0</t>
  </si>
  <si>
    <t>49328.0</t>
  </si>
  <si>
    <t>3442254.0</t>
  </si>
  <si>
    <t>3535329.0</t>
  </si>
  <si>
    <t>2776985.0</t>
  </si>
  <si>
    <t>73780.0</t>
  </si>
  <si>
    <t>47776.0</t>
  </si>
  <si>
    <t>3446676.0</t>
  </si>
  <si>
    <t>3559648.0</t>
  </si>
  <si>
    <t>2785637.0</t>
  </si>
  <si>
    <t>53574.0</t>
  </si>
  <si>
    <t>3454042.0</t>
  </si>
  <si>
    <t>28.716</t>
  </si>
  <si>
    <t>3611020.0</t>
  </si>
  <si>
    <t>2797751.0</t>
  </si>
  <si>
    <t>51372.0</t>
  </si>
  <si>
    <t>55122.0</t>
  </si>
  <si>
    <t>3463792.0</t>
  </si>
  <si>
    <t>28.797</t>
  </si>
  <si>
    <t>3660632.0</t>
  </si>
  <si>
    <t>2827455.0</t>
  </si>
  <si>
    <t>54166.0</t>
  </si>
  <si>
    <t>28974.0</t>
  </si>
  <si>
    <t>3704307.0</t>
  </si>
  <si>
    <t>2853785.0</t>
  </si>
  <si>
    <t>3715801.0</t>
  </si>
  <si>
    <t>2856031.0</t>
  </si>
  <si>
    <t>3740160.0</t>
  </si>
  <si>
    <t>2868247.0</t>
  </si>
  <si>
    <t>29262.0</t>
  </si>
  <si>
    <t>2890113.0</t>
  </si>
  <si>
    <t>28712.0</t>
  </si>
  <si>
    <t>29889.0</t>
  </si>
  <si>
    <t>3785076.0</t>
  </si>
  <si>
    <t>2900826.0</t>
  </si>
  <si>
    <t>24865.0</t>
  </si>
  <si>
    <t>14725.0</t>
  </si>
  <si>
    <t>3823185.0</t>
  </si>
  <si>
    <t>2924511.0</t>
  </si>
  <si>
    <t>38109.0</t>
  </si>
  <si>
    <t>23222.0</t>
  </si>
  <si>
    <t>13865.0</t>
  </si>
  <si>
    <t>3851109.0</t>
  </si>
  <si>
    <t>2943541.0</t>
  </si>
  <si>
    <t>20972.0</t>
  </si>
  <si>
    <t>12822.0</t>
  </si>
  <si>
    <t>3871516.0</t>
  </si>
  <si>
    <t>2954776.0</t>
  </si>
  <si>
    <t>22245.0</t>
  </si>
  <si>
    <t>3873996.0</t>
  </si>
  <si>
    <t>2956130.0</t>
  </si>
  <si>
    <t>20859.0</t>
  </si>
  <si>
    <t>3879071.0</t>
  </si>
  <si>
    <t>2958714.0</t>
  </si>
  <si>
    <t>19844.0</t>
  </si>
  <si>
    <t>3899358.0</t>
  </si>
  <si>
    <t>2973677.0</t>
  </si>
  <si>
    <t>20287.0</t>
  </si>
  <si>
    <t>3918985.0</t>
  </si>
  <si>
    <t>2993304.0</t>
  </si>
  <si>
    <t>3931371.0</t>
  </si>
  <si>
    <t>3005299.0</t>
  </si>
  <si>
    <t>15455.0</t>
  </si>
  <si>
    <t>3955493.0</t>
  </si>
  <si>
    <t>3018566.0</t>
  </si>
  <si>
    <t>24122.0</t>
  </si>
  <si>
    <t>3976651.0</t>
  </si>
  <si>
    <t>3035218.0</t>
  </si>
  <si>
    <t>21158.0</t>
  </si>
  <si>
    <t>3985549.0</t>
  </si>
  <si>
    <t>3040483.0</t>
  </si>
  <si>
    <t>15936.0</t>
  </si>
  <si>
    <t>4007643.0</t>
  </si>
  <si>
    <t>3042671.0</t>
  </si>
  <si>
    <t>22094.0</t>
  </si>
  <si>
    <t>4035770.0</t>
  </si>
  <si>
    <t>3043537.0</t>
  </si>
  <si>
    <t>28127.0</t>
  </si>
  <si>
    <t>4048361.0</t>
  </si>
  <si>
    <t>3046441.0</t>
  </si>
  <si>
    <t>18482.0</t>
  </si>
  <si>
    <t>4102954.0</t>
  </si>
  <si>
    <t>3077505.0</t>
  </si>
  <si>
    <t>4166755.0</t>
  </si>
  <si>
    <t>3114045.0</t>
  </si>
  <si>
    <t>4265144.0</t>
  </si>
  <si>
    <t>3201732.0</t>
  </si>
  <si>
    <t>98389.0</t>
  </si>
  <si>
    <t>24133.0</t>
  </si>
  <si>
    <t>4293855.0</t>
  </si>
  <si>
    <t>3217099.0</t>
  </si>
  <si>
    <t>4349193.0</t>
  </si>
  <si>
    <t>3264531.0</t>
  </si>
  <si>
    <t>44775.0</t>
  </si>
  <si>
    <t>4377946.0</t>
  </si>
  <si>
    <t>3287420.0</t>
  </si>
  <si>
    <t>28753.0</t>
  </si>
  <si>
    <t>47084.0</t>
  </si>
  <si>
    <t>4489586.0</t>
  </si>
  <si>
    <t>3355370.0</t>
  </si>
  <si>
    <t>55233.0</t>
  </si>
  <si>
    <t>4584965.0</t>
  </si>
  <si>
    <t>3418934.0</t>
  </si>
  <si>
    <t>95379.0</t>
  </si>
  <si>
    <t>43556.0</t>
  </si>
  <si>
    <t>4673027.0</t>
  </si>
  <si>
    <t>3464375.0</t>
  </si>
  <si>
    <t>58269.0</t>
  </si>
  <si>
    <t>37520.0</t>
  </si>
  <si>
    <t>4749702.0</t>
  </si>
  <si>
    <t>3500086.0</t>
  </si>
  <si>
    <t>76675.0</t>
  </si>
  <si>
    <t>4774947.0</t>
  </si>
  <si>
    <t>3515870.0</t>
  </si>
  <si>
    <t>42682.0</t>
  </si>
  <si>
    <t>70290.0</t>
  </si>
  <si>
    <t>4907499.0</t>
  </si>
  <si>
    <t>3579852.0</t>
  </si>
  <si>
    <t>75650.0</t>
  </si>
  <si>
    <t>4943631.0</t>
  </si>
  <si>
    <t>3602736.0</t>
  </si>
  <si>
    <t>64864.0</t>
  </si>
  <si>
    <t>35338.0</t>
  </si>
  <si>
    <t>3722177.0</t>
  </si>
  <si>
    <t>30.945</t>
  </si>
  <si>
    <t>4984473.0</t>
  </si>
  <si>
    <t>3634219.0</t>
  </si>
  <si>
    <t>40842.0</t>
  </si>
  <si>
    <t>57073.0</t>
  </si>
  <si>
    <t>30755.0</t>
  </si>
  <si>
    <t>5019017.0</t>
  </si>
  <si>
    <t>3646808.0</t>
  </si>
  <si>
    <t>34544.0</t>
  </si>
  <si>
    <t>26062.0</t>
  </si>
  <si>
    <t>3735140.0</t>
  </si>
  <si>
    <t>31.053</t>
  </si>
  <si>
    <t>5024926.0</t>
  </si>
  <si>
    <t>3652475.0</t>
  </si>
  <si>
    <t>3739102.0</t>
  </si>
  <si>
    <t>31.086</t>
  </si>
  <si>
    <t>5037091.0</t>
  </si>
  <si>
    <t>3664112.0</t>
  </si>
  <si>
    <t>37449.0</t>
  </si>
  <si>
    <t>3743740.0</t>
  </si>
  <si>
    <t>5047106.0</t>
  </si>
  <si>
    <t>3664324.0</t>
  </si>
  <si>
    <t>5055958.0</t>
  </si>
  <si>
    <t>3664374.0</t>
  </si>
  <si>
    <t>21208.0</t>
  </si>
  <si>
    <t>3755569.0</t>
  </si>
  <si>
    <t>31.223</t>
  </si>
  <si>
    <t>8936.0</t>
  </si>
  <si>
    <t>5058809.0</t>
  </si>
  <si>
    <t>3666196.0</t>
  </si>
  <si>
    <t>3767231.0</t>
  </si>
  <si>
    <t>5064051.0</t>
  </si>
  <si>
    <t>3671041.0</t>
  </si>
  <si>
    <t>5066269.0</t>
  </si>
  <si>
    <t>3672765.0</t>
  </si>
  <si>
    <t>5066481.0</t>
  </si>
  <si>
    <t>3672900.0</t>
  </si>
  <si>
    <t>3789008.0</t>
  </si>
  <si>
    <t>31.501</t>
  </si>
  <si>
    <t>5084917.0</t>
  </si>
  <si>
    <t>3691159.0</t>
  </si>
  <si>
    <t>5132510.0</t>
  </si>
  <si>
    <t>3734190.0</t>
  </si>
  <si>
    <t>3801273.0</t>
  </si>
  <si>
    <t>31.603</t>
  </si>
  <si>
    <t>5151525.0</t>
  </si>
  <si>
    <t>3752669.0</t>
  </si>
  <si>
    <t>3807103.0</t>
  </si>
  <si>
    <t>31.651</t>
  </si>
  <si>
    <t>5186328.0</t>
  </si>
  <si>
    <t>3784061.0</t>
  </si>
  <si>
    <t>17468.0</t>
  </si>
  <si>
    <t>3813376.0</t>
  </si>
  <si>
    <t>31.703</t>
  </si>
  <si>
    <t>5314963.0</t>
  </si>
  <si>
    <t>3912125.0</t>
  </si>
  <si>
    <t>35528.0</t>
  </si>
  <si>
    <t>5458357.0</t>
  </si>
  <si>
    <t>4055329.0</t>
  </si>
  <si>
    <t>143394.0</t>
  </si>
  <si>
    <t>55997.0</t>
  </si>
  <si>
    <t>54642.0</t>
  </si>
  <si>
    <t>5786422.0</t>
  </si>
  <si>
    <t>4371241.0</t>
  </si>
  <si>
    <t>328065.0</t>
  </si>
  <si>
    <t>102849.0</t>
  </si>
  <si>
    <t>99763.0</t>
  </si>
  <si>
    <t>3830074.0</t>
  </si>
  <si>
    <t>31.842</t>
  </si>
  <si>
    <t>6272653.0</t>
  </si>
  <si>
    <t>4850978.0</t>
  </si>
  <si>
    <t>169677.0</t>
  </si>
  <si>
    <t>165688.0</t>
  </si>
  <si>
    <t>3836900.0</t>
  </si>
  <si>
    <t>31.899</t>
  </si>
  <si>
    <t>6890413.0</t>
  </si>
  <si>
    <t>5466920.0</t>
  </si>
  <si>
    <t>617760.0</t>
  </si>
  <si>
    <t>251129.0</t>
  </si>
  <si>
    <t>3844225.0</t>
  </si>
  <si>
    <t>7479544.0</t>
  </si>
  <si>
    <t>6051749.0</t>
  </si>
  <si>
    <t>589131.0</t>
  </si>
  <si>
    <t>332574.0</t>
  </si>
  <si>
    <t>328440.0</t>
  </si>
  <si>
    <t>3850490.0</t>
  </si>
  <si>
    <t>32.012</t>
  </si>
  <si>
    <t>8005606.0</t>
  </si>
  <si>
    <t>6574164.0</t>
  </si>
  <si>
    <t>526062.0</t>
  </si>
  <si>
    <t>398586.0</t>
  </si>
  <si>
    <t>3856635.0</t>
  </si>
  <si>
    <t>32.063</t>
  </si>
  <si>
    <t>8478852.0</t>
  </si>
  <si>
    <t>7044802.0</t>
  </si>
  <si>
    <t>473246.0</t>
  </si>
  <si>
    <t>451984.0</t>
  </si>
  <si>
    <t>447525.0</t>
  </si>
  <si>
    <t>3865030.0</t>
  </si>
  <si>
    <t>32.133</t>
  </si>
  <si>
    <t>8780714.0</t>
  </si>
  <si>
    <t>7342877.0</t>
  </si>
  <si>
    <t>301862.0</t>
  </si>
  <si>
    <t>474622.0</t>
  </si>
  <si>
    <t>469650.0</t>
  </si>
  <si>
    <t>3871923.0</t>
  </si>
  <si>
    <t>9015832.0</t>
  </si>
  <si>
    <t>7573041.0</t>
  </si>
  <si>
    <t>235118.0</t>
  </si>
  <si>
    <t>461344.0</t>
  </si>
  <si>
    <t>457400.0</t>
  </si>
  <si>
    <t>6380.0</t>
  </si>
  <si>
    <t>9310295.0</t>
  </si>
  <si>
    <t>7864977.0</t>
  </si>
  <si>
    <t>294463.0</t>
  </si>
  <si>
    <t>433949.0</t>
  </si>
  <si>
    <t>430571.0</t>
  </si>
  <si>
    <t>3877539.0</t>
  </si>
  <si>
    <t>32.237</t>
  </si>
  <si>
    <t>9555907.0</t>
  </si>
  <si>
    <t>8106497.0</t>
  </si>
  <si>
    <t>245612.0</t>
  </si>
  <si>
    <t>380785.0</t>
  </si>
  <si>
    <t>377082.0</t>
  </si>
  <si>
    <t>9767645.0</t>
  </si>
  <si>
    <t>8317492.0</t>
  </si>
  <si>
    <t>211738.0</t>
  </si>
  <si>
    <t>326872.0</t>
  </si>
  <si>
    <t>323678.0</t>
  </si>
  <si>
    <t>3888935.0</t>
  </si>
  <si>
    <t>32.332</t>
  </si>
  <si>
    <t>9891214.0</t>
  </si>
  <si>
    <t>8440772.0</t>
  </si>
  <si>
    <t>123569.0</t>
  </si>
  <si>
    <t>269373.0</t>
  </si>
  <si>
    <t>266658.0</t>
  </si>
  <si>
    <t>3895060.0</t>
  </si>
  <si>
    <t>32.382</t>
  </si>
  <si>
    <t>9993402.0</t>
  </si>
  <si>
    <t>8540831.0</t>
  </si>
  <si>
    <t>102188.0</t>
  </si>
  <si>
    <t>216364.0</t>
  </si>
  <si>
    <t>213718.0</t>
  </si>
  <si>
    <t>10058925.0</t>
  </si>
  <si>
    <t>8606341.0</t>
  </si>
  <si>
    <t>182602.0</t>
  </si>
  <si>
    <t>180495.0</t>
  </si>
  <si>
    <t>3902783.0</t>
  </si>
  <si>
    <t>32.447</t>
  </si>
  <si>
    <t>10132021.0</t>
  </si>
  <si>
    <t>8678613.0</t>
  </si>
  <si>
    <t>159456.0</t>
  </si>
  <si>
    <t>157939.0</t>
  </si>
  <si>
    <t>3908170.0</t>
  </si>
  <si>
    <t>32.491</t>
  </si>
  <si>
    <t>10228230.0</t>
  </si>
  <si>
    <t>8774383.0</t>
  </si>
  <si>
    <t>96209.0</t>
  </si>
  <si>
    <t>131134.0</t>
  </si>
  <si>
    <t>129915.0</t>
  </si>
  <si>
    <t>3914164.0</t>
  </si>
  <si>
    <t>32.541</t>
  </si>
  <si>
    <t>10287037.0</t>
  </si>
  <si>
    <t>8833591.0</t>
  </si>
  <si>
    <t>58807.0</t>
  </si>
  <si>
    <t>104447.0</t>
  </si>
  <si>
    <t>10329552.0</t>
  </si>
  <si>
    <t>8876062.0</t>
  </si>
  <si>
    <t>42515.0</t>
  </si>
  <si>
    <t>79796.0</t>
  </si>
  <si>
    <t>10364843.0</t>
  </si>
  <si>
    <t>8911330.0</t>
  </si>
  <si>
    <t>67661.0</t>
  </si>
  <si>
    <t>67223.0</t>
  </si>
  <si>
    <t>10408039.0</t>
  </si>
  <si>
    <t>8954983.0</t>
  </si>
  <si>
    <t>59234.0</t>
  </si>
  <si>
    <t>59165.0</t>
  </si>
  <si>
    <t>3932787.0</t>
  </si>
  <si>
    <t>32.696</t>
  </si>
  <si>
    <t>10429727.0</t>
  </si>
  <si>
    <t>8976651.0</t>
  </si>
  <si>
    <t>52901.0</t>
  </si>
  <si>
    <t>3937566.0</t>
  </si>
  <si>
    <t>32.736</t>
  </si>
  <si>
    <t>10459699.0</t>
  </si>
  <si>
    <t>9006413.0</t>
  </si>
  <si>
    <t>29972.0</t>
  </si>
  <si>
    <t>46811.0</t>
  </si>
  <si>
    <t>10496099.0</t>
  </si>
  <si>
    <t>9042289.0</t>
  </si>
  <si>
    <t>36400.0</t>
  </si>
  <si>
    <t>38267.0</t>
  </si>
  <si>
    <t>38272.0</t>
  </si>
  <si>
    <t>10511813.0</t>
  </si>
  <si>
    <t>9058001.0</t>
  </si>
  <si>
    <t>32111.0</t>
  </si>
  <si>
    <t>32059.0</t>
  </si>
  <si>
    <t>10543857.0</t>
  </si>
  <si>
    <t>9089716.0</t>
  </si>
  <si>
    <t>32044.0</t>
  </si>
  <si>
    <t>30615.0</t>
  </si>
  <si>
    <t>10597204.0</t>
  </si>
  <si>
    <t>9142809.0</t>
  </si>
  <si>
    <t>53347.0</t>
  </si>
  <si>
    <t>33068.0</t>
  </si>
  <si>
    <t>10618936.0</t>
  </si>
  <si>
    <t>9164052.0</t>
  </si>
  <si>
    <t>30128.0</t>
  </si>
  <si>
    <t>29867.0</t>
  </si>
  <si>
    <t>10620502.0</t>
  </si>
  <si>
    <t>9165615.0</t>
  </si>
  <si>
    <t>26995.0</t>
  </si>
  <si>
    <t>9706.0</t>
  </si>
  <si>
    <t>10650876.0</t>
  </si>
  <si>
    <t>9195785.0</t>
  </si>
  <si>
    <t>10681740.0</t>
  </si>
  <si>
    <t>9225960.0</t>
  </si>
  <si>
    <t>26520.0</t>
  </si>
  <si>
    <t>26239.0</t>
  </si>
  <si>
    <t>10693272.0</t>
  </si>
  <si>
    <t>9236950.0</t>
  </si>
  <si>
    <t>25564.0</t>
  </si>
  <si>
    <t>10752705.0</t>
  </si>
  <si>
    <t>9295910.0</t>
  </si>
  <si>
    <t>59433.0</t>
  </si>
  <si>
    <t>29456.0</t>
  </si>
  <si>
    <t>10801055.0</t>
  </si>
  <si>
    <t>9343355.0</t>
  </si>
  <si>
    <t>28649.0</t>
  </si>
  <si>
    <t>10832040.0</t>
  </si>
  <si>
    <t>9343467.0</t>
  </si>
  <si>
    <t>30985.0</t>
  </si>
  <si>
    <t>25631.0</t>
  </si>
  <si>
    <t>10852784.0</t>
  </si>
  <si>
    <t>9343599.0</t>
  </si>
  <si>
    <t>25426.0</t>
  </si>
  <si>
    <t>0.3459</t>
  </si>
  <si>
    <t>10869696.0</t>
  </si>
  <si>
    <t>9343722.0</t>
  </si>
  <si>
    <t>21134.0</t>
  </si>
  <si>
    <t>0.3881</t>
  </si>
  <si>
    <t>10894936.0</t>
  </si>
  <si>
    <t>9343801.0</t>
  </si>
  <si>
    <t>25240.0</t>
  </si>
  <si>
    <t>0.4132</t>
  </si>
  <si>
    <t>10903669.0</t>
  </si>
  <si>
    <t>9344003.0</t>
  </si>
  <si>
    <t>10914333.0</t>
  </si>
  <si>
    <t>9344106.0</t>
  </si>
  <si>
    <t>4112267.0</t>
  </si>
  <si>
    <t>34.188</t>
  </si>
  <si>
    <t>0.4357</t>
  </si>
  <si>
    <t>10916152.0</t>
  </si>
  <si>
    <t>9344163.0</t>
  </si>
  <si>
    <t>10916348.0</t>
  </si>
  <si>
    <t>0.4369</t>
  </si>
  <si>
    <t>10936490.0</t>
  </si>
  <si>
    <t>9357253.0</t>
  </si>
  <si>
    <t>20142.0</t>
  </si>
  <si>
    <t>0.4553</t>
  </si>
  <si>
    <t>10947722.0</t>
  </si>
  <si>
    <t>0.4506</t>
  </si>
  <si>
    <t>10954700.0</t>
  </si>
  <si>
    <t>9361109.0</t>
  </si>
  <si>
    <t>0.4501</t>
  </si>
  <si>
    <t>10955586.0</t>
  </si>
  <si>
    <t>9361320.0</t>
  </si>
  <si>
    <t>0.4381</t>
  </si>
  <si>
    <t>10956128.0</t>
  </si>
  <si>
    <t>9361637.0</t>
  </si>
  <si>
    <t>0.4036</t>
  </si>
  <si>
    <t>10956131.0</t>
  </si>
  <si>
    <t>9361640.0</t>
  </si>
  <si>
    <t>0.3228</t>
  </si>
  <si>
    <t>10958315.0</t>
  </si>
  <si>
    <t>9363216.0</t>
  </si>
  <si>
    <t>10958395.0</t>
  </si>
  <si>
    <t>9363282.0</t>
  </si>
  <si>
    <t>10958596.0</t>
  </si>
  <si>
    <t>9363375.0</t>
  </si>
  <si>
    <t>0.2421</t>
  </si>
  <si>
    <t>10958934.0</t>
  </si>
  <si>
    <t>10960502.0</t>
  </si>
  <si>
    <t>9364787.0</t>
  </si>
  <si>
    <t>10965020.0</t>
  </si>
  <si>
    <t>9368633.0</t>
  </si>
  <si>
    <t>10965479.0</t>
  </si>
  <si>
    <t>9369036.0</t>
  </si>
  <si>
    <t>4297866.0</t>
  </si>
  <si>
    <t>10972564.0</t>
  </si>
  <si>
    <t>9372021.0</t>
  </si>
  <si>
    <t>4303868.0</t>
  </si>
  <si>
    <t>35.781</t>
  </si>
  <si>
    <t>4317909.0</t>
  </si>
  <si>
    <t>35.898</t>
  </si>
  <si>
    <t>10973077.0</t>
  </si>
  <si>
    <t>9372085.0</t>
  </si>
  <si>
    <t>4338307.0</t>
  </si>
  <si>
    <t>4341818.0</t>
  </si>
  <si>
    <t>36.097</t>
  </si>
  <si>
    <t>10975026.0</t>
  </si>
  <si>
    <t>4346658.0</t>
  </si>
  <si>
    <t>36.137</t>
  </si>
  <si>
    <t>10975180.0</t>
  </si>
  <si>
    <t>9372107.0</t>
  </si>
  <si>
    <t>4360900.0</t>
  </si>
  <si>
    <t>36.255</t>
  </si>
  <si>
    <t>10975194.0</t>
  </si>
  <si>
    <t>4373295.0</t>
  </si>
  <si>
    <t>36.358</t>
  </si>
  <si>
    <t>10975419.0</t>
  </si>
  <si>
    <t>9372192.0</t>
  </si>
  <si>
    <t>4397684.0</t>
  </si>
  <si>
    <t>36.561</t>
  </si>
  <si>
    <t>4409020.0</t>
  </si>
  <si>
    <t>36.655</t>
  </si>
  <si>
    <t>10975742.0</t>
  </si>
  <si>
    <t>9372215.0</t>
  </si>
  <si>
    <t>4425609.0</t>
  </si>
  <si>
    <t>36.793</t>
  </si>
  <si>
    <t>4433520.0</t>
  </si>
  <si>
    <t>36.859</t>
  </si>
  <si>
    <t>11123888.0</t>
  </si>
  <si>
    <t>9493520.0</t>
  </si>
  <si>
    <t>11958438.0</t>
  </si>
  <si>
    <t>10122093.0</t>
  </si>
  <si>
    <t>834550.0</t>
  </si>
  <si>
    <t>140401.0</t>
  </si>
  <si>
    <t>107127.0</t>
  </si>
  <si>
    <t>10946680.0</t>
  </si>
  <si>
    <t>1164798.0</t>
  </si>
  <si>
    <t>306785.0</t>
  </si>
  <si>
    <t>224924.0</t>
  </si>
  <si>
    <t>4450781.0</t>
  </si>
  <si>
    <t>37.003</t>
  </si>
  <si>
    <t>14441153.0</t>
  </si>
  <si>
    <t>12026870.0</t>
  </si>
  <si>
    <t>1317917.0</t>
  </si>
  <si>
    <t>490826.0</t>
  </si>
  <si>
    <t>375771.0</t>
  </si>
  <si>
    <t>16307975.0</t>
  </si>
  <si>
    <t>13665971.0</t>
  </si>
  <si>
    <t>1866822.0</t>
  </si>
  <si>
    <t>753282.0</t>
  </si>
  <si>
    <t>606462.0</t>
  </si>
  <si>
    <t>17634380.0</t>
  </si>
  <si>
    <t>14738137.0</t>
  </si>
  <si>
    <t>1326405.0</t>
  </si>
  <si>
    <t>938536.0</t>
  </si>
  <si>
    <t>756163.0</t>
  </si>
  <si>
    <t>4461088.0</t>
  </si>
  <si>
    <t>19319445.0</t>
  </si>
  <si>
    <t>15973468.0</t>
  </si>
  <si>
    <t>1685065.0</t>
  </si>
  <si>
    <t>1175027.0</t>
  </si>
  <si>
    <t>929173.0</t>
  </si>
  <si>
    <t>20853265.0</t>
  </si>
  <si>
    <t>17181449.0</t>
  </si>
  <si>
    <t>1533820.0</t>
  </si>
  <si>
    <t>1389911.0</t>
  </si>
  <si>
    <t>1098276.0</t>
  </si>
  <si>
    <t>4475039.0</t>
  </si>
  <si>
    <t>37.204</t>
  </si>
  <si>
    <t>1382694.0</t>
  </si>
  <si>
    <t>1101109.0</t>
  </si>
  <si>
    <t>4480864.0</t>
  </si>
  <si>
    <t>37.253</t>
  </si>
  <si>
    <t>22421326.0</t>
  </si>
  <si>
    <t>18478264.0</t>
  </si>
  <si>
    <t>1328299.0</t>
  </si>
  <si>
    <t>1075941.0</t>
  </si>
  <si>
    <t>22738744.0</t>
  </si>
  <si>
    <t>18735191.0</t>
  </si>
  <si>
    <t>317418.0</t>
  </si>
  <si>
    <t>1185370.0</t>
  </si>
  <si>
    <t>958332.0</t>
  </si>
  <si>
    <t>37.346</t>
  </si>
  <si>
    <t>23836503.0</t>
  </si>
  <si>
    <t>19513801.0</t>
  </si>
  <si>
    <t>1097759.0</t>
  </si>
  <si>
    <t>1075504.0</t>
  </si>
  <si>
    <t>835404.0</t>
  </si>
  <si>
    <t>4497273.0</t>
  </si>
  <si>
    <t>37.389</t>
  </si>
  <si>
    <t>23993633.0</t>
  </si>
  <si>
    <t>19640686.0</t>
  </si>
  <si>
    <t>157130.0</t>
  </si>
  <si>
    <t>908465.0</t>
  </si>
  <si>
    <t>700364.0</t>
  </si>
  <si>
    <t>24278976.0</t>
  </si>
  <si>
    <t>19881897.0</t>
  </si>
  <si>
    <t>285343.0</t>
  </si>
  <si>
    <t>708504.0</t>
  </si>
  <si>
    <t>558347.0</t>
  </si>
  <si>
    <t>24450750.0</t>
  </si>
  <si>
    <t>20020958.0</t>
  </si>
  <si>
    <t>171774.0</t>
  </si>
  <si>
    <t>513926.0</t>
  </si>
  <si>
    <t>405644.0</t>
  </si>
  <si>
    <t>4512424.0</t>
  </si>
  <si>
    <t>25135290.0</t>
  </si>
  <si>
    <t>20731345.0</t>
  </si>
  <si>
    <t>684540.0</t>
  </si>
  <si>
    <t>499714.0</t>
  </si>
  <si>
    <t>414498.0</t>
  </si>
  <si>
    <t>25433752.0</t>
  </si>
  <si>
    <t>20837740.0</t>
  </si>
  <si>
    <t>298462.0</t>
  </si>
  <si>
    <t>430347.0</t>
  </si>
  <si>
    <t>337068.0</t>
  </si>
  <si>
    <t>4516402.0</t>
  </si>
  <si>
    <t>37.548</t>
  </si>
  <si>
    <t>25851563.0</t>
  </si>
  <si>
    <t>21211194.0</t>
  </si>
  <si>
    <t>417811.0</t>
  </si>
  <si>
    <t>444688.0</t>
  </si>
  <si>
    <t>353715.0</t>
  </si>
  <si>
    <t>4527005.0</t>
  </si>
  <si>
    <t>37.636</t>
  </si>
  <si>
    <t>26019066.0</t>
  </si>
  <si>
    <t>21370236.0</t>
  </si>
  <si>
    <t>167503.0</t>
  </si>
  <si>
    <t>311795.0</t>
  </si>
  <si>
    <t>265205.0</t>
  </si>
  <si>
    <t>4532021.0</t>
  </si>
  <si>
    <t>37.678</t>
  </si>
  <si>
    <t>26178996.0</t>
  </si>
  <si>
    <t>21524528.0</t>
  </si>
  <si>
    <t>18060829.0</t>
  </si>
  <si>
    <t>159930.0</t>
  </si>
  <si>
    <t>312195.0</t>
  </si>
  <si>
    <t>269120.0</t>
  </si>
  <si>
    <t>4535438.0</t>
  </si>
  <si>
    <t>322884.0</t>
  </si>
  <si>
    <t>283447.0</t>
  </si>
  <si>
    <t>349797.0</t>
  </si>
  <si>
    <t>312366.0</t>
  </si>
  <si>
    <t>27259495.0</t>
  </si>
  <si>
    <t>22549021.0</t>
  </si>
  <si>
    <t>19099431.0</t>
  </si>
  <si>
    <t>303458.0</t>
  </si>
  <si>
    <t>259668.0</t>
  </si>
  <si>
    <t>4550099.0</t>
  </si>
  <si>
    <t>261038.0</t>
  </si>
  <si>
    <t>294868.0</t>
  </si>
  <si>
    <t>4555130.0</t>
  </si>
  <si>
    <t>201569.0</t>
  </si>
  <si>
    <t>291918.0</t>
  </si>
  <si>
    <t>4559980.0</t>
  </si>
  <si>
    <t>177858.0</t>
  </si>
  <si>
    <t>319597.0</t>
  </si>
  <si>
    <t>23960213.0</t>
  </si>
  <si>
    <t>20481066.0</t>
  </si>
  <si>
    <t>155229.0</t>
  </si>
  <si>
    <t>347955.0</t>
  </si>
  <si>
    <t>103995.0</t>
  </si>
  <si>
    <t>311988.0</t>
  </si>
  <si>
    <t>52761.0</t>
  </si>
  <si>
    <t>276021.0</t>
  </si>
  <si>
    <t>240054.0</t>
  </si>
  <si>
    <t>202473.0</t>
  </si>
  <si>
    <t>127.5</t>
  </si>
  <si>
    <t>24408859.0</t>
  </si>
  <si>
    <t>20904654.0</t>
  </si>
  <si>
    <t>164892.0</t>
  </si>
  <si>
    <t>115728.0</t>
  </si>
  <si>
    <t>4598732.0</t>
  </si>
  <si>
    <t>38.233</t>
  </si>
  <si>
    <t>54983.0</t>
  </si>
  <si>
    <t>43401.0</t>
  </si>
  <si>
    <t>31818.0</t>
  </si>
  <si>
    <t>4615990.0</t>
  </si>
  <si>
    <t>38.376</t>
  </si>
  <si>
    <t>210.5</t>
  </si>
  <si>
    <t>24486746.0</t>
  </si>
  <si>
    <t>20958931.0</t>
  </si>
  <si>
    <t>343954.0</t>
  </si>
  <si>
    <t>4637343.0</t>
  </si>
  <si>
    <t>38.554</t>
  </si>
  <si>
    <t>15265.0</t>
  </si>
  <si>
    <t>4658482.0</t>
  </si>
  <si>
    <t>38.729</t>
  </si>
  <si>
    <t>183.6</t>
  </si>
  <si>
    <t>192.3</t>
  </si>
  <si>
    <t>4688120.0</t>
  </si>
  <si>
    <t>38.976</t>
  </si>
  <si>
    <t>152.2</t>
  </si>
  <si>
    <t>4701084.0</t>
  </si>
  <si>
    <t>39.084</t>
  </si>
  <si>
    <t>24769870.0</t>
  </si>
  <si>
    <t>21290883.0</t>
  </si>
  <si>
    <t>14445.0</t>
  </si>
  <si>
    <t>4728446.0</t>
  </si>
  <si>
    <t>39.311</t>
  </si>
  <si>
    <t>229.5</t>
  </si>
  <si>
    <t>4763756.0</t>
  </si>
  <si>
    <t>39.605</t>
  </si>
  <si>
    <t>27332766.0</t>
  </si>
  <si>
    <t>21291403.0</t>
  </si>
  <si>
    <t>346411.0</t>
  </si>
  <si>
    <t>59614.0</t>
  </si>
  <si>
    <t>4777158.0</t>
  </si>
  <si>
    <t>39.716</t>
  </si>
  <si>
    <t>117702.0</t>
  </si>
  <si>
    <t>202.4</t>
  </si>
  <si>
    <t>233878.0</t>
  </si>
  <si>
    <t>4789701.0</t>
  </si>
  <si>
    <t>29373478.0</t>
  </si>
  <si>
    <t>291966.0</t>
  </si>
  <si>
    <t>291937.0</t>
  </si>
  <si>
    <t>291907.0</t>
  </si>
  <si>
    <t>4796596.0</t>
  </si>
  <si>
    <t>233790.0</t>
  </si>
  <si>
    <t>175672.0</t>
  </si>
  <si>
    <t>117555.0</t>
  </si>
  <si>
    <t>4810790.0</t>
  </si>
  <si>
    <t>39.996</t>
  </si>
  <si>
    <t>4820100.0</t>
  </si>
  <si>
    <t>4836364.0</t>
  </si>
  <si>
    <t>40.208</t>
  </si>
  <si>
    <t>4846721.0</t>
  </si>
  <si>
    <t>40.294</t>
  </si>
  <si>
    <t>4850839.0</t>
  </si>
  <si>
    <t>40.329</t>
  </si>
  <si>
    <t>4904442.0</t>
  </si>
  <si>
    <t>40.774</t>
  </si>
  <si>
    <t>4929668.0</t>
  </si>
  <si>
    <t>40.984</t>
  </si>
  <si>
    <t>4936794.0</t>
  </si>
  <si>
    <t>29419678.0</t>
  </si>
  <si>
    <t>24770491.0</t>
  </si>
  <si>
    <t>21292024.0</t>
  </si>
  <si>
    <t>47059.0</t>
  </si>
  <si>
    <t>94100.0</t>
  </si>
  <si>
    <t>4958372.0</t>
  </si>
  <si>
    <t>41.223</t>
  </si>
  <si>
    <t>141141.0</t>
  </si>
  <si>
    <t>188183.0</t>
  </si>
  <si>
    <t>31276.0</t>
  </si>
  <si>
    <t>235224.0</t>
  </si>
  <si>
    <t>282265.0</t>
  </si>
  <si>
    <t>4981094.0</t>
  </si>
  <si>
    <t>41.411</t>
  </si>
  <si>
    <t>43258.0</t>
  </si>
  <si>
    <t>329306.0</t>
  </si>
  <si>
    <t>4993374.0</t>
  </si>
  <si>
    <t>41.514</t>
  </si>
  <si>
    <t>30025290.0</t>
  </si>
  <si>
    <t>29380780.0</t>
  </si>
  <si>
    <t>25902313.0</t>
  </si>
  <si>
    <t>562630.0</t>
  </si>
  <si>
    <t>5015004.0</t>
  </si>
  <si>
    <t>41.693</t>
  </si>
  <si>
    <t>0.1638</t>
  </si>
  <si>
    <t>438352.0</t>
  </si>
  <si>
    <t>328965.0</t>
  </si>
  <si>
    <t>833446.0</t>
  </si>
  <si>
    <t>328623.0</t>
  </si>
  <si>
    <t>5024643.0</t>
  </si>
  <si>
    <t>41.774</t>
  </si>
  <si>
    <t>1228540.0</t>
  </si>
  <si>
    <t>328282.0</t>
  </si>
  <si>
    <t>1623633.0</t>
  </si>
  <si>
    <t>327940.0</t>
  </si>
  <si>
    <t>2018727.0</t>
  </si>
  <si>
    <t>327599.0</t>
  </si>
  <si>
    <t>2413821.0</t>
  </si>
  <si>
    <t>327257.0</t>
  </si>
  <si>
    <t>49687694.0</t>
  </si>
  <si>
    <t>1836576.0</t>
  </si>
  <si>
    <t>2808915.0</t>
  </si>
  <si>
    <t>22766.0</t>
  </si>
  <si>
    <t>326916.0</t>
  </si>
  <si>
    <t>2433205.0</t>
  </si>
  <si>
    <t>19721.0</t>
  </si>
  <si>
    <t>2057495.0</t>
  </si>
  <si>
    <t>16676.0</t>
  </si>
  <si>
    <t>1681785.0</t>
  </si>
  <si>
    <t>1306076.0</t>
  </si>
  <si>
    <t>930366.0</t>
  </si>
  <si>
    <t>554656.0</t>
  </si>
  <si>
    <t>178946.0</t>
  </si>
  <si>
    <t>52192941.0</t>
  </si>
  <si>
    <t>156285.0</t>
  </si>
  <si>
    <t>133624.0</t>
  </si>
  <si>
    <t>110962.0</t>
  </si>
  <si>
    <t>88301.0</t>
  </si>
  <si>
    <t>65640.0</t>
  </si>
  <si>
    <t>42979.0</t>
  </si>
  <si>
    <t>20317.0</t>
  </si>
  <si>
    <t>52477385.0</t>
  </si>
  <si>
    <t>52509414.0</t>
  </si>
  <si>
    <t>43111242.0</t>
  </si>
  <si>
    <t>36707357.0</t>
  </si>
  <si>
    <t>2421781.0</t>
  </si>
  <si>
    <t>OWID_EUR</t>
  </si>
  <si>
    <t>28521.0</t>
  </si>
  <si>
    <t>28528.0</t>
  </si>
  <si>
    <t>28566.0</t>
  </si>
  <si>
    <t>28579.0</t>
  </si>
  <si>
    <t>28601.0</t>
  </si>
  <si>
    <t>52581.0</t>
  </si>
  <si>
    <t>52557.0</t>
  </si>
  <si>
    <t>68453.0</t>
  </si>
  <si>
    <t>12812.0</t>
  </si>
  <si>
    <t>52866.0</t>
  </si>
  <si>
    <t>68285.0</t>
  </si>
  <si>
    <t>52867.0</t>
  </si>
  <si>
    <t>52842.0</t>
  </si>
  <si>
    <t>31252.0</t>
  </si>
  <si>
    <t>31246.0</t>
  </si>
  <si>
    <t>53319.0</t>
  </si>
  <si>
    <t>68444.0</t>
  </si>
  <si>
    <t>40534.0</t>
  </si>
  <si>
    <t>102906.0</t>
  </si>
  <si>
    <t>102881.0</t>
  </si>
  <si>
    <t>74170.0</t>
  </si>
  <si>
    <t>50628.0</t>
  </si>
  <si>
    <t>142066.0</t>
  </si>
  <si>
    <t>140895.0</t>
  </si>
  <si>
    <t>90203.0</t>
  </si>
  <si>
    <t>90194.0</t>
  </si>
  <si>
    <t>222812.0</t>
  </si>
  <si>
    <t>221603.0</t>
  </si>
  <si>
    <t>153632.0</t>
  </si>
  <si>
    <t>129270.0</t>
  </si>
  <si>
    <t>123049.0</t>
  </si>
  <si>
    <t>364328.0</t>
  </si>
  <si>
    <t>363102.0</t>
  </si>
  <si>
    <t>203382.0</t>
  </si>
  <si>
    <t>159012.0</t>
  </si>
  <si>
    <t>152796.0</t>
  </si>
  <si>
    <t>467549.0</t>
  </si>
  <si>
    <t>466320.0</t>
  </si>
  <si>
    <t>164454.0</t>
  </si>
  <si>
    <t>158086.0</t>
  </si>
  <si>
    <t>515897.0</t>
  </si>
  <si>
    <t>514655.0</t>
  </si>
  <si>
    <t>120421.0</t>
  </si>
  <si>
    <t>155770.0</t>
  </si>
  <si>
    <t>1366066.0</t>
  </si>
  <si>
    <t>1364819.0</t>
  </si>
  <si>
    <t>188389.0</t>
  </si>
  <si>
    <t>171172.0</t>
  </si>
  <si>
    <t>164759.0</t>
  </si>
  <si>
    <t>1469858.0</t>
  </si>
  <si>
    <t>1467764.0</t>
  </si>
  <si>
    <t>104478.0</t>
  </si>
  <si>
    <t>161486.0</t>
  </si>
  <si>
    <t>1744018.0</t>
  </si>
  <si>
    <t>1741865.0</t>
  </si>
  <si>
    <t>247295.0</t>
  </si>
  <si>
    <t>193864.0</t>
  </si>
  <si>
    <t>185493.0</t>
  </si>
  <si>
    <t>2053224.0</t>
  </si>
  <si>
    <t>2050999.0</t>
  </si>
  <si>
    <t>362958.0</t>
  </si>
  <si>
    <t>267643.0</t>
  </si>
  <si>
    <t>259267.0</t>
  </si>
  <si>
    <t>2301593.0</t>
  </si>
  <si>
    <t>2299127.0</t>
  </si>
  <si>
    <t>336800.0</t>
  </si>
  <si>
    <t>266128.0</t>
  </si>
  <si>
    <t>257720.0</t>
  </si>
  <si>
    <t>2680648.0</t>
  </si>
  <si>
    <t>2677982.0</t>
  </si>
  <si>
    <t>397219.0</t>
  </si>
  <si>
    <t>284830.0</t>
  </si>
  <si>
    <t>276395.0</t>
  </si>
  <si>
    <t>3186584.0</t>
  </si>
  <si>
    <t>3183337.0</t>
  </si>
  <si>
    <t>438929.0</t>
  </si>
  <si>
    <t>314694.0</t>
  </si>
  <si>
    <t>3391341.0</t>
  </si>
  <si>
    <t>3388063.0</t>
  </si>
  <si>
    <t>306170.0</t>
  </si>
  <si>
    <t>327621.0</t>
  </si>
  <si>
    <t>6234449.0</t>
  </si>
  <si>
    <t>5839745.0</t>
  </si>
  <si>
    <t>392493.0</t>
  </si>
  <si>
    <t>229857.0</t>
  </si>
  <si>
    <t>343365.0</t>
  </si>
  <si>
    <t>334852.0</t>
  </si>
  <si>
    <t>6841638.0</t>
  </si>
  <si>
    <t>6425982.0</t>
  </si>
  <si>
    <t>413394.0</t>
  </si>
  <si>
    <t>582988.0</t>
  </si>
  <si>
    <t>526834.0</t>
  </si>
  <si>
    <t>497457.0</t>
  </si>
  <si>
    <t>7525299.0</t>
  </si>
  <si>
    <t>7093377.0</t>
  </si>
  <si>
    <t>429619.0</t>
  </si>
  <si>
    <t>745248.0</t>
  </si>
  <si>
    <t>577202.0</t>
  </si>
  <si>
    <t>550077.0</t>
  </si>
  <si>
    <t>8576884.0</t>
  </si>
  <si>
    <t>8134762.0</t>
  </si>
  <si>
    <t>439843.0</t>
  </si>
  <si>
    <t>909565.0</t>
  </si>
  <si>
    <t>647740.0</t>
  </si>
  <si>
    <t>623400.0</t>
  </si>
  <si>
    <t>9447866.0</t>
  </si>
  <si>
    <t>9000015.0</t>
  </si>
  <si>
    <t>445592.0</t>
  </si>
  <si>
    <t>993890.0</t>
  </si>
  <si>
    <t>709681.0</t>
  </si>
  <si>
    <t>684544.0</t>
  </si>
  <si>
    <t>10394561.0</t>
  </si>
  <si>
    <t>9939724.0</t>
  </si>
  <si>
    <t>452414.0</t>
  </si>
  <si>
    <t>983805.0</t>
  </si>
  <si>
    <t>755975.0</t>
  </si>
  <si>
    <t>729083.0</t>
  </si>
  <si>
    <t>10917535.0</t>
  </si>
  <si>
    <t>10458697.0</t>
  </si>
  <si>
    <t>456415.0</t>
  </si>
  <si>
    <t>716218.0</t>
  </si>
  <si>
    <t>776659.0</t>
  </si>
  <si>
    <t>746946.0</t>
  </si>
  <si>
    <t>11487374.0</t>
  </si>
  <si>
    <t>10971664.0</t>
  </si>
  <si>
    <t>486020.0</t>
  </si>
  <si>
    <t>531493.0</t>
  </si>
  <si>
    <t>780459.0</t>
  </si>
  <si>
    <t>744155.0</t>
  </si>
  <si>
    <t>12308744.0</t>
  </si>
  <si>
    <t>11747604.0</t>
  </si>
  <si>
    <t>530080.0</t>
  </si>
  <si>
    <t>769715.0</t>
  </si>
  <si>
    <t>808245.0</t>
  </si>
  <si>
    <t>764889.0</t>
  </si>
  <si>
    <t>13220084.0</t>
  </si>
  <si>
    <t>12582701.0</t>
  </si>
  <si>
    <t>606253.0</t>
  </si>
  <si>
    <t>1067086.0</t>
  </si>
  <si>
    <t>854031.0</t>
  </si>
  <si>
    <t>799242.0</t>
  </si>
  <si>
    <t>14206843.0</t>
  </si>
  <si>
    <t>13464406.0</t>
  </si>
  <si>
    <t>711224.0</t>
  </si>
  <si>
    <t>1123848.0</t>
  </si>
  <si>
    <t>884413.0</t>
  </si>
  <si>
    <t>813527.0</t>
  </si>
  <si>
    <t>15282799.0</t>
  </si>
  <si>
    <t>14407357.0</t>
  </si>
  <si>
    <t>840546.0</t>
  </si>
  <si>
    <t>1234620.0</t>
  </si>
  <si>
    <t>918631.0</t>
  </si>
  <si>
    <t>829421.0</t>
  </si>
  <si>
    <t>16568754.0</t>
  </si>
  <si>
    <t>15562102.0</t>
  </si>
  <si>
    <t>960447.0</t>
  </si>
  <si>
    <t>1193763.0</t>
  </si>
  <si>
    <t>948532.0</t>
  </si>
  <si>
    <t>846532.0</t>
  </si>
  <si>
    <t>17382533.0</t>
  </si>
  <si>
    <t>16280288.0</t>
  </si>
  <si>
    <t>1055682.0</t>
  </si>
  <si>
    <t>1003889.0</t>
  </si>
  <si>
    <t>989470.0</t>
  </si>
  <si>
    <t>872196.0</t>
  </si>
  <si>
    <t>18104747.0</t>
  </si>
  <si>
    <t>16885886.0</t>
  </si>
  <si>
    <t>1160196.0</t>
  </si>
  <si>
    <t>627495.0</t>
  </si>
  <si>
    <t>1003005.0</t>
  </si>
  <si>
    <t>877914.0</t>
  </si>
  <si>
    <t>18921777.0</t>
  </si>
  <si>
    <t>17501004.0</t>
  </si>
  <si>
    <t>1376264.0</t>
  </si>
  <si>
    <t>951906.0</t>
  </si>
  <si>
    <t>1029530.0</t>
  </si>
  <si>
    <t>880552.0</t>
  </si>
  <si>
    <t>19931036.0</t>
  </si>
  <si>
    <t>18235252.0</t>
  </si>
  <si>
    <t>1650999.0</t>
  </si>
  <si>
    <t>1168810.0</t>
  </si>
  <si>
    <t>1044040.0</t>
  </si>
  <si>
    <t>865115.0</t>
  </si>
  <si>
    <t>20919378.0</t>
  </si>
  <si>
    <t>18972778.0</t>
  </si>
  <si>
    <t>1901140.0</t>
  </si>
  <si>
    <t>1148249.0</t>
  </si>
  <si>
    <t>1047402.0</t>
  </si>
  <si>
    <t>846188.0</t>
  </si>
  <si>
    <t>22089374.0</t>
  </si>
  <si>
    <t>19805739.0</t>
  </si>
  <si>
    <t>2238514.0</t>
  </si>
  <si>
    <t>1330258.0</t>
  </si>
  <si>
    <t>1060925.0</t>
  </si>
  <si>
    <t>828731.0</t>
  </si>
  <si>
    <t>23456332.0</t>
  </si>
  <si>
    <t>20792382.0</t>
  </si>
  <si>
    <t>2607803.0</t>
  </si>
  <si>
    <t>1311833.0</t>
  </si>
  <si>
    <t>1077693.0</t>
  </si>
  <si>
    <t>808550.0</t>
  </si>
  <si>
    <t>24422794.0</t>
  </si>
  <si>
    <t>21546708.0</t>
  </si>
  <si>
    <t>2819937.0</t>
  </si>
  <si>
    <t>1164189.0</t>
  </si>
  <si>
    <t>1100568.0</t>
  </si>
  <si>
    <t>810339.0</t>
  </si>
  <si>
    <t>25304269.0</t>
  </si>
  <si>
    <t>22130058.0</t>
  </si>
  <si>
    <t>3105782.0</t>
  </si>
  <si>
    <t>766310.0</t>
  </si>
  <si>
    <t>1120290.0</t>
  </si>
  <si>
    <t>816693.0</t>
  </si>
  <si>
    <t>26197143.0</t>
  </si>
  <si>
    <t>22683721.0</t>
  </si>
  <si>
    <t>3454877.0</t>
  </si>
  <si>
    <t>1059839.0</t>
  </si>
  <si>
    <t>1135688.0</t>
  </si>
  <si>
    <t>811446.0</t>
  </si>
  <si>
    <t>27341483.0</t>
  </si>
  <si>
    <t>23405793.0</t>
  </si>
  <si>
    <t>3876938.0</t>
  </si>
  <si>
    <t>1267988.0</t>
  </si>
  <si>
    <t>1149846.0</t>
  </si>
  <si>
    <t>803252.0</t>
  </si>
  <si>
    <t>28649001.0</t>
  </si>
  <si>
    <t>24212763.0</t>
  </si>
  <si>
    <t>4377194.0</t>
  </si>
  <si>
    <t>1465957.0</t>
  </si>
  <si>
    <t>1195220.0</t>
  </si>
  <si>
    <t>812144.0</t>
  </si>
  <si>
    <t>30013693.0</t>
  </si>
  <si>
    <t>25054251.0</t>
  </si>
  <si>
    <t>4900343.0</t>
  </si>
  <si>
    <t>1526639.0</t>
  </si>
  <si>
    <t>1223264.0</t>
  </si>
  <si>
    <t>812510.0</t>
  </si>
  <si>
    <t>31428716.0</t>
  </si>
  <si>
    <t>26005587.0</t>
  </si>
  <si>
    <t>5359224.0</t>
  </si>
  <si>
    <t>1360868.0</t>
  </si>
  <si>
    <t>1230258.0</t>
  </si>
  <si>
    <t>806793.0</t>
  </si>
  <si>
    <t>32307582.0</t>
  </si>
  <si>
    <t>26688841.0</t>
  </si>
  <si>
    <t>5555211.0</t>
  </si>
  <si>
    <t>1087925.0</t>
  </si>
  <si>
    <t>1219360.0</t>
  </si>
  <si>
    <t>795311.0</t>
  </si>
  <si>
    <t>33122692.0</t>
  </si>
  <si>
    <t>27171071.0</t>
  </si>
  <si>
    <t>5874599.0</t>
  </si>
  <si>
    <t>673603.0</t>
  </si>
  <si>
    <t>1206120.0</t>
  </si>
  <si>
    <t>782315.0</t>
  </si>
  <si>
    <t>33950493.0</t>
  </si>
  <si>
    <t>27709804.0</t>
  </si>
  <si>
    <t>6163487.0</t>
  </si>
  <si>
    <t>1084705.0</t>
  </si>
  <si>
    <t>1209672.0</t>
  </si>
  <si>
    <t>785795.0</t>
  </si>
  <si>
    <t>35091415.0</t>
  </si>
  <si>
    <t>28456125.0</t>
  </si>
  <si>
    <t>6558902.0</t>
  </si>
  <si>
    <t>1284824.0</t>
  </si>
  <si>
    <t>1212074.0</t>
  </si>
  <si>
    <t>790825.0</t>
  </si>
  <si>
    <t>36346211.0</t>
  </si>
  <si>
    <t>29280656.0</t>
  </si>
  <si>
    <t>6988871.0</t>
  </si>
  <si>
    <t>6598.0</t>
  </si>
  <si>
    <t>1481509.0</t>
  </si>
  <si>
    <t>1214295.0</t>
  </si>
  <si>
    <t>797728.0</t>
  </si>
  <si>
    <t>37871034.0</t>
  </si>
  <si>
    <t>30293303.0</t>
  </si>
  <si>
    <t>7499653.0</t>
  </si>
  <si>
    <t>1684060.0</t>
  </si>
  <si>
    <t>1236786.0</t>
  </si>
  <si>
    <t>821571.0</t>
  </si>
  <si>
    <t>39684086.0</t>
  </si>
  <si>
    <t>31478724.0</t>
  </si>
  <si>
    <t>8112133.0</t>
  </si>
  <si>
    <t>21529.0</t>
  </si>
  <si>
    <t>1597537.0</t>
  </si>
  <si>
    <t>1271084.0</t>
  </si>
  <si>
    <t>852122.0</t>
  </si>
  <si>
    <t>40555688.0</t>
  </si>
  <si>
    <t>32178273.0</t>
  </si>
  <si>
    <t>8284187.0</t>
  </si>
  <si>
    <t>21538.0</t>
  </si>
  <si>
    <t>1163614.0</t>
  </si>
  <si>
    <t>1281818.0</t>
  </si>
  <si>
    <t>865164.0</t>
  </si>
  <si>
    <t>41510965.0</t>
  </si>
  <si>
    <t>32802485.0</t>
  </si>
  <si>
    <t>8603253.0</t>
  </si>
  <si>
    <t>733902.0</t>
  </si>
  <si>
    <t>1290348.0</t>
  </si>
  <si>
    <t>875268.0</t>
  </si>
  <si>
    <t>42373644.0</t>
  </si>
  <si>
    <t>33384603.0</t>
  </si>
  <si>
    <t>8883700.0</t>
  </si>
  <si>
    <t>1067180.0</t>
  </si>
  <si>
    <t>1287763.0</t>
  </si>
  <si>
    <t>876314.0</t>
  </si>
  <si>
    <t>43437111.0</t>
  </si>
  <si>
    <t>34121655.0</t>
  </si>
  <si>
    <t>9209923.0</t>
  </si>
  <si>
    <t>21591.0</t>
  </si>
  <si>
    <t>1295457.0</t>
  </si>
  <si>
    <t>1289199.0</t>
  </si>
  <si>
    <t>883444.0</t>
  </si>
  <si>
    <t>44839827.0</t>
  </si>
  <si>
    <t>35110630.0</t>
  </si>
  <si>
    <t>9623501.0</t>
  </si>
  <si>
    <t>21648.0</t>
  </si>
  <si>
    <t>1634590.0</t>
  </si>
  <si>
    <t>1311149.0</t>
  </si>
  <si>
    <t>907249.0</t>
  </si>
  <si>
    <t>46412611.0</t>
  </si>
  <si>
    <t>36233131.0</t>
  </si>
  <si>
    <t>10073609.0</t>
  </si>
  <si>
    <t>1762597.0</t>
  </si>
  <si>
    <t>1322261.0</t>
  </si>
  <si>
    <t>922141.0</t>
  </si>
  <si>
    <t>47998784.0</t>
  </si>
  <si>
    <t>37359903.0</t>
  </si>
  <si>
    <t>10526703.0</t>
  </si>
  <si>
    <t>1496093.0</t>
  </si>
  <si>
    <t>1307744.0</t>
  </si>
  <si>
    <t>915547.0</t>
  </si>
  <si>
    <t>48790624.0</t>
  </si>
  <si>
    <t>37998526.0</t>
  </si>
  <si>
    <t>10679959.0</t>
  </si>
  <si>
    <t>26759.0</t>
  </si>
  <si>
    <t>1083001.0</t>
  </si>
  <si>
    <t>1296196.0</t>
  </si>
  <si>
    <t>908175.0</t>
  </si>
  <si>
    <t>49666493.0</t>
  </si>
  <si>
    <t>38633005.0</t>
  </si>
  <si>
    <t>10910667.0</t>
  </si>
  <si>
    <t>26769.0</t>
  </si>
  <si>
    <t>709944.0</t>
  </si>
  <si>
    <t>1292938.0</t>
  </si>
  <si>
    <t>907121.0</t>
  </si>
  <si>
    <t>50575148.0</t>
  </si>
  <si>
    <t>39304597.0</t>
  </si>
  <si>
    <t>11148772.0</t>
  </si>
  <si>
    <t>1138427.0</t>
  </si>
  <si>
    <t>1303060.0</t>
  </si>
  <si>
    <t>922682.0</t>
  </si>
  <si>
    <t>52028952.0</t>
  </si>
  <si>
    <t>40195189.0</t>
  </si>
  <si>
    <t>11711097.0</t>
  </si>
  <si>
    <t>26868.0</t>
  </si>
  <si>
    <t>1508787.0</t>
  </si>
  <si>
    <t>1333475.0</t>
  </si>
  <si>
    <t>955462.0</t>
  </si>
  <si>
    <t>53705524.0</t>
  </si>
  <si>
    <t>41471355.0</t>
  </si>
  <si>
    <t>12111203.0</t>
  </si>
  <si>
    <t>26874.0</t>
  </si>
  <si>
    <t>1772549.0</t>
  </si>
  <si>
    <t>1353152.0</t>
  </si>
  <si>
    <t>989674.0</t>
  </si>
  <si>
    <t>55291491.0</t>
  </si>
  <si>
    <t>42707864.0</t>
  </si>
  <si>
    <t>12456912.0</t>
  </si>
  <si>
    <t>27003.0</t>
  </si>
  <si>
    <t>1379267.0</t>
  </si>
  <si>
    <t>1026546.0</t>
  </si>
  <si>
    <t>57513581.0</t>
  </si>
  <si>
    <t>44408634.0</t>
  </si>
  <si>
    <t>12975438.0</t>
  </si>
  <si>
    <t>1861751.0</t>
  </si>
  <si>
    <t>1431490.0</t>
  </si>
  <si>
    <t>1084578.0</t>
  </si>
  <si>
    <t>58573265.0</t>
  </si>
  <si>
    <t>45330351.0</t>
  </si>
  <si>
    <t>13113456.0</t>
  </si>
  <si>
    <t>29568.0</t>
  </si>
  <si>
    <t>1379195.0</t>
  </si>
  <si>
    <t>1473309.0</t>
  </si>
  <si>
    <t>1132844.0</t>
  </si>
  <si>
    <t>59680753.0</t>
  </si>
  <si>
    <t>46219576.0</t>
  </si>
  <si>
    <t>13321714.0</t>
  </si>
  <si>
    <t>798682.0</t>
  </si>
  <si>
    <t>1485936.0</t>
  </si>
  <si>
    <t>1151573.0</t>
  </si>
  <si>
    <t>60790888.0</t>
  </si>
  <si>
    <t>47101894.0</t>
  </si>
  <si>
    <t>13545151.0</t>
  </si>
  <si>
    <t>1284668.0</t>
  </si>
  <si>
    <t>1506665.0</t>
  </si>
  <si>
    <t>1181226.0</t>
  </si>
  <si>
    <t>66363244.0</t>
  </si>
  <si>
    <t>51296369.0</t>
  </si>
  <si>
    <t>14920752.0</t>
  </si>
  <si>
    <t>29667.0</t>
  </si>
  <si>
    <t>1661920.0</t>
  </si>
  <si>
    <t>1528450.0</t>
  </si>
  <si>
    <t>1207065.0</t>
  </si>
  <si>
    <t>68358676.0</t>
  </si>
  <si>
    <t>52736155.0</t>
  </si>
  <si>
    <t>15474651.0</t>
  </si>
  <si>
    <t>2013299.0</t>
  </si>
  <si>
    <t>1562672.0</t>
  </si>
  <si>
    <t>1222928.0</t>
  </si>
  <si>
    <t>70973908.0</t>
  </si>
  <si>
    <t>54735475.0</t>
  </si>
  <si>
    <t>16092771.0</t>
  </si>
  <si>
    <t>2705760.0</t>
  </si>
  <si>
    <t>1672258.0</t>
  </si>
  <si>
    <t>1308368.0</t>
  </si>
  <si>
    <t>73444590.0</t>
  </si>
  <si>
    <t>56653183.0</t>
  </si>
  <si>
    <t>16643293.0</t>
  </si>
  <si>
    <t>32194.0</t>
  </si>
  <si>
    <t>2329816.0</t>
  </si>
  <si>
    <t>1739094.0</t>
  </si>
  <si>
    <t>1357964.0</t>
  </si>
  <si>
    <t>75191461.0</t>
  </si>
  <si>
    <t>58040212.0</t>
  </si>
  <si>
    <t>17003236.0</t>
  </si>
  <si>
    <t>32204.0</t>
  </si>
  <si>
    <t>1875222.0</t>
  </si>
  <si>
    <t>1810353.0</t>
  </si>
  <si>
    <t>1405136.0</t>
  </si>
  <si>
    <t>76617197.0</t>
  </si>
  <si>
    <t>59213345.0</t>
  </si>
  <si>
    <t>17246269.0</t>
  </si>
  <si>
    <t>32205.0</t>
  </si>
  <si>
    <t>1004575.0</t>
  </si>
  <si>
    <t>1839694.0</t>
  </si>
  <si>
    <t>1429913.0</t>
  </si>
  <si>
    <t>78007464.0</t>
  </si>
  <si>
    <t>60316319.0</t>
  </si>
  <si>
    <t>17533580.0</t>
  </si>
  <si>
    <t>32221.0</t>
  </si>
  <si>
    <t>1456097.0</t>
  </si>
  <si>
    <t>1864105.0</t>
  </si>
  <si>
    <t>1448626.0</t>
  </si>
  <si>
    <t>79640034.0</t>
  </si>
  <si>
    <t>61590450.0</t>
  </si>
  <si>
    <t>17891890.0</t>
  </si>
  <si>
    <t>1774462.0</t>
  </si>
  <si>
    <t>1880116.0</t>
  </si>
  <si>
    <t>1463085.0</t>
  </si>
  <si>
    <t>81722136.0</t>
  </si>
  <si>
    <t>62984837.0</t>
  </si>
  <si>
    <t>18573564.0</t>
  </si>
  <si>
    <t>32315.0</t>
  </si>
  <si>
    <t>2366469.0</t>
  </si>
  <si>
    <t>1930490.0</t>
  </si>
  <si>
    <t>1480551.0</t>
  </si>
  <si>
    <t>84141531.0</t>
  </si>
  <si>
    <t>64663521.0</t>
  </si>
  <si>
    <t>19314200.0</t>
  </si>
  <si>
    <t>2404763.0</t>
  </si>
  <si>
    <t>1887443.0</t>
  </si>
  <si>
    <t>1426402.0</t>
  </si>
  <si>
    <t>86576930.0</t>
  </si>
  <si>
    <t>66482991.0</t>
  </si>
  <si>
    <t>19928497.0</t>
  </si>
  <si>
    <t>34814.0</t>
  </si>
  <si>
    <t>2287297.0</t>
  </si>
  <si>
    <t>1881271.0</t>
  </si>
  <si>
    <t>1406948.0</t>
  </si>
  <si>
    <t>88151982.0</t>
  </si>
  <si>
    <t>67790684.0</t>
  </si>
  <si>
    <t>20196014.0</t>
  </si>
  <si>
    <t>1881644.0</t>
  </si>
  <si>
    <t>1882183.0</t>
  </si>
  <si>
    <t>1400442.0</t>
  </si>
  <si>
    <t>89501372.0</t>
  </si>
  <si>
    <t>68884137.0</t>
  </si>
  <si>
    <t>20441755.0</t>
  </si>
  <si>
    <t>34830.0</t>
  </si>
  <si>
    <t>1133849.0</t>
  </si>
  <si>
    <t>1900654.0</t>
  </si>
  <si>
    <t>1395101.0</t>
  </si>
  <si>
    <t>91141325.0</t>
  </si>
  <si>
    <t>70131484.0</t>
  </si>
  <si>
    <t>20834291.0</t>
  </si>
  <si>
    <t>34855.0</t>
  </si>
  <si>
    <t>1643230.0</t>
  </si>
  <si>
    <t>1928185.0</t>
  </si>
  <si>
    <t>1402369.0</t>
  </si>
  <si>
    <t>92716465.0</t>
  </si>
  <si>
    <t>71288051.0</t>
  </si>
  <si>
    <t>21252742.0</t>
  </si>
  <si>
    <t>34881.0</t>
  </si>
  <si>
    <t>1798102.0</t>
  </si>
  <si>
    <t>1931426.0</t>
  </si>
  <si>
    <t>1382070.0</t>
  </si>
  <si>
    <t>95092564.0</t>
  </si>
  <si>
    <t>72555899.0</t>
  </si>
  <si>
    <t>22351150.0</t>
  </si>
  <si>
    <t>2048001.0</t>
  </si>
  <si>
    <t>1885799.0</t>
  </si>
  <si>
    <t>1345735.0</t>
  </si>
  <si>
    <t>97189684.0</t>
  </si>
  <si>
    <t>73985395.0</t>
  </si>
  <si>
    <t>23018681.0</t>
  </si>
  <si>
    <t>34958.0</t>
  </si>
  <si>
    <t>2236027.0</t>
  </si>
  <si>
    <t>1861560.0</t>
  </si>
  <si>
    <t>1321656.0</t>
  </si>
  <si>
    <t>99940990.0</t>
  </si>
  <si>
    <t>75815976.0</t>
  </si>
  <si>
    <t>23937272.0</t>
  </si>
  <si>
    <t>2509863.0</t>
  </si>
  <si>
    <t>1893226.0</t>
  </si>
  <si>
    <t>1328393.0</t>
  </si>
  <si>
    <t>101808247.0</t>
  </si>
  <si>
    <t>77326558.0</t>
  </si>
  <si>
    <t>24294088.0</t>
  </si>
  <si>
    <t>36295.0</t>
  </si>
  <si>
    <t>2081125.0</t>
  </si>
  <si>
    <t>1921591.0</t>
  </si>
  <si>
    <t>1355372.0</t>
  </si>
  <si>
    <t>103217505.0</t>
  </si>
  <si>
    <t>78447381.0</t>
  </si>
  <si>
    <t>24572932.0</t>
  </si>
  <si>
    <t>1228274.0</t>
  </si>
  <si>
    <t>1934948.0</t>
  </si>
  <si>
    <t>1374495.0</t>
  </si>
  <si>
    <t>105034698.0</t>
  </si>
  <si>
    <t>79669898.0</t>
  </si>
  <si>
    <t>25152561.0</t>
  </si>
  <si>
    <t>36309.0</t>
  </si>
  <si>
    <t>2016404.0</t>
  </si>
  <si>
    <t>1988256.0</t>
  </si>
  <si>
    <t>1401593.0</t>
  </si>
  <si>
    <t>107019609.0</t>
  </si>
  <si>
    <t>81071404.0</t>
  </si>
  <si>
    <t>25732269.0</t>
  </si>
  <si>
    <t>36329.0</t>
  </si>
  <si>
    <t>2481780.0</t>
  </si>
  <si>
    <t>2085925.0</t>
  </si>
  <si>
    <t>1463481.0</t>
  </si>
  <si>
    <t>109465233.0</t>
  </si>
  <si>
    <t>82679014.0</t>
  </si>
  <si>
    <t>26567607.0</t>
  </si>
  <si>
    <t>2943757.0</t>
  </si>
  <si>
    <t>2213888.0</t>
  </si>
  <si>
    <t>1540513.0</t>
  </si>
  <si>
    <t>111822485.0</t>
  </si>
  <si>
    <t>84262264.0</t>
  </si>
  <si>
    <t>27336110.0</t>
  </si>
  <si>
    <t>3063404.0</t>
  </si>
  <si>
    <t>2332087.0</t>
  </si>
  <si>
    <t>1609725.0</t>
  </si>
  <si>
    <t>115406560.0</t>
  </si>
  <si>
    <t>86743862.0</t>
  </si>
  <si>
    <t>28435113.0</t>
  </si>
  <si>
    <t>36874.0</t>
  </si>
  <si>
    <t>3264525.0</t>
  </si>
  <si>
    <t>2439898.0</t>
  </si>
  <si>
    <t>1670053.0</t>
  </si>
  <si>
    <t>117116833.0</t>
  </si>
  <si>
    <t>87952153.0</t>
  </si>
  <si>
    <t>28935374.0</t>
  </si>
  <si>
    <t>2464404.0</t>
  </si>
  <si>
    <t>2494652.0</t>
  </si>
  <si>
    <t>1676655.0</t>
  </si>
  <si>
    <t>118731283.0</t>
  </si>
  <si>
    <t>89143078.0</t>
  </si>
  <si>
    <t>29335691.0</t>
  </si>
  <si>
    <t>36892.0</t>
  </si>
  <si>
    <t>1816461.0</t>
  </si>
  <si>
    <t>2578678.0</t>
  </si>
  <si>
    <t>1717564.0</t>
  </si>
  <si>
    <t>123536126.0</t>
  </si>
  <si>
    <t>91827600.0</t>
  </si>
  <si>
    <t>31455768.0</t>
  </si>
  <si>
    <t>36926.0</t>
  </si>
  <si>
    <t>2454482.0</t>
  </si>
  <si>
    <t>2641360.0</t>
  </si>
  <si>
    <t>1747312.0</t>
  </si>
  <si>
    <t>126135868.0</t>
  </si>
  <si>
    <t>93487533.0</t>
  </si>
  <si>
    <t>32354104.0</t>
  </si>
  <si>
    <t>36986.0</t>
  </si>
  <si>
    <t>2548467.0</t>
  </si>
  <si>
    <t>2650869.0</t>
  </si>
  <si>
    <t>1746498.0</t>
  </si>
  <si>
    <t>129102877.0</t>
  </si>
  <si>
    <t>95390657.0</t>
  </si>
  <si>
    <t>33397027.0</t>
  </si>
  <si>
    <t>37037.0</t>
  </si>
  <si>
    <t>3103474.0</t>
  </si>
  <si>
    <t>2673671.0</t>
  </si>
  <si>
    <t>1763593.0</t>
  </si>
  <si>
    <t>132264522.0</t>
  </si>
  <si>
    <t>97325450.0</t>
  </si>
  <si>
    <t>34607306.0</t>
  </si>
  <si>
    <t>37167.0</t>
  </si>
  <si>
    <t>3340535.0</t>
  </si>
  <si>
    <t>2713243.0</t>
  </si>
  <si>
    <t>17.76</t>
  </si>
  <si>
    <t>1772903.0</t>
  </si>
  <si>
    <t>134984897.0</t>
  </si>
  <si>
    <t>99091556.0</t>
  </si>
  <si>
    <t>35544617.0</t>
  </si>
  <si>
    <t>2353301.0</t>
  </si>
  <si>
    <t>2583051.0</t>
  </si>
  <si>
    <t>1686106.0</t>
  </si>
  <si>
    <t>136775994.0</t>
  </si>
  <si>
    <t>100292650.0</t>
  </si>
  <si>
    <t>36121965.0</t>
  </si>
  <si>
    <t>37785.0</t>
  </si>
  <si>
    <t>1903105.0</t>
  </si>
  <si>
    <t>1629329.0</t>
  </si>
  <si>
    <t>138135459.0</t>
  </si>
  <si>
    <t>101291736.0</t>
  </si>
  <si>
    <t>36464945.0</t>
  </si>
  <si>
    <t>1089128.0</t>
  </si>
  <si>
    <t>2398926.0</t>
  </si>
  <si>
    <t>1571194.0</t>
  </si>
  <si>
    <t>139380429.0</t>
  </si>
  <si>
    <t>102205427.0</t>
  </si>
  <si>
    <t>36785657.0</t>
  </si>
  <si>
    <t>37858.0</t>
  </si>
  <si>
    <t>1340092.0</t>
  </si>
  <si>
    <t>2239728.0</t>
  </si>
  <si>
    <t>1481053.0</t>
  </si>
  <si>
    <t>141860967.0</t>
  </si>
  <si>
    <t>103832741.0</t>
  </si>
  <si>
    <t>37623826.0</t>
  </si>
  <si>
    <t>2866458.0</t>
  </si>
  <si>
    <t>2285153.0</t>
  </si>
  <si>
    <t>1521994.0</t>
  </si>
  <si>
    <t>145806469.0</t>
  </si>
  <si>
    <t>106344714.0</t>
  </si>
  <si>
    <t>39046611.0</t>
  </si>
  <si>
    <t>38037.0</t>
  </si>
  <si>
    <t>3974429.0</t>
  </si>
  <si>
    <t>2409580.0</t>
  </si>
  <si>
    <t>1593640.0</t>
  </si>
  <si>
    <t>149717464.0</t>
  </si>
  <si>
    <t>109112020.0</t>
  </si>
  <si>
    <t>40180307.0</t>
  </si>
  <si>
    <t>4202923.0</t>
  </si>
  <si>
    <t>2532775.0</t>
  </si>
  <si>
    <t>1726701.0</t>
  </si>
  <si>
    <t>154246677.0</t>
  </si>
  <si>
    <t>112333773.0</t>
  </si>
  <si>
    <t>41479320.0</t>
  </si>
  <si>
    <t>4007597.0</t>
  </si>
  <si>
    <t>2769105.0</t>
  </si>
  <si>
    <t>1912849.0</t>
  </si>
  <si>
    <t>157086023.0</t>
  </si>
  <si>
    <t>114213012.0</t>
  </si>
  <si>
    <t>42433458.0</t>
  </si>
  <si>
    <t>38959.0</t>
  </si>
  <si>
    <t>3130761.0</t>
  </si>
  <si>
    <t>2944486.0</t>
  </si>
  <si>
    <t>2030509.0</t>
  </si>
  <si>
    <t>159011917.0</t>
  </si>
  <si>
    <t>115554118.0</t>
  </si>
  <si>
    <t>43007597.0</t>
  </si>
  <si>
    <t>1778355.0</t>
  </si>
  <si>
    <t>3042944.0</t>
  </si>
  <si>
    <t>2098169.0</t>
  </si>
  <si>
    <t>161732330.0</t>
  </si>
  <si>
    <t>117566178.0</t>
  </si>
  <si>
    <t>43703087.0</t>
  </si>
  <si>
    <t>39093.0</t>
  </si>
  <si>
    <t>2652588.0</t>
  </si>
  <si>
    <t>3230446.0</t>
  </si>
  <si>
    <t>2234530.0</t>
  </si>
  <si>
    <t>164916570.0</t>
  </si>
  <si>
    <t>119827803.0</t>
  </si>
  <si>
    <t>44611828.0</t>
  </si>
  <si>
    <t>3527327.0</t>
  </si>
  <si>
    <t>3324855.0</t>
  </si>
  <si>
    <t>168603581.0</t>
  </si>
  <si>
    <t>122481013.0</t>
  </si>
  <si>
    <t>45636008.0</t>
  </si>
  <si>
    <t>39542.0</t>
  </si>
  <si>
    <t>4151525.0</t>
  </si>
  <si>
    <t>3350147.0</t>
  </si>
  <si>
    <t>2394314.0</t>
  </si>
  <si>
    <t>172619857.0</t>
  </si>
  <si>
    <t>125296060.0</t>
  </si>
  <si>
    <t>46817988.0</t>
  </si>
  <si>
    <t>4144098.0</t>
  </si>
  <si>
    <t>3341750.0</t>
  </si>
  <si>
    <t>2384981.0</t>
  </si>
  <si>
    <t>177351305.0</t>
  </si>
  <si>
    <t>128753805.0</t>
  </si>
  <si>
    <t>48079002.0</t>
  </si>
  <si>
    <t>4029293.0</t>
  </si>
  <si>
    <t>3344853.0</t>
  </si>
  <si>
    <t>2383786.0</t>
  </si>
  <si>
    <t>179839889.0</t>
  </si>
  <si>
    <t>130303174.0</t>
  </si>
  <si>
    <t>49007306.0</t>
  </si>
  <si>
    <t>2945168.0</t>
  </si>
  <si>
    <t>3318337.0</t>
  </si>
  <si>
    <t>2358206.0</t>
  </si>
  <si>
    <t>182291986.0</t>
  </si>
  <si>
    <t>131780088.0</t>
  </si>
  <si>
    <t>49966482.0</t>
  </si>
  <si>
    <t>41062.0</t>
  </si>
  <si>
    <t>2207149.0</t>
  </si>
  <si>
    <t>3379590.0</t>
  </si>
  <si>
    <t>2362355.0</t>
  </si>
  <si>
    <t>185385809.0</t>
  </si>
  <si>
    <t>134033348.0</t>
  </si>
  <si>
    <t>50797690.0</t>
  </si>
  <si>
    <t>2621893.0</t>
  </si>
  <si>
    <t>3375208.0</t>
  </si>
  <si>
    <t>2346226.0</t>
  </si>
  <si>
    <t>188544603.0</t>
  </si>
  <si>
    <t>136206219.0</t>
  </si>
  <si>
    <t>51778682.0</t>
  </si>
  <si>
    <t>42251.0</t>
  </si>
  <si>
    <t>3471199.0</t>
  </si>
  <si>
    <t>3367191.0</t>
  </si>
  <si>
    <t>2327747.0</t>
  </si>
  <si>
    <t>192498096.0</t>
  </si>
  <si>
    <t>138837872.0</t>
  </si>
  <si>
    <t>53077147.0</t>
  </si>
  <si>
    <t>43175.0</t>
  </si>
  <si>
    <t>4204440.0</t>
  </si>
  <si>
    <t>3374748.0</t>
  </si>
  <si>
    <t>2299312.0</t>
  </si>
  <si>
    <t>196637562.0</t>
  </si>
  <si>
    <t>141554829.0</t>
  </si>
  <si>
    <t>54488090.0</t>
  </si>
  <si>
    <t>44179.0</t>
  </si>
  <si>
    <t>4418086.0</t>
  </si>
  <si>
    <t>3413888.0</t>
  </si>
  <si>
    <t>2299278.0</t>
  </si>
  <si>
    <t>201657856.0</t>
  </si>
  <si>
    <t>144935871.0</t>
  </si>
  <si>
    <t>56133641.0</t>
  </si>
  <si>
    <t>45442.0</t>
  </si>
  <si>
    <t>4064180.0</t>
  </si>
  <si>
    <t>3418873.0</t>
  </si>
  <si>
    <t>2278069.0</t>
  </si>
  <si>
    <t>204438387.0</t>
  </si>
  <si>
    <t>146533487.0</t>
  </si>
  <si>
    <t>57312060.0</t>
  </si>
  <si>
    <t>45779.0</t>
  </si>
  <si>
    <t>3465873.0</t>
  </si>
  <si>
    <t>3493258.0</t>
  </si>
  <si>
    <t>2305628.0</t>
  </si>
  <si>
    <t>207415056.0</t>
  </si>
  <si>
    <t>148682284.0</t>
  </si>
  <si>
    <t>58168792.0</t>
  </si>
  <si>
    <t>45871.0</t>
  </si>
  <si>
    <t>2053975.0</t>
  </si>
  <si>
    <t>3471378.0</t>
  </si>
  <si>
    <t>2319020.0</t>
  </si>
  <si>
    <t>210052328.0</t>
  </si>
  <si>
    <t>150362689.0</t>
  </si>
  <si>
    <t>59141277.0</t>
  </si>
  <si>
    <t>3079315.0</t>
  </si>
  <si>
    <t>3536725.0</t>
  </si>
  <si>
    <t>2354268.0</t>
  </si>
  <si>
    <t>214031684.0</t>
  </si>
  <si>
    <t>153003656.0</t>
  </si>
  <si>
    <t>60579810.0</t>
  </si>
  <si>
    <t>47612.0</t>
  </si>
  <si>
    <t>4145560.0</t>
  </si>
  <si>
    <t>3633065.0</t>
  </si>
  <si>
    <t>2403312.0</t>
  </si>
  <si>
    <t>219097555.0</t>
  </si>
  <si>
    <t>156200903.0</t>
  </si>
  <si>
    <t>62395069.0</t>
  </si>
  <si>
    <t>5289214.0</t>
  </si>
  <si>
    <t>3788028.0</t>
  </si>
  <si>
    <t>2485289.0</t>
  </si>
  <si>
    <t>224154407.0</t>
  </si>
  <si>
    <t>159386623.0</t>
  </si>
  <si>
    <t>64289087.0</t>
  </si>
  <si>
    <t>5404319.0</t>
  </si>
  <si>
    <t>3928921.0</t>
  </si>
  <si>
    <t>2557432.0</t>
  </si>
  <si>
    <t>228974862.0</t>
  </si>
  <si>
    <t>162578323.0</t>
  </si>
  <si>
    <t>65964176.0</t>
  </si>
  <si>
    <t>4434509.0</t>
  </si>
  <si>
    <t>3981827.0</t>
  </si>
  <si>
    <t>2575979.0</t>
  </si>
  <si>
    <t>231499728.0</t>
  </si>
  <si>
    <t>164149303.0</t>
  </si>
  <si>
    <t>66921407.0</t>
  </si>
  <si>
    <t>52904.0</t>
  </si>
  <si>
    <t>2845459.0</t>
  </si>
  <si>
    <t>3893195.0</t>
  </si>
  <si>
    <t>2520468.0</t>
  </si>
  <si>
    <t>234522599.0</t>
  </si>
  <si>
    <t>166071692.0</t>
  </si>
  <si>
    <t>68073227.0</t>
  </si>
  <si>
    <t>53028.0</t>
  </si>
  <si>
    <t>2077492.0</t>
  </si>
  <si>
    <t>3896551.0</t>
  </si>
  <si>
    <t>2498829.0</t>
  </si>
  <si>
    <t>237086626.0</t>
  </si>
  <si>
    <t>167735439.0</t>
  </si>
  <si>
    <t>68991382.0</t>
  </si>
  <si>
    <t>53995.0</t>
  </si>
  <si>
    <t>2883663.0</t>
  </si>
  <si>
    <t>3868602.0</t>
  </si>
  <si>
    <t>2471133.0</t>
  </si>
  <si>
    <t>240727996.0</t>
  </si>
  <si>
    <t>170020240.0</t>
  </si>
  <si>
    <t>70364007.0</t>
  </si>
  <si>
    <t>55429.0</t>
  </si>
  <si>
    <t>4353458.0</t>
  </si>
  <si>
    <t>3898302.0</t>
  </si>
  <si>
    <t>2471322.0</t>
  </si>
  <si>
    <t>246573636.0</t>
  </si>
  <si>
    <t>173434194.0</t>
  </si>
  <si>
    <t>72964834.0</t>
  </si>
  <si>
    <t>5769559.0</t>
  </si>
  <si>
    <t>3966925.0</t>
  </si>
  <si>
    <t>2470798.0</t>
  </si>
  <si>
    <t>252062447.0</t>
  </si>
  <si>
    <t>176631412.0</t>
  </si>
  <si>
    <t>75295080.0</t>
  </si>
  <si>
    <t>59119.0</t>
  </si>
  <si>
    <t>5799003.0</t>
  </si>
  <si>
    <t>4023306.0</t>
  </si>
  <si>
    <t>2466798.0</t>
  </si>
  <si>
    <t>257824566.0</t>
  </si>
  <si>
    <t>180098151.0</t>
  </si>
  <si>
    <t>77655927.0</t>
  </si>
  <si>
    <t>61516.0</t>
  </si>
  <si>
    <t>4919871.0</t>
  </si>
  <si>
    <t>4092641.0</t>
  </si>
  <si>
    <t>2486925.0</t>
  </si>
  <si>
    <t>260961978.0</t>
  </si>
  <si>
    <t>181872372.0</t>
  </si>
  <si>
    <t>79042208.0</t>
  </si>
  <si>
    <t>61894.0</t>
  </si>
  <si>
    <t>3759576.0</t>
  </si>
  <si>
    <t>4223229.0</t>
  </si>
  <si>
    <t>2550397.0</t>
  </si>
  <si>
    <t>264250934.0</t>
  </si>
  <si>
    <t>184067663.0</t>
  </si>
  <si>
    <t>80149037.0</t>
  </si>
  <si>
    <t>62171.0</t>
  </si>
  <si>
    <t>2364559.0</t>
  </si>
  <si>
    <t>4264239.0</t>
  </si>
  <si>
    <t>2583565.0</t>
  </si>
  <si>
    <t>267817181.0</t>
  </si>
  <si>
    <t>186251025.0</t>
  </si>
  <si>
    <t>81555229.0</t>
  </si>
  <si>
    <t>3748534.0</t>
  </si>
  <si>
    <t>4387796.0</t>
  </si>
  <si>
    <t>2647245.0</t>
  </si>
  <si>
    <t>272335328.0</t>
  </si>
  <si>
    <t>189485951.0</t>
  </si>
  <si>
    <t>83486010.0</t>
  </si>
  <si>
    <t>4990412.0</t>
  </si>
  <si>
    <t>4478789.0</t>
  </si>
  <si>
    <t>2694788.0</t>
  </si>
  <si>
    <t>278035720.0</t>
  </si>
  <si>
    <t>192872376.0</t>
  </si>
  <si>
    <t>85825780.0</t>
  </si>
  <si>
    <t>67102.0</t>
  </si>
  <si>
    <t>6420281.0</t>
  </si>
  <si>
    <t>4571746.0</t>
  </si>
  <si>
    <t>2754888.0</t>
  </si>
  <si>
    <t>282710807.0</t>
  </si>
  <si>
    <t>195549407.0</t>
  </si>
  <si>
    <t>87883217.0</t>
  </si>
  <si>
    <t>4624772.0</t>
  </si>
  <si>
    <t>4404001.0</t>
  </si>
  <si>
    <t>2647292.0</t>
  </si>
  <si>
    <t>288719417.0</t>
  </si>
  <si>
    <t>199057789.0</t>
  </si>
  <si>
    <t>90475724.0</t>
  </si>
  <si>
    <t>70418.0</t>
  </si>
  <si>
    <t>5110965.0</t>
  </si>
  <si>
    <t>4431299.0</t>
  </si>
  <si>
    <t>2650224.0</t>
  </si>
  <si>
    <t>292434298.0</t>
  </si>
  <si>
    <t>201329315.0</t>
  </si>
  <si>
    <t>91964227.0</t>
  </si>
  <si>
    <t>70891.0</t>
  </si>
  <si>
    <t>4231222.0</t>
  </si>
  <si>
    <t>4498681.0</t>
  </si>
  <si>
    <t>2707294.0</t>
  </si>
  <si>
    <t>295790429.0</t>
  </si>
  <si>
    <t>203455803.0</t>
  </si>
  <si>
    <t>93231641.0</t>
  </si>
  <si>
    <t>2470360.0</t>
  </si>
  <si>
    <t>4513793.0</t>
  </si>
  <si>
    <t>2711559.0</t>
  </si>
  <si>
    <t>299224697.0</t>
  </si>
  <si>
    <t>205505505.0</t>
  </si>
  <si>
    <t>94676361.0</t>
  </si>
  <si>
    <t>3720110.0</t>
  </si>
  <si>
    <t>4509735.0</t>
  </si>
  <si>
    <t>2697524.0</t>
  </si>
  <si>
    <t>303990237.0</t>
  </si>
  <si>
    <t>208320907.0</t>
  </si>
  <si>
    <t>96710991.0</t>
  </si>
  <si>
    <t>5143952.0</t>
  </si>
  <si>
    <t>4531664.0</t>
  </si>
  <si>
    <t>2689732.0</t>
  </si>
  <si>
    <t>309057242.0</t>
  </si>
  <si>
    <t>211118239.0</t>
  </si>
  <si>
    <t>99031732.0</t>
  </si>
  <si>
    <t>77491.0</t>
  </si>
  <si>
    <t>5855277.0</t>
  </si>
  <si>
    <t>4450951.0</t>
  </si>
  <si>
    <t>2604396.0</t>
  </si>
  <si>
    <t>314813237.0</t>
  </si>
  <si>
    <t>214307730.0</t>
  </si>
  <si>
    <t>101718356.0</t>
  </si>
  <si>
    <t>80167.0</t>
  </si>
  <si>
    <t>5801272.0</t>
  </si>
  <si>
    <t>4619022.0</t>
  </si>
  <si>
    <t>2683010.0</t>
  </si>
  <si>
    <t>321074054.0</t>
  </si>
  <si>
    <t>217740958.0</t>
  </si>
  <si>
    <t>104687152.0</t>
  </si>
  <si>
    <t>83409.0</t>
  </si>
  <si>
    <t>5168858.0</t>
  </si>
  <si>
    <t>4627295.0</t>
  </si>
  <si>
    <t>2661759.0</t>
  </si>
  <si>
    <t>325042318.0</t>
  </si>
  <si>
    <t>219629270.0</t>
  </si>
  <si>
    <t>106858537.0</t>
  </si>
  <si>
    <t>84123.0</t>
  </si>
  <si>
    <t>4584130.0</t>
  </si>
  <si>
    <t>4677711.0</t>
  </si>
  <si>
    <t>2612479.0</t>
  </si>
  <si>
    <t>328565659.0</t>
  </si>
  <si>
    <t>221651969.0</t>
  </si>
  <si>
    <t>108469514.0</t>
  </si>
  <si>
    <t>84381.0</t>
  </si>
  <si>
    <t>2304892.0</t>
  </si>
  <si>
    <t>4654069.0</t>
  </si>
  <si>
    <t>44.11</t>
  </si>
  <si>
    <t>2582553.0</t>
  </si>
  <si>
    <t>331606635.0</t>
  </si>
  <si>
    <t>223376581.0</t>
  </si>
  <si>
    <t>109870576.0</t>
  </si>
  <si>
    <t>3389906.0</t>
  </si>
  <si>
    <t>4606900.0</t>
  </si>
  <si>
    <t>2536814.0</t>
  </si>
  <si>
    <t>335946640.0</t>
  </si>
  <si>
    <t>225652498.0</t>
  </si>
  <si>
    <t>112038140.0</t>
  </si>
  <si>
    <t>87521.0</t>
  </si>
  <si>
    <t>4678205.0</t>
  </si>
  <si>
    <t>4540361.0</t>
  </si>
  <si>
    <t>2446878.0</t>
  </si>
  <si>
    <t>341675523.0</t>
  </si>
  <si>
    <t>228540484.0</t>
  </si>
  <si>
    <t>115034297.0</t>
  </si>
  <si>
    <t>89974.0</t>
  </si>
  <si>
    <t>6142690.0</t>
  </si>
  <si>
    <t>4581422.0</t>
  </si>
  <si>
    <t>2429110.0</t>
  </si>
  <si>
    <t>346909797.0</t>
  </si>
  <si>
    <t>231064726.0</t>
  </si>
  <si>
    <t>117908570.0</t>
  </si>
  <si>
    <t>92516.0</t>
  </si>
  <si>
    <t>5565123.0</t>
  </si>
  <si>
    <t>4547682.0</t>
  </si>
  <si>
    <t>2353793.0</t>
  </si>
  <si>
    <t>353094565.0</t>
  </si>
  <si>
    <t>234019302.0</t>
  </si>
  <si>
    <t>121485594.0</t>
  </si>
  <si>
    <t>95654.0</t>
  </si>
  <si>
    <t>5283418.0</t>
  </si>
  <si>
    <t>4564047.0</t>
  </si>
  <si>
    <t>2304420.0</t>
  </si>
  <si>
    <t>356284597.0</t>
  </si>
  <si>
    <t>235606057.0</t>
  </si>
  <si>
    <t>123222060.0</t>
  </si>
  <si>
    <t>96320.0</t>
  </si>
  <si>
    <t>3876838.0</t>
  </si>
  <si>
    <t>4463010.0</t>
  </si>
  <si>
    <t>2258711.0</t>
  </si>
  <si>
    <t>359876193.0</t>
  </si>
  <si>
    <t>237385611.0</t>
  </si>
  <si>
    <t>125145752.0</t>
  </si>
  <si>
    <t>96526.0</t>
  </si>
  <si>
    <t>2400796.0</t>
  </si>
  <si>
    <t>4476708.0</t>
  </si>
  <si>
    <t>2247067.0</t>
  </si>
  <si>
    <t>363152377.0</t>
  </si>
  <si>
    <t>239102657.0</t>
  </si>
  <si>
    <t>126930946.0</t>
  </si>
  <si>
    <t>98103.0</t>
  </si>
  <si>
    <t>3689577.0</t>
  </si>
  <si>
    <t>4519519.0</t>
  </si>
  <si>
    <t>2250322.0</t>
  </si>
  <si>
    <t>368532103.0</t>
  </si>
  <si>
    <t>241550818.0</t>
  </si>
  <si>
    <t>130111998.0</t>
  </si>
  <si>
    <t>100528.0</t>
  </si>
  <si>
    <t>5835597.0</t>
  </si>
  <si>
    <t>4684858.0</t>
  </si>
  <si>
    <t>2288209.0</t>
  </si>
  <si>
    <t>374510404.0</t>
  </si>
  <si>
    <t>244661994.0</t>
  </si>
  <si>
    <t>133193752.0</t>
  </si>
  <si>
    <t>102946.0</t>
  </si>
  <si>
    <t>6307953.0</t>
  </si>
  <si>
    <t>4708474.0</t>
  </si>
  <si>
    <t>2310657.0</t>
  </si>
  <si>
    <t>379268078.0</t>
  </si>
  <si>
    <t>247218215.0</t>
  </si>
  <si>
    <t>135550857.0</t>
  </si>
  <si>
    <t>5179330.0</t>
  </si>
  <si>
    <t>4653362.0</t>
  </si>
  <si>
    <t>2321989.0</t>
  </si>
  <si>
    <t>385675050.0</t>
  </si>
  <si>
    <t>250637650.0</t>
  </si>
  <si>
    <t>138926672.0</t>
  </si>
  <si>
    <t>5716362.0</t>
  </si>
  <si>
    <t>4715205.0</t>
  </si>
  <si>
    <t>2400511.0</t>
  </si>
  <si>
    <t>389214946.0</t>
  </si>
  <si>
    <t>252448843.0</t>
  </si>
  <si>
    <t>140777727.0</t>
  </si>
  <si>
    <t>109507.0</t>
  </si>
  <si>
    <t>4338868.0</t>
  </si>
  <si>
    <t>4781210.0</t>
  </si>
  <si>
    <t>2458900.0</t>
  </si>
  <si>
    <t>393767453.0</t>
  </si>
  <si>
    <t>254938374.0</t>
  </si>
  <si>
    <t>143156897.0</t>
  </si>
  <si>
    <t>2980311.0</t>
  </si>
  <si>
    <t>4863999.0</t>
  </si>
  <si>
    <t>2528288.0</t>
  </si>
  <si>
    <t>397895863.0</t>
  </si>
  <si>
    <t>257060428.0</t>
  </si>
  <si>
    <t>145407324.0</t>
  </si>
  <si>
    <t>111748.0</t>
  </si>
  <si>
    <t>4694309.0</t>
  </si>
  <si>
    <t>5007529.0</t>
  </si>
  <si>
    <t>2601295.0</t>
  </si>
  <si>
    <t>402952176.0</t>
  </si>
  <si>
    <t>259575228.0</t>
  </si>
  <si>
    <t>148209641.0</t>
  </si>
  <si>
    <t>113962.0</t>
  </si>
  <si>
    <t>5642523.0</t>
  </si>
  <si>
    <t>4979952.0</t>
  </si>
  <si>
    <t>2623263.0</t>
  </si>
  <si>
    <t>408935346.0</t>
  </si>
  <si>
    <t>262498511.0</t>
  </si>
  <si>
    <t>151546204.0</t>
  </si>
  <si>
    <t>116277.0</t>
  </si>
  <si>
    <t>6472903.0</t>
  </si>
  <si>
    <t>5003513.0</t>
  </si>
  <si>
    <t>2613573.0</t>
  </si>
  <si>
    <t>414707880.0</t>
  </si>
  <si>
    <t>265371666.0</t>
  </si>
  <si>
    <t>154712567.0</t>
  </si>
  <si>
    <t>118679.0</t>
  </si>
  <si>
    <t>6220237.0</t>
  </si>
  <si>
    <t>5152214.0</t>
  </si>
  <si>
    <t>2662206.0</t>
  </si>
  <si>
    <t>421634124.0</t>
  </si>
  <si>
    <t>269139304.0</t>
  </si>
  <si>
    <t>158126681.0</t>
  </si>
  <si>
    <t>121457.0</t>
  </si>
  <si>
    <t>5659949.0</t>
  </si>
  <si>
    <t>5144161.0</t>
  </si>
  <si>
    <t>2635546.0</t>
  </si>
  <si>
    <t>425226403.0</t>
  </si>
  <si>
    <t>270980720.0</t>
  </si>
  <si>
    <t>159965200.0</t>
  </si>
  <si>
    <t>122321.0</t>
  </si>
  <si>
    <t>4436812.0</t>
  </si>
  <si>
    <t>5158150.0</t>
  </si>
  <si>
    <t>2626405.0</t>
  </si>
  <si>
    <t>429467564.0</t>
  </si>
  <si>
    <t>273181596.0</t>
  </si>
  <si>
    <t>162216862.0</t>
  </si>
  <si>
    <t>122816.0</t>
  </si>
  <si>
    <t>2707462.0</t>
  </si>
  <si>
    <t>5119171.0</t>
  </si>
  <si>
    <t>2589480.0</t>
  </si>
  <si>
    <t>433135076.0</t>
  </si>
  <si>
    <t>274863944.0</t>
  </si>
  <si>
    <t>164397144.0</t>
  </si>
  <si>
    <t>124823.0</t>
  </si>
  <si>
    <t>4236731.0</t>
  </si>
  <si>
    <t>5053801.0</t>
  </si>
  <si>
    <t>2521227.0</t>
  </si>
  <si>
    <t>437580686.0</t>
  </si>
  <si>
    <t>276984430.0</t>
  </si>
  <si>
    <t>166936372.0</t>
  </si>
  <si>
    <t>5407749.0</t>
  </si>
  <si>
    <t>5020262.0</t>
  </si>
  <si>
    <t>2474656.0</t>
  </si>
  <si>
    <t>443586692.0</t>
  </si>
  <si>
    <t>279698338.0</t>
  </si>
  <si>
    <t>170453089.0</t>
  </si>
  <si>
    <t>128952.0</t>
  </si>
  <si>
    <t>6192950.0</t>
  </si>
  <si>
    <t>4980269.0</t>
  </si>
  <si>
    <t>2424504.0</t>
  </si>
  <si>
    <t>449452418.0</t>
  </si>
  <si>
    <t>282624913.0</t>
  </si>
  <si>
    <t>173639873.0</t>
  </si>
  <si>
    <t>131639.0</t>
  </si>
  <si>
    <t>6381921.0</t>
  </si>
  <si>
    <t>5003371.0</t>
  </si>
  <si>
    <t>2434372.0</t>
  </si>
  <si>
    <t>456149566.0</t>
  </si>
  <si>
    <t>285836468.0</t>
  </si>
  <si>
    <t>177288433.0</t>
  </si>
  <si>
    <t>134368.0</t>
  </si>
  <si>
    <t>5467380.0</t>
  </si>
  <si>
    <t>4975859.0</t>
  </si>
  <si>
    <t>2392588.0</t>
  </si>
  <si>
    <t>459404201.0</t>
  </si>
  <si>
    <t>287311366.0</t>
  </si>
  <si>
    <t>179125052.0</t>
  </si>
  <si>
    <t>135141.0</t>
  </si>
  <si>
    <t>4186495.0</t>
  </si>
  <si>
    <t>4940100.0</t>
  </si>
  <si>
    <t>2346138.0</t>
  </si>
  <si>
    <t>463605159.0</t>
  </si>
  <si>
    <t>289339328.0</t>
  </si>
  <si>
    <t>181535115.0</t>
  </si>
  <si>
    <t>135435.0</t>
  </si>
  <si>
    <t>2667262.0</t>
  </si>
  <si>
    <t>4934357.0</t>
  </si>
  <si>
    <t>2329652.0</t>
  </si>
  <si>
    <t>467149067.0</t>
  </si>
  <si>
    <t>290884420.0</t>
  </si>
  <si>
    <t>183705826.0</t>
  </si>
  <si>
    <t>4072036.0</t>
  </si>
  <si>
    <t>4910827.0</t>
  </si>
  <si>
    <t>2309520.0</t>
  </si>
  <si>
    <t>472852478.0</t>
  </si>
  <si>
    <t>293462980.0</t>
  </si>
  <si>
    <t>187027862.0</t>
  </si>
  <si>
    <t>138495.0</t>
  </si>
  <si>
    <t>6257105.0</t>
  </si>
  <si>
    <t>5032164.0</t>
  </si>
  <si>
    <t>2358953.0</t>
  </si>
  <si>
    <t>478213648.0</t>
  </si>
  <si>
    <t>295736603.0</t>
  </si>
  <si>
    <t>190289279.0</t>
  </si>
  <si>
    <t>139925.0</t>
  </si>
  <si>
    <t>5888468.0</t>
  </si>
  <si>
    <t>4988668.0</t>
  </si>
  <si>
    <t>2313989.0</t>
  </si>
  <si>
    <t>483714177.0</t>
  </si>
  <si>
    <t>298168994.0</t>
  </si>
  <si>
    <t>193537096.0</t>
  </si>
  <si>
    <t>141492.0</t>
  </si>
  <si>
    <t>5974284.0</t>
  </si>
  <si>
    <t>4930434.0</t>
  </si>
  <si>
    <t>2241709.0</t>
  </si>
  <si>
    <t>490215302.0</t>
  </si>
  <si>
    <t>301372113.0</t>
  </si>
  <si>
    <t>197016418.0</t>
  </si>
  <si>
    <t>144621.0</t>
  </si>
  <si>
    <t>5590576.0</t>
  </si>
  <si>
    <t>4948032.0</t>
  </si>
  <si>
    <t>2236134.0</t>
  </si>
  <si>
    <t>494000381.0</t>
  </si>
  <si>
    <t>303020708.0</t>
  </si>
  <si>
    <t>199219110.0</t>
  </si>
  <si>
    <t>145444.0</t>
  </si>
  <si>
    <t>4356601.0</t>
  </si>
  <si>
    <t>4972330.0</t>
  </si>
  <si>
    <t>2243459.0</t>
  </si>
  <si>
    <t>498219435.0</t>
  </si>
  <si>
    <t>304836884.0</t>
  </si>
  <si>
    <t>201850196.0</t>
  </si>
  <si>
    <t>2942196.0</t>
  </si>
  <si>
    <t>5011609.0</t>
  </si>
  <si>
    <t>2237126.0</t>
  </si>
  <si>
    <t>502192602.0</t>
  </si>
  <si>
    <t>306407171.0</t>
  </si>
  <si>
    <t>204394573.0</t>
  </si>
  <si>
    <t>147309.0</t>
  </si>
  <si>
    <t>4537573.0</t>
  </si>
  <si>
    <t>5078113.0</t>
  </si>
  <si>
    <t>2245780.0</t>
  </si>
  <si>
    <t>507257157.0</t>
  </si>
  <si>
    <t>308593114.0</t>
  </si>
  <si>
    <t>207411625.0</t>
  </si>
  <si>
    <t>149808.0</t>
  </si>
  <si>
    <t>5631283.0</t>
  </si>
  <si>
    <t>4988711.0</t>
  </si>
  <si>
    <t>2193072.0</t>
  </si>
  <si>
    <t>512890585.0</t>
  </si>
  <si>
    <t>311106373.0</t>
  </si>
  <si>
    <t>210620088.0</t>
  </si>
  <si>
    <t>152251.0</t>
  </si>
  <si>
    <t>6161529.0</t>
  </si>
  <si>
    <t>5027721.0</t>
  </si>
  <si>
    <t>2230348.0</t>
  </si>
  <si>
    <t>518380786.0</t>
  </si>
  <si>
    <t>313690748.0</t>
  </si>
  <si>
    <t>213613876.0</t>
  </si>
  <si>
    <t>154912.0</t>
  </si>
  <si>
    <t>6104541.0</t>
  </si>
  <si>
    <t>5046329.0</t>
  </si>
  <si>
    <t>2263791.0</t>
  </si>
  <si>
    <t>525311718.0</t>
  </si>
  <si>
    <t>317307940.0</t>
  </si>
  <si>
    <t>217139884.0</t>
  </si>
  <si>
    <t>158723.0</t>
  </si>
  <si>
    <t>5525000.0</t>
  </si>
  <si>
    <t>5036962.0</t>
  </si>
  <si>
    <t>2298849.0</t>
  </si>
  <si>
    <t>528438059.0</t>
  </si>
  <si>
    <t>318621726.0</t>
  </si>
  <si>
    <t>218994749.0</t>
  </si>
  <si>
    <t>159872.0</t>
  </si>
  <si>
    <t>4111960.0</t>
  </si>
  <si>
    <t>5002013.0</t>
  </si>
  <si>
    <t>2271951.0</t>
  </si>
  <si>
    <t>532696885.0</t>
  </si>
  <si>
    <t>320688753.0</t>
  </si>
  <si>
    <t>221444700.0</t>
  </si>
  <si>
    <t>160386.0</t>
  </si>
  <si>
    <t>2844158.0</t>
  </si>
  <si>
    <t>4988008.0</t>
  </si>
  <si>
    <t>2280248.0</t>
  </si>
  <si>
    <t>536429724.0</t>
  </si>
  <si>
    <t>322060857.0</t>
  </si>
  <si>
    <t>223909392.0</t>
  </si>
  <si>
    <t>4091711.0</t>
  </si>
  <si>
    <t>4924312.0</t>
  </si>
  <si>
    <t>2243384.0</t>
  </si>
  <si>
    <t>541766388.0</t>
  </si>
  <si>
    <t>324409640.0</t>
  </si>
  <si>
    <t>226980888.0</t>
  </si>
  <si>
    <t>164761.0</t>
  </si>
  <si>
    <t>5908998.0</t>
  </si>
  <si>
    <t>4963983.0</t>
  </si>
  <si>
    <t>2267253.0</t>
  </si>
  <si>
    <t>547097648.0</t>
  </si>
  <si>
    <t>326563896.0</t>
  </si>
  <si>
    <t>230417767.0</t>
  </si>
  <si>
    <t>167272.0</t>
  </si>
  <si>
    <t>5892779.0</t>
  </si>
  <si>
    <t>4925591.0</t>
  </si>
  <si>
    <t>2216769.0</t>
  </si>
  <si>
    <t>552002716.0</t>
  </si>
  <si>
    <t>328432682.0</t>
  </si>
  <si>
    <t>233560019.0</t>
  </si>
  <si>
    <t>170034.0</t>
  </si>
  <si>
    <t>5436311.0</t>
  </si>
  <si>
    <t>4830134.0</t>
  </si>
  <si>
    <t>2106244.0</t>
  </si>
  <si>
    <t>558946965.0</t>
  </si>
  <si>
    <t>331635850.0</t>
  </si>
  <si>
    <t>237461249.0</t>
  </si>
  <si>
    <t>173910.0</t>
  </si>
  <si>
    <t>5500376.0</t>
  </si>
  <si>
    <t>4826614.0</t>
  </si>
  <si>
    <t>2048984.0</t>
  </si>
  <si>
    <t>561932288.0</t>
  </si>
  <si>
    <t>332835019.0</t>
  </si>
  <si>
    <t>239275347.0</t>
  </si>
  <si>
    <t>4005507.0</t>
  </si>
  <si>
    <t>4811408.0</t>
  </si>
  <si>
    <t>2015409.0</t>
  </si>
  <si>
    <t>565915303.0</t>
  </si>
  <si>
    <t>334479765.0</t>
  </si>
  <si>
    <t>241811135.0</t>
  </si>
  <si>
    <t>2520706.0</t>
  </si>
  <si>
    <t>4765197.0</t>
  </si>
  <si>
    <t>1956469.0</t>
  </si>
  <si>
    <t>569493999.0</t>
  </si>
  <si>
    <t>335593732.0</t>
  </si>
  <si>
    <t>244389800.0</t>
  </si>
  <si>
    <t>177793.0</t>
  </si>
  <si>
    <t>4035165.0</t>
  </si>
  <si>
    <t>4757123.0</t>
  </si>
  <si>
    <t>1909524.0</t>
  </si>
  <si>
    <t>574465651.0</t>
  </si>
  <si>
    <t>337566445.0</t>
  </si>
  <si>
    <t>247519709.0</t>
  </si>
  <si>
    <t>180228.0</t>
  </si>
  <si>
    <t>5456196.0</t>
  </si>
  <si>
    <t>4692436.0</t>
  </si>
  <si>
    <t>1838401.0</t>
  </si>
  <si>
    <t>579748584.0</t>
  </si>
  <si>
    <t>339574585.0</t>
  </si>
  <si>
    <t>250904284.0</t>
  </si>
  <si>
    <t>181199.0</t>
  </si>
  <si>
    <t>5666454.0</t>
  </si>
  <si>
    <t>4660101.0</t>
  </si>
  <si>
    <t>1796698.0</t>
  </si>
  <si>
    <t>584700147.0</t>
  </si>
  <si>
    <t>341438708.0</t>
  </si>
  <si>
    <t>254171480.0</t>
  </si>
  <si>
    <t>183985.0</t>
  </si>
  <si>
    <t>5449163.0</t>
  </si>
  <si>
    <t>4661936.0</t>
  </si>
  <si>
    <t>1784381.0</t>
  </si>
  <si>
    <t>591811702.0</t>
  </si>
  <si>
    <t>344299677.0</t>
  </si>
  <si>
    <t>258613153.0</t>
  </si>
  <si>
    <t>187355.0</t>
  </si>
  <si>
    <t>6159612.0</t>
  </si>
  <si>
    <t>4756117.0</t>
  </si>
  <si>
    <t>1825409.0</t>
  </si>
  <si>
    <t>594539399.0</t>
  </si>
  <si>
    <t>345211039.0</t>
  </si>
  <si>
    <t>260493297.0</t>
  </si>
  <si>
    <t>3292162.0</t>
  </si>
  <si>
    <t>4654208.0</t>
  </si>
  <si>
    <t>1768063.0</t>
  </si>
  <si>
    <t>598893011.0</t>
  </si>
  <si>
    <t>347293681.0</t>
  </si>
  <si>
    <t>262947860.0</t>
  </si>
  <si>
    <t>192143.0</t>
  </si>
  <si>
    <t>2418619.0</t>
  </si>
  <si>
    <t>4639623.0</t>
  </si>
  <si>
    <t>1770786.0</t>
  </si>
  <si>
    <t>602258933.0</t>
  </si>
  <si>
    <t>348474184.0</t>
  </si>
  <si>
    <t>265258126.0</t>
  </si>
  <si>
    <t>194103.0</t>
  </si>
  <si>
    <t>3680374.0</t>
  </si>
  <si>
    <t>4588940.0</t>
  </si>
  <si>
    <t>1770740.0</t>
  </si>
  <si>
    <t>607876147.0</t>
  </si>
  <si>
    <t>350810389.0</t>
  </si>
  <si>
    <t>268653624.0</t>
  </si>
  <si>
    <t>196239.0</t>
  </si>
  <si>
    <t>6036213.0</t>
  </si>
  <si>
    <t>4671799.0</t>
  </si>
  <si>
    <t>1815953.0</t>
  </si>
  <si>
    <t>612628218.0</t>
  </si>
  <si>
    <t>352607200.0</t>
  </si>
  <si>
    <t>271707312.0</t>
  </si>
  <si>
    <t>198203.0</t>
  </si>
  <si>
    <t>4983972.0</t>
  </si>
  <si>
    <t>4574302.0</t>
  </si>
  <si>
    <t>1774230.0</t>
  </si>
  <si>
    <t>617302609.0</t>
  </si>
  <si>
    <t>354497595.0</t>
  </si>
  <si>
    <t>274612699.0</t>
  </si>
  <si>
    <t>200351.0</t>
  </si>
  <si>
    <t>5062372.0</t>
  </si>
  <si>
    <t>4519048.0</t>
  </si>
  <si>
    <t>1770474.0</t>
  </si>
  <si>
    <t>623357762.0</t>
  </si>
  <si>
    <t>356761372.0</t>
  </si>
  <si>
    <t>278615410.0</t>
  </si>
  <si>
    <t>203474.0</t>
  </si>
  <si>
    <t>5205948.0</t>
  </si>
  <si>
    <t>4382810.0</t>
  </si>
  <si>
    <t>1686196.0</t>
  </si>
  <si>
    <t>625533315.0</t>
  </si>
  <si>
    <t>357531835.0</t>
  </si>
  <si>
    <t>280046247.0</t>
  </si>
  <si>
    <t>204700.0</t>
  </si>
  <si>
    <t>2926948.0</t>
  </si>
  <si>
    <t>4330633.0</t>
  </si>
  <si>
    <t>83.99</t>
  </si>
  <si>
    <t>1667720.0</t>
  </si>
  <si>
    <t>628768810.0</t>
  </si>
  <si>
    <t>358831920.0</t>
  </si>
  <si>
    <t>282092048.0</t>
  </si>
  <si>
    <t>205078.0</t>
  </si>
  <si>
    <t>1998757.0</t>
  </si>
  <si>
    <t>4270656.0</t>
  </si>
  <si>
    <t>1636898.0</t>
  </si>
  <si>
    <t>631920322.0</t>
  </si>
  <si>
    <t>360069959.0</t>
  </si>
  <si>
    <t>284155703.0</t>
  </si>
  <si>
    <t>207006.0</t>
  </si>
  <si>
    <t>3516640.0</t>
  </si>
  <si>
    <t>4247263.0</t>
  </si>
  <si>
    <t>1642480.0</t>
  </si>
  <si>
    <t>636527416.0</t>
  </si>
  <si>
    <t>362015577.0</t>
  </si>
  <si>
    <t>286911999.0</t>
  </si>
  <si>
    <t>209135.0</t>
  </si>
  <si>
    <t>4876956.0</t>
  </si>
  <si>
    <t>4081660.0</t>
  </si>
  <si>
    <t>1583093.0</t>
  </si>
  <si>
    <t>640909092.0</t>
  </si>
  <si>
    <t>363815323.0</t>
  </si>
  <si>
    <t>289597035.0</t>
  </si>
  <si>
    <t>211402.0</t>
  </si>
  <si>
    <t>4765011.0</t>
  </si>
  <si>
    <t>4050376.0</t>
  </si>
  <si>
    <t>1589782.0</t>
  </si>
  <si>
    <t>645361005.0</t>
  </si>
  <si>
    <t>365790683.0</t>
  </si>
  <si>
    <t>292156998.0</t>
  </si>
  <si>
    <t>213790.0</t>
  </si>
  <si>
    <t>4802326.0</t>
  </si>
  <si>
    <t>4013226.0</t>
  </si>
  <si>
    <t>1597280.0</t>
  </si>
  <si>
    <t>650545637.0</t>
  </si>
  <si>
    <t>367576274.0</t>
  </si>
  <si>
    <t>295735734.0</t>
  </si>
  <si>
    <t>217192.0</t>
  </si>
  <si>
    <t>4333834.0</t>
  </si>
  <si>
    <t>3888642.0</t>
  </si>
  <si>
    <t>1536127.0</t>
  </si>
  <si>
    <t>653330506.0</t>
  </si>
  <si>
    <t>368658782.0</t>
  </si>
  <si>
    <t>297480856.0</t>
  </si>
  <si>
    <t>218473.0</t>
  </si>
  <si>
    <t>3374241.0</t>
  </si>
  <si>
    <t>3952537.0</t>
  </si>
  <si>
    <t>1572205.0</t>
  </si>
  <si>
    <t>656149611.0</t>
  </si>
  <si>
    <t>369814610.0</t>
  </si>
  <si>
    <t>299238554.0</t>
  </si>
  <si>
    <t>219005.0</t>
  </si>
  <si>
    <t>1857967.0</t>
  </si>
  <si>
    <t>3932424.0</t>
  </si>
  <si>
    <t>1571726.0</t>
  </si>
  <si>
    <t>658804055.0</t>
  </si>
  <si>
    <t>370917172.0</t>
  </si>
  <si>
    <t>300908338.0</t>
  </si>
  <si>
    <t>221096.0</t>
  </si>
  <si>
    <t>3026646.0</t>
  </si>
  <si>
    <t>3862426.0</t>
  </si>
  <si>
    <t>1554124.0</t>
  </si>
  <si>
    <t>662623828.0</t>
  </si>
  <si>
    <t>372573286.0</t>
  </si>
  <si>
    <t>303294352.0</t>
  </si>
  <si>
    <t>223606.0</t>
  </si>
  <si>
    <t>4160584.0</t>
  </si>
  <si>
    <t>3760089.0</t>
  </si>
  <si>
    <t>1508877.0</t>
  </si>
  <si>
    <t>667152721.0</t>
  </si>
  <si>
    <t>374564442.0</t>
  </si>
  <si>
    <t>305916436.0</t>
  </si>
  <si>
    <t>225976.0</t>
  </si>
  <si>
    <t>4749332.0</t>
  </si>
  <si>
    <t>3757847.0</t>
  </si>
  <si>
    <t>1519155.0</t>
  </si>
  <si>
    <t>670583378.0</t>
  </si>
  <si>
    <t>375991748.0</t>
  </si>
  <si>
    <t>308020109.0</t>
  </si>
  <si>
    <t>228383.0</t>
  </si>
  <si>
    <t>3801347.0</t>
  </si>
  <si>
    <t>3614854.0</t>
  </si>
  <si>
    <t>1439731.0</t>
  </si>
  <si>
    <t>674931259.0</t>
  </si>
  <si>
    <t>377513088.0</t>
  </si>
  <si>
    <t>311014379.0</t>
  </si>
  <si>
    <t>231706.0</t>
  </si>
  <si>
    <t>3522868.0</t>
  </si>
  <si>
    <t>3499001.0</t>
  </si>
  <si>
    <t>1409103.0</t>
  </si>
  <si>
    <t>677442166.0</t>
  </si>
  <si>
    <t>378562294.0</t>
  </si>
  <si>
    <t>312538561.0</t>
  </si>
  <si>
    <t>233137.0</t>
  </si>
  <si>
    <t>2982170.0</t>
  </si>
  <si>
    <t>3442987.0</t>
  </si>
  <si>
    <t>1399397.0</t>
  </si>
  <si>
    <t>679990628.0</t>
  </si>
  <si>
    <t>379572298.0</t>
  </si>
  <si>
    <t>314162785.0</t>
  </si>
  <si>
    <t>233708.0</t>
  </si>
  <si>
    <t>1816214.0</t>
  </si>
  <si>
    <t>3437024.0</t>
  </si>
  <si>
    <t>1400835.0</t>
  </si>
  <si>
    <t>682457428.0</t>
  </si>
  <si>
    <t>380546287.0</t>
  </si>
  <si>
    <t>315723849.0</t>
  </si>
  <si>
    <t>235961.0</t>
  </si>
  <si>
    <t>2804391.0</t>
  </si>
  <si>
    <t>3405272.0</t>
  </si>
  <si>
    <t>1384640.0</t>
  </si>
  <si>
    <t>686467259.0</t>
  </si>
  <si>
    <t>382150154.0</t>
  </si>
  <si>
    <t>318203192.0</t>
  </si>
  <si>
    <t>238376.0</t>
  </si>
  <si>
    <t>4180049.0</t>
  </si>
  <si>
    <t>3408056.0</t>
  </si>
  <si>
    <t>1373699.0</t>
  </si>
  <si>
    <t>690225108.0</t>
  </si>
  <si>
    <t>383849685.0</t>
  </si>
  <si>
    <t>320347675.0</t>
  </si>
  <si>
    <t>241011.0</t>
  </si>
  <si>
    <t>4147219.0</t>
  </si>
  <si>
    <t>3322038.0</t>
  </si>
  <si>
    <t>92.67</t>
  </si>
  <si>
    <t>1353227.0</t>
  </si>
  <si>
    <t>693723682.0</t>
  </si>
  <si>
    <t>385325545.0</t>
  </si>
  <si>
    <t>322524921.0</t>
  </si>
  <si>
    <t>243695.0</t>
  </si>
  <si>
    <t>3910915.0</t>
  </si>
  <si>
    <t>3337688.0</t>
  </si>
  <si>
    <t>1368171.0</t>
  </si>
  <si>
    <t>699546904.0</t>
  </si>
  <si>
    <t>387446045.0</t>
  </si>
  <si>
    <t>326411050.0</t>
  </si>
  <si>
    <t>247002.0</t>
  </si>
  <si>
    <t>5062550.0</t>
  </si>
  <si>
    <t>3557645.0</t>
  </si>
  <si>
    <t>1429070.0</t>
  </si>
  <si>
    <t>702775998.0</t>
  </si>
  <si>
    <t>388235310.0</t>
  </si>
  <si>
    <t>328894410.0</t>
  </si>
  <si>
    <t>248643.0</t>
  </si>
  <si>
    <t>3627169.0</t>
  </si>
  <si>
    <t>3649788.0</t>
  </si>
  <si>
    <t>94.36</t>
  </si>
  <si>
    <t>1393109.0</t>
  </si>
  <si>
    <t>705155875.0</t>
  </si>
  <si>
    <t>389123777.0</t>
  </si>
  <si>
    <t>330455616.0</t>
  </si>
  <si>
    <t>1393094.0</t>
  </si>
  <si>
    <t>3589340.0</t>
  </si>
  <si>
    <t>1364300.0</t>
  </si>
  <si>
    <t>707547784.0</t>
  </si>
  <si>
    <t>390118571.0</t>
  </si>
  <si>
    <t>331914126.0</t>
  </si>
  <si>
    <t>251845.0</t>
  </si>
  <si>
    <t>2710368.0</t>
  </si>
  <si>
    <t>3575913.0</t>
  </si>
  <si>
    <t>1370706.0</t>
  </si>
  <si>
    <t>710524808.0</t>
  </si>
  <si>
    <t>391296345.0</t>
  </si>
  <si>
    <t>333789291.0</t>
  </si>
  <si>
    <t>255975.0</t>
  </si>
  <si>
    <t>3267508.0</t>
  </si>
  <si>
    <t>3445549.0</t>
  </si>
  <si>
    <t>1317444.0</t>
  </si>
  <si>
    <t>713668179.0</t>
  </si>
  <si>
    <t>392487484.0</t>
  </si>
  <si>
    <t>335829942.0</t>
  </si>
  <si>
    <t>261391.0</t>
  </si>
  <si>
    <t>3407612.0</t>
  </si>
  <si>
    <t>3339893.0</t>
  </si>
  <si>
    <t>1241568.0</t>
  </si>
  <si>
    <t>716791862.0</t>
  </si>
  <si>
    <t>393726291.0</t>
  </si>
  <si>
    <t>338026978.0</t>
  </si>
  <si>
    <t>271768.0</t>
  </si>
  <si>
    <t>3433328.0</t>
  </si>
  <si>
    <t>3271661.0</t>
  </si>
  <si>
    <t>1206100.0</t>
  </si>
  <si>
    <t>720284313.0</t>
  </si>
  <si>
    <t>395273562.0</t>
  </si>
  <si>
    <t>340124370.0</t>
  </si>
  <si>
    <t>275618.0</t>
  </si>
  <si>
    <t>3087569.0</t>
  </si>
  <si>
    <t>2989520.0</t>
  </si>
  <si>
    <t>96.71</t>
  </si>
  <si>
    <t>1118028.0</t>
  </si>
  <si>
    <t>722309515.0</t>
  </si>
  <si>
    <t>396077899.0</t>
  </si>
  <si>
    <t>341366078.0</t>
  </si>
  <si>
    <t>277270.0</t>
  </si>
  <si>
    <t>2491676.0</t>
  </si>
  <si>
    <t>2827309.0</t>
  </si>
  <si>
    <t>96.98</t>
  </si>
  <si>
    <t>1122099.0</t>
  </si>
  <si>
    <t>724870257.0</t>
  </si>
  <si>
    <t>396970322.0</t>
  </si>
  <si>
    <t>343125841.0</t>
  </si>
  <si>
    <t>296649.0</t>
  </si>
  <si>
    <t>1474539.0</t>
  </si>
  <si>
    <t>2838944.0</t>
  </si>
  <si>
    <t>1123869.0</t>
  </si>
  <si>
    <t>727043745.0</t>
  </si>
  <si>
    <t>397776313.0</t>
  </si>
  <si>
    <t>344527271.0</t>
  </si>
  <si>
    <t>316066.0</t>
  </si>
  <si>
    <t>2485828.0</t>
  </si>
  <si>
    <t>2806865.0</t>
  </si>
  <si>
    <t>1095404.0</t>
  </si>
  <si>
    <t>729900630.0</t>
  </si>
  <si>
    <t>398834239.0</t>
  </si>
  <si>
    <t>346378709.0</t>
  </si>
  <si>
    <t>337970.0</t>
  </si>
  <si>
    <t>3079542.0</t>
  </si>
  <si>
    <t>2780014.0</t>
  </si>
  <si>
    <t>1074644.0</t>
  </si>
  <si>
    <t>732860929.0</t>
  </si>
  <si>
    <t>399926318.0</t>
  </si>
  <si>
    <t>348290469.0</t>
  </si>
  <si>
    <t>396313.0</t>
  </si>
  <si>
    <t>3255852.0</t>
  </si>
  <si>
    <t>2758334.0</t>
  </si>
  <si>
    <t>1063888.0</t>
  </si>
  <si>
    <t>735680098.0</t>
  </si>
  <si>
    <t>400976105.0</t>
  </si>
  <si>
    <t>350123085.0</t>
  </si>
  <si>
    <t>421668.0</t>
  </si>
  <si>
    <t>2995059.0</t>
  </si>
  <si>
    <t>2695723.0</t>
  </si>
  <si>
    <t>1027170.0</t>
  </si>
  <si>
    <t>738980530.0</t>
  </si>
  <si>
    <t>402337905.0</t>
  </si>
  <si>
    <t>352140723.0</t>
  </si>
  <si>
    <t>428777.0</t>
  </si>
  <si>
    <t>3028232.0</t>
  </si>
  <si>
    <t>2687247.0</t>
  </si>
  <si>
    <t>99.22</t>
  </si>
  <si>
    <t>1012412.0</t>
  </si>
  <si>
    <t>740605134.0</t>
  </si>
  <si>
    <t>402963808.0</t>
  </si>
  <si>
    <t>353137635.0</t>
  </si>
  <si>
    <t>460546.0</t>
  </si>
  <si>
    <t>2008038.0</t>
  </si>
  <si>
    <t>2618156.0</t>
  </si>
  <si>
    <t>99.44</t>
  </si>
  <si>
    <t>976165.0</t>
  </si>
  <si>
    <t>742763147.0</t>
  </si>
  <si>
    <t>403623172.0</t>
  </si>
  <si>
    <t>354706573.0</t>
  </si>
  <si>
    <t>465549.0</t>
  </si>
  <si>
    <t>2583849.0</t>
  </si>
  <si>
    <t>958195.0</t>
  </si>
  <si>
    <t>744886667.0</t>
  </si>
  <si>
    <t>404439024.0</t>
  </si>
  <si>
    <t>356087752.0</t>
  </si>
  <si>
    <t>494484.0</t>
  </si>
  <si>
    <t>2369115.0</t>
  </si>
  <si>
    <t>2567176.0</t>
  </si>
  <si>
    <t>949854.0</t>
  </si>
  <si>
    <t>747360526.0</t>
  </si>
  <si>
    <t>405328909.0</t>
  </si>
  <si>
    <t>357737137.0</t>
  </si>
  <si>
    <t>830311.0</t>
  </si>
  <si>
    <t>2723108.0</t>
  </si>
  <si>
    <t>2516258.0</t>
  </si>
  <si>
    <t>923654.0</t>
  </si>
  <si>
    <t>750493070.0</t>
  </si>
  <si>
    <t>406274659.0</t>
  </si>
  <si>
    <t>359908872.0</t>
  </si>
  <si>
    <t>933694.0</t>
  </si>
  <si>
    <t>3334660.0</t>
  </si>
  <si>
    <t>2527516.0</t>
  </si>
  <si>
    <t>100.76</t>
  </si>
  <si>
    <t>892058.0</t>
  </si>
  <si>
    <t>752913734.0</t>
  </si>
  <si>
    <t>407173788.0</t>
  </si>
  <si>
    <t>361461892.0</t>
  </si>
  <si>
    <t>1034236.0</t>
  </si>
  <si>
    <t>2657358.0</t>
  </si>
  <si>
    <t>2479271.0</t>
  </si>
  <si>
    <t>101.09</t>
  </si>
  <si>
    <t>871467.0</t>
  </si>
  <si>
    <t>755873097.0</t>
  </si>
  <si>
    <t>408102160.0</t>
  </si>
  <si>
    <t>363496114.0</t>
  </si>
  <si>
    <t>1083106.0</t>
  </si>
  <si>
    <t>2736266.0</t>
  </si>
  <si>
    <t>2437563.0</t>
  </si>
  <si>
    <t>834735.0</t>
  </si>
  <si>
    <t>757195873.0</t>
  </si>
  <si>
    <t>408622558.0</t>
  </si>
  <si>
    <t>364305018.0</t>
  </si>
  <si>
    <t>1101547.0</t>
  </si>
  <si>
    <t>1709769.0</t>
  </si>
  <si>
    <t>2394955.0</t>
  </si>
  <si>
    <t>818864.0</t>
  </si>
  <si>
    <t>759153913.0</t>
  </si>
  <si>
    <t>409228536.0</t>
  </si>
  <si>
    <t>365714053.0</t>
  </si>
  <si>
    <t>1160349.0</t>
  </si>
  <si>
    <t>1133508.0</t>
  </si>
  <si>
    <t>2380545.0</t>
  </si>
  <si>
    <t>101.93</t>
  </si>
  <si>
    <t>811287.0</t>
  </si>
  <si>
    <t>760702794.0</t>
  </si>
  <si>
    <t>409786457.0</t>
  </si>
  <si>
    <t>366691891.0</t>
  </si>
  <si>
    <t>1241252.0</t>
  </si>
  <si>
    <t>1731034.0</t>
  </si>
  <si>
    <t>2289387.0</t>
  </si>
  <si>
    <t>102.13</t>
  </si>
  <si>
    <t>772399.0</t>
  </si>
  <si>
    <t>763347364.0</t>
  </si>
  <si>
    <t>410760542.0</t>
  </si>
  <si>
    <t>368347239.0</t>
  </si>
  <si>
    <t>1339686.0</t>
  </si>
  <si>
    <t>2722542.0</t>
  </si>
  <si>
    <t>2289300.0</t>
  </si>
  <si>
    <t>773511.0</t>
  </si>
  <si>
    <t>765327638.0</t>
  </si>
  <si>
    <t>411427282.0</t>
  </si>
  <si>
    <t>369630485.0</t>
  </si>
  <si>
    <t>1441682.0</t>
  </si>
  <si>
    <t>2137439.0</t>
  </si>
  <si>
    <t>2118274.0</t>
  </si>
  <si>
    <t>102.76</t>
  </si>
  <si>
    <t>731896.0</t>
  </si>
  <si>
    <t>767456549.0</t>
  </si>
  <si>
    <t>412164189.0</t>
  </si>
  <si>
    <t>370992287.0</t>
  </si>
  <si>
    <t>1548315.0</t>
  </si>
  <si>
    <t>2399345.0</t>
  </si>
  <si>
    <t>2081412.0</t>
  </si>
  <si>
    <t>711734.0</t>
  </si>
  <si>
    <t>770117435.0</t>
  </si>
  <si>
    <t>413222724.0</t>
  </si>
  <si>
    <t>372573893.0</t>
  </si>
  <si>
    <t>1613162.0</t>
  </si>
  <si>
    <t>2401804.0</t>
  </si>
  <si>
    <t>2033634.0</t>
  </si>
  <si>
    <t>731805.0</t>
  </si>
  <si>
    <t>771320846.0</t>
  </si>
  <si>
    <t>413665233.0</t>
  </si>
  <si>
    <t>373334513.0</t>
  </si>
  <si>
    <t>1635077.0</t>
  </si>
  <si>
    <t>1505680.0</t>
  </si>
  <si>
    <t>2004479.0</t>
  </si>
  <si>
    <t>103.56</t>
  </si>
  <si>
    <t>717102.0</t>
  </si>
  <si>
    <t>772882983.0</t>
  </si>
  <si>
    <t>414168041.0</t>
  </si>
  <si>
    <t>374424133.0</t>
  </si>
  <si>
    <t>1695284.0</t>
  </si>
  <si>
    <t>910099.0</t>
  </si>
  <si>
    <t>1972563.0</t>
  </si>
  <si>
    <t>103.77</t>
  </si>
  <si>
    <t>709158.0</t>
  </si>
  <si>
    <t>774806317.0</t>
  </si>
  <si>
    <t>415132390.0</t>
  </si>
  <si>
    <t>375341550.0</t>
  </si>
  <si>
    <t>1778730.0</t>
  </si>
  <si>
    <t>2160703.0</t>
  </si>
  <si>
    <t>2033945.0</t>
  </si>
  <si>
    <t>773453.0</t>
  </si>
  <si>
    <t>776467694.0</t>
  </si>
  <si>
    <t>415723683.0</t>
  </si>
  <si>
    <t>376324612.0</t>
  </si>
  <si>
    <t>1937578.0</t>
  </si>
  <si>
    <t>1800759.0</t>
  </si>
  <si>
    <t>1902262.0</t>
  </si>
  <si>
    <t>726577.0</t>
  </si>
  <si>
    <t>778501732.0</t>
  </si>
  <si>
    <t>416544134.0</t>
  </si>
  <si>
    <t>377472449.0</t>
  </si>
  <si>
    <t>2080029.0</t>
  </si>
  <si>
    <t>2243797.0</t>
  </si>
  <si>
    <t>1917454.0</t>
  </si>
  <si>
    <t>751268.0</t>
  </si>
  <si>
    <t>780385491.0</t>
  </si>
  <si>
    <t>417271336.0</t>
  </si>
  <si>
    <t>378511821.0</t>
  </si>
  <si>
    <t>2262847.0</t>
  </si>
  <si>
    <t>2059700.0</t>
  </si>
  <si>
    <t>1868933.0</t>
  </si>
  <si>
    <t>745714.0</t>
  </si>
  <si>
    <t>782468502.0</t>
  </si>
  <si>
    <t>418036358.0</t>
  </si>
  <si>
    <t>379760863.0</t>
  </si>
  <si>
    <t>2370990.0</t>
  </si>
  <si>
    <t>1940841.0</t>
  </si>
  <si>
    <t>1803081.0</t>
  </si>
  <si>
    <t>105.06</t>
  </si>
  <si>
    <t>709479.0</t>
  </si>
  <si>
    <t>783358539.0</t>
  </si>
  <si>
    <t>418359879.0</t>
  </si>
  <si>
    <t>380281561.0</t>
  </si>
  <si>
    <t>2430294.0</t>
  </si>
  <si>
    <t>1415175.0</t>
  </si>
  <si>
    <t>1790150.0</t>
  </si>
  <si>
    <t>699314.0</t>
  </si>
  <si>
    <t>785190258.0</t>
  </si>
  <si>
    <t>418914011.0</t>
  </si>
  <si>
    <t>381629149.0</t>
  </si>
  <si>
    <t>2466700.0</t>
  </si>
  <si>
    <t>921130.0</t>
  </si>
  <si>
    <t>1791732.0</t>
  </si>
  <si>
    <t>693702.0</t>
  </si>
  <si>
    <t>786363294.0</t>
  </si>
  <si>
    <t>419398132.0</t>
  </si>
  <si>
    <t>382248286.0</t>
  </si>
  <si>
    <t>2580669.0</t>
  </si>
  <si>
    <t>1435620.0</t>
  </si>
  <si>
    <t>1688145.0</t>
  </si>
  <si>
    <t>626431.0</t>
  </si>
  <si>
    <t>787997577.0</t>
  </si>
  <si>
    <t>420061477.0</t>
  </si>
  <si>
    <t>383092925.0</t>
  </si>
  <si>
    <t>2777079.0</t>
  </si>
  <si>
    <t>1680748.0</t>
  </si>
  <si>
    <t>1671001.0</t>
  </si>
  <si>
    <t>635722.0</t>
  </si>
  <si>
    <t>789896763.0</t>
  </si>
  <si>
    <t>420794596.0</t>
  </si>
  <si>
    <t>384144169.0</t>
  </si>
  <si>
    <t>2968418.0</t>
  </si>
  <si>
    <t>2066150.0</t>
  </si>
  <si>
    <t>1645621.0</t>
  </si>
  <si>
    <t>623235.0</t>
  </si>
  <si>
    <t>791541659.0</t>
  </si>
  <si>
    <t>421322060.0</t>
  </si>
  <si>
    <t>385109241.0</t>
  </si>
  <si>
    <t>3154170.0</t>
  </si>
  <si>
    <t>1755810.0</t>
  </si>
  <si>
    <t>1602209.0</t>
  </si>
  <si>
    <t>608745.0</t>
  </si>
  <si>
    <t>793535539.0</t>
  </si>
  <si>
    <t>422092345.0</t>
  </si>
  <si>
    <t>386237971.0</t>
  </si>
  <si>
    <t>3950181.0</t>
  </si>
  <si>
    <t>1703280.0</t>
  </si>
  <si>
    <t>1568278.0</t>
  </si>
  <si>
    <t>597137.0</t>
  </si>
  <si>
    <t>794513755.0</t>
  </si>
  <si>
    <t>422467301.0</t>
  </si>
  <si>
    <t>386813750.0</t>
  </si>
  <si>
    <t>4003903.0</t>
  </si>
  <si>
    <t>1183237.0</t>
  </si>
  <si>
    <t>1535138.0</t>
  </si>
  <si>
    <t>596694.0</t>
  </si>
  <si>
    <t>795721484.0</t>
  </si>
  <si>
    <t>422975752.0</t>
  </si>
  <si>
    <t>387522994.0</t>
  </si>
  <si>
    <t>4068267.0</t>
  </si>
  <si>
    <t>660049.0</t>
  </si>
  <si>
    <t>1497840.0</t>
  </si>
  <si>
    <t>596293.0</t>
  </si>
  <si>
    <t>797046327.0</t>
  </si>
  <si>
    <t>423584607.0</t>
  </si>
  <si>
    <t>388171083.0</t>
  </si>
  <si>
    <t>4189376.0</t>
  </si>
  <si>
    <t>1469495.0</t>
  </si>
  <si>
    <t>1502686.0</t>
  </si>
  <si>
    <t>609073.0</t>
  </si>
  <si>
    <t>801208205.0</t>
  </si>
  <si>
    <t>424074586.0</t>
  </si>
  <si>
    <t>388805611.0</t>
  </si>
  <si>
    <t>4403859.0</t>
  </si>
  <si>
    <t>1419952.0</t>
  </si>
  <si>
    <t>1465424.0</t>
  </si>
  <si>
    <t>587732.0</t>
  </si>
  <si>
    <t>802982937.0</t>
  </si>
  <si>
    <t>424714386.0</t>
  </si>
  <si>
    <t>389737366.0</t>
  </si>
  <si>
    <t>4640039.0</t>
  </si>
  <si>
    <t>1732785.0</t>
  </si>
  <si>
    <t>1417800.0</t>
  </si>
  <si>
    <t>560134.0</t>
  </si>
  <si>
    <t>805339341.0</t>
  </si>
  <si>
    <t>425238486.0</t>
  </si>
  <si>
    <t>390504178.0</t>
  </si>
  <si>
    <t>5709711.0</t>
  </si>
  <si>
    <t>2541819.0</t>
  </si>
  <si>
    <t>1530087.0</t>
  </si>
  <si>
    <t>548526.0</t>
  </si>
  <si>
    <t>807176904.0</t>
  </si>
  <si>
    <t>425968405.0</t>
  </si>
  <si>
    <t>391300847.0</t>
  </si>
  <si>
    <t>6029927.0</t>
  </si>
  <si>
    <t>1784498.0</t>
  </si>
  <si>
    <t>1541693.0</t>
  </si>
  <si>
    <t>555734.0</t>
  </si>
  <si>
    <t>808414601.0</t>
  </si>
  <si>
    <t>426396456.0</t>
  </si>
  <si>
    <t>391794378.0</t>
  </si>
  <si>
    <t>6346511.0</t>
  </si>
  <si>
    <t>1375562.0</t>
  </si>
  <si>
    <t>1569168.0</t>
  </si>
  <si>
    <t>108.54</t>
  </si>
  <si>
    <t>560801.0</t>
  </si>
  <si>
    <t>809618985.0</t>
  </si>
  <si>
    <t>427442725.0</t>
  </si>
  <si>
    <t>392400850.0</t>
  </si>
  <si>
    <t>6531239.0</t>
  </si>
  <si>
    <t>735207.0</t>
  </si>
  <si>
    <t>1579905.0</t>
  </si>
  <si>
    <t>559663.0</t>
  </si>
  <si>
    <t>810963485.0</t>
  </si>
  <si>
    <t>427768408.0</t>
  </si>
  <si>
    <t>392858997.0</t>
  </si>
  <si>
    <t>6842415.0</t>
  </si>
  <si>
    <t>1511081.0</t>
  </si>
  <si>
    <t>1585846.0</t>
  </si>
  <si>
    <t>108.88</t>
  </si>
  <si>
    <t>520182.0</t>
  </si>
  <si>
    <t>812758764.0</t>
  </si>
  <si>
    <t>428182011.0</t>
  </si>
  <si>
    <t>393531137.0</t>
  </si>
  <si>
    <t>7552940.0</t>
  </si>
  <si>
    <t>1937749.0</t>
  </si>
  <si>
    <t>1659814.0</t>
  </si>
  <si>
    <t>511006.0</t>
  </si>
  <si>
    <t>814774864.0</t>
  </si>
  <si>
    <t>428672432.0</t>
  </si>
  <si>
    <t>394581721.0</t>
  </si>
  <si>
    <t>8034497.0</t>
  </si>
  <si>
    <t>2209186.0</t>
  </si>
  <si>
    <t>1727872.0</t>
  </si>
  <si>
    <t>506102.0</t>
  </si>
  <si>
    <t>817795634.0</t>
  </si>
  <si>
    <t>429248415.0</t>
  </si>
  <si>
    <t>396542169.0</t>
  </si>
  <si>
    <t>8520436.0</t>
  </si>
  <si>
    <t>3209631.0</t>
  </si>
  <si>
    <t>1823271.0</t>
  </si>
  <si>
    <t>513433.0</t>
  </si>
  <si>
    <t>819459215.0</t>
  </si>
  <si>
    <t>429733616.0</t>
  </si>
  <si>
    <t>397271089.0</t>
  </si>
  <si>
    <t>8987014.0</t>
  </si>
  <si>
    <t>1724031.0</t>
  </si>
  <si>
    <t>1814638.0</t>
  </si>
  <si>
    <t>110.02</t>
  </si>
  <si>
    <t>485367.0</t>
  </si>
  <si>
    <t>820541153.0</t>
  </si>
  <si>
    <t>430080168.0</t>
  </si>
  <si>
    <t>397639075.0</t>
  </si>
  <si>
    <t>9372857.0</t>
  </si>
  <si>
    <t>1322463.0</t>
  </si>
  <si>
    <t>1807050.0</t>
  </si>
  <si>
    <t>474755.0</t>
  </si>
  <si>
    <t>821911275.0</t>
  </si>
  <si>
    <t>430610650.0</t>
  </si>
  <si>
    <t>398263432.0</t>
  </si>
  <si>
    <t>9586306.0</t>
  </si>
  <si>
    <t>822498.0</t>
  </si>
  <si>
    <t>1819520.0</t>
  </si>
  <si>
    <t>110.35</t>
  </si>
  <si>
    <t>823057787.0</t>
  </si>
  <si>
    <t>430972938.0</t>
  </si>
  <si>
    <t>398801521.0</t>
  </si>
  <si>
    <t>9924524.0</t>
  </si>
  <si>
    <t>1362405.0</t>
  </si>
  <si>
    <t>1798284.0</t>
  </si>
  <si>
    <t>484315.0</t>
  </si>
  <si>
    <t>824845903.0</t>
  </si>
  <si>
    <t>431514221.0</t>
  </si>
  <si>
    <t>399395111.0</t>
  </si>
  <si>
    <t>10415626.0</t>
  </si>
  <si>
    <t>1567978.0</t>
  </si>
  <si>
    <t>1745454.0</t>
  </si>
  <si>
    <t>488421.0</t>
  </si>
  <si>
    <t>826904146.0</t>
  </si>
  <si>
    <t>432049767.0</t>
  </si>
  <si>
    <t>400117202.0</t>
  </si>
  <si>
    <t>11213638.0</t>
  </si>
  <si>
    <t>2209713.0</t>
  </si>
  <si>
    <t>1745534.0</t>
  </si>
  <si>
    <t>111.02</t>
  </si>
  <si>
    <t>491727.0</t>
  </si>
  <si>
    <t>828426223.0</t>
  </si>
  <si>
    <t>432507366.0</t>
  </si>
  <si>
    <t>400619386.0</t>
  </si>
  <si>
    <t>11862253.0</t>
  </si>
  <si>
    <t>1765119.0</t>
  </si>
  <si>
    <t>1539174.0</t>
  </si>
  <si>
    <t>475244.0</t>
  </si>
  <si>
    <t>830691023.0</t>
  </si>
  <si>
    <t>433153744.0</t>
  </si>
  <si>
    <t>401581798.0</t>
  </si>
  <si>
    <t>12514072.0</t>
  </si>
  <si>
    <t>2157306.0</t>
  </si>
  <si>
    <t>1601068.0</t>
  </si>
  <si>
    <t>831688064.0</t>
  </si>
  <si>
    <t>433386971.0</t>
  </si>
  <si>
    <t>401885865.0</t>
  </si>
  <si>
    <t>12933270.0</t>
  </si>
  <si>
    <t>1890193.0</t>
  </si>
  <si>
    <t>1682174.0</t>
  </si>
  <si>
    <t>528348.0</t>
  </si>
  <si>
    <t>832835483.0</t>
  </si>
  <si>
    <t>433779362.0</t>
  </si>
  <si>
    <t>402362678.0</t>
  </si>
  <si>
    <t>13164512.0</t>
  </si>
  <si>
    <t>1315938.0</t>
  </si>
  <si>
    <t>1752664.0</t>
  </si>
  <si>
    <t>111.82</t>
  </si>
  <si>
    <t>563348.0</t>
  </si>
  <si>
    <t>834339764.0</t>
  </si>
  <si>
    <t>434096348.0</t>
  </si>
  <si>
    <t>402748090.0</t>
  </si>
  <si>
    <t>13586518.0</t>
  </si>
  <si>
    <t>2048390.0</t>
  </si>
  <si>
    <t>1850663.0</t>
  </si>
  <si>
    <t>606952.0</t>
  </si>
  <si>
    <t>835893149.0</t>
  </si>
  <si>
    <t>434504328.0</t>
  </si>
  <si>
    <t>403249871.0</t>
  </si>
  <si>
    <t>14182938.0</t>
  </si>
  <si>
    <t>2320642.0</t>
  </si>
  <si>
    <t>1958187.0</t>
  </si>
  <si>
    <t>648303.0</t>
  </si>
  <si>
    <t>841116394.0</t>
  </si>
  <si>
    <t>436740034.0</t>
  </si>
  <si>
    <t>403793301.0</t>
  </si>
  <si>
    <t>14891183.0</t>
  </si>
  <si>
    <t>2646289.0</t>
  </si>
  <si>
    <t>2020556.0</t>
  </si>
  <si>
    <t>689231.0</t>
  </si>
  <si>
    <t>843204413.0</t>
  </si>
  <si>
    <t>437239744.0</t>
  </si>
  <si>
    <t>404298477.0</t>
  </si>
  <si>
    <t>16218638.0</t>
  </si>
  <si>
    <t>2306425.0</t>
  </si>
  <si>
    <t>2097880.0</t>
  </si>
  <si>
    <t>693685.0</t>
  </si>
  <si>
    <t>845669498.0</t>
  </si>
  <si>
    <t>438159204.0</t>
  </si>
  <si>
    <t>404845052.0</t>
  </si>
  <si>
    <t>17028748.0</t>
  </si>
  <si>
    <t>2490169.0</t>
  </si>
  <si>
    <t>2145434.0</t>
  </si>
  <si>
    <t>740149.0</t>
  </si>
  <si>
    <t>847907242.0</t>
  </si>
  <si>
    <t>438930116.0</t>
  </si>
  <si>
    <t>405225422.0</t>
  </si>
  <si>
    <t>17698277.0</t>
  </si>
  <si>
    <t>2209576.0</t>
  </si>
  <si>
    <t>2191064.0</t>
  </si>
  <si>
    <t>759036.0</t>
  </si>
  <si>
    <t>849344874.0</t>
  </si>
  <si>
    <t>439553471.0</t>
  </si>
  <si>
    <t>405697877.0</t>
  </si>
  <si>
    <t>18000126.0</t>
  </si>
  <si>
    <t>1097002.0</t>
  </si>
  <si>
    <t>114.04</t>
  </si>
  <si>
    <t>745057.0</t>
  </si>
  <si>
    <t>850731468.0</t>
  </si>
  <si>
    <t>439939280.0</t>
  </si>
  <si>
    <t>406082519.0</t>
  </si>
  <si>
    <t>19388971.0</t>
  </si>
  <si>
    <t>1921203.0</t>
  </si>
  <si>
    <t>2141616.0</t>
  </si>
  <si>
    <t>736027.0</t>
  </si>
  <si>
    <t>852545267.0</t>
  </si>
  <si>
    <t>440416543.0</t>
  </si>
  <si>
    <t>406592740.0</t>
  </si>
  <si>
    <t>20173705.0</t>
  </si>
  <si>
    <t>2275841.0</t>
  </si>
  <si>
    <t>2135215.0</t>
  </si>
  <si>
    <t>114.47</t>
  </si>
  <si>
    <t>730485.0</t>
  </si>
  <si>
    <t>854673258.0</t>
  </si>
  <si>
    <t>440877640.0</t>
  </si>
  <si>
    <t>407075552.0</t>
  </si>
  <si>
    <t>21309289.0</t>
  </si>
  <si>
    <t>2741786.0</t>
  </si>
  <si>
    <t>2148859.0</t>
  </si>
  <si>
    <t>716134.0</t>
  </si>
  <si>
    <t>858309021.0</t>
  </si>
  <si>
    <t>442479729.0</t>
  </si>
  <si>
    <t>409008936.0</t>
  </si>
  <si>
    <t>22368586.0</t>
  </si>
  <si>
    <t>2408779.0</t>
  </si>
  <si>
    <t>2163479.0</t>
  </si>
  <si>
    <t>743199.0</t>
  </si>
  <si>
    <t>861147045.0</t>
  </si>
  <si>
    <t>443676112.0</t>
  </si>
  <si>
    <t>409653984.0</t>
  </si>
  <si>
    <t>23330791.0</t>
  </si>
  <si>
    <t>2760500.0</t>
  </si>
  <si>
    <t>2202099.0</t>
  </si>
  <si>
    <t>776164.0</t>
  </si>
  <si>
    <t>863252657.0</t>
  </si>
  <si>
    <t>444543421.0</t>
  </si>
  <si>
    <t>410142799.0</t>
  </si>
  <si>
    <t>24033546.0</t>
  </si>
  <si>
    <t>2236830.0</t>
  </si>
  <si>
    <t>2205992.0</t>
  </si>
  <si>
    <t>798855.0</t>
  </si>
  <si>
    <t>864995718.0</t>
  </si>
  <si>
    <t>445123664.0</t>
  </si>
  <si>
    <t>410740783.0</t>
  </si>
  <si>
    <t>24379194.0</t>
  </si>
  <si>
    <t>1182242.0</t>
  </si>
  <si>
    <t>2218172.0</t>
  </si>
  <si>
    <t>805933.0</t>
  </si>
  <si>
    <t>866294934.0</t>
  </si>
  <si>
    <t>445675283.0</t>
  </si>
  <si>
    <t>411039460.0</t>
  </si>
  <si>
    <t>24785114.0</t>
  </si>
  <si>
    <t>1492069.0</t>
  </si>
  <si>
    <t>2156869.0</t>
  </si>
  <si>
    <t>116.31</t>
  </si>
  <si>
    <t>797383.0</t>
  </si>
  <si>
    <t>868940020.0</t>
  </si>
  <si>
    <t>446645508.0</t>
  </si>
  <si>
    <t>411741769.0</t>
  </si>
  <si>
    <t>25765484.0</t>
  </si>
  <si>
    <t>2701471.0</t>
  </si>
  <si>
    <t>2217667.0</t>
  </si>
  <si>
    <t>116.67</t>
  </si>
  <si>
    <t>835117.0</t>
  </si>
  <si>
    <t>872048727.0</t>
  </si>
  <si>
    <t>447641883.0</t>
  </si>
  <si>
    <t>412463060.0</t>
  </si>
  <si>
    <t>27160263.0</t>
  </si>
  <si>
    <t>3258004.0</t>
  </si>
  <si>
    <t>2291414.0</t>
  </si>
  <si>
    <t>117.08</t>
  </si>
  <si>
    <t>875086.0</t>
  </si>
  <si>
    <t>876175927.0</t>
  </si>
  <si>
    <t>449042880.0</t>
  </si>
  <si>
    <t>414053436.0</t>
  </si>
  <si>
    <t>28372082.0</t>
  </si>
  <si>
    <t>4248613.0</t>
  </si>
  <si>
    <t>2554247.0</t>
  </si>
  <si>
    <t>117.64</t>
  </si>
  <si>
    <t>972279.0</t>
  </si>
  <si>
    <t>878409897.0</t>
  </si>
  <si>
    <t>449581427.0</t>
  </si>
  <si>
    <t>414564106.0</t>
  </si>
  <si>
    <t>29528760.0</t>
  </si>
  <si>
    <t>2295137.0</t>
  </si>
  <si>
    <t>2487766.0</t>
  </si>
  <si>
    <t>895498.0</t>
  </si>
  <si>
    <t>879702456.0</t>
  </si>
  <si>
    <t>449848873.0</t>
  </si>
  <si>
    <t>414829446.0</t>
  </si>
  <si>
    <t>30255573.0</t>
  </si>
  <si>
    <t>1646512.0</t>
  </si>
  <si>
    <t>2403437.0</t>
  </si>
  <si>
    <t>826725.0</t>
  </si>
  <si>
    <t>881736914.0</t>
  </si>
  <si>
    <t>450781652.0</t>
  </si>
  <si>
    <t>415618673.0</t>
  </si>
  <si>
    <t>30900176.0</t>
  </si>
  <si>
    <t>957134.0</t>
  </si>
  <si>
    <t>2371277.0</t>
  </si>
  <si>
    <t>805186.0</t>
  </si>
  <si>
    <t>883725834.0</t>
  </si>
  <si>
    <t>451229075.0</t>
  </si>
  <si>
    <t>416040254.0</t>
  </si>
  <si>
    <t>31809022.0</t>
  </si>
  <si>
    <t>2138617.0</t>
  </si>
  <si>
    <t>2463644.0</t>
  </si>
  <si>
    <t>118.65</t>
  </si>
  <si>
    <t>791484.0</t>
  </si>
  <si>
    <t>887185489.0</t>
  </si>
  <si>
    <t>452308899.0</t>
  </si>
  <si>
    <t>416804101.0</t>
  </si>
  <si>
    <t>33438006.0</t>
  </si>
  <si>
    <t>3449268.0</t>
  </si>
  <si>
    <t>2570468.0</t>
  </si>
  <si>
    <t>803521.0</t>
  </si>
  <si>
    <t>890374094.0</t>
  </si>
  <si>
    <t>453103327.0</t>
  </si>
  <si>
    <t>417485458.0</t>
  </si>
  <si>
    <t>35164400.0</t>
  </si>
  <si>
    <t>3470925.0</t>
  </si>
  <si>
    <t>2600890.0</t>
  </si>
  <si>
    <t>777579.0</t>
  </si>
  <si>
    <t>893655776.0</t>
  </si>
  <si>
    <t>454051112.0</t>
  </si>
  <si>
    <t>418261278.0</t>
  </si>
  <si>
    <t>36763188.0</t>
  </si>
  <si>
    <t>3451250.0</t>
  </si>
  <si>
    <t>2486981.0</t>
  </si>
  <si>
    <t>119.98</t>
  </si>
  <si>
    <t>716166.0</t>
  </si>
  <si>
    <t>897020320.0</t>
  </si>
  <si>
    <t>455170512.0</t>
  </si>
  <si>
    <t>418997740.0</t>
  </si>
  <si>
    <t>38238692.0</t>
  </si>
  <si>
    <t>3330868.0</t>
  </si>
  <si>
    <t>2634941.0</t>
  </si>
  <si>
    <t>120.44</t>
  </si>
  <si>
    <t>779015.0</t>
  </si>
  <si>
    <t>899351252.0</t>
  </si>
  <si>
    <t>455824119.0</t>
  </si>
  <si>
    <t>419706115.0</t>
  </si>
  <si>
    <t>39164737.0</t>
  </si>
  <si>
    <t>2670837.0</t>
  </si>
  <si>
    <t>2781271.0</t>
  </si>
  <si>
    <t>817112.0</t>
  </si>
  <si>
    <t>901952387.0</t>
  </si>
  <si>
    <t>457128962.0</t>
  </si>
  <si>
    <t>420357861.0</t>
  </si>
  <si>
    <t>39972701.0</t>
  </si>
  <si>
    <t>1835989.0</t>
  </si>
  <si>
    <t>2906821.0</t>
  </si>
  <si>
    <t>883798.0</t>
  </si>
  <si>
    <t>904760338.0</t>
  </si>
  <si>
    <t>457800803.0</t>
  </si>
  <si>
    <t>420984948.0</t>
  </si>
  <si>
    <t>41219754.0</t>
  </si>
  <si>
    <t>2793418.0</t>
  </si>
  <si>
    <t>3000368.0</t>
  </si>
  <si>
    <t>914480.0</t>
  </si>
  <si>
    <t>908177996.0</t>
  </si>
  <si>
    <t>458645371.0</t>
  </si>
  <si>
    <t>421872892.0</t>
  </si>
  <si>
    <t>42952414.0</t>
  </si>
  <si>
    <t>3642500.0</t>
  </si>
  <si>
    <t>3027972.0</t>
  </si>
  <si>
    <t>121.93</t>
  </si>
  <si>
    <t>881993.0</t>
  </si>
  <si>
    <t>912382336.0</t>
  </si>
  <si>
    <t>459701024.0</t>
  </si>
  <si>
    <t>422942793.0</t>
  </si>
  <si>
    <t>45059289.0</t>
  </si>
  <si>
    <t>4479121.0</t>
  </si>
  <si>
    <t>3171997.0</t>
  </si>
  <si>
    <t>915515.0</t>
  </si>
  <si>
    <t>916127865.0</t>
  </si>
  <si>
    <t>460406880.0</t>
  </si>
  <si>
    <t>423776015.0</t>
  </si>
  <si>
    <t>47297723.0</t>
  </si>
  <si>
    <t>3858823.0</t>
  </si>
  <si>
    <t>3230222.0</t>
  </si>
  <si>
    <t>877698.0</t>
  </si>
  <si>
    <t>919966144.0</t>
  </si>
  <si>
    <t>461260324.0</t>
  </si>
  <si>
    <t>424714734.0</t>
  </si>
  <si>
    <t>49361015.0</t>
  </si>
  <si>
    <t>3789179.0</t>
  </si>
  <si>
    <t>3295694.0</t>
  </si>
  <si>
    <t>123.52</t>
  </si>
  <si>
    <t>842434.0</t>
  </si>
  <si>
    <t>923407930.0</t>
  </si>
  <si>
    <t>461736620.0</t>
  </si>
  <si>
    <t>425787981.0</t>
  </si>
  <si>
    <t>50504540.0</t>
  </si>
  <si>
    <t>3856915.0</t>
  </si>
  <si>
    <t>3465130.0</t>
  </si>
  <si>
    <t>123.98</t>
  </si>
  <si>
    <t>814985.0</t>
  </si>
  <si>
    <t>925280958.0</t>
  </si>
  <si>
    <t>462092184.0</t>
  </si>
  <si>
    <t>426218347.0</t>
  </si>
  <si>
    <t>51353761.0</t>
  </si>
  <si>
    <t>1589392.0</t>
  </si>
  <si>
    <t>3429906.0</t>
  </si>
  <si>
    <t>767913.0</t>
  </si>
  <si>
    <t>928908520.0</t>
  </si>
  <si>
    <t>463038690.0</t>
  </si>
  <si>
    <t>427036713.0</t>
  </si>
  <si>
    <t>53718219.0</t>
  </si>
  <si>
    <t>3111396.0</t>
  </si>
  <si>
    <t>3475330.0</t>
  </si>
  <si>
    <t>124.72</t>
  </si>
  <si>
    <t>762406.0</t>
  </si>
  <si>
    <t>932509874.0</t>
  </si>
  <si>
    <t>463691781.0</t>
  </si>
  <si>
    <t>427698119.0</t>
  </si>
  <si>
    <t>56101939.0</t>
  </si>
  <si>
    <t>3936811.0</t>
  </si>
  <si>
    <t>3517375.0</t>
  </si>
  <si>
    <t>737421.0</t>
  </si>
  <si>
    <t>936931283.0</t>
  </si>
  <si>
    <t>464576548.0</t>
  </si>
  <si>
    <t>428784419.0</t>
  </si>
  <si>
    <t>58700744.0</t>
  </si>
  <si>
    <t>4936129.0</t>
  </si>
  <si>
    <t>3582660.0</t>
  </si>
  <si>
    <t>717124.0</t>
  </si>
  <si>
    <t>941944526.0</t>
  </si>
  <si>
    <t>465538000.0</t>
  </si>
  <si>
    <t>429666818.0</t>
  </si>
  <si>
    <t>61989352.0</t>
  </si>
  <si>
    <t>5185300.0</t>
  </si>
  <si>
    <t>3772159.0</t>
  </si>
  <si>
    <t>126.47</t>
  </si>
  <si>
    <t>751798.0</t>
  </si>
  <si>
    <t>947208110.0</t>
  </si>
  <si>
    <t>466577353.0</t>
  </si>
  <si>
    <t>430826676.0</t>
  </si>
  <si>
    <t>65088299.0</t>
  </si>
  <si>
    <t>5088141.0</t>
  </si>
  <si>
    <t>3957726.0</t>
  </si>
  <si>
    <t>785389.0</t>
  </si>
  <si>
    <t>950737652.0</t>
  </si>
  <si>
    <t>467111692.0</t>
  </si>
  <si>
    <t>431692628.0</t>
  </si>
  <si>
    <t>67210651.0</t>
  </si>
  <si>
    <t>3710294.0</t>
  </si>
  <si>
    <t>3936782.0</t>
  </si>
  <si>
    <t>127.65</t>
  </si>
  <si>
    <t>788328.0</t>
  </si>
  <si>
    <t>953335908.0</t>
  </si>
  <si>
    <t>467728429.0</t>
  </si>
  <si>
    <t>432300747.0</t>
  </si>
  <si>
    <t>68455661.0</t>
  </si>
  <si>
    <t>1990047.0</t>
  </si>
  <si>
    <t>3994018.0</t>
  </si>
  <si>
    <t>777254.0</t>
  </si>
  <si>
    <t>957394133.0</t>
  </si>
  <si>
    <t>468141468.0</t>
  </si>
  <si>
    <t>432988538.0</t>
  </si>
  <si>
    <t>70736771.0</t>
  </si>
  <si>
    <t>3756577.0</t>
  </si>
  <si>
    <t>4086183.0</t>
  </si>
  <si>
    <t>744087.0</t>
  </si>
  <si>
    <t>961967414.0</t>
  </si>
  <si>
    <t>469055892.0</t>
  </si>
  <si>
    <t>433805978.0</t>
  </si>
  <si>
    <t>73656884.0</t>
  </si>
  <si>
    <t>5066727.0</t>
  </si>
  <si>
    <t>4247602.0</t>
  </si>
  <si>
    <t>129.16</t>
  </si>
  <si>
    <t>777323.0</t>
  </si>
  <si>
    <t>967090216.0</t>
  </si>
  <si>
    <t>469771153.0</t>
  </si>
  <si>
    <t>434682654.0</t>
  </si>
  <si>
    <t>77227582.0</t>
  </si>
  <si>
    <t>5273920.0</t>
  </si>
  <si>
    <t>4295861.0</t>
  </si>
  <si>
    <t>745273.0</t>
  </si>
  <si>
    <t>972330324.0</t>
  </si>
  <si>
    <t>470427480.0</t>
  </si>
  <si>
    <t>435751346.0</t>
  </si>
  <si>
    <t>80765018.0</t>
  </si>
  <si>
    <t>5542935.0</t>
  </si>
  <si>
    <t>4346948.0</t>
  </si>
  <si>
    <t>705743.0</t>
  </si>
  <si>
    <t>977850204.0</t>
  </si>
  <si>
    <t>471056088.0</t>
  </si>
  <si>
    <t>436625014.0</t>
  </si>
  <si>
    <t>84750453.0</t>
  </si>
  <si>
    <t>5057920.0</t>
  </si>
  <si>
    <t>4342629.0</t>
  </si>
  <si>
    <t>642579.0</t>
  </si>
  <si>
    <t>982377385.0</t>
  </si>
  <si>
    <t>471871189.0</t>
  </si>
  <si>
    <t>437569945.0</t>
  </si>
  <si>
    <t>87466911.0</t>
  </si>
  <si>
    <t>4520675.0</t>
  </si>
  <si>
    <t>687547.0</t>
  </si>
  <si>
    <t>985107721.0</t>
  </si>
  <si>
    <t>472488185.0</t>
  </si>
  <si>
    <t>438202933.0</t>
  </si>
  <si>
    <t>88868593.0</t>
  </si>
  <si>
    <t>2254692.0</t>
  </si>
  <si>
    <t>4558485.0</t>
  </si>
  <si>
    <t>670311.0</t>
  </si>
  <si>
    <t>989167887.0</t>
  </si>
  <si>
    <t>472952325.0</t>
  </si>
  <si>
    <t>438768411.0</t>
  </si>
  <si>
    <t>91896038.0</t>
  </si>
  <si>
    <t>4141168.0</t>
  </si>
  <si>
    <t>4613425.0</t>
  </si>
  <si>
    <t>673111.0</t>
  </si>
  <si>
    <t>994337005.0</t>
  </si>
  <si>
    <t>473738437.0</t>
  </si>
  <si>
    <t>439595046.0</t>
  </si>
  <si>
    <t>95079358.0</t>
  </si>
  <si>
    <t>5455502.0</t>
  </si>
  <si>
    <t>4668962.0</t>
  </si>
  <si>
    <t>664140.0</t>
  </si>
  <si>
    <t>999706120.0</t>
  </si>
  <si>
    <t>474352146.0</t>
  </si>
  <si>
    <t>440491941.0</t>
  </si>
  <si>
    <t>99018038.0</t>
  </si>
  <si>
    <t>5458742.0</t>
  </si>
  <si>
    <t>4695368.0</t>
  </si>
  <si>
    <t>647842.0</t>
  </si>
  <si>
    <t>1004773991.0</t>
  </si>
  <si>
    <t>474862488.0</t>
  </si>
  <si>
    <t>441398306.0</t>
  </si>
  <si>
    <t>102690408.0</t>
  </si>
  <si>
    <t>5726288.0</t>
  </si>
  <si>
    <t>4721564.0</t>
  </si>
  <si>
    <t>632650.0</t>
  </si>
  <si>
    <t>1010973780.0</t>
  </si>
  <si>
    <t>475417846.0</t>
  </si>
  <si>
    <t>442190951.0</t>
  </si>
  <si>
    <t>107467228.0</t>
  </si>
  <si>
    <t>6145590.0</t>
  </si>
  <si>
    <t>4876945.0</t>
  </si>
  <si>
    <t>619221.0</t>
  </si>
  <si>
    <t>1016298303.0</t>
  </si>
  <si>
    <t>476300286.0</t>
  </si>
  <si>
    <t>443348593.0</t>
  </si>
  <si>
    <t>110719683.0</t>
  </si>
  <si>
    <t>6674100.0</t>
  </si>
  <si>
    <t>5122297.0</t>
  </si>
  <si>
    <t>631785.0</t>
  </si>
  <si>
    <t>1022778624.0</t>
  </si>
  <si>
    <t>477083372.0</t>
  </si>
  <si>
    <t>444241181.0</t>
  </si>
  <si>
    <t>115335899.0</t>
  </si>
  <si>
    <t>3734491.0</t>
  </si>
  <si>
    <t>5333697.0</t>
  </si>
  <si>
    <t>665085.0</t>
  </si>
  <si>
    <t>1027087836.0</t>
  </si>
  <si>
    <t>477513961.0</t>
  </si>
  <si>
    <t>444729328.0</t>
  </si>
  <si>
    <t>118700052.0</t>
  </si>
  <si>
    <t>4752978.0</t>
  </si>
  <si>
    <t>5421099.0</t>
  </si>
  <si>
    <t>667580.0</t>
  </si>
  <si>
    <t>1033418411.0</t>
  </si>
  <si>
    <t>478212970.0</t>
  </si>
  <si>
    <t>445670141.0</t>
  </si>
  <si>
    <t>123533081.0</t>
  </si>
  <si>
    <t>6718451.0</t>
  </si>
  <si>
    <t>5601518.0</t>
  </si>
  <si>
    <t>138.75</t>
  </si>
  <si>
    <t>651837.0</t>
  </si>
  <si>
    <t>1039317578.0</t>
  </si>
  <si>
    <t>478709091.0</t>
  </si>
  <si>
    <t>446414497.0</t>
  </si>
  <si>
    <t>128171818.0</t>
  </si>
  <si>
    <t>6329734.0</t>
  </si>
  <si>
    <t>5725948.0</t>
  </si>
  <si>
    <t>139.54</t>
  </si>
  <si>
    <t>643175.0</t>
  </si>
  <si>
    <t>1045189523.0</t>
  </si>
  <si>
    <t>479153312.0</t>
  </si>
  <si>
    <t>447021632.0</t>
  </si>
  <si>
    <t>132984729.0</t>
  </si>
  <si>
    <t>6328033.0</t>
  </si>
  <si>
    <t>5811909.0</t>
  </si>
  <si>
    <t>631416.0</t>
  </si>
  <si>
    <t>1052771290.0</t>
  </si>
  <si>
    <t>479940383.0</t>
  </si>
  <si>
    <t>448313085.0</t>
  </si>
  <si>
    <t>138435582.0</t>
  </si>
  <si>
    <t>7018591.0</t>
  </si>
  <si>
    <t>5936625.0</t>
  </si>
  <si>
    <t>678094.0</t>
  </si>
  <si>
    <t>1057949310.0</t>
  </si>
  <si>
    <t>480815751.0</t>
  </si>
  <si>
    <t>449183748.0</t>
  </si>
  <si>
    <t>141833977.0</t>
  </si>
  <si>
    <t>5969058.0</t>
  </si>
  <si>
    <t>5835905.0</t>
  </si>
  <si>
    <t>60.31</t>
  </si>
  <si>
    <t>693044.0</t>
  </si>
  <si>
    <t>1063173645.0</t>
  </si>
  <si>
    <t>482011698.0</t>
  </si>
  <si>
    <t>449980892.0</t>
  </si>
  <si>
    <t>144629174.0</t>
  </si>
  <si>
    <t>3717656.0</t>
  </si>
  <si>
    <t>5833503.0</t>
  </si>
  <si>
    <t>712440.0</t>
  </si>
  <si>
    <t>1068096292.0</t>
  </si>
  <si>
    <t>482509012.0</t>
  </si>
  <si>
    <t>450564542.0</t>
  </si>
  <si>
    <t>148544632.0</t>
  </si>
  <si>
    <t>4903139.0</t>
  </si>
  <si>
    <t>5854950.0</t>
  </si>
  <si>
    <t>718771.0</t>
  </si>
  <si>
    <t>1074916580.0</t>
  </si>
  <si>
    <t>483476924.0</t>
  </si>
  <si>
    <t>451949194.0</t>
  </si>
  <si>
    <t>153604774.0</t>
  </si>
  <si>
    <t>7210356.0</t>
  </si>
  <si>
    <t>5925222.0</t>
  </si>
  <si>
    <t>144.32</t>
  </si>
  <si>
    <t>753836.0</t>
  </si>
  <si>
    <t>1079988320.0</t>
  </si>
  <si>
    <t>484006858.0</t>
  </si>
  <si>
    <t>452521868.0</t>
  </si>
  <si>
    <t>158164796.0</t>
  </si>
  <si>
    <t>5386356.0</t>
  </si>
  <si>
    <t>5790320.0</t>
  </si>
  <si>
    <t>754460.0</t>
  </si>
  <si>
    <t>1083926536.0</t>
  </si>
  <si>
    <t>484452461.0</t>
  </si>
  <si>
    <t>453255728.0</t>
  </si>
  <si>
    <t>161012177.0</t>
  </si>
  <si>
    <t>4305928.0</t>
  </si>
  <si>
    <t>5501472.0</t>
  </si>
  <si>
    <t>145.53</t>
  </si>
  <si>
    <t>754821.0</t>
  </si>
  <si>
    <t>1086939335.0</t>
  </si>
  <si>
    <t>484657382.0</t>
  </si>
  <si>
    <t>453649009.0</t>
  </si>
  <si>
    <t>163390440.0</t>
  </si>
  <si>
    <t>1645067.0</t>
  </si>
  <si>
    <t>4733847.0</t>
  </si>
  <si>
    <t>667169.0</t>
  </si>
  <si>
    <t>1087749561.0</t>
  </si>
  <si>
    <t>484922136.0</t>
  </si>
  <si>
    <t>454030818.0</t>
  </si>
  <si>
    <t>163549241.0</t>
  </si>
  <si>
    <t>1244104.0</t>
  </si>
  <si>
    <t>4058873.0</t>
  </si>
  <si>
    <t>564044.0</t>
  </si>
  <si>
    <t>1088471553.0</t>
  </si>
  <si>
    <t>485096687.0</t>
  </si>
  <si>
    <t>454151090.0</t>
  </si>
  <si>
    <t>164389490.0</t>
  </si>
  <si>
    <t>962728.0</t>
  </si>
  <si>
    <t>3665342.0</t>
  </si>
  <si>
    <t>146.14</t>
  </si>
  <si>
    <t>496839.0</t>
  </si>
  <si>
    <t>1091379670.0</t>
  </si>
  <si>
    <t>485445111.0</t>
  </si>
  <si>
    <t>454586184.0</t>
  </si>
  <si>
    <t>166887401.0</t>
  </si>
  <si>
    <t>3444467.0</t>
  </si>
  <si>
    <t>3456982.0</t>
  </si>
  <si>
    <t>473839.0</t>
  </si>
  <si>
    <t>1095736092.0</t>
  </si>
  <si>
    <t>486014257.0</t>
  </si>
  <si>
    <t>455460324.0</t>
  </si>
  <si>
    <t>170217532.0</t>
  </si>
  <si>
    <t>4535383.0</t>
  </si>
  <si>
    <t>3074863.0</t>
  </si>
  <si>
    <t>147.12</t>
  </si>
  <si>
    <t>411410.0</t>
  </si>
  <si>
    <t>1100829684.0</t>
  </si>
  <si>
    <t>487000523.0</t>
  </si>
  <si>
    <t>456710545.0</t>
  </si>
  <si>
    <t>173539353.0</t>
  </si>
  <si>
    <t>5731466.0</t>
  </si>
  <si>
    <t>3124161.0</t>
  </si>
  <si>
    <t>483723.0</t>
  </si>
  <si>
    <t>1104034598.0</t>
  </si>
  <si>
    <t>487319929.0</t>
  </si>
  <si>
    <t>457108599.0</t>
  </si>
  <si>
    <t>176011101.0</t>
  </si>
  <si>
    <t>3673646.0</t>
  </si>
  <si>
    <t>3033838.0</t>
  </si>
  <si>
    <t>468694.0</t>
  </si>
  <si>
    <t>1107317571.0</t>
  </si>
  <si>
    <t>487529133.0</t>
  </si>
  <si>
    <t>457374677.0</t>
  </si>
  <si>
    <t>178837863.0</t>
  </si>
  <si>
    <t>1736013.0</t>
  </si>
  <si>
    <t>3046831.0</t>
  </si>
  <si>
    <t>463403.0</t>
  </si>
  <si>
    <t>1107985714.0</t>
  </si>
  <si>
    <t>487549119.0</t>
  </si>
  <si>
    <t>457638800.0</t>
  </si>
  <si>
    <t>179093358.0</t>
  </si>
  <si>
    <t>1304555.0</t>
  </si>
  <si>
    <t>3055468.0</t>
  </si>
  <si>
    <t>434278.0</t>
  </si>
  <si>
    <t>1110895333.0</t>
  </si>
  <si>
    <t>488370621.0</t>
  </si>
  <si>
    <t>458448502.0</t>
  </si>
  <si>
    <t>180480312.0</t>
  </si>
  <si>
    <t>1583961.0</t>
  </si>
  <si>
    <t>3144214.0</t>
  </si>
  <si>
    <t>149.15</t>
  </si>
  <si>
    <t>443067.0</t>
  </si>
  <si>
    <t>1114068083.0</t>
  </si>
  <si>
    <t>488657493.0</t>
  </si>
  <si>
    <t>458831426.0</t>
  </si>
  <si>
    <t>182943847.0</t>
  </si>
  <si>
    <t>3484254.0</t>
  </si>
  <si>
    <t>3149894.0</t>
  </si>
  <si>
    <t>437282.0</t>
  </si>
  <si>
    <t>1118079152.0</t>
  </si>
  <si>
    <t>489057266.0</t>
  </si>
  <si>
    <t>459357118.0</t>
  </si>
  <si>
    <t>186082315.0</t>
  </si>
  <si>
    <t>4443115.0</t>
  </si>
  <si>
    <t>3136715.0</t>
  </si>
  <si>
    <t>419497.0</t>
  </si>
  <si>
    <t>1121914313.0</t>
  </si>
  <si>
    <t>489405408.0</t>
  </si>
  <si>
    <t>459858151.0</t>
  </si>
  <si>
    <t>189030853.0</t>
  </si>
  <si>
    <t>4441351.0</t>
  </si>
  <si>
    <t>2952414.0</t>
  </si>
  <si>
    <t>150.63</t>
  </si>
  <si>
    <t>326585.0</t>
  </si>
  <si>
    <t>1125271116.0</t>
  </si>
  <si>
    <t>489720449.0</t>
  </si>
  <si>
    <t>460267604.0</t>
  </si>
  <si>
    <t>191864491.0</t>
  </si>
  <si>
    <t>3737411.0</t>
  </si>
  <si>
    <t>2961522.0</t>
  </si>
  <si>
    <t>312283.0</t>
  </si>
  <si>
    <t>1131847557.0</t>
  </si>
  <si>
    <t>490509527.0</t>
  </si>
  <si>
    <t>460880675.0</t>
  </si>
  <si>
    <t>196988747.0</t>
  </si>
  <si>
    <t>4776843.0</t>
  </si>
  <si>
    <t>3395928.0</t>
  </si>
  <si>
    <t>374824.0</t>
  </si>
  <si>
    <t>1134793929.0</t>
  </si>
  <si>
    <t>490832435.0</t>
  </si>
  <si>
    <t>461306010.0</t>
  </si>
  <si>
    <t>199147141.0</t>
  </si>
  <si>
    <t>3354930.0</t>
  </si>
  <si>
    <t>3688838.0</t>
  </si>
  <si>
    <t>407427.0</t>
  </si>
  <si>
    <t>1137416232.0</t>
  </si>
  <si>
    <t>491325927.0</t>
  </si>
  <si>
    <t>461838262.0</t>
  </si>
  <si>
    <t>201638636.0</t>
  </si>
  <si>
    <t>2072420.0</t>
  </si>
  <si>
    <t>3758616.0</t>
  </si>
  <si>
    <t>420212.0</t>
  </si>
  <si>
    <t>1141089795.0</t>
  </si>
  <si>
    <t>491647065.0</t>
  </si>
  <si>
    <t>462428396.0</t>
  </si>
  <si>
    <t>204320145.0</t>
  </si>
  <si>
    <t>3852819.0</t>
  </si>
  <si>
    <t>3811271.0</t>
  </si>
  <si>
    <t>421362.0</t>
  </si>
  <si>
    <t>1145654759.0</t>
  </si>
  <si>
    <t>492168717.0</t>
  </si>
  <si>
    <t>463316658.0</t>
  </si>
  <si>
    <t>207688138.0</t>
  </si>
  <si>
    <t>5066182.0</t>
  </si>
  <si>
    <t>3900280.0</t>
  </si>
  <si>
    <t>433541.0</t>
  </si>
  <si>
    <t>1150107946.0</t>
  </si>
  <si>
    <t>492714977.0</t>
  </si>
  <si>
    <t>464124660.0</t>
  </si>
  <si>
    <t>210878685.0</t>
  </si>
  <si>
    <t>4823868.0</t>
  </si>
  <si>
    <t>3954925.0</t>
  </si>
  <si>
    <t>456194.0</t>
  </si>
  <si>
    <t>1154692828.0</t>
  </si>
  <si>
    <t>493297353.0</t>
  </si>
  <si>
    <t>465162205.0</t>
  </si>
  <si>
    <t>213989839.0</t>
  </si>
  <si>
    <t>5027356.0</t>
  </si>
  <si>
    <t>4139204.0</t>
  </si>
  <si>
    <t>155.03</t>
  </si>
  <si>
    <t>499101.0</t>
  </si>
  <si>
    <t>1159900914.0</t>
  </si>
  <si>
    <t>493667101.0</t>
  </si>
  <si>
    <t>465622663.0</t>
  </si>
  <si>
    <t>218318518.0</t>
  </si>
  <si>
    <t>4070052.0</t>
  </si>
  <si>
    <t>4038233.0</t>
  </si>
  <si>
    <t>155.73</t>
  </si>
  <si>
    <t>463781.0</t>
  </si>
  <si>
    <t>1162338580.0</t>
  </si>
  <si>
    <t>494033161.0</t>
  </si>
  <si>
    <t>465945663.0</t>
  </si>
  <si>
    <t>220191886.0</t>
  </si>
  <si>
    <t>3017849.0</t>
  </si>
  <si>
    <t>3990079.0</t>
  </si>
  <si>
    <t>476814.0</t>
  </si>
  <si>
    <t>1165349607.0</t>
  </si>
  <si>
    <t>494647392.0</t>
  </si>
  <si>
    <t>466493817.0</t>
  </si>
  <si>
    <t>222002894.0</t>
  </si>
  <si>
    <t>1876325.0</t>
  </si>
  <si>
    <t>3962063.0</t>
  </si>
  <si>
    <t>482467.0</t>
  </si>
  <si>
    <t>1168203683.0</t>
  </si>
  <si>
    <t>494997183.0</t>
  </si>
  <si>
    <t>466853224.0</t>
  </si>
  <si>
    <t>224108296.0</t>
  </si>
  <si>
    <t>3048356.0</t>
  </si>
  <si>
    <t>3847140.0</t>
  </si>
  <si>
    <t>156.85</t>
  </si>
  <si>
    <t>62.68</t>
  </si>
  <si>
    <t>487116.0</t>
  </si>
  <si>
    <t>1171923741.0</t>
  </si>
  <si>
    <t>495479232.0</t>
  </si>
  <si>
    <t>467468880.0</t>
  </si>
  <si>
    <t>226845129.0</t>
  </si>
  <si>
    <t>3993935.0</t>
  </si>
  <si>
    <t>3693962.0</t>
  </si>
  <si>
    <t>483124.0</t>
  </si>
  <si>
    <t>1174769641.0</t>
  </si>
  <si>
    <t>495901143.0</t>
  </si>
  <si>
    <t>467834069.0</t>
  </si>
  <si>
    <t>228995677.0</t>
  </si>
  <si>
    <t>3523508.0</t>
  </si>
  <si>
    <t>3508202.0</t>
  </si>
  <si>
    <t>478828.0</t>
  </si>
  <si>
    <t>1178003041.0</t>
  </si>
  <si>
    <t>496248598.0</t>
  </si>
  <si>
    <t>468255399.0</t>
  </si>
  <si>
    <t>231601626.0</t>
  </si>
  <si>
    <t>3490321.0</t>
  </si>
  <si>
    <t>3288617.0</t>
  </si>
  <si>
    <t>158.16</t>
  </si>
  <si>
    <t>452021.0</t>
  </si>
  <si>
    <t>1182027750.0</t>
  </si>
  <si>
    <t>496763340.0</t>
  </si>
  <si>
    <t>468682472.0</t>
  </si>
  <si>
    <t>234984580.0</t>
  </si>
  <si>
    <t>3211565.0</t>
  </si>
  <si>
    <t>3165978.0</t>
  </si>
  <si>
    <t>158.7</t>
  </si>
  <si>
    <t>447786.0</t>
  </si>
  <si>
    <t>1184484680.0</t>
  </si>
  <si>
    <t>497373769.0</t>
  </si>
  <si>
    <t>469184163.0</t>
  </si>
  <si>
    <t>236306672.0</t>
  </si>
  <si>
    <t>2946609.0</t>
  </si>
  <si>
    <t>3155803.0</t>
  </si>
  <si>
    <t>477779.0</t>
  </si>
  <si>
    <t>1186755047.0</t>
  </si>
  <si>
    <t>497753017.0</t>
  </si>
  <si>
    <t>469597964.0</t>
  </si>
  <si>
    <t>237575086.0</t>
  </si>
  <si>
    <t>1304635.0</t>
  </si>
  <si>
    <t>3074132.0</t>
  </si>
  <si>
    <t>159.34</t>
  </si>
  <si>
    <t>456080.0</t>
  </si>
  <si>
    <t>1189468727.0</t>
  </si>
  <si>
    <t>498076353.0</t>
  </si>
  <si>
    <t>469887704.0</t>
  </si>
  <si>
    <t>239457540.0</t>
  </si>
  <si>
    <t>2861294.0</t>
  </si>
  <si>
    <t>3047407.0</t>
  </si>
  <si>
    <t>450780.0</t>
  </si>
  <si>
    <t>1192049595.0</t>
  </si>
  <si>
    <t>498382908.0</t>
  </si>
  <si>
    <t>470365891.0</t>
  </si>
  <si>
    <t>241633333.0</t>
  </si>
  <si>
    <t>2672033.0</t>
  </si>
  <si>
    <t>2858567.0</t>
  </si>
  <si>
    <t>160.05</t>
  </si>
  <si>
    <t>416377.0</t>
  </si>
  <si>
    <t>1194800536.0</t>
  </si>
  <si>
    <t>498771550.0</t>
  </si>
  <si>
    <t>470826643.0</t>
  </si>
  <si>
    <t>243913560.0</t>
  </si>
  <si>
    <t>3027690.0</t>
  </si>
  <si>
    <t>2787734.0</t>
  </si>
  <si>
    <t>32.75</t>
  </si>
  <si>
    <t>395816.0</t>
  </si>
  <si>
    <t>1197027013.0</t>
  </si>
  <si>
    <t>498980714.0</t>
  </si>
  <si>
    <t>471146984.0</t>
  </si>
  <si>
    <t>245712554.0</t>
  </si>
  <si>
    <t>2740395.0</t>
  </si>
  <si>
    <t>2680599.0</t>
  </si>
  <si>
    <t>160.72</t>
  </si>
  <si>
    <t>387996.0</t>
  </si>
  <si>
    <t>1200511775.0</t>
  </si>
  <si>
    <t>499518494.0</t>
  </si>
  <si>
    <t>471617651.0</t>
  </si>
  <si>
    <t>248158484.0</t>
  </si>
  <si>
    <t>2804774.0</t>
  </si>
  <si>
    <t>2622488.0</t>
  </si>
  <si>
    <t>386368.0</t>
  </si>
  <si>
    <t>1202550719.0</t>
  </si>
  <si>
    <t>499830394.0</t>
  </si>
  <si>
    <t>471968639.0</t>
  </si>
  <si>
    <t>249147442.0</t>
  </si>
  <si>
    <t>2143481.0</t>
  </si>
  <si>
    <t>2507753.0</t>
  </si>
  <si>
    <t>161.46</t>
  </si>
  <si>
    <t>341017.0</t>
  </si>
  <si>
    <t>1205170764.0</t>
  </si>
  <si>
    <t>500118082.0</t>
  </si>
  <si>
    <t>472512706.0</t>
  </si>
  <si>
    <t>250584341.0</t>
  </si>
  <si>
    <t>1574320.0</t>
  </si>
  <si>
    <t>2542583.0</t>
  </si>
  <si>
    <t>343479.0</t>
  </si>
  <si>
    <t>1207244321.0</t>
  </si>
  <si>
    <t>500384948.0</t>
  </si>
  <si>
    <t>472893305.0</t>
  </si>
  <si>
    <t>251875903.0</t>
  </si>
  <si>
    <t>2158166.0</t>
  </si>
  <si>
    <t>2442751.0</t>
  </si>
  <si>
    <t>337482.0</t>
  </si>
  <si>
    <t>1209352685.0</t>
  </si>
  <si>
    <t>500660129.0</t>
  </si>
  <si>
    <t>473387853.0</t>
  </si>
  <si>
    <t>253288032.0</t>
  </si>
  <si>
    <t>2283725.0</t>
  </si>
  <si>
    <t>2387894.0</t>
  </si>
  <si>
    <t>338860.0</t>
  </si>
  <si>
    <t>1211292381.0</t>
  </si>
  <si>
    <t>500903045.0</t>
  </si>
  <si>
    <t>473780047.0</t>
  </si>
  <si>
    <t>254607721.0</t>
  </si>
  <si>
    <t>2128587.0</t>
  </si>
  <si>
    <t>2260068.0</t>
  </si>
  <si>
    <t>162.63</t>
  </si>
  <si>
    <t>317686.0</t>
  </si>
  <si>
    <t>1213043279.0</t>
  </si>
  <si>
    <t>501119178.0</t>
  </si>
  <si>
    <t>474147054.0</t>
  </si>
  <si>
    <t>255819562.0</t>
  </si>
  <si>
    <t>1954087.0</t>
  </si>
  <si>
    <t>2148358.0</t>
  </si>
  <si>
    <t>298158.0</t>
  </si>
  <si>
    <t>1215756745.0</t>
  </si>
  <si>
    <t>501491420.0</t>
  </si>
  <si>
    <t>474746706.0</t>
  </si>
  <si>
    <t>257536767.0</t>
  </si>
  <si>
    <t>2270422.0</t>
  </si>
  <si>
    <t>2072638.0</t>
  </si>
  <si>
    <t>294315.0</t>
  </si>
  <si>
    <t>1217178963.0</t>
  </si>
  <si>
    <t>501782596.0</t>
  </si>
  <si>
    <t>475137932.0</t>
  </si>
  <si>
    <t>258250303.0</t>
  </si>
  <si>
    <t>1675144.0</t>
  </si>
  <si>
    <t>2006351.0</t>
  </si>
  <si>
    <t>288742.0</t>
  </si>
  <si>
    <t>1218560386.0</t>
  </si>
  <si>
    <t>502060231.0</t>
  </si>
  <si>
    <t>475487612.0</t>
  </si>
  <si>
    <t>258824275.0</t>
  </si>
  <si>
    <t>791324.0</t>
  </si>
  <si>
    <t>1894490.0</t>
  </si>
  <si>
    <t>163.61</t>
  </si>
  <si>
    <t>277799.0</t>
  </si>
  <si>
    <t>1219879961.0</t>
  </si>
  <si>
    <t>502182099.0</t>
  </si>
  <si>
    <t>475784002.0</t>
  </si>
  <si>
    <t>259726861.0</t>
  </si>
  <si>
    <t>1388261.0</t>
  </si>
  <si>
    <t>1784507.0</t>
  </si>
  <si>
    <t>163.78</t>
  </si>
  <si>
    <t>253466.0</t>
  </si>
  <si>
    <t>1221895699.0</t>
  </si>
  <si>
    <t>502664667.0</t>
  </si>
  <si>
    <t>476333061.0</t>
  </si>
  <si>
    <t>260753003.0</t>
  </si>
  <si>
    <t>2175775.0</t>
  </si>
  <si>
    <t>1769086.0</t>
  </si>
  <si>
    <t>285555.0</t>
  </si>
  <si>
    <t>1223567662.0</t>
  </si>
  <si>
    <t>502899789.0</t>
  </si>
  <si>
    <t>476770721.0</t>
  </si>
  <si>
    <t>261785901.0</t>
  </si>
  <si>
    <t>1841793.0</t>
  </si>
  <si>
    <t>1728113.0</t>
  </si>
  <si>
    <t>164.28</t>
  </si>
  <si>
    <t>283962.0</t>
  </si>
  <si>
    <t>1225114747.0</t>
  </si>
  <si>
    <t>503124844.0</t>
  </si>
  <si>
    <t>477051898.0</t>
  </si>
  <si>
    <t>262775770.0</t>
  </si>
  <si>
    <t>1713182.0</t>
  </si>
  <si>
    <t>1693703.0</t>
  </si>
  <si>
    <t>164.49</t>
  </si>
  <si>
    <t>284904.0</t>
  </si>
  <si>
    <t>1227236937.0</t>
  </si>
  <si>
    <t>503271061.0</t>
  </si>
  <si>
    <t>477382427.0</t>
  </si>
  <si>
    <t>264487312.0</t>
  </si>
  <si>
    <t>1823504.0</t>
  </si>
  <si>
    <t>1629855.0</t>
  </si>
  <si>
    <t>164.77</t>
  </si>
  <si>
    <t>1228377284.0</t>
  </si>
  <si>
    <t>503406649.0</t>
  </si>
  <si>
    <t>477834276.0</t>
  </si>
  <si>
    <t>265020058.0</t>
  </si>
  <si>
    <t>1323121.0</t>
  </si>
  <si>
    <t>1579566.0</t>
  </si>
  <si>
    <t>234831.0</t>
  </si>
  <si>
    <t>1229640382.0</t>
  </si>
  <si>
    <t>503640267.0</t>
  </si>
  <si>
    <t>478201026.0</t>
  </si>
  <si>
    <t>265424102.0</t>
  </si>
  <si>
    <t>701342.0</t>
  </si>
  <si>
    <t>1566707.0</t>
  </si>
  <si>
    <t>165.09</t>
  </si>
  <si>
    <t>235049.0</t>
  </si>
  <si>
    <t>1230800247.0</t>
  </si>
  <si>
    <t>503759542.0</t>
  </si>
  <si>
    <t>478640143.0</t>
  </si>
  <si>
    <t>266003222.0</t>
  </si>
  <si>
    <t>1209872.0</t>
  </si>
  <si>
    <t>1541226.0</t>
  </si>
  <si>
    <t>165.25</t>
  </si>
  <si>
    <t>234275.0</t>
  </si>
  <si>
    <t>1232114749.0</t>
  </si>
  <si>
    <t>503906854.0</t>
  </si>
  <si>
    <t>478976749.0</t>
  </si>
  <si>
    <t>266862078.0</t>
  </si>
  <si>
    <t>1428589.0</t>
  </si>
  <si>
    <t>1434482.0</t>
  </si>
  <si>
    <t>186016.0</t>
  </si>
  <si>
    <t>1234210365.0</t>
  </si>
  <si>
    <t>504156972.0</t>
  </si>
  <si>
    <t>479756045.0</t>
  </si>
  <si>
    <t>268135588.0</t>
  </si>
  <si>
    <t>2196813.0</t>
  </si>
  <si>
    <t>1485203.0</t>
  </si>
  <si>
    <t>165.71</t>
  </si>
  <si>
    <t>1236679272.0</t>
  </si>
  <si>
    <t>504306351.0</t>
  </si>
  <si>
    <t>480148791.0</t>
  </si>
  <si>
    <t>268718504.0</t>
  </si>
  <si>
    <t>2656717.0</t>
  </si>
  <si>
    <t>1619999.0</t>
  </si>
  <si>
    <t>177802.0</t>
  </si>
  <si>
    <t>1237876574.0</t>
  </si>
  <si>
    <t>504397702.0</t>
  </si>
  <si>
    <t>480407899.0</t>
  </si>
  <si>
    <t>269550968.0</t>
  </si>
  <si>
    <t>1016729.0</t>
  </si>
  <si>
    <t>1504743.0</t>
  </si>
  <si>
    <t>36.19</t>
  </si>
  <si>
    <t>172831.0</t>
  </si>
  <si>
    <t>1238488677.0</t>
  </si>
  <si>
    <t>504455082.0</t>
  </si>
  <si>
    <t>480604991.0</t>
  </si>
  <si>
    <t>269893641.0</t>
  </si>
  <si>
    <t>754107.0</t>
  </si>
  <si>
    <t>164620.0</t>
  </si>
  <si>
    <t>1239270887.0</t>
  </si>
  <si>
    <t>504811639.0</t>
  </si>
  <si>
    <t>480878885.0</t>
  </si>
  <si>
    <t>270135989.0</t>
  </si>
  <si>
    <t>374039.0</t>
  </si>
  <si>
    <t>1376673.0</t>
  </si>
  <si>
    <t>152315.0</t>
  </si>
  <si>
    <t>1239933437.0</t>
  </si>
  <si>
    <t>504869322.0</t>
  </si>
  <si>
    <t>481012699.0</t>
  </si>
  <si>
    <t>270554330.0</t>
  </si>
  <si>
    <t>718676.0</t>
  </si>
  <si>
    <t>1306505.0</t>
  </si>
  <si>
    <t>166.48</t>
  </si>
  <si>
    <t>1240733215.0</t>
  </si>
  <si>
    <t>504934604.0</t>
  </si>
  <si>
    <t>481224753.0</t>
  </si>
  <si>
    <t>271061585.0</t>
  </si>
  <si>
    <t>901688.0</t>
  </si>
  <si>
    <t>1231235.0</t>
  </si>
  <si>
    <t>166.58</t>
  </si>
  <si>
    <t>139618.0</t>
  </si>
  <si>
    <t>1241452777.0</t>
  </si>
  <si>
    <t>504986735.0</t>
  </si>
  <si>
    <t>481403252.0</t>
  </si>
  <si>
    <t>271554607.0</t>
  </si>
  <si>
    <t>1036243.0</t>
  </si>
  <si>
    <t>166.68</t>
  </si>
  <si>
    <t>116828.0</t>
  </si>
  <si>
    <t>1242193892.0</t>
  </si>
  <si>
    <t>505055191.0</t>
  </si>
  <si>
    <t>481591977.0</t>
  </si>
  <si>
    <t>272059222.0</t>
  </si>
  <si>
    <t>848880.0</t>
  </si>
  <si>
    <t>166.78</t>
  </si>
  <si>
    <t>109488.0</t>
  </si>
  <si>
    <t>1243060373.0</t>
  </si>
  <si>
    <t>505106362.0</t>
  </si>
  <si>
    <t>481841607.0</t>
  </si>
  <si>
    <t>272617421.0</t>
  </si>
  <si>
    <t>789789.0</t>
  </si>
  <si>
    <t>745569.0</t>
  </si>
  <si>
    <t>106953.0</t>
  </si>
  <si>
    <t>1243505969.0</t>
  </si>
  <si>
    <t>505141209.0</t>
  </si>
  <si>
    <t>481972013.0</t>
  </si>
  <si>
    <t>272887707.0</t>
  </si>
  <si>
    <t>574032.0</t>
  </si>
  <si>
    <t>719843.0</t>
  </si>
  <si>
    <t>105644.0</t>
  </si>
  <si>
    <t>1244006722.0</t>
  </si>
  <si>
    <t>505238172.0</t>
  </si>
  <si>
    <t>482112176.0</t>
  </si>
  <si>
    <t>273069398.0</t>
  </si>
  <si>
    <t>287704.0</t>
  </si>
  <si>
    <t>707509.0</t>
  </si>
  <si>
    <t>167.02</t>
  </si>
  <si>
    <t>106206.0</t>
  </si>
  <si>
    <t>1244479033.0</t>
  </si>
  <si>
    <t>505270580.0</t>
  </si>
  <si>
    <t>482219579.0</t>
  </si>
  <si>
    <t>273352993.0</t>
  </si>
  <si>
    <t>545804.0</t>
  </si>
  <si>
    <t>666460.0</t>
  </si>
  <si>
    <t>167.09</t>
  </si>
  <si>
    <t>91957.0</t>
  </si>
  <si>
    <t>1245011759.0</t>
  </si>
  <si>
    <t>505312711.0</t>
  </si>
  <si>
    <t>482351302.0</t>
  </si>
  <si>
    <t>273686417.0</t>
  </si>
  <si>
    <t>578664.0</t>
  </si>
  <si>
    <t>629304.0</t>
  </si>
  <si>
    <t>90331.0</t>
  </si>
  <si>
    <t>1245535492.0</t>
  </si>
  <si>
    <t>505355756.0</t>
  </si>
  <si>
    <t>482481761.0</t>
  </si>
  <si>
    <t>274009180.0</t>
  </si>
  <si>
    <t>605460.0</t>
  </si>
  <si>
    <t>598444.0</t>
  </si>
  <si>
    <t>1246187767.0</t>
  </si>
  <si>
    <t>505395859.0</t>
  </si>
  <si>
    <t>482981819.0</t>
  </si>
  <si>
    <t>274971231.0</t>
  </si>
  <si>
    <t>631545.0</t>
  </si>
  <si>
    <t>568867.0</t>
  </si>
  <si>
    <t>84790.0</t>
  </si>
  <si>
    <t>1246836487.0</t>
  </si>
  <si>
    <t>505849479.0</t>
  </si>
  <si>
    <t>483159014.0</t>
  </si>
  <si>
    <t>275422477.0</t>
  </si>
  <si>
    <t>675185.0</t>
  </si>
  <si>
    <t>553967.0</t>
  </si>
  <si>
    <t>83503.0</t>
  </si>
  <si>
    <t>1247379723.0</t>
  </si>
  <si>
    <t>505933407.0</t>
  </si>
  <si>
    <t>483301590.0</t>
  </si>
  <si>
    <t>275735051.0</t>
  </si>
  <si>
    <t>726295.0</t>
  </si>
  <si>
    <t>577193.0</t>
  </si>
  <si>
    <t>1248106728.0</t>
  </si>
  <si>
    <t>506139814.0</t>
  </si>
  <si>
    <t>483848728.0</t>
  </si>
  <si>
    <t>276053901.0</t>
  </si>
  <si>
    <t>345596.0</t>
  </si>
  <si>
    <t>586934.0</t>
  </si>
  <si>
    <t>84502.0</t>
  </si>
  <si>
    <t>1248436427.0</t>
  </si>
  <si>
    <t>506166725.0</t>
  </si>
  <si>
    <t>483917478.0</t>
  </si>
  <si>
    <t>276262843.0</t>
  </si>
  <si>
    <t>447353.0</t>
  </si>
  <si>
    <t>572873.0</t>
  </si>
  <si>
    <t>78525.0</t>
  </si>
  <si>
    <t>1248811417.0</t>
  </si>
  <si>
    <t>506193156.0</t>
  </si>
  <si>
    <t>483988889.0</t>
  </si>
  <si>
    <t>276538216.0</t>
  </si>
  <si>
    <t>568888.0</t>
  </si>
  <si>
    <t>571476.0</t>
  </si>
  <si>
    <t>74232.0</t>
  </si>
  <si>
    <t>1249514709.0</t>
  </si>
  <si>
    <t>506244693.0</t>
  </si>
  <si>
    <t>484090189.0</t>
  </si>
  <si>
    <t>276854780.0</t>
  </si>
  <si>
    <t>866172.0</t>
  </si>
  <si>
    <t>608718.0</t>
  </si>
  <si>
    <t>69961.0</t>
  </si>
  <si>
    <t>1250678710.0</t>
  </si>
  <si>
    <t>506343886.0</t>
  </si>
  <si>
    <t>484953777.0</t>
  </si>
  <si>
    <t>277241813.0</t>
  </si>
  <si>
    <t>738242.0</t>
  </si>
  <si>
    <t>623963.0</t>
  </si>
  <si>
    <t>73610.0</t>
  </si>
  <si>
    <t>1251379024.0</t>
  </si>
  <si>
    <t>506385140.0</t>
  </si>
  <si>
    <t>485067705.0</t>
  </si>
  <si>
    <t>277638190.0</t>
  </si>
  <si>
    <t>626719.0</t>
  </si>
  <si>
    <t>617039.0</t>
  </si>
  <si>
    <t>70321.0</t>
  </si>
  <si>
    <t>1251638501.0</t>
  </si>
  <si>
    <t>506409576.0</t>
  </si>
  <si>
    <t>485131857.0</t>
  </si>
  <si>
    <t>277803956.0</t>
  </si>
  <si>
    <t>446132.0</t>
  </si>
  <si>
    <t>577014.0</t>
  </si>
  <si>
    <t>168.05</t>
  </si>
  <si>
    <t>62751.0</t>
  </si>
  <si>
    <t>1251886433.0</t>
  </si>
  <si>
    <t>506426363.0</t>
  </si>
  <si>
    <t>485168928.0</t>
  </si>
  <si>
    <t>277890794.0</t>
  </si>
  <si>
    <t>399945.0</t>
  </si>
  <si>
    <t>584777.0</t>
  </si>
  <si>
    <t>65187.0</t>
  </si>
  <si>
    <t>1252410479.0</t>
  </si>
  <si>
    <t>506444775.0</t>
  </si>
  <si>
    <t>485244846.0</t>
  </si>
  <si>
    <t>278156561.0</t>
  </si>
  <si>
    <t>587197.0</t>
  </si>
  <si>
    <t>604757.0</t>
  </si>
  <si>
    <t>1252883130.0</t>
  </si>
  <si>
    <t>506575971.0</t>
  </si>
  <si>
    <t>485387055.0</t>
  </si>
  <si>
    <t>278508837.0</t>
  </si>
  <si>
    <t>629786.0</t>
  </si>
  <si>
    <t>613451.0</t>
  </si>
  <si>
    <t>75032.0</t>
  </si>
  <si>
    <t>1253675134.0</t>
  </si>
  <si>
    <t>506672544.0</t>
  </si>
  <si>
    <t>485638013.0</t>
  </si>
  <si>
    <t>279076829.0</t>
  </si>
  <si>
    <t>621775.0</t>
  </si>
  <si>
    <t>578544.0</t>
  </si>
  <si>
    <t>168.32</t>
  </si>
  <si>
    <t>74955.0</t>
  </si>
  <si>
    <t>1254072218.0</t>
  </si>
  <si>
    <t>506694840.0</t>
  </si>
  <si>
    <t>485694168.0</t>
  </si>
  <si>
    <t>279393042.0</t>
  </si>
  <si>
    <t>560321.0</t>
  </si>
  <si>
    <t>553122.0</t>
  </si>
  <si>
    <t>168.38</t>
  </si>
  <si>
    <t>64900.0</t>
  </si>
  <si>
    <t>1254757243.0</t>
  </si>
  <si>
    <t>506720407.0</t>
  </si>
  <si>
    <t>485752814.0</t>
  </si>
  <si>
    <t>279734211.0</t>
  </si>
  <si>
    <t>539351.0</t>
  </si>
  <si>
    <t>540644.0</t>
  </si>
  <si>
    <t>62247.0</t>
  </si>
  <si>
    <t>1255036158.0</t>
  </si>
  <si>
    <t>506749259.0</t>
  </si>
  <si>
    <t>485811689.0</t>
  </si>
  <si>
    <t>279921680.0</t>
  </si>
  <si>
    <t>428928.0</t>
  </si>
  <si>
    <t>538185.0</t>
  </si>
  <si>
    <t>61536.0</t>
  </si>
  <si>
    <t>1255510639.0</t>
  </si>
  <si>
    <t>507003185.0</t>
  </si>
  <si>
    <t>485904960.0</t>
  </si>
  <si>
    <t>280269979.0</t>
  </si>
  <si>
    <t>463470.0</t>
  </si>
  <si>
    <t>547257.0</t>
  </si>
  <si>
    <t>72524.0</t>
  </si>
  <si>
    <t>1256435657.0</t>
  </si>
  <si>
    <t>507134446.0</t>
  </si>
  <si>
    <t>485960228.0</t>
  </si>
  <si>
    <t>280548161.0</t>
  </si>
  <si>
    <t>824205.0</t>
  </si>
  <si>
    <t>581118.0</t>
  </si>
  <si>
    <t>1257023380.0</t>
  </si>
  <si>
    <t>507211775.0</t>
  </si>
  <si>
    <t>486108797.0</t>
  </si>
  <si>
    <t>280865429.0</t>
  </si>
  <si>
    <t>731226.0</t>
  </si>
  <si>
    <t>595608.0</t>
  </si>
  <si>
    <t>168.77</t>
  </si>
  <si>
    <t>1258040513.0</t>
  </si>
  <si>
    <t>507421166.0</t>
  </si>
  <si>
    <t>486356712.0</t>
  </si>
  <si>
    <t>281355728.0</t>
  </si>
  <si>
    <t>883268.0</t>
  </si>
  <si>
    <t>632963.0</t>
  </si>
  <si>
    <t>105802.0</t>
  </si>
  <si>
    <t>1258822819.0</t>
  </si>
  <si>
    <t>507617221.0</t>
  </si>
  <si>
    <t>486567217.0</t>
  </si>
  <si>
    <t>281673653.0</t>
  </si>
  <si>
    <t>903561.0</t>
  </si>
  <si>
    <t>681998.0</t>
  </si>
  <si>
    <t>169.01</t>
  </si>
  <si>
    <t>130415.0</t>
  </si>
  <si>
    <t>1259678140.0</t>
  </si>
  <si>
    <t>507657109.0</t>
  </si>
  <si>
    <t>486651147.0</t>
  </si>
  <si>
    <t>282031418.0</t>
  </si>
  <si>
    <t>602093.0</t>
  </si>
  <si>
    <t>690961.0</t>
  </si>
  <si>
    <t>169.13</t>
  </si>
  <si>
    <t>132151.0</t>
  </si>
  <si>
    <t>1260368039.0</t>
  </si>
  <si>
    <t>507963977.0</t>
  </si>
  <si>
    <t>486777995.0</t>
  </si>
  <si>
    <t>282222308.0</t>
  </si>
  <si>
    <t>830952.0</t>
  </si>
  <si>
    <t>748395.0</t>
  </si>
  <si>
    <t>172386.0</t>
  </si>
  <si>
    <t>1261149299.0</t>
  </si>
  <si>
    <t>508063544.0</t>
  </si>
  <si>
    <t>487108303.0</t>
  </si>
  <si>
    <t>282327849.0</t>
  </si>
  <si>
    <t>266061.0</t>
  </si>
  <si>
    <t>720195.0</t>
  </si>
  <si>
    <t>157209.0</t>
  </si>
  <si>
    <t>1261480054.0</t>
  </si>
  <si>
    <t>508083525.0</t>
  </si>
  <si>
    <t>487149739.0</t>
  </si>
  <si>
    <t>282527478.0</t>
  </si>
  <si>
    <t>479654.0</t>
  </si>
  <si>
    <t>670976.0</t>
  </si>
  <si>
    <t>141525.0</t>
  </si>
  <si>
    <t>1262030950.0</t>
  </si>
  <si>
    <t>508106146.0</t>
  </si>
  <si>
    <t>487233187.0</t>
  </si>
  <si>
    <t>282856793.0</t>
  </si>
  <si>
    <t>644804.0</t>
  </si>
  <si>
    <t>658623.0</t>
  </si>
  <si>
    <t>169.44</t>
  </si>
  <si>
    <t>133080.0</t>
  </si>
  <si>
    <t>1262727903.0</t>
  </si>
  <si>
    <t>508146818.0</t>
  </si>
  <si>
    <t>487409169.0</t>
  </si>
  <si>
    <t>283261632.0</t>
  </si>
  <si>
    <t>639964.0</t>
  </si>
  <si>
    <t>623818.0</t>
  </si>
  <si>
    <t>110288.0</t>
  </si>
  <si>
    <t>1263190585.0</t>
  </si>
  <si>
    <t>508167041.0</t>
  </si>
  <si>
    <t>487453720.0</t>
  </si>
  <si>
    <t>283568792.0</t>
  </si>
  <si>
    <t>685525.0</t>
  </si>
  <si>
    <t>592679.0</t>
  </si>
  <si>
    <t>169.6</t>
  </si>
  <si>
    <t>85640.0</t>
  </si>
  <si>
    <t>1263992568.0</t>
  </si>
  <si>
    <t>508188179.0</t>
  </si>
  <si>
    <t>487507038.0</t>
  </si>
  <si>
    <t>283858294.0</t>
  </si>
  <si>
    <t>622421.0</t>
  </si>
  <si>
    <t>595592.0</t>
  </si>
  <si>
    <t>169.71</t>
  </si>
  <si>
    <t>83927.0</t>
  </si>
  <si>
    <t>1264264196.0</t>
  </si>
  <si>
    <t>508206971.0</t>
  </si>
  <si>
    <t>487538484.0</t>
  </si>
  <si>
    <t>283971588.0</t>
  </si>
  <si>
    <t>498001.0</t>
  </si>
  <si>
    <t>548035.0</t>
  </si>
  <si>
    <t>43568.0</t>
  </si>
  <si>
    <t>1264693685.0</t>
  </si>
  <si>
    <t>508306238.0</t>
  </si>
  <si>
    <t>487668222.0</t>
  </si>
  <si>
    <t>284060611.0</t>
  </si>
  <si>
    <t>327110.0</t>
  </si>
  <si>
    <t>556765.0</t>
  </si>
  <si>
    <t>42931.0</t>
  </si>
  <si>
    <t>1265527545.0</t>
  </si>
  <si>
    <t>508350312.0</t>
  </si>
  <si>
    <t>487767368.0</t>
  </si>
  <si>
    <t>284689897.0</t>
  </si>
  <si>
    <t>524893.0</t>
  </si>
  <si>
    <t>563237.0</t>
  </si>
  <si>
    <t>169.91</t>
  </si>
  <si>
    <t>43564.0</t>
  </si>
  <si>
    <t>1266050418.0</t>
  </si>
  <si>
    <t>508405018.0</t>
  </si>
  <si>
    <t>487845703.0</t>
  </si>
  <si>
    <t>284987162.0</t>
  </si>
  <si>
    <t>631176.0</t>
  </si>
  <si>
    <t>561299.0</t>
  </si>
  <si>
    <t>169.98</t>
  </si>
  <si>
    <t>48241.0</t>
  </si>
  <si>
    <t>1266681882.0</t>
  </si>
  <si>
    <t>508468440.0</t>
  </si>
  <si>
    <t>487942270.0</t>
  </si>
  <si>
    <t>285377207.0</t>
  </si>
  <si>
    <t>636719.0</t>
  </si>
  <si>
    <t>560839.0</t>
  </si>
  <si>
    <t>51903.0</t>
  </si>
  <si>
    <t>1267547029.0</t>
  </si>
  <si>
    <t>508555438.0</t>
  </si>
  <si>
    <t>488025452.0</t>
  </si>
  <si>
    <t>285970779.0</t>
  </si>
  <si>
    <t>987806.0</t>
  </si>
  <si>
    <t>604021.0</t>
  </si>
  <si>
    <t>61069.0</t>
  </si>
  <si>
    <t>1268350247.0</t>
  </si>
  <si>
    <t>508583900.0</t>
  </si>
  <si>
    <t>488071718.0</t>
  </si>
  <si>
    <t>286305691.0</t>
  </si>
  <si>
    <t>583004.0</t>
  </si>
  <si>
    <t>598388.0</t>
  </si>
  <si>
    <t>1268666034.0</t>
  </si>
  <si>
    <t>508615373.0</t>
  </si>
  <si>
    <t>488102229.0</t>
  </si>
  <si>
    <t>286440696.0</t>
  </si>
  <si>
    <t>474718.0</t>
  </si>
  <si>
    <t>595060.0</t>
  </si>
  <si>
    <t>170.33</t>
  </si>
  <si>
    <t>66133.0</t>
  </si>
  <si>
    <t>1268993984.0</t>
  </si>
  <si>
    <t>508637370.0</t>
  </si>
  <si>
    <t>488121131.0</t>
  </si>
  <si>
    <t>286486241.0</t>
  </si>
  <si>
    <t>274861.0</t>
  </si>
  <si>
    <t>587597.0</t>
  </si>
  <si>
    <t>70217.0</t>
  </si>
  <si>
    <t>1269450282.0</t>
  </si>
  <si>
    <t>508745629.0</t>
  </si>
  <si>
    <t>488179358.0</t>
  </si>
  <si>
    <t>286669430.0</t>
  </si>
  <si>
    <t>461104.0</t>
  </si>
  <si>
    <t>578487.0</t>
  </si>
  <si>
    <t>170.44</t>
  </si>
  <si>
    <t>73888.0</t>
  </si>
  <si>
    <t>1269935535.0</t>
  </si>
  <si>
    <t>508783723.0</t>
  </si>
  <si>
    <t>488262960.0</t>
  </si>
  <si>
    <t>286945618.0</t>
  </si>
  <si>
    <t>534354.0</t>
  </si>
  <si>
    <t>564653.0</t>
  </si>
  <si>
    <t>170.51</t>
  </si>
  <si>
    <t>74244.0</t>
  </si>
  <si>
    <t>1270425705.0</t>
  </si>
  <si>
    <t>508877017.0</t>
  </si>
  <si>
    <t>488350896.0</t>
  </si>
  <si>
    <t>287244618.0</t>
  </si>
  <si>
    <t>544272.0</t>
  </si>
  <si>
    <t>551446.0</t>
  </si>
  <si>
    <t>170.57</t>
  </si>
  <si>
    <t>75651.0</t>
  </si>
  <si>
    <t>1271024778.0</t>
  </si>
  <si>
    <t>508991798.0</t>
  </si>
  <si>
    <t>488471109.0</t>
  </si>
  <si>
    <t>287503352.0</t>
  </si>
  <si>
    <t>696165.0</t>
  </si>
  <si>
    <t>509781.0</t>
  </si>
  <si>
    <t>170.65</t>
  </si>
  <si>
    <t>79399.0</t>
  </si>
  <si>
    <t>1271493346.0</t>
  </si>
  <si>
    <t>509024486.0</t>
  </si>
  <si>
    <t>488498499.0</t>
  </si>
  <si>
    <t>287672820.0</t>
  </si>
  <si>
    <t>326429.0</t>
  </si>
  <si>
    <t>473128.0</t>
  </si>
  <si>
    <t>170.71</t>
  </si>
  <si>
    <t>80109.0</t>
  </si>
  <si>
    <t>1271659754.0</t>
  </si>
  <si>
    <t>509045862.0</t>
  </si>
  <si>
    <t>488516489.0</t>
  </si>
  <si>
    <t>287744007.0</t>
  </si>
  <si>
    <t>306624.0</t>
  </si>
  <si>
    <t>449115.0</t>
  </si>
  <si>
    <t>170.74</t>
  </si>
  <si>
    <t>75955.0</t>
  </si>
  <si>
    <t>1272270347.0</t>
  </si>
  <si>
    <t>509210918.0</t>
  </si>
  <si>
    <t>488695051.0</t>
  </si>
  <si>
    <t>287819251.0</t>
  </si>
  <si>
    <t>177941.0</t>
  </si>
  <si>
    <t>435267.0</t>
  </si>
  <si>
    <t>170.82</t>
  </si>
  <si>
    <t>71616.0</t>
  </si>
  <si>
    <t>1272470022.0</t>
  </si>
  <si>
    <t>509247209.0</t>
  </si>
  <si>
    <t>488728889.0</t>
  </si>
  <si>
    <t>287925952.0</t>
  </si>
  <si>
    <t>214679.0</t>
  </si>
  <si>
    <t>400067.0</t>
  </si>
  <si>
    <t>66630.0</t>
  </si>
  <si>
    <t>1273049992.0</t>
  </si>
  <si>
    <t>509297473.0</t>
  </si>
  <si>
    <t>488772696.0</t>
  </si>
  <si>
    <t>288327873.0</t>
  </si>
  <si>
    <t>683944.0</t>
  </si>
  <si>
    <t>421434.0</t>
  </si>
  <si>
    <t>65653.0</t>
  </si>
  <si>
    <t>1273523231.0</t>
  </si>
  <si>
    <t>509355889.0</t>
  </si>
  <si>
    <t>488826414.0</t>
  </si>
  <si>
    <t>288586939.0</t>
  </si>
  <si>
    <t>558112.0</t>
  </si>
  <si>
    <t>423412.0</t>
  </si>
  <si>
    <t>64987.0</t>
  </si>
  <si>
    <t>1274587859.0</t>
  </si>
  <si>
    <t>509489779.0</t>
  </si>
  <si>
    <t>488917308.0</t>
  </si>
  <si>
    <t>288873080.0</t>
  </si>
  <si>
    <t>1116032.0</t>
  </si>
  <si>
    <t>483394.0</t>
  </si>
  <si>
    <t>67174.0</t>
  </si>
  <si>
    <t>1275256173.0</t>
  </si>
  <si>
    <t>509533971.0</t>
  </si>
  <si>
    <t>488971325.0</t>
  </si>
  <si>
    <t>289158358.0</t>
  </si>
  <si>
    <t>551929.0</t>
  </si>
  <si>
    <t>515606.0</t>
  </si>
  <si>
    <t>68562.0</t>
  </si>
  <si>
    <t>1275581037.0</t>
  </si>
  <si>
    <t>509571376.0</t>
  </si>
  <si>
    <t>488998515.0</t>
  </si>
  <si>
    <t>289260254.0</t>
  </si>
  <si>
    <t>453863.0</t>
  </si>
  <si>
    <t>536639.0</t>
  </si>
  <si>
    <t>76943.0</t>
  </si>
  <si>
    <t>1276107759.0</t>
  </si>
  <si>
    <t>509670083.0</t>
  </si>
  <si>
    <t>489116819.0</t>
  </si>
  <si>
    <t>289325675.0</t>
  </si>
  <si>
    <t>242879.0</t>
  </si>
  <si>
    <t>545919.0</t>
  </si>
  <si>
    <t>171.33</t>
  </si>
  <si>
    <t>84952.0</t>
  </si>
  <si>
    <t>1276363442.0</t>
  </si>
  <si>
    <t>509687894.0</t>
  </si>
  <si>
    <t>489138285.0</t>
  </si>
  <si>
    <t>289446343.0</t>
  </si>
  <si>
    <t>357171.0</t>
  </si>
  <si>
    <t>566275.0</t>
  </si>
  <si>
    <t>171.37</t>
  </si>
  <si>
    <t>91728.0</t>
  </si>
  <si>
    <t>1276871882.0</t>
  </si>
  <si>
    <t>509910925.0</t>
  </si>
  <si>
    <t>489377207.0</t>
  </si>
  <si>
    <t>289711398.0</t>
  </si>
  <si>
    <t>532971.0</t>
  </si>
  <si>
    <t>544709.0</t>
  </si>
  <si>
    <t>171.44</t>
  </si>
  <si>
    <t>1277405182.0</t>
  </si>
  <si>
    <t>509941785.0</t>
  </si>
  <si>
    <t>489441940.0</t>
  </si>
  <si>
    <t>290056859.0</t>
  </si>
  <si>
    <t>582928.0</t>
  </si>
  <si>
    <t>548255.0</t>
  </si>
  <si>
    <t>171.51</t>
  </si>
  <si>
    <t>1277962778.0</t>
  </si>
  <si>
    <t>510019399.0</t>
  </si>
  <si>
    <t>489513091.0</t>
  </si>
  <si>
    <t>290407758.0</t>
  </si>
  <si>
    <t>574509.0</t>
  </si>
  <si>
    <t>470894.0</t>
  </si>
  <si>
    <t>81283.0</t>
  </si>
  <si>
    <t>1278678859.0</t>
  </si>
  <si>
    <t>510161390.0</t>
  </si>
  <si>
    <t>489585373.0</t>
  </si>
  <si>
    <t>290726138.0</t>
  </si>
  <si>
    <t>669452.0</t>
  </si>
  <si>
    <t>487683.0</t>
  </si>
  <si>
    <t>1278969307.0</t>
  </si>
  <si>
    <t>510226284.0</t>
  </si>
  <si>
    <t>489627648.0</t>
  </si>
  <si>
    <t>290838505.0</t>
  </si>
  <si>
    <t>378055.0</t>
  </si>
  <si>
    <t>476853.0</t>
  </si>
  <si>
    <t>171.72</t>
  </si>
  <si>
    <t>90041.0</t>
  </si>
  <si>
    <t>1279445443.0</t>
  </si>
  <si>
    <t>510312129.0</t>
  </si>
  <si>
    <t>489727760.0</t>
  </si>
  <si>
    <t>290884567.0</t>
  </si>
  <si>
    <t>189713.0</t>
  </si>
  <si>
    <t>469258.0</t>
  </si>
  <si>
    <t>81807.0</t>
  </si>
  <si>
    <t>1279670972.0</t>
  </si>
  <si>
    <t>510325917.0</t>
  </si>
  <si>
    <t>489739077.0</t>
  </si>
  <si>
    <t>291005376.0</t>
  </si>
  <si>
    <t>270635.0</t>
  </si>
  <si>
    <t>456892.0</t>
  </si>
  <si>
    <t>171.81</t>
  </si>
  <si>
    <t>1279995695.0</t>
  </si>
  <si>
    <t>510346089.0</t>
  </si>
  <si>
    <t>489759502.0</t>
  </si>
  <si>
    <t>291215943.0</t>
  </si>
  <si>
    <t>399274.0</t>
  </si>
  <si>
    <t>437794.0</t>
  </si>
  <si>
    <t>65939.0</t>
  </si>
  <si>
    <t>1280537446.0</t>
  </si>
  <si>
    <t>510402895.0</t>
  </si>
  <si>
    <t>489810163.0</t>
  </si>
  <si>
    <t>291581260.0</t>
  </si>
  <si>
    <t>529245.0</t>
  </si>
  <si>
    <t>430127.0</t>
  </si>
  <si>
    <t>65410.0</t>
  </si>
  <si>
    <t>1280901611.0</t>
  </si>
  <si>
    <t>510421798.0</t>
  </si>
  <si>
    <t>489835019.0</t>
  </si>
  <si>
    <t>291828654.0</t>
  </si>
  <si>
    <t>458133.0</t>
  </si>
  <si>
    <t>413502.0</t>
  </si>
  <si>
    <t>171.98</t>
  </si>
  <si>
    <t>1281389584.0</t>
  </si>
  <si>
    <t>510471080.0</t>
  </si>
  <si>
    <t>489868072.0</t>
  </si>
  <si>
    <t>292096961.0</t>
  </si>
  <si>
    <t>439089.0</t>
  </si>
  <si>
    <t>380591.0</t>
  </si>
  <si>
    <t>47215.0</t>
  </si>
  <si>
    <t>1281614561.0</t>
  </si>
  <si>
    <t>510500044.0</t>
  </si>
  <si>
    <t>489890968.0</t>
  </si>
  <si>
    <t>292190815.0</t>
  </si>
  <si>
    <t>312991.0</t>
  </si>
  <si>
    <t>371297.0</t>
  </si>
  <si>
    <t>43500.0</t>
  </si>
  <si>
    <t>1281851957.0</t>
  </si>
  <si>
    <t>510514247.0</t>
  </si>
  <si>
    <t>489903622.0</t>
  </si>
  <si>
    <t>292215722.0</t>
  </si>
  <si>
    <t>156829.0</t>
  </si>
  <si>
    <t>366597.0</t>
  </si>
  <si>
    <t>43309.0</t>
  </si>
  <si>
    <t>1282075071.0</t>
  </si>
  <si>
    <t>510525077.0</t>
  </si>
  <si>
    <t>489918975.0</t>
  </si>
  <si>
    <t>292354699.0</t>
  </si>
  <si>
    <t>305900.0</t>
  </si>
  <si>
    <t>371636.0</t>
  </si>
  <si>
    <t>1282434245.0</t>
  </si>
  <si>
    <t>510544872.0</t>
  </si>
  <si>
    <t>489945889.0</t>
  </si>
  <si>
    <t>292597363.0</t>
  </si>
  <si>
    <t>403923.0</t>
  </si>
  <si>
    <t>372301.0</t>
  </si>
  <si>
    <t>43811.0</t>
  </si>
  <si>
    <t>1282850657.0</t>
  </si>
  <si>
    <t>510568454.0</t>
  </si>
  <si>
    <t>489988970.0</t>
  </si>
  <si>
    <t>292891496.0</t>
  </si>
  <si>
    <t>404605.0</t>
  </si>
  <si>
    <t>354494.0</t>
  </si>
  <si>
    <t>172.24</t>
  </si>
  <si>
    <t>1283174727.0</t>
  </si>
  <si>
    <t>510582536.0</t>
  </si>
  <si>
    <t>490007750.0</t>
  </si>
  <si>
    <t>293114643.0</t>
  </si>
  <si>
    <t>427423.0</t>
  </si>
  <si>
    <t>350108.0</t>
  </si>
  <si>
    <t>172.28</t>
  </si>
  <si>
    <t>38318.0</t>
  </si>
  <si>
    <t>1283555847.0</t>
  </si>
  <si>
    <t>510601810.0</t>
  </si>
  <si>
    <t>490034557.0</t>
  </si>
  <si>
    <t>293343322.0</t>
  </si>
  <si>
    <t>387887.0</t>
  </si>
  <si>
    <t>342793.0</t>
  </si>
  <si>
    <t>172.33</t>
  </si>
  <si>
    <t>39.39</t>
  </si>
  <si>
    <t>1283735075.0</t>
  </si>
  <si>
    <t>510626857.0</t>
  </si>
  <si>
    <t>490053599.0</t>
  </si>
  <si>
    <t>293425757.0</t>
  </si>
  <si>
    <t>287609.0</t>
  </si>
  <si>
    <t>339165.0</t>
  </si>
  <si>
    <t>172.36</t>
  </si>
  <si>
    <t>35959.0</t>
  </si>
  <si>
    <t>1284256886.0</t>
  </si>
  <si>
    <t>510732623.0</t>
  </si>
  <si>
    <t>490280877.0</t>
  </si>
  <si>
    <t>293477122.0</t>
  </si>
  <si>
    <t>173804.0</t>
  </si>
  <si>
    <t>341591.0</t>
  </si>
  <si>
    <t>172.43</t>
  </si>
  <si>
    <t>35870.0</t>
  </si>
  <si>
    <t>1284447813.0</t>
  </si>
  <si>
    <t>510741844.0</t>
  </si>
  <si>
    <t>490293646.0</t>
  </si>
  <si>
    <t>293602370.0</t>
  </si>
  <si>
    <t>295825.0</t>
  </si>
  <si>
    <t>340153.0</t>
  </si>
  <si>
    <t>172.45</t>
  </si>
  <si>
    <t>1284734908.0</t>
  </si>
  <si>
    <t>510761541.0</t>
  </si>
  <si>
    <t>490318021.0</t>
  </si>
  <si>
    <t>293805909.0</t>
  </si>
  <si>
    <t>388414.0</t>
  </si>
  <si>
    <t>337938.0</t>
  </si>
  <si>
    <t>1285090972.0</t>
  </si>
  <si>
    <t>510781664.0</t>
  </si>
  <si>
    <t>490353036.0</t>
  </si>
  <si>
    <t>294069508.0</t>
  </si>
  <si>
    <t>374901.0</t>
  </si>
  <si>
    <t>333694.0</t>
  </si>
  <si>
    <t>172.54</t>
  </si>
  <si>
    <t>36097.0</t>
  </si>
  <si>
    <t>1285518158.0</t>
  </si>
  <si>
    <t>510870363.0</t>
  </si>
  <si>
    <t>490379810.0</t>
  </si>
  <si>
    <t>294398349.0</t>
  </si>
  <si>
    <t>393305.0</t>
  </si>
  <si>
    <t>328823.0</t>
  </si>
  <si>
    <t>1285936187.0</t>
  </si>
  <si>
    <t>510888616.0</t>
  </si>
  <si>
    <t>490405439.0</t>
  </si>
  <si>
    <t>294623645.0</t>
  </si>
  <si>
    <t>361249.0</t>
  </si>
  <si>
    <t>325013.0</t>
  </si>
  <si>
    <t>172.65</t>
  </si>
  <si>
    <t>1286102789.0</t>
  </si>
  <si>
    <t>510911905.0</t>
  </si>
  <si>
    <t>490422707.0</t>
  </si>
  <si>
    <t>294700010.0</t>
  </si>
  <si>
    <t>262753.0</t>
  </si>
  <si>
    <t>321465.0</t>
  </si>
  <si>
    <t>172.68</t>
  </si>
  <si>
    <t>34528.0</t>
  </si>
  <si>
    <t>1286526510.0</t>
  </si>
  <si>
    <t>510940142.0</t>
  </si>
  <si>
    <t>490438116.0</t>
  </si>
  <si>
    <t>294966226.0</t>
  </si>
  <si>
    <t>155486.0</t>
  </si>
  <si>
    <t>318846.0</t>
  </si>
  <si>
    <t>1286700707.0</t>
  </si>
  <si>
    <t>510947705.0</t>
  </si>
  <si>
    <t>490450020.0</t>
  </si>
  <si>
    <t>295083140.0</t>
  </si>
  <si>
    <t>259404.0</t>
  </si>
  <si>
    <t>33103.0</t>
  </si>
  <si>
    <t>1286988675.0</t>
  </si>
  <si>
    <t>510977626.0</t>
  </si>
  <si>
    <t>490478591.0</t>
  </si>
  <si>
    <t>295277909.0</t>
  </si>
  <si>
    <t>347244.0</t>
  </si>
  <si>
    <t>32274.0</t>
  </si>
  <si>
    <t>1287439942.0</t>
  </si>
  <si>
    <t>511007515.0</t>
  </si>
  <si>
    <t>490607735.0</t>
  </si>
  <si>
    <t>295545968.0</t>
  </si>
  <si>
    <t>417746.0</t>
  </si>
  <si>
    <t>313882.0</t>
  </si>
  <si>
    <t>172.86</t>
  </si>
  <si>
    <t>32443.0</t>
  </si>
  <si>
    <t>1287614363.0</t>
  </si>
  <si>
    <t>511020235.0</t>
  </si>
  <si>
    <t>490639624.0</t>
  </si>
  <si>
    <t>295632972.0</t>
  </si>
  <si>
    <t>244532.0</t>
  </si>
  <si>
    <t>292628.0</t>
  </si>
  <si>
    <t>172.88</t>
  </si>
  <si>
    <t>30919.0</t>
  </si>
  <si>
    <t>1287989312.0</t>
  </si>
  <si>
    <t>511041219.0</t>
  </si>
  <si>
    <t>490663870.0</t>
  </si>
  <si>
    <t>295797770.0</t>
  </si>
  <si>
    <t>264999.0</t>
  </si>
  <si>
    <t>278879.0</t>
  </si>
  <si>
    <t>172.93</t>
  </si>
  <si>
    <t>30801.0</t>
  </si>
  <si>
    <t>1288109000.0</t>
  </si>
  <si>
    <t>511056949.0</t>
  </si>
  <si>
    <t>490679813.0</t>
  </si>
  <si>
    <t>295855415.0</t>
  </si>
  <si>
    <t>196035.0</t>
  </si>
  <si>
    <t>269348.0</t>
  </si>
  <si>
    <t>1288480225.0</t>
  </si>
  <si>
    <t>511133585.0</t>
  </si>
  <si>
    <t>490866874.0</t>
  </si>
  <si>
    <t>295893560.0</t>
  </si>
  <si>
    <t>119804.0</t>
  </si>
  <si>
    <t>264250.0</t>
  </si>
  <si>
    <t>28563.0</t>
  </si>
  <si>
    <t>1288646977.0</t>
  </si>
  <si>
    <t>511145965.0</t>
  </si>
  <si>
    <t>490883586.0</t>
  </si>
  <si>
    <t>296005017.0</t>
  </si>
  <si>
    <t>377016.0</t>
  </si>
  <si>
    <t>281054.0</t>
  </si>
  <si>
    <t>1289180549.0</t>
  </si>
  <si>
    <t>511174341.0</t>
  </si>
  <si>
    <t>491180256.0</t>
  </si>
  <si>
    <t>296180870.0</t>
  </si>
  <si>
    <t>449281.0</t>
  </si>
  <si>
    <t>295630.0</t>
  </si>
  <si>
    <t>28839.0</t>
  </si>
  <si>
    <t>1289495181.0</t>
  </si>
  <si>
    <t>511194731.0</t>
  </si>
  <si>
    <t>491216202.0</t>
  </si>
  <si>
    <t>296425270.0</t>
  </si>
  <si>
    <t>309482.0</t>
  </si>
  <si>
    <t>280163.0</t>
  </si>
  <si>
    <t>173.13</t>
  </si>
  <si>
    <t>1289740813.0</t>
  </si>
  <si>
    <t>511236536.0</t>
  </si>
  <si>
    <t>491259177.0</t>
  </si>
  <si>
    <t>296569224.0</t>
  </si>
  <si>
    <t>263017.0</t>
  </si>
  <si>
    <t>282802.0</t>
  </si>
  <si>
    <t>31018.0</t>
  </si>
  <si>
    <t>1290116441.0</t>
  </si>
  <si>
    <t>511247331.0</t>
  </si>
  <si>
    <t>491275970.0</t>
  </si>
  <si>
    <t>296782810.0</t>
  </si>
  <si>
    <t>280130.0</t>
  </si>
  <si>
    <t>173.21</t>
  </si>
  <si>
    <t>30971.0</t>
  </si>
  <si>
    <t>1290226478.0</t>
  </si>
  <si>
    <t>511278803.0</t>
  </si>
  <si>
    <t>491296840.0</t>
  </si>
  <si>
    <t>296831431.0</t>
  </si>
  <si>
    <t>274074.0</t>
  </si>
  <si>
    <t>173.23</t>
  </si>
  <si>
    <t>1290395916.0</t>
  </si>
  <si>
    <t>511303423.0</t>
  </si>
  <si>
    <t>491341322.0</t>
  </si>
  <si>
    <t>296850401.0</t>
  </si>
  <si>
    <t>271945.0</t>
  </si>
  <si>
    <t>173.25</t>
  </si>
  <si>
    <t>30224.0</t>
  </si>
  <si>
    <t>1290471810.0</t>
  </si>
  <si>
    <t>511308556.0</t>
  </si>
  <si>
    <t>491350015.0</t>
  </si>
  <si>
    <t>296893487.0</t>
  </si>
  <si>
    <t>133693.0</t>
  </si>
  <si>
    <t>237183.0</t>
  </si>
  <si>
    <t>173.26</t>
  </si>
  <si>
    <t>28302.0</t>
  </si>
  <si>
    <t>1290661849.0</t>
  </si>
  <si>
    <t>511317217.0</t>
  </si>
  <si>
    <t>491363653.0</t>
  </si>
  <si>
    <t>297039739.0</t>
  </si>
  <si>
    <t>208384.0</t>
  </si>
  <si>
    <t>173.29</t>
  </si>
  <si>
    <t>26197.0</t>
  </si>
  <si>
    <t>1290954323.0</t>
  </si>
  <si>
    <t>511334879.0</t>
  </si>
  <si>
    <t>491393219.0</t>
  </si>
  <si>
    <t>297269780.0</t>
  </si>
  <si>
    <t>265310.0</t>
  </si>
  <si>
    <t>202072.0</t>
  </si>
  <si>
    <t>65.98</t>
  </si>
  <si>
    <t>1291191710.0</t>
  </si>
  <si>
    <t>511344425.0</t>
  </si>
  <si>
    <t>491409478.0</t>
  </si>
  <si>
    <t>297455209.0</t>
  </si>
  <si>
    <t>275636.0</t>
  </si>
  <si>
    <t>203875.0</t>
  </si>
  <si>
    <t>173.36</t>
  </si>
  <si>
    <t>21166.0</t>
  </si>
  <si>
    <t>1291582603.0</t>
  </si>
  <si>
    <t>511357510.0</t>
  </si>
  <si>
    <t>491429462.0</t>
  </si>
  <si>
    <t>297677053.0</t>
  </si>
  <si>
    <t>267539.0</t>
  </si>
  <si>
    <t>206910.0</t>
  </si>
  <si>
    <t>173.41</t>
  </si>
  <si>
    <t>1291708167.0</t>
  </si>
  <si>
    <t>511376524.0</t>
  </si>
  <si>
    <t>491446249.0</t>
  </si>
  <si>
    <t>297744885.0</t>
  </si>
  <si>
    <t>187685.0</t>
  </si>
  <si>
    <t>19570.0</t>
  </si>
  <si>
    <t>1291824954.0</t>
  </si>
  <si>
    <t>511387024.0</t>
  </si>
  <si>
    <t>491460835.0</t>
  </si>
  <si>
    <t>297786121.0</t>
  </si>
  <si>
    <t>133109.0</t>
  </si>
  <si>
    <t>214770.0</t>
  </si>
  <si>
    <t>173.44</t>
  </si>
  <si>
    <t>1291947974.0</t>
  </si>
  <si>
    <t>511392925.0</t>
  </si>
  <si>
    <t>491470961.0</t>
  </si>
  <si>
    <t>297877689.0</t>
  </si>
  <si>
    <t>291694.0</t>
  </si>
  <si>
    <t>237511.0</t>
  </si>
  <si>
    <t>1292138803.0</t>
  </si>
  <si>
    <t>511400214.0</t>
  </si>
  <si>
    <t>491483314.0</t>
  </si>
  <si>
    <t>298033329.0</t>
  </si>
  <si>
    <t>358694.0</t>
  </si>
  <si>
    <t>253551.0</t>
  </si>
  <si>
    <t>173.49</t>
  </si>
  <si>
    <t>1292453162.0</t>
  </si>
  <si>
    <t>511415265.0</t>
  </si>
  <si>
    <t>491510421.0</t>
  </si>
  <si>
    <t>298298153.0</t>
  </si>
  <si>
    <t>359645.0</t>
  </si>
  <si>
    <t>267195.0</t>
  </si>
  <si>
    <t>173.53</t>
  </si>
  <si>
    <t>1292622327.0</t>
  </si>
  <si>
    <t>511423178.0</t>
  </si>
  <si>
    <t>491522131.0</t>
  </si>
  <si>
    <t>298425621.0</t>
  </si>
  <si>
    <t>334894.0</t>
  </si>
  <si>
    <t>173.55</t>
  </si>
  <si>
    <t>37320.0</t>
  </si>
  <si>
    <t>1293526209.0</t>
  </si>
  <si>
    <t>511589197.0</t>
  </si>
  <si>
    <t>491740211.0</t>
  </si>
  <si>
    <t>298816747.0</t>
  </si>
  <si>
    <t>349821.0</t>
  </si>
  <si>
    <t>287764.0</t>
  </si>
  <si>
    <t>173.67</t>
  </si>
  <si>
    <t>41536.0</t>
  </si>
  <si>
    <t>1293981937.0</t>
  </si>
  <si>
    <t>511865105.0</t>
  </si>
  <si>
    <t>491836400.0</t>
  </si>
  <si>
    <t>298882598.0</t>
  </si>
  <si>
    <t>517087.0</t>
  </si>
  <si>
    <t>334987.0</t>
  </si>
  <si>
    <t>78239.0</t>
  </si>
  <si>
    <t>1294180200.0</t>
  </si>
  <si>
    <t>511902906.0</t>
  </si>
  <si>
    <t>491904966.0</t>
  </si>
  <si>
    <t>298930695.0</t>
  </si>
  <si>
    <t>124312.0</t>
  </si>
  <si>
    <t>333735.0</t>
  </si>
  <si>
    <t>80108.0</t>
  </si>
  <si>
    <t>1294382449.0</t>
  </si>
  <si>
    <t>511908892.0</t>
  </si>
  <si>
    <t>491915678.0</t>
  </si>
  <si>
    <t>299030545.0</t>
  </si>
  <si>
    <t>289837.0</t>
  </si>
  <si>
    <t>333468.0</t>
  </si>
  <si>
    <t>77918.0</t>
  </si>
  <si>
    <t>1294669348.0</t>
  </si>
  <si>
    <t>511968397.0</t>
  </si>
  <si>
    <t>491955494.0</t>
  </si>
  <si>
    <t>299201499.0</t>
  </si>
  <si>
    <t>291455.0</t>
  </si>
  <si>
    <t>323864.0</t>
  </si>
  <si>
    <t>173.83</t>
  </si>
  <si>
    <t>75943.0</t>
  </si>
  <si>
    <t>1294963013.0</t>
  </si>
  <si>
    <t>511981158.0</t>
  </si>
  <si>
    <t>491979883.0</t>
  </si>
  <si>
    <t>299452025.0</t>
  </si>
  <si>
    <t>270131.0</t>
  </si>
  <si>
    <t>311077.0</t>
  </si>
  <si>
    <t>71173.0</t>
  </si>
  <si>
    <t>1295233537.0</t>
  </si>
  <si>
    <t>511990374.0</t>
  </si>
  <si>
    <t>491995531.0</t>
  </si>
  <si>
    <t>299676605.0</t>
  </si>
  <si>
    <t>305399.0</t>
  </si>
  <si>
    <t>306863.0</t>
  </si>
  <si>
    <t>67863.0</t>
  </si>
  <si>
    <t>1295689021.0</t>
  </si>
  <si>
    <t>512021222.0</t>
  </si>
  <si>
    <t>492034835.0</t>
  </si>
  <si>
    <t>299937604.0</t>
  </si>
  <si>
    <t>301565.0</t>
  </si>
  <si>
    <t>299817.0</t>
  </si>
  <si>
    <t>173.96</t>
  </si>
  <si>
    <t>1295815118.0</t>
  </si>
  <si>
    <t>512035808.0</t>
  </si>
  <si>
    <t>492053863.0</t>
  </si>
  <si>
    <t>300009433.0</t>
  </si>
  <si>
    <t>374655.0</t>
  </si>
  <si>
    <t>173.98</t>
  </si>
  <si>
    <t>35384.0</t>
  </si>
  <si>
    <t>1295889260.0</t>
  </si>
  <si>
    <t>512044262.0</t>
  </si>
  <si>
    <t>492066429.0</t>
  </si>
  <si>
    <t>300031257.0</t>
  </si>
  <si>
    <t>288243.0</t>
  </si>
  <si>
    <t>302940.0</t>
  </si>
  <si>
    <t>173.99</t>
  </si>
  <si>
    <t>1296641879.0</t>
  </si>
  <si>
    <t>512224557.0</t>
  </si>
  <si>
    <t>492391304.0</t>
  </si>
  <si>
    <t>300262373.0</t>
  </si>
  <si>
    <t>409470.0</t>
  </si>
  <si>
    <t>320055.0</t>
  </si>
  <si>
    <t>174.09</t>
  </si>
  <si>
    <t>68.77</t>
  </si>
  <si>
    <t>46989.0</t>
  </si>
  <si>
    <t>1296898334.0</t>
  </si>
  <si>
    <t>512234535.0</t>
  </si>
  <si>
    <t>492407103.0</t>
  </si>
  <si>
    <t>300477238.0</t>
  </si>
  <si>
    <t>326940.0</t>
  </si>
  <si>
    <t>46233.0</t>
  </si>
  <si>
    <t>1297292147.0</t>
  </si>
  <si>
    <t>512269266.0</t>
  </si>
  <si>
    <t>492465751.0</t>
  </si>
  <si>
    <t>300771188.0</t>
  </si>
  <si>
    <t>321976.0</t>
  </si>
  <si>
    <t>47791.0</t>
  </si>
  <si>
    <t>1297623722.0</t>
  </si>
  <si>
    <t>512278244.0</t>
  </si>
  <si>
    <t>492481947.0</t>
  </si>
  <si>
    <t>301002046.0</t>
  </si>
  <si>
    <t>395571.0</t>
  </si>
  <si>
    <t>347276.0</t>
  </si>
  <si>
    <t>1298048492.0</t>
  </si>
  <si>
    <t>512290389.0</t>
  </si>
  <si>
    <t>492503529.0</t>
  </si>
  <si>
    <t>301289787.0</t>
  </si>
  <si>
    <t>330478.0</t>
  </si>
  <si>
    <t>351409.0</t>
  </si>
  <si>
    <t>174.28</t>
  </si>
  <si>
    <t>46207.0</t>
  </si>
  <si>
    <t>1298179634.0</t>
  </si>
  <si>
    <t>512301412.0</t>
  </si>
  <si>
    <t>492527373.0</t>
  </si>
  <si>
    <t>301373031.0</t>
  </si>
  <si>
    <t>190789.0</t>
  </si>
  <si>
    <t>325142.0</t>
  </si>
  <si>
    <t>37869.0</t>
  </si>
  <si>
    <t>1298247739.0</t>
  </si>
  <si>
    <t>512307123.0</t>
  </si>
  <si>
    <t>492540890.0</t>
  </si>
  <si>
    <t>301392877.0</t>
  </si>
  <si>
    <t>298288.0</t>
  </si>
  <si>
    <t>29849.0</t>
  </si>
  <si>
    <t>1298495445.0</t>
  </si>
  <si>
    <t>512330517.0</t>
  </si>
  <si>
    <t>492580370.0</t>
  </si>
  <si>
    <t>301564133.0</t>
  </si>
  <si>
    <t>256720.0</t>
  </si>
  <si>
    <t>276465.0</t>
  </si>
  <si>
    <t>174.34</t>
  </si>
  <si>
    <t>22193.0</t>
  </si>
  <si>
    <t>1298793534.0</t>
  </si>
  <si>
    <t>512338422.0</t>
  </si>
  <si>
    <t>492595734.0</t>
  </si>
  <si>
    <t>301824454.0</t>
  </si>
  <si>
    <t>354327.0</t>
  </si>
  <si>
    <t>278589.0</t>
  </si>
  <si>
    <t>174.38</t>
  </si>
  <si>
    <t>1299181134.0</t>
  </si>
  <si>
    <t>512352038.0</t>
  </si>
  <si>
    <t>492625106.0</t>
  </si>
  <si>
    <t>302164236.0</t>
  </si>
  <si>
    <t>334357.0</t>
  </si>
  <si>
    <t>280355.0</t>
  </si>
  <si>
    <t>174.43</t>
  </si>
  <si>
    <t>1299494092.0</t>
  </si>
  <si>
    <t>512359904.0</t>
  </si>
  <si>
    <t>492642141.0</t>
  </si>
  <si>
    <t>302435066.0</t>
  </si>
  <si>
    <t>374140.0</t>
  </si>
  <si>
    <t>277260.0</t>
  </si>
  <si>
    <t>174.47</t>
  </si>
  <si>
    <t>40.61</t>
  </si>
  <si>
    <t>19246.0</t>
  </si>
  <si>
    <t>1299937086.0</t>
  </si>
  <si>
    <t>512372325.0</t>
  </si>
  <si>
    <t>492664434.0</t>
  </si>
  <si>
    <t>302756605.0</t>
  </si>
  <si>
    <t>368888.0</t>
  </si>
  <si>
    <t>282763.0</t>
  </si>
  <si>
    <t>19073.0</t>
  </si>
  <si>
    <t>1300081158.0</t>
  </si>
  <si>
    <t>512382466.0</t>
  </si>
  <si>
    <t>492691414.0</t>
  </si>
  <si>
    <t>302849695.0</t>
  </si>
  <si>
    <t>284563.0</t>
  </si>
  <si>
    <t>174.55</t>
  </si>
  <si>
    <t>18774.0</t>
  </si>
  <si>
    <t>1300387176.0</t>
  </si>
  <si>
    <t>512415273.0</t>
  </si>
  <si>
    <t>492733815.0</t>
  </si>
  <si>
    <t>303051059.0</t>
  </si>
  <si>
    <t>100101.0</t>
  </si>
  <si>
    <t>284543.0</t>
  </si>
  <si>
    <t>1300718766.0</t>
  </si>
  <si>
    <t>512475450.0</t>
  </si>
  <si>
    <t>492779042.0</t>
  </si>
  <si>
    <t>303265347.0</t>
  </si>
  <si>
    <t>403660.0</t>
  </si>
  <si>
    <t>305534.0</t>
  </si>
  <si>
    <t>25778.0</t>
  </si>
  <si>
    <t>1301057847.0</t>
  </si>
  <si>
    <t>512483795.0</t>
  </si>
  <si>
    <t>492794396.0</t>
  </si>
  <si>
    <t>303570616.0</t>
  </si>
  <si>
    <t>441517.0</t>
  </si>
  <si>
    <t>317908.0</t>
  </si>
  <si>
    <t>26938.0</t>
  </si>
  <si>
    <t>1301484295.0</t>
  </si>
  <si>
    <t>512498156.0</t>
  </si>
  <si>
    <t>492823118.0</t>
  </si>
  <si>
    <t>303945704.0</t>
  </si>
  <si>
    <t>415727.0</t>
  </si>
  <si>
    <t>329557.0</t>
  </si>
  <si>
    <t>174.74</t>
  </si>
  <si>
    <t>1301700602.0</t>
  </si>
  <si>
    <t>512504557.0</t>
  </si>
  <si>
    <t>492837403.0</t>
  </si>
  <si>
    <t>304126840.0</t>
  </si>
  <si>
    <t>320362.0</t>
  </si>
  <si>
    <t>321896.0</t>
  </si>
  <si>
    <t>1302165898.0</t>
  </si>
  <si>
    <t>512515739.0</t>
  </si>
  <si>
    <t>492857528.0</t>
  </si>
  <si>
    <t>304435683.0</t>
  </si>
  <si>
    <t>414957.0</t>
  </si>
  <si>
    <t>328512.0</t>
  </si>
  <si>
    <t>174.83</t>
  </si>
  <si>
    <t>30079.0</t>
  </si>
  <si>
    <t>1302321623.0</t>
  </si>
  <si>
    <t>512524970.0</t>
  </si>
  <si>
    <t>492885244.0</t>
  </si>
  <si>
    <t>304544411.0</t>
  </si>
  <si>
    <t>255092.0</t>
  </si>
  <si>
    <t>335904.0</t>
  </si>
  <si>
    <t>174.85</t>
  </si>
  <si>
    <t>31078.0</t>
  </si>
  <si>
    <t>1302390562.0</t>
  </si>
  <si>
    <t>512529428.0</t>
  </si>
  <si>
    <t>492897055.0</t>
  </si>
  <si>
    <t>304566756.0</t>
  </si>
  <si>
    <t>138261.0</t>
  </si>
  <si>
    <t>341358.0</t>
  </si>
  <si>
    <t>174.86</t>
  </si>
  <si>
    <t>1302820776.0</t>
  </si>
  <si>
    <t>512596236.0</t>
  </si>
  <si>
    <t>492944286.0</t>
  </si>
  <si>
    <t>304873378.0</t>
  </si>
  <si>
    <t>324758.0</t>
  </si>
  <si>
    <t>330099.0</t>
  </si>
  <si>
    <t>25438.0</t>
  </si>
  <si>
    <t>1303464727.0</t>
  </si>
  <si>
    <t>512698276.0</t>
  </si>
  <si>
    <t>493126659.0</t>
  </si>
  <si>
    <t>305227992.0</t>
  </si>
  <si>
    <t>713028.0</t>
  </si>
  <si>
    <t>368883.0</t>
  </si>
  <si>
    <t>37525.0</t>
  </si>
  <si>
    <t>1303855837.0</t>
  </si>
  <si>
    <t>512709773.0</t>
  </si>
  <si>
    <t>493150847.0</t>
  </si>
  <si>
    <t>305576994.0</t>
  </si>
  <si>
    <t>387442.0</t>
  </si>
  <si>
    <t>364840.0</t>
  </si>
  <si>
    <t>36103.0</t>
  </si>
  <si>
    <t>1304200644.0</t>
  </si>
  <si>
    <t>512718555.0</t>
  </si>
  <si>
    <t>493166271.0</t>
  </si>
  <si>
    <t>305884527.0</t>
  </si>
  <si>
    <t>423509.0</t>
  </si>
  <si>
    <t>379578.0</t>
  </si>
  <si>
    <t>175.11</t>
  </si>
  <si>
    <t>1304656370.0</t>
  </si>
  <si>
    <t>512730161.0</t>
  </si>
  <si>
    <t>493188003.0</t>
  </si>
  <si>
    <t>306208696.0</t>
  </si>
  <si>
    <t>413858.0</t>
  </si>
  <si>
    <t>379422.0</t>
  </si>
  <si>
    <t>1304806776.0</t>
  </si>
  <si>
    <t>512738188.0</t>
  </si>
  <si>
    <t>493212173.0</t>
  </si>
  <si>
    <t>306319033.0</t>
  </si>
  <si>
    <t>227922.0</t>
  </si>
  <si>
    <t>375538.0</t>
  </si>
  <si>
    <t>32762.0</t>
  </si>
  <si>
    <t>1304952379.0</t>
  </si>
  <si>
    <t>512747888.0</t>
  </si>
  <si>
    <t>493238666.0</t>
  </si>
  <si>
    <t>306399553.0</t>
  </si>
  <si>
    <t>372605.0</t>
  </si>
  <si>
    <t>1305186557.0</t>
  </si>
  <si>
    <t>512754697.0</t>
  </si>
  <si>
    <t>493253471.0</t>
  </si>
  <si>
    <t>306603177.0</t>
  </si>
  <si>
    <t>516890.0</t>
  </si>
  <si>
    <t>400053.0</t>
  </si>
  <si>
    <t>1305959314.0</t>
  </si>
  <si>
    <t>512873743.0</t>
  </si>
  <si>
    <t>493313870.0</t>
  </si>
  <si>
    <t>307192351.0</t>
  </si>
  <si>
    <t>616246.0</t>
  </si>
  <si>
    <t>386222.0</t>
  </si>
  <si>
    <t>175.34</t>
  </si>
  <si>
    <t>1306490322.0</t>
  </si>
  <si>
    <t>512986995.0</t>
  </si>
  <si>
    <t>493364149.0</t>
  </si>
  <si>
    <t>307553632.0</t>
  </si>
  <si>
    <t>530450.0</t>
  </si>
  <si>
    <t>406651.0</t>
  </si>
  <si>
    <t>175.41</t>
  </si>
  <si>
    <t>1306847897.0</t>
  </si>
  <si>
    <t>512994769.0</t>
  </si>
  <si>
    <t>493379260.0</t>
  </si>
  <si>
    <t>307873583.0</t>
  </si>
  <si>
    <t>526273.0</t>
  </si>
  <si>
    <t>421335.0</t>
  </si>
  <si>
    <t>175.46</t>
  </si>
  <si>
    <t>1307293237.0</t>
  </si>
  <si>
    <t>513006129.0</t>
  </si>
  <si>
    <t>493398311.0</t>
  </si>
  <si>
    <t>308200790.0</t>
  </si>
  <si>
    <t>502266.0</t>
  </si>
  <si>
    <t>433963.0</t>
  </si>
  <si>
    <t>1307422809.0</t>
  </si>
  <si>
    <t>513012773.0</t>
  </si>
  <si>
    <t>493416957.0</t>
  </si>
  <si>
    <t>308299496.0</t>
  </si>
  <si>
    <t>293050.0</t>
  </si>
  <si>
    <t>443269.0</t>
  </si>
  <si>
    <t>175.54</t>
  </si>
  <si>
    <t>58507.0</t>
  </si>
  <si>
    <t>1308071604.0</t>
  </si>
  <si>
    <t>513053058.0</t>
  </si>
  <si>
    <t>493465953.0</t>
  </si>
  <si>
    <t>308853209.0</t>
  </si>
  <si>
    <t>197693.0</t>
  </si>
  <si>
    <t>454695.0</t>
  </si>
  <si>
    <t>62150.0</t>
  </si>
  <si>
    <t>1308308393.0</t>
  </si>
  <si>
    <t>513059111.0</t>
  </si>
  <si>
    <t>493478054.0</t>
  </si>
  <si>
    <t>309066621.0</t>
  </si>
  <si>
    <t>416023.0</t>
  </si>
  <si>
    <t>175.66</t>
  </si>
  <si>
    <t>1309212697.0</t>
  </si>
  <si>
    <t>513229263.0</t>
  </si>
  <si>
    <t>493496253.0</t>
  </si>
  <si>
    <t>309781566.0</t>
  </si>
  <si>
    <t>451648.0</t>
  </si>
  <si>
    <t>416737.0</t>
  </si>
  <si>
    <t>53527.0</t>
  </si>
  <si>
    <t>1309664877.0</t>
  </si>
  <si>
    <t>513241425.0</t>
  </si>
  <si>
    <t>493519476.0</t>
  </si>
  <si>
    <t>310194940.0</t>
  </si>
  <si>
    <t>533050.0</t>
  </si>
  <si>
    <t>417115.0</t>
  </si>
  <si>
    <t>175.84</t>
  </si>
  <si>
    <t>47125.0</t>
  </si>
  <si>
    <t>1309933192.0</t>
  </si>
  <si>
    <t>513246929.0</t>
  </si>
  <si>
    <t>493530702.0</t>
  </si>
  <si>
    <t>310422869.0</t>
  </si>
  <si>
    <t>522404.0</t>
  </si>
  <si>
    <t>416570.0</t>
  </si>
  <si>
    <t>51091.0</t>
  </si>
  <si>
    <t>1310781430.0</t>
  </si>
  <si>
    <t>513430267.0</t>
  </si>
  <si>
    <t>493708510.0</t>
  </si>
  <si>
    <t>310852553.0</t>
  </si>
  <si>
    <t>498829.0</t>
  </si>
  <si>
    <t>416085.0</t>
  </si>
  <si>
    <t>55008.0</t>
  </si>
  <si>
    <t>1310876528.0</t>
  </si>
  <si>
    <t>513435811.0</t>
  </si>
  <si>
    <t>493723416.0</t>
  </si>
  <si>
    <t>310923325.0</t>
  </si>
  <si>
    <t>201736.0</t>
  </si>
  <si>
    <t>403050.0</t>
  </si>
  <si>
    <t>1310919666.0</t>
  </si>
  <si>
    <t>513443404.0</t>
  </si>
  <si>
    <t>493731051.0</t>
  </si>
  <si>
    <t>310937870.0</t>
  </si>
  <si>
    <t>132911.0</t>
  </si>
  <si>
    <t>393801.0</t>
  </si>
  <si>
    <t>176.01</t>
  </si>
  <si>
    <t>1311277020.0</t>
  </si>
  <si>
    <t>513478403.0</t>
  </si>
  <si>
    <t>493773597.0</t>
  </si>
  <si>
    <t>311212952.0</t>
  </si>
  <si>
    <t>364097.0</t>
  </si>
  <si>
    <t>386383.0</t>
  </si>
  <si>
    <t>1311499654.0</t>
  </si>
  <si>
    <t>513484389.0</t>
  </si>
  <si>
    <t>493784145.0</t>
  </si>
  <si>
    <t>311419250.0</t>
  </si>
  <si>
    <t>296317.0</t>
  </si>
  <si>
    <t>364196.0</t>
  </si>
  <si>
    <t>176.09</t>
  </si>
  <si>
    <t>1311852744.0</t>
  </si>
  <si>
    <t>513509191.0</t>
  </si>
  <si>
    <t>493808692.0</t>
  </si>
  <si>
    <t>311719718.0</t>
  </si>
  <si>
    <t>305735.0</t>
  </si>
  <si>
    <t>331719.0</t>
  </si>
  <si>
    <t>1312053012.0</t>
  </si>
  <si>
    <t>513514452.0</t>
  </si>
  <si>
    <t>493818929.0</t>
  </si>
  <si>
    <t>311898563.0</t>
  </si>
  <si>
    <t>421845.0</t>
  </si>
  <si>
    <t>317353.0</t>
  </si>
  <si>
    <t>1312362271.0</t>
  </si>
  <si>
    <t>513522369.0</t>
  </si>
  <si>
    <t>493831726.0</t>
  </si>
  <si>
    <t>312152063.0</t>
  </si>
  <si>
    <t>482793.0</t>
  </si>
  <si>
    <t>315063.0</t>
  </si>
  <si>
    <t>39296.0</t>
  </si>
  <si>
    <t>1312425107.0</t>
  </si>
  <si>
    <t>513526957.0</t>
  </si>
  <si>
    <t>493843391.0</t>
  </si>
  <si>
    <t>312195523.0</t>
  </si>
  <si>
    <t>282930.0</t>
  </si>
  <si>
    <t>326665.0</t>
  </si>
  <si>
    <t>47532.0</t>
  </si>
  <si>
    <t>1313051222.0</t>
  </si>
  <si>
    <t>513803571.0</t>
  </si>
  <si>
    <t>493908599.0</t>
  </si>
  <si>
    <t>312464032.0</t>
  </si>
  <si>
    <t>240637.0</t>
  </si>
  <si>
    <t>342052.0</t>
  </si>
  <si>
    <t>1313109319.0</t>
  </si>
  <si>
    <t>513811555.0</t>
  </si>
  <si>
    <t>493919195.0</t>
  </si>
  <si>
    <t>312500256.0</t>
  </si>
  <si>
    <t>159689.0</t>
  </si>
  <si>
    <t>312848.0</t>
  </si>
  <si>
    <t>176.3</t>
  </si>
  <si>
    <t>57111.0</t>
  </si>
  <si>
    <t>1313278595.0</t>
  </si>
  <si>
    <t>513817433.0</t>
  </si>
  <si>
    <t>493929226.0</t>
  </si>
  <si>
    <t>312656054.0</t>
  </si>
  <si>
    <t>309623.0</t>
  </si>
  <si>
    <t>176.32</t>
  </si>
  <si>
    <t>1313582412.0</t>
  </si>
  <si>
    <t>513825536.0</t>
  </si>
  <si>
    <t>493942890.0</t>
  </si>
  <si>
    <t>312933335.0</t>
  </si>
  <si>
    <t>307345.0</t>
  </si>
  <si>
    <t>176.37</t>
  </si>
  <si>
    <t>59609.0</t>
  </si>
  <si>
    <t>1313777725.0</t>
  </si>
  <si>
    <t>513834087.0</t>
  </si>
  <si>
    <t>493954974.0</t>
  </si>
  <si>
    <t>313102908.0</t>
  </si>
  <si>
    <t>301829.0</t>
  </si>
  <si>
    <t>290197.0</t>
  </si>
  <si>
    <t>52682.0</t>
  </si>
  <si>
    <t>1314154268.0</t>
  </si>
  <si>
    <t>513924667.0</t>
  </si>
  <si>
    <t>494005550.0</t>
  </si>
  <si>
    <t>313312309.0</t>
  </si>
  <si>
    <t>282442.0</t>
  </si>
  <si>
    <t>261577.0</t>
  </si>
  <si>
    <t>176.44</t>
  </si>
  <si>
    <t>45191.0</t>
  </si>
  <si>
    <t>1314219845.0</t>
  </si>
  <si>
    <t>513929635.0</t>
  </si>
  <si>
    <t>494017361.0</t>
  </si>
  <si>
    <t>313358526.0</t>
  </si>
  <si>
    <t>279678.0</t>
  </si>
  <si>
    <t>261113.0</t>
  </si>
  <si>
    <t>1315272480.0</t>
  </si>
  <si>
    <t>513953327.0</t>
  </si>
  <si>
    <t>494032578.0</t>
  </si>
  <si>
    <t>321513718.0</t>
  </si>
  <si>
    <t>234926.0</t>
  </si>
  <si>
    <t>260297.0</t>
  </si>
  <si>
    <t>176.59</t>
  </si>
  <si>
    <t>1315875489.0</t>
  </si>
  <si>
    <t>514064100.0</t>
  </si>
  <si>
    <t>494257710.0</t>
  </si>
  <si>
    <t>321778372.0</t>
  </si>
  <si>
    <t>364237.0</t>
  </si>
  <si>
    <t>289517.0</t>
  </si>
  <si>
    <t>69.02</t>
  </si>
  <si>
    <t>1316029466.0</t>
  </si>
  <si>
    <t>514069586.0</t>
  </si>
  <si>
    <t>494267587.0</t>
  </si>
  <si>
    <t>321918055.0</t>
  </si>
  <si>
    <t>438650.0</t>
  </si>
  <si>
    <t>313077.0</t>
  </si>
  <si>
    <t>1316856878.0</t>
  </si>
  <si>
    <t>514202872.0</t>
  </si>
  <si>
    <t>494284417.0</t>
  </si>
  <si>
    <t>322485446.0</t>
  </si>
  <si>
    <t>507341.0</t>
  </si>
  <si>
    <t>344156.0</t>
  </si>
  <si>
    <t>51002.0</t>
  </si>
  <si>
    <t>1317253848.0</t>
  </si>
  <si>
    <t>514371757.0</t>
  </si>
  <si>
    <t>494345514.0</t>
  </si>
  <si>
    <t>322756982.0</t>
  </si>
  <si>
    <t>440596.0</t>
  </si>
  <si>
    <t>363982.0</t>
  </si>
  <si>
    <t>176.86</t>
  </si>
  <si>
    <t>71548.0</t>
  </si>
  <si>
    <t>1317455505.0</t>
  </si>
  <si>
    <t>514379858.0</t>
  </si>
  <si>
    <t>494358286.0</t>
  </si>
  <si>
    <t>322919430.0</t>
  </si>
  <si>
    <t>215015.0</t>
  </si>
  <si>
    <t>354351.0</t>
  </si>
  <si>
    <t>69250.0</t>
  </si>
  <si>
    <t>1317513577.0</t>
  </si>
  <si>
    <t>514384662.0</t>
  </si>
  <si>
    <t>494368921.0</t>
  </si>
  <si>
    <t>322960405.0</t>
  </si>
  <si>
    <t>163534.0</t>
  </si>
  <si>
    <t>337704.0</t>
  </si>
  <si>
    <t>1317556648.0</t>
  </si>
  <si>
    <t>514387038.0</t>
  </si>
  <si>
    <t>494373486.0</t>
  </si>
  <si>
    <t>322995459.0</t>
  </si>
  <si>
    <t>120941.0</t>
  </si>
  <si>
    <t>70024.0</t>
  </si>
  <si>
    <t>1317849635.0</t>
  </si>
  <si>
    <t>514503767.0</t>
  </si>
  <si>
    <t>494422158.0</t>
  </si>
  <si>
    <t>323121399.0</t>
  </si>
  <si>
    <t>231148.0</t>
  </si>
  <si>
    <t>302426.0</t>
  </si>
  <si>
    <t>176.94</t>
  </si>
  <si>
    <t>70057.0</t>
  </si>
  <si>
    <t>1318650437.0</t>
  </si>
  <si>
    <t>514840675.0</t>
  </si>
  <si>
    <t>494603379.0</t>
  </si>
  <si>
    <t>323406116.0</t>
  </si>
  <si>
    <t>864168.0</t>
  </si>
  <si>
    <t>363222.0</t>
  </si>
  <si>
    <t>108619.0</t>
  </si>
  <si>
    <t>1319542916.0</t>
  </si>
  <si>
    <t>514906724.0</t>
  </si>
  <si>
    <t>495150941.0</t>
  </si>
  <si>
    <t>323684126.0</t>
  </si>
  <si>
    <t>854361.0</t>
  </si>
  <si>
    <t>412804.0</t>
  </si>
  <si>
    <t>107685.0</t>
  </si>
  <si>
    <t>1319711717.0</t>
  </si>
  <si>
    <t>514911702.0</t>
  </si>
  <si>
    <t>495158362.0</t>
  </si>
  <si>
    <t>323837352.0</t>
  </si>
  <si>
    <t>331285.0</t>
  </si>
  <si>
    <t>397199.0</t>
  </si>
  <si>
    <t>177.19</t>
  </si>
  <si>
    <t>90920.0</t>
  </si>
  <si>
    <t>1320092429.0</t>
  </si>
  <si>
    <t>515011485.0</t>
  </si>
  <si>
    <t>495248862.0</t>
  </si>
  <si>
    <t>324013320.0</t>
  </si>
  <si>
    <t>316165.0</t>
  </si>
  <si>
    <t>411657.0</t>
  </si>
  <si>
    <t>177.24</t>
  </si>
  <si>
    <t>1320146718.0</t>
  </si>
  <si>
    <t>515015713.0</t>
  </si>
  <si>
    <t>495258777.0</t>
  </si>
  <si>
    <t>324051952.0</t>
  </si>
  <si>
    <t>138822.0</t>
  </si>
  <si>
    <t>406435.0</t>
  </si>
  <si>
    <t>177.25</t>
  </si>
  <si>
    <t>92752.0</t>
  </si>
  <si>
    <t>1320602942.0</t>
  </si>
  <si>
    <t>515046388.0</t>
  </si>
  <si>
    <t>495281768.0</t>
  </si>
  <si>
    <t>324663633.0</t>
  </si>
  <si>
    <t>99367.0</t>
  </si>
  <si>
    <t>403637.0</t>
  </si>
  <si>
    <t>177.31</t>
  </si>
  <si>
    <t>1320696101.0</t>
  </si>
  <si>
    <t>515049800.0</t>
  </si>
  <si>
    <t>495286227.0</t>
  </si>
  <si>
    <t>324750444.0</t>
  </si>
  <si>
    <t>208124.0</t>
  </si>
  <si>
    <t>390169.0</t>
  </si>
  <si>
    <t>177.32</t>
  </si>
  <si>
    <t>83635.0</t>
  </si>
  <si>
    <t>1320839462.0</t>
  </si>
  <si>
    <t>515054068.0</t>
  </si>
  <si>
    <t>495292020.0</t>
  </si>
  <si>
    <t>324889912.0</t>
  </si>
  <si>
    <t>259759.0</t>
  </si>
  <si>
    <t>306248.0</t>
  </si>
  <si>
    <t>1321065477.0</t>
  </si>
  <si>
    <t>515062206.0</t>
  </si>
  <si>
    <t>495303350.0</t>
  </si>
  <si>
    <t>325099925.0</t>
  </si>
  <si>
    <t>255624.0</t>
  </si>
  <si>
    <t>29543.0</t>
  </si>
  <si>
    <t>1321210575.0</t>
  </si>
  <si>
    <t>515066189.0</t>
  </si>
  <si>
    <t>495308859.0</t>
  </si>
  <si>
    <t>325236802.0</t>
  </si>
  <si>
    <t>262749.0</t>
  </si>
  <si>
    <t>215311.0</t>
  </si>
  <si>
    <t>177.39</t>
  </si>
  <si>
    <t>23613.0</t>
  </si>
  <si>
    <t>1321408288.0</t>
  </si>
  <si>
    <t>515071790.0</t>
  </si>
  <si>
    <t>495316246.0</t>
  </si>
  <si>
    <t>325362227.0</t>
  </si>
  <si>
    <t>246023.0</t>
  </si>
  <si>
    <t>206970.0</t>
  </si>
  <si>
    <t>177.42</t>
  </si>
  <si>
    <t>1321446411.0</t>
  </si>
  <si>
    <t>515075277.0</t>
  </si>
  <si>
    <t>495324003.0</t>
  </si>
  <si>
    <t>325397035.0</t>
  </si>
  <si>
    <t>169892.0</t>
  </si>
  <si>
    <t>213649.0</t>
  </si>
  <si>
    <t>17625.0</t>
  </si>
  <si>
    <t>1321777060.0</t>
  </si>
  <si>
    <t>515077832.0</t>
  </si>
  <si>
    <t>495328218.0</t>
  </si>
  <si>
    <t>325719565.0</t>
  </si>
  <si>
    <t>140482.0</t>
  </si>
  <si>
    <t>220380.0</t>
  </si>
  <si>
    <t>177.47</t>
  </si>
  <si>
    <t>1322103221.0</t>
  </si>
  <si>
    <t>515143222.0</t>
  </si>
  <si>
    <t>495403420.0</t>
  </si>
  <si>
    <t>325903623.0</t>
  </si>
  <si>
    <t>286033.0</t>
  </si>
  <si>
    <t>231508.0</t>
  </si>
  <si>
    <t>1322778632.0</t>
  </si>
  <si>
    <t>515145965.0</t>
  </si>
  <si>
    <t>495406761.0</t>
  </si>
  <si>
    <t>326155321.0</t>
  </si>
  <si>
    <t>806092.0</t>
  </si>
  <si>
    <t>309555.0</t>
  </si>
  <si>
    <t>1323206699.0</t>
  </si>
  <si>
    <t>515157153.0</t>
  </si>
  <si>
    <t>495419484.0</t>
  </si>
  <si>
    <t>326799343.0</t>
  </si>
  <si>
    <t>429118.0</t>
  </si>
  <si>
    <t>334342.0</t>
  </si>
  <si>
    <t>177.66</t>
  </si>
  <si>
    <t>31841.0</t>
  </si>
  <si>
    <t>1323674840.0</t>
  </si>
  <si>
    <t>515337988.0</t>
  </si>
  <si>
    <t>495537120.0</t>
  </si>
  <si>
    <t>327146004.0</t>
  </si>
  <si>
    <t>575746.0</t>
  </si>
  <si>
    <t>379057.0</t>
  </si>
  <si>
    <t>177.72</t>
  </si>
  <si>
    <t>1324118667.0</t>
  </si>
  <si>
    <t>515350343.0</t>
  </si>
  <si>
    <t>495558373.0</t>
  </si>
  <si>
    <t>327392654.0</t>
  </si>
  <si>
    <t>383326.0</t>
  </si>
  <si>
    <t>398672.0</t>
  </si>
  <si>
    <t>177.78</t>
  </si>
  <si>
    <t>1324204838.0</t>
  </si>
  <si>
    <t>515351701.0</t>
  </si>
  <si>
    <t>495560045.0</t>
  </si>
  <si>
    <t>327475272.0</t>
  </si>
  <si>
    <t>342708.0</t>
  </si>
  <si>
    <t>423358.0</t>
  </si>
  <si>
    <t>177.79</t>
  </si>
  <si>
    <t>49059.0</t>
  </si>
  <si>
    <t>1324958549.0</t>
  </si>
  <si>
    <t>515359842.0</t>
  </si>
  <si>
    <t>495569102.0</t>
  </si>
  <si>
    <t>328183060.0</t>
  </si>
  <si>
    <t>271134.0</t>
  </si>
  <si>
    <t>442022.0</t>
  </si>
  <si>
    <t>177.89</t>
  </si>
  <si>
    <t>58589.0</t>
  </si>
  <si>
    <t>1325588560.0</t>
  </si>
  <si>
    <t>515583222.0</t>
  </si>
  <si>
    <t>495579320.0</t>
  </si>
  <si>
    <t>328577226.0</t>
  </si>
  <si>
    <t>452282.0</t>
  </si>
  <si>
    <t>465770.0</t>
  </si>
  <si>
    <t>177.98</t>
  </si>
  <si>
    <t>68202.0</t>
  </si>
  <si>
    <t>1326209861.0</t>
  </si>
  <si>
    <t>515638600.0</t>
  </si>
  <si>
    <t>495630711.0</t>
  </si>
  <si>
    <t>329092273.0</t>
  </si>
  <si>
    <t>729882.0</t>
  </si>
  <si>
    <t>454887.0</t>
  </si>
  <si>
    <t>67109.0</t>
  </si>
  <si>
    <t>1326674204.0</t>
  </si>
  <si>
    <t>515719229.0</t>
  </si>
  <si>
    <t>495663265.0</t>
  </si>
  <si>
    <t>329440977.0</t>
  </si>
  <si>
    <t>519133.0</t>
  </si>
  <si>
    <t>467744.0</t>
  </si>
  <si>
    <t>69214.0</t>
  </si>
  <si>
    <t>1327201410.0</t>
  </si>
  <si>
    <t>515731941.0</t>
  </si>
  <si>
    <t>495702361.0</t>
  </si>
  <si>
    <t>329914511.0</t>
  </si>
  <si>
    <t>633798.0</t>
  </si>
  <si>
    <t>476037.0</t>
  </si>
  <si>
    <t>178.19</t>
  </si>
  <si>
    <t>62139.0</t>
  </si>
  <si>
    <t>1327709842.0</t>
  </si>
  <si>
    <t>515735577.0</t>
  </si>
  <si>
    <t>495707066.0</t>
  </si>
  <si>
    <t>330209805.0</t>
  </si>
  <si>
    <t>587002.0</t>
  </si>
  <si>
    <t>505135.0</t>
  </si>
  <si>
    <t>178.26</t>
  </si>
  <si>
    <t>71381.0</t>
  </si>
  <si>
    <t>1327816469.0</t>
  </si>
  <si>
    <t>515737539.0</t>
  </si>
  <si>
    <t>495708860.0</t>
  </si>
  <si>
    <t>330312144.0</t>
  </si>
  <si>
    <t>398714.0</t>
  </si>
  <si>
    <t>513135.0</t>
  </si>
  <si>
    <t>71421.0</t>
  </si>
  <si>
    <t>1328320729.0</t>
  </si>
  <si>
    <t>515744064.0</t>
  </si>
  <si>
    <t>495711467.0</t>
  </si>
  <si>
    <t>330781831.0</t>
  </si>
  <si>
    <t>310274.0</t>
  </si>
  <si>
    <t>518726.0</t>
  </si>
  <si>
    <t>178.34</t>
  </si>
  <si>
    <t>1329278915.0</t>
  </si>
  <si>
    <t>516038522.0</t>
  </si>
  <si>
    <t>495816756.0</t>
  </si>
  <si>
    <t>331338143.0</t>
  </si>
  <si>
    <t>506547.0</t>
  </si>
  <si>
    <t>526480.0</t>
  </si>
  <si>
    <t>178.47</t>
  </si>
  <si>
    <t>71225.0</t>
  </si>
  <si>
    <t>1329603425.0</t>
  </si>
  <si>
    <t>516043147.0</t>
  </si>
  <si>
    <t>495820862.0</t>
  </si>
  <si>
    <t>331656137.0</t>
  </si>
  <si>
    <t>471044.0</t>
  </si>
  <si>
    <t>489503.0</t>
  </si>
  <si>
    <t>67199.0</t>
  </si>
  <si>
    <t>1330123625.0</t>
  </si>
  <si>
    <t>516095972.0</t>
  </si>
  <si>
    <t>495828745.0</t>
  </si>
  <si>
    <t>332068870.0</t>
  </si>
  <si>
    <t>525031.0</t>
  </si>
  <si>
    <t>490344.0</t>
  </si>
  <si>
    <t>1330581090.0</t>
  </si>
  <si>
    <t>516137262.0</t>
  </si>
  <si>
    <t>495832830.0</t>
  </si>
  <si>
    <t>332445072.0</t>
  </si>
  <si>
    <t>552523.0</t>
  </si>
  <si>
    <t>478733.0</t>
  </si>
  <si>
    <t>178.65</t>
  </si>
  <si>
    <t>1331340598.0</t>
  </si>
  <si>
    <t>516281938.0</t>
  </si>
  <si>
    <t>495859173.0</t>
  </si>
  <si>
    <t>332884817.0</t>
  </si>
  <si>
    <t>623045.0</t>
  </si>
  <si>
    <t>483885.0</t>
  </si>
  <si>
    <t>1331451362.0</t>
  </si>
  <si>
    <t>516283265.0</t>
  </si>
  <si>
    <t>495860941.0</t>
  </si>
  <si>
    <t>332991752.0</t>
  </si>
  <si>
    <t>276922.0</t>
  </si>
  <si>
    <t>466486.0</t>
  </si>
  <si>
    <t>178.76</t>
  </si>
  <si>
    <t>1331743015.0</t>
  </si>
  <si>
    <t>516286274.0</t>
  </si>
  <si>
    <t>495862766.0</t>
  </si>
  <si>
    <t>333273149.0</t>
  </si>
  <si>
    <t>184964.0</t>
  </si>
  <si>
    <t>448582.0</t>
  </si>
  <si>
    <t>67317.0</t>
  </si>
  <si>
    <t>1332142763.0</t>
  </si>
  <si>
    <t>516444026.0</t>
  </si>
  <si>
    <t>495886626.0</t>
  </si>
  <si>
    <t>333487412.0</t>
  </si>
  <si>
    <t>341621.0</t>
  </si>
  <si>
    <t>425025.0</t>
  </si>
  <si>
    <t>178.86</t>
  </si>
  <si>
    <t>64286.0</t>
  </si>
  <si>
    <t>1332830829.0</t>
  </si>
  <si>
    <t>516476966.0</t>
  </si>
  <si>
    <t>496165293.0</t>
  </si>
  <si>
    <t>333868027.0</t>
  </si>
  <si>
    <t>773928.0</t>
  </si>
  <si>
    <t>468293.0</t>
  </si>
  <si>
    <t>178.95</t>
  </si>
  <si>
    <t>1333358125.0</t>
  </si>
  <si>
    <t>516521745.0</t>
  </si>
  <si>
    <t>496253508.0</t>
  </si>
  <si>
    <t>334260165.0</t>
  </si>
  <si>
    <t>582721.0</t>
  </si>
  <si>
    <t>476534.0</t>
  </si>
  <si>
    <t>179.02</t>
  </si>
  <si>
    <t>1333732629.0</t>
  </si>
  <si>
    <t>516524922.0</t>
  </si>
  <si>
    <t>496256854.0</t>
  </si>
  <si>
    <t>334624291.0</t>
  </si>
  <si>
    <t>466357.0</t>
  </si>
  <si>
    <t>464227.0</t>
  </si>
  <si>
    <t>179.07</t>
  </si>
  <si>
    <t>62407.0</t>
  </si>
  <si>
    <t>1334344580.0</t>
  </si>
  <si>
    <t>516538372.0</t>
  </si>
  <si>
    <t>496266174.0</t>
  </si>
  <si>
    <t>334989613.0</t>
  </si>
  <si>
    <t>462012.0</t>
  </si>
  <si>
    <t>441217.0</t>
  </si>
  <si>
    <t>179.15</t>
  </si>
  <si>
    <t>1334471087.0</t>
  </si>
  <si>
    <t>516539708.0</t>
  </si>
  <si>
    <t>496267753.0</t>
  </si>
  <si>
    <t>335112400.0</t>
  </si>
  <si>
    <t>239423.0</t>
  </si>
  <si>
    <t>435859.0</t>
  </si>
  <si>
    <t>179.17</t>
  </si>
  <si>
    <t>1334703841.0</t>
  </si>
  <si>
    <t>516541102.0</t>
  </si>
  <si>
    <t>496269421.0</t>
  </si>
  <si>
    <t>335337093.0</t>
  </si>
  <si>
    <t>142501.0</t>
  </si>
  <si>
    <t>429794.0</t>
  </si>
  <si>
    <t>30547.0</t>
  </si>
  <si>
    <t>1335029458.0</t>
  </si>
  <si>
    <t>516570068.0</t>
  </si>
  <si>
    <t>496302742.0</t>
  </si>
  <si>
    <t>335598439.0</t>
  </si>
  <si>
    <t>379987.0</t>
  </si>
  <si>
    <t>435276.0</t>
  </si>
  <si>
    <t>179.24</t>
  </si>
  <si>
    <t>24396.0</t>
  </si>
  <si>
    <t>1335463097.0</t>
  </si>
  <si>
    <t>516573592.0</t>
  </si>
  <si>
    <t>496306795.0</t>
  </si>
  <si>
    <t>336024385.0</t>
  </si>
  <si>
    <t>486992.0</t>
  </si>
  <si>
    <t>394284.0</t>
  </si>
  <si>
    <t>20872.0</t>
  </si>
  <si>
    <t>1335887327.0</t>
  </si>
  <si>
    <t>516585919.0</t>
  </si>
  <si>
    <t>496319852.0</t>
  </si>
  <si>
    <t>336420287.0</t>
  </si>
  <si>
    <t>496523.0</t>
  </si>
  <si>
    <t>381972.0</t>
  </si>
  <si>
    <t>15861.0</t>
  </si>
  <si>
    <t>1336585599.0</t>
  </si>
  <si>
    <t>516632358.0</t>
  </si>
  <si>
    <t>496343510.0</t>
  </si>
  <si>
    <t>337042770.0</t>
  </si>
  <si>
    <t>768335.0</t>
  </si>
  <si>
    <t>425111.0</t>
  </si>
  <si>
    <t>179.45</t>
  </si>
  <si>
    <t>1337261912.0</t>
  </si>
  <si>
    <t>516636874.0</t>
  </si>
  <si>
    <t>496347847.0</t>
  </si>
  <si>
    <t>337456581.0</t>
  </si>
  <si>
    <t>622828.0</t>
  </si>
  <si>
    <t>447207.0</t>
  </si>
  <si>
    <t>179.54</t>
  </si>
  <si>
    <t>1337411493.0</t>
  </si>
  <si>
    <t>516638480.0</t>
  </si>
  <si>
    <t>496349443.0</t>
  </si>
  <si>
    <t>337602186.0</t>
  </si>
  <si>
    <t>353686.0</t>
  </si>
  <si>
    <t>463677.0</t>
  </si>
  <si>
    <t>1337970959.0</t>
  </si>
  <si>
    <t>516641945.0</t>
  </si>
  <si>
    <t>496352884.0</t>
  </si>
  <si>
    <t>338111921.0</t>
  </si>
  <si>
    <t>227847.0</t>
  </si>
  <si>
    <t>476015.0</t>
  </si>
  <si>
    <t>1338723479.0</t>
  </si>
  <si>
    <t>516983575.0</t>
  </si>
  <si>
    <t>496397001.0</t>
  </si>
  <si>
    <t>338476271.0</t>
  </si>
  <si>
    <t>465804.0</t>
  </si>
  <si>
    <t>1339110164.0</t>
  </si>
  <si>
    <t>516986690.0</t>
  </si>
  <si>
    <t>496400282.0</t>
  </si>
  <si>
    <t>338857320.0</t>
  </si>
  <si>
    <t>483263.0</t>
  </si>
  <si>
    <t>488032.0</t>
  </si>
  <si>
    <t>179.79</t>
  </si>
  <si>
    <t>65449.0</t>
  </si>
  <si>
    <t>1339522178.0</t>
  </si>
  <si>
    <t>516990249.0</t>
  </si>
  <si>
    <t>496403699.0</t>
  </si>
  <si>
    <t>339257448.0</t>
  </si>
  <si>
    <t>497170.0</t>
  </si>
  <si>
    <t>488271.0</t>
  </si>
  <si>
    <t>179.85</t>
  </si>
  <si>
    <t>1339938945.0</t>
  </si>
  <si>
    <t>516993985.0</t>
  </si>
  <si>
    <t>496407434.0</t>
  </si>
  <si>
    <t>339663114.0</t>
  </si>
  <si>
    <t>452091.0</t>
  </si>
  <si>
    <t>61095.0</t>
  </si>
  <si>
    <t>1340684229.0</t>
  </si>
  <si>
    <t>517028714.0</t>
  </si>
  <si>
    <t>496445025.0</t>
  </si>
  <si>
    <t>340082459.0</t>
  </si>
  <si>
    <t>503123.0</t>
  </si>
  <si>
    <t>434997.0</t>
  </si>
  <si>
    <t>1340820573.0</t>
  </si>
  <si>
    <t>517030103.0</t>
  </si>
  <si>
    <t>496446336.0</t>
  </si>
  <si>
    <t>340213904.0</t>
  </si>
  <si>
    <t>216665.0</t>
  </si>
  <si>
    <t>415418.0</t>
  </si>
  <si>
    <t>180.02</t>
  </si>
  <si>
    <t>38443.0</t>
  </si>
  <si>
    <t>1340987680.0</t>
  </si>
  <si>
    <t>517032274.0</t>
  </si>
  <si>
    <t>496448842.0</t>
  </si>
  <si>
    <t>340370650.0</t>
  </si>
  <si>
    <t>103421.0</t>
  </si>
  <si>
    <t>397642.0</t>
  </si>
  <si>
    <t>180.04</t>
  </si>
  <si>
    <t>26971.0</t>
  </si>
  <si>
    <t>1341280535.0</t>
  </si>
  <si>
    <t>517047658.0</t>
  </si>
  <si>
    <t>496463645.0</t>
  </si>
  <si>
    <t>340631357.0</t>
  </si>
  <si>
    <t>344907.0</t>
  </si>
  <si>
    <t>380372.0</t>
  </si>
  <si>
    <t>1341643912.0</t>
  </si>
  <si>
    <t>517051377.0</t>
  </si>
  <si>
    <t>496467583.0</t>
  </si>
  <si>
    <t>340992683.0</t>
  </si>
  <si>
    <t>561426.0</t>
  </si>
  <si>
    <t>391539.0</t>
  </si>
  <si>
    <t>180.13</t>
  </si>
  <si>
    <t>15665.0</t>
  </si>
  <si>
    <t>1342016878.0</t>
  </si>
  <si>
    <t>517054398.0</t>
  </si>
  <si>
    <t>496470822.0</t>
  </si>
  <si>
    <t>341355291.0</t>
  </si>
  <si>
    <t>557813.0</t>
  </si>
  <si>
    <t>400201.0</t>
  </si>
  <si>
    <t>180.18</t>
  </si>
  <si>
    <t>1342786348.0</t>
  </si>
  <si>
    <t>517079422.0</t>
  </si>
  <si>
    <t>496505021.0</t>
  </si>
  <si>
    <t>342060809.0</t>
  </si>
  <si>
    <t>582119.0</t>
  </si>
  <si>
    <t>409925.0</t>
  </si>
  <si>
    <t>180.29</t>
  </si>
  <si>
    <t>1343339567.0</t>
  </si>
  <si>
    <t>517085431.0</t>
  </si>
  <si>
    <t>496510718.0</t>
  </si>
  <si>
    <t>342375981.0</t>
  </si>
  <si>
    <t>434613.0</t>
  </si>
  <si>
    <t>180.36</t>
  </si>
  <si>
    <t>16261.0</t>
  </si>
  <si>
    <t>1343438148.0</t>
  </si>
  <si>
    <t>517086382.0</t>
  </si>
  <si>
    <t>496511686.0</t>
  </si>
  <si>
    <t>342471938.0</t>
  </si>
  <si>
    <t>211289.0</t>
  </si>
  <si>
    <t>399370.0</t>
  </si>
  <si>
    <t>1343797440.0</t>
  </si>
  <si>
    <t>517095265.0</t>
  </si>
  <si>
    <t>496519192.0</t>
  </si>
  <si>
    <t>342818051.0</t>
  </si>
  <si>
    <t>128912.0</t>
  </si>
  <si>
    <t>18642.0</t>
  </si>
  <si>
    <t>1344119010.0</t>
  </si>
  <si>
    <t>517146432.0</t>
  </si>
  <si>
    <t>496521310.0</t>
  </si>
  <si>
    <t>343085163.0</t>
  </si>
  <si>
    <t>252085.0</t>
  </si>
  <si>
    <t>389751.0</t>
  </si>
  <si>
    <t>19615.0</t>
  </si>
  <si>
    <t>1344219986.0</t>
  </si>
  <si>
    <t>517147433.0</t>
  </si>
  <si>
    <t>496522344.0</t>
  </si>
  <si>
    <t>343182063.0</t>
  </si>
  <si>
    <t>216633.0</t>
  </si>
  <si>
    <t>340493.0</t>
  </si>
  <si>
    <t>46.08</t>
  </si>
  <si>
    <t>1344491701.0</t>
  </si>
  <si>
    <t>517150133.0</t>
  </si>
  <si>
    <t>496525460.0</t>
  </si>
  <si>
    <t>343445346.0</t>
  </si>
  <si>
    <t>313542.0</t>
  </si>
  <si>
    <t>180.52</t>
  </si>
  <si>
    <t>23495.0</t>
  </si>
  <si>
    <t>1344968927.0</t>
  </si>
  <si>
    <t>517220997.0</t>
  </si>
  <si>
    <t>496599918.0</t>
  </si>
  <si>
    <t>343774274.0</t>
  </si>
  <si>
    <t>443157.0</t>
  </si>
  <si>
    <t>293690.0</t>
  </si>
  <si>
    <t>25757.0</t>
  </si>
  <si>
    <t>1345464620.0</t>
  </si>
  <si>
    <t>517224178.0</t>
  </si>
  <si>
    <t>496603390.0</t>
  </si>
  <si>
    <t>344073664.0</t>
  </si>
  <si>
    <t>438377.0</t>
  </si>
  <si>
    <t>294232.0</t>
  </si>
  <si>
    <t>1345558099.0</t>
  </si>
  <si>
    <t>517227974.0</t>
  </si>
  <si>
    <t>496607305.0</t>
  </si>
  <si>
    <t>344161464.0</t>
  </si>
  <si>
    <t>232090.0</t>
  </si>
  <si>
    <t>297205.0</t>
  </si>
  <si>
    <t>180.66</t>
  </si>
  <si>
    <t>1345642196.0</t>
  </si>
  <si>
    <t>517229274.0</t>
  </si>
  <si>
    <t>496608629.0</t>
  </si>
  <si>
    <t>344238739.0</t>
  </si>
  <si>
    <t>155595.0</t>
  </si>
  <si>
    <t>301014.0</t>
  </si>
  <si>
    <t>180.67</t>
  </si>
  <si>
    <t>1345840454.0</t>
  </si>
  <si>
    <t>517231646.0</t>
  </si>
  <si>
    <t>496610928.0</t>
  </si>
  <si>
    <t>344860789.0</t>
  </si>
  <si>
    <t>338753.0</t>
  </si>
  <si>
    <t>313394.0</t>
  </si>
  <si>
    <t>1346144521.0</t>
  </si>
  <si>
    <t>517235092.0</t>
  </si>
  <si>
    <t>496613993.0</t>
  </si>
  <si>
    <t>345167348.0</t>
  </si>
  <si>
    <t>446107.0</t>
  </si>
  <si>
    <t>346177.0</t>
  </si>
  <si>
    <t>180.74</t>
  </si>
  <si>
    <t>30735.0</t>
  </si>
  <si>
    <t>1346428473.0</t>
  </si>
  <si>
    <t>517237601.0</t>
  </si>
  <si>
    <t>496616557.0</t>
  </si>
  <si>
    <t>345442301.0</t>
  </si>
  <si>
    <t>425992.0</t>
  </si>
  <si>
    <t>354293.0</t>
  </si>
  <si>
    <t>180.78</t>
  </si>
  <si>
    <t>30515.0</t>
  </si>
  <si>
    <t>1346785448.0</t>
  </si>
  <si>
    <t>517240842.0</t>
  </si>
  <si>
    <t>496619837.0</t>
  </si>
  <si>
    <t>345789271.0</t>
  </si>
  <si>
    <t>452618.0</t>
  </si>
  <si>
    <t>355644.0</t>
  </si>
  <si>
    <t>180.82</t>
  </si>
  <si>
    <t>30189.0</t>
  </si>
  <si>
    <t>1347749988.0</t>
  </si>
  <si>
    <t>517409879.0</t>
  </si>
  <si>
    <t>497001652.0</t>
  </si>
  <si>
    <t>346007818.0</t>
  </si>
  <si>
    <t>347973.0</t>
  </si>
  <si>
    <t>342731.0</t>
  </si>
  <si>
    <t>180.95</t>
  </si>
  <si>
    <t>1347827764.0</t>
  </si>
  <si>
    <t>517412465.0</t>
  </si>
  <si>
    <t>497004753.0</t>
  </si>
  <si>
    <t>346079472.0</t>
  </si>
  <si>
    <t>154038.0</t>
  </si>
  <si>
    <t>331581.0</t>
  </si>
  <si>
    <t>180.96</t>
  </si>
  <si>
    <t>27492.0</t>
  </si>
  <si>
    <t>1347966057.0</t>
  </si>
  <si>
    <t>517417490.0</t>
  </si>
  <si>
    <t>497009162.0</t>
  </si>
  <si>
    <t>346199466.0</t>
  </si>
  <si>
    <t>91130.0</t>
  </si>
  <si>
    <t>322371.0</t>
  </si>
  <si>
    <t>180.98</t>
  </si>
  <si>
    <t>25094.0</t>
  </si>
  <si>
    <t>1348126711.0</t>
  </si>
  <si>
    <t>517421459.0</t>
  </si>
  <si>
    <t>497012106.0</t>
  </si>
  <si>
    <t>346351136.0</t>
  </si>
  <si>
    <t>233959.0</t>
  </si>
  <si>
    <t>304644.0</t>
  </si>
  <si>
    <t>1348374942.0</t>
  </si>
  <si>
    <t>517425155.0</t>
  </si>
  <si>
    <t>497015555.0</t>
  </si>
  <si>
    <t>346597863.0</t>
  </si>
  <si>
    <t>287563.0</t>
  </si>
  <si>
    <t>1348614780.0</t>
  </si>
  <si>
    <t>517427986.0</t>
  </si>
  <si>
    <t>497018313.0</t>
  </si>
  <si>
    <t>346828836.0</t>
  </si>
  <si>
    <t>313952.0</t>
  </si>
  <si>
    <t>272460.0</t>
  </si>
  <si>
    <t>181.07</t>
  </si>
  <si>
    <t>1348905842.0</t>
  </si>
  <si>
    <t>517430809.0</t>
  </si>
  <si>
    <t>497021115.0</t>
  </si>
  <si>
    <t>347111258.0</t>
  </si>
  <si>
    <t>324097.0</t>
  </si>
  <si>
    <t>254943.0</t>
  </si>
  <si>
    <t>15873.0</t>
  </si>
  <si>
    <t>1349376704.0</t>
  </si>
  <si>
    <t>517464338.0</t>
  </si>
  <si>
    <t>497040815.0</t>
  </si>
  <si>
    <t>347366681.0</t>
  </si>
  <si>
    <t>318175.0</t>
  </si>
  <si>
    <t>251091.0</t>
  </si>
  <si>
    <t>181.17</t>
  </si>
  <si>
    <t>1349450598.0</t>
  </si>
  <si>
    <t>517465561.0</t>
  </si>
  <si>
    <t>497041890.0</t>
  </si>
  <si>
    <t>347438045.0</t>
  </si>
  <si>
    <t>299007.0</t>
  </si>
  <si>
    <t>271815.0</t>
  </si>
  <si>
    <t>1350015483.0</t>
  </si>
  <si>
    <t>517471442.0</t>
  </si>
  <si>
    <t>497048407.0</t>
  </si>
  <si>
    <t>347966543.0</t>
  </si>
  <si>
    <t>237754.0</t>
  </si>
  <si>
    <t>292762.0</t>
  </si>
  <si>
    <t>181.26</t>
  </si>
  <si>
    <t>1350166957.0</t>
  </si>
  <si>
    <t>517474035.0</t>
  </si>
  <si>
    <t>497051110.0</t>
  </si>
  <si>
    <t>348095318.0</t>
  </si>
  <si>
    <t>375071.0</t>
  </si>
  <si>
    <t>312918.0</t>
  </si>
  <si>
    <t>181.28</t>
  </si>
  <si>
    <t>1350376221.0</t>
  </si>
  <si>
    <t>517476433.0</t>
  </si>
  <si>
    <t>497053421.0</t>
  </si>
  <si>
    <t>348304216.0</t>
  </si>
  <si>
    <t>449373.0</t>
  </si>
  <si>
    <t>331059.0</t>
  </si>
  <si>
    <t>181.31</t>
  </si>
  <si>
    <t>1351382259.0</t>
  </si>
  <si>
    <t>518100699.0</t>
  </si>
  <si>
    <t>497207835.0</t>
  </si>
  <si>
    <t>348528645.0</t>
  </si>
  <si>
    <t>348966.0</t>
  </si>
  <si>
    <t>181.44</t>
  </si>
  <si>
    <t>98794.0</t>
  </si>
  <si>
    <t>1351607517.0</t>
  </si>
  <si>
    <t>518102968.0</t>
  </si>
  <si>
    <t>497210118.0</t>
  </si>
  <si>
    <t>348746460.0</t>
  </si>
  <si>
    <t>389383.0</t>
  </si>
  <si>
    <t>358289.0</t>
  </si>
  <si>
    <t>181.47</t>
  </si>
  <si>
    <t>114908.0</t>
  </si>
  <si>
    <t>1352016750.0</t>
  </si>
  <si>
    <t>518106497.0</t>
  </si>
  <si>
    <t>497213945.0</t>
  </si>
  <si>
    <t>348953868.0</t>
  </si>
  <si>
    <t>371592.0</t>
  </si>
  <si>
    <t>365922.0</t>
  </si>
  <si>
    <t>181.53</t>
  </si>
  <si>
    <t>130995.0</t>
  </si>
  <si>
    <t>1352077005.0</t>
  </si>
  <si>
    <t>518460126.0</t>
  </si>
  <si>
    <t>497214867.0</t>
  </si>
  <si>
    <t>349151220.0</t>
  </si>
  <si>
    <t>226790.0</t>
  </si>
  <si>
    <t>355603.0</t>
  </si>
  <si>
    <t>129959.0</t>
  </si>
  <si>
    <t>1352159573.0</t>
  </si>
  <si>
    <t>518461912.0</t>
  </si>
  <si>
    <t>497216653.0</t>
  </si>
  <si>
    <t>349224860.0</t>
  </si>
  <si>
    <t>181898.0</t>
  </si>
  <si>
    <t>347626.0</t>
  </si>
  <si>
    <t>115468.0</t>
  </si>
  <si>
    <t>1352284128.0</t>
  </si>
  <si>
    <t>518463505.0</t>
  </si>
  <si>
    <t>497219524.0</t>
  </si>
  <si>
    <t>349371272.0</t>
  </si>
  <si>
    <t>285149.0</t>
  </si>
  <si>
    <t>334776.0</t>
  </si>
  <si>
    <t>181.56</t>
  </si>
  <si>
    <t>100813.0</t>
  </si>
  <si>
    <t>1352484526.0</t>
  </si>
  <si>
    <t>518466918.0</t>
  </si>
  <si>
    <t>497223012.0</t>
  </si>
  <si>
    <t>349569683.0</t>
  </si>
  <si>
    <t>366141.0</t>
  </si>
  <si>
    <t>322886.0</t>
  </si>
  <si>
    <t>181.59</t>
  </si>
  <si>
    <t>86496.0</t>
  </si>
  <si>
    <t>1352724090.0</t>
  </si>
  <si>
    <t>518469291.0</t>
  </si>
  <si>
    <t>497225552.0</t>
  </si>
  <si>
    <t>349756665.0</t>
  </si>
  <si>
    <t>360375.0</t>
  </si>
  <si>
    <t>311617.0</t>
  </si>
  <si>
    <t>181.62</t>
  </si>
  <si>
    <t>72064.0</t>
  </si>
  <si>
    <t>1352933855.0</t>
  </si>
  <si>
    <t>518471172.0</t>
  </si>
  <si>
    <t>497227397.0</t>
  </si>
  <si>
    <t>349960246.0</t>
  </si>
  <si>
    <t>369370.0</t>
  </si>
  <si>
    <t>308757.0</t>
  </si>
  <si>
    <t>181.65</t>
  </si>
  <si>
    <t>58522.0</t>
  </si>
  <si>
    <t>1353350020.0</t>
  </si>
  <si>
    <t>518612149.0</t>
  </si>
  <si>
    <t>497229564.0</t>
  </si>
  <si>
    <t>350180286.0</t>
  </si>
  <si>
    <t>362518.0</t>
  </si>
  <si>
    <t>307460.0</t>
  </si>
  <si>
    <t>1354200610.0</t>
  </si>
  <si>
    <t>518614989.0</t>
  </si>
  <si>
    <t>497356688.0</t>
  </si>
  <si>
    <t>350250855.0</t>
  </si>
  <si>
    <t>223717.0</t>
  </si>
  <si>
    <t>307024.0</t>
  </si>
  <si>
    <t>181.82</t>
  </si>
  <si>
    <t>32594.0</t>
  </si>
  <si>
    <t>1355083393.0</t>
  </si>
  <si>
    <t>518677537.0</t>
  </si>
  <si>
    <t>497372197.0</t>
  </si>
  <si>
    <t>350915667.0</t>
  </si>
  <si>
    <t>160781.0</t>
  </si>
  <si>
    <t>304005.0</t>
  </si>
  <si>
    <t>181.94</t>
  </si>
  <si>
    <t>69.64</t>
  </si>
  <si>
    <t>33530.0</t>
  </si>
  <si>
    <t>1355219435.0</t>
  </si>
  <si>
    <t>518678804.0</t>
  </si>
  <si>
    <t>497373471.0</t>
  </si>
  <si>
    <t>351047467.0</t>
  </si>
  <si>
    <t>182527.0</t>
  </si>
  <si>
    <t>253916.0</t>
  </si>
  <si>
    <t>1355432091.0</t>
  </si>
  <si>
    <t>518680517.0</t>
  </si>
  <si>
    <t>497375191.0</t>
  </si>
  <si>
    <t>351255165.0</t>
  </si>
  <si>
    <t>274923.0</t>
  </si>
  <si>
    <t>246791.0</t>
  </si>
  <si>
    <t>181.98</t>
  </si>
  <si>
    <t>27931.0</t>
  </si>
  <si>
    <t>1355655350.0</t>
  </si>
  <si>
    <t>518682515.0</t>
  </si>
  <si>
    <t>497377463.0</t>
  </si>
  <si>
    <t>351472161.0</t>
  </si>
  <si>
    <t>257522.0</t>
  </si>
  <si>
    <t>238004.0</t>
  </si>
  <si>
    <t>182.01</t>
  </si>
  <si>
    <t>1355833964.0</t>
  </si>
  <si>
    <t>518684310.0</t>
  </si>
  <si>
    <t>497379321.0</t>
  </si>
  <si>
    <t>351644078.0</t>
  </si>
  <si>
    <t>227926.0</t>
  </si>
  <si>
    <t>223703.0</t>
  </si>
  <si>
    <t>182.04</t>
  </si>
  <si>
    <t>1356239404.0</t>
  </si>
  <si>
    <t>518687558.0</t>
  </si>
  <si>
    <t>497382505.0</t>
  </si>
  <si>
    <t>351865067.0</t>
  </si>
  <si>
    <t>270050.0</t>
  </si>
  <si>
    <t>216396.0</t>
  </si>
  <si>
    <t>182.09</t>
  </si>
  <si>
    <t>19954.0</t>
  </si>
  <si>
    <t>1356313673.0</t>
  </si>
  <si>
    <t>518688465.0</t>
  </si>
  <si>
    <t>497383480.0</t>
  </si>
  <si>
    <t>351937395.0</t>
  </si>
  <si>
    <t>98212.0</t>
  </si>
  <si>
    <t>181612.0</t>
  </si>
  <si>
    <t>1356483674.0</t>
  </si>
  <si>
    <t>521434570.0</t>
  </si>
  <si>
    <t>497846150.0</t>
  </si>
  <si>
    <t>352029331.0</t>
  </si>
  <si>
    <t>41959.0</t>
  </si>
  <si>
    <t>174334.0</t>
  </si>
  <si>
    <t>182.13</t>
  </si>
  <si>
    <t>47.26</t>
  </si>
  <si>
    <t>1356630805.0</t>
  </si>
  <si>
    <t>521435866.0</t>
  </si>
  <si>
    <t>497847815.0</t>
  </si>
  <si>
    <t>352172114.0</t>
  </si>
  <si>
    <t>341748.0</t>
  </si>
  <si>
    <t>200358.0</t>
  </si>
  <si>
    <t>182.15</t>
  </si>
  <si>
    <t>1356856038.0</t>
  </si>
  <si>
    <t>521438407.0</t>
  </si>
  <si>
    <t>497850638.0</t>
  </si>
  <si>
    <t>352396752.0</t>
  </si>
  <si>
    <t>419471.0</t>
  </si>
  <si>
    <t>224889.0</t>
  </si>
  <si>
    <t>182.18</t>
  </si>
  <si>
    <t>1357598790.0</t>
  </si>
  <si>
    <t>521704748.0</t>
  </si>
  <si>
    <t>498128887.0</t>
  </si>
  <si>
    <t>352592943.0</t>
  </si>
  <si>
    <t>380088.0</t>
  </si>
  <si>
    <t>241321.0</t>
  </si>
  <si>
    <t>1357813733.0</t>
  </si>
  <si>
    <t>521706497.0</t>
  </si>
  <si>
    <t>498130783.0</t>
  </si>
  <si>
    <t>352801646.0</t>
  </si>
  <si>
    <t>232542.0</t>
  </si>
  <si>
    <t>246150.0</t>
  </si>
  <si>
    <t>1358040545.0</t>
  </si>
  <si>
    <t>521711131.0</t>
  </si>
  <si>
    <t>498134652.0</t>
  </si>
  <si>
    <t>353018383.0</t>
  </si>
  <si>
    <t>227179.0</t>
  </si>
  <si>
    <t>245662.0</t>
  </si>
  <si>
    <t>41097.0</t>
  </si>
  <si>
    <t>1358106004.0</t>
  </si>
  <si>
    <t>521712473.0</t>
  </si>
  <si>
    <t>498136136.0</t>
  </si>
  <si>
    <t>353081548.0</t>
  </si>
  <si>
    <t>80872.0</t>
  </si>
  <si>
    <t>243856.0</t>
  </si>
  <si>
    <t>182.34</t>
  </si>
  <si>
    <t>40499.0</t>
  </si>
  <si>
    <t>1358209185.0</t>
  </si>
  <si>
    <t>521718231.0</t>
  </si>
  <si>
    <t>498141547.0</t>
  </si>
  <si>
    <t>353175716.0</t>
  </si>
  <si>
    <t>33521.0</t>
  </si>
  <si>
    <t>242826.0</t>
  </si>
  <si>
    <t>40502.0</t>
  </si>
  <si>
    <t>1358328489.0</t>
  </si>
  <si>
    <t>521720229.0</t>
  </si>
  <si>
    <t>498143619.0</t>
  </si>
  <si>
    <t>353290324.0</t>
  </si>
  <si>
    <t>122893.0</t>
  </si>
  <si>
    <t>202016.0</t>
  </si>
  <si>
    <t>182.37</t>
  </si>
  <si>
    <t>28067.0</t>
  </si>
  <si>
    <t>1358490234.0</t>
  </si>
  <si>
    <t>521723864.0</t>
  </si>
  <si>
    <t>498146586.0</t>
  </si>
  <si>
    <t>353450803.0</t>
  </si>
  <si>
    <t>163758.0</t>
  </si>
  <si>
    <t>168484.0</t>
  </si>
  <si>
    <t>1358638059.0</t>
  </si>
  <si>
    <t>521727208.0</t>
  </si>
  <si>
    <t>498149510.0</t>
  </si>
  <si>
    <t>353591113.0</t>
  </si>
  <si>
    <t>126325.0</t>
  </si>
  <si>
    <t>133988.0</t>
  </si>
  <si>
    <t>1358743333.0</t>
  </si>
  <si>
    <t>521728841.0</t>
  </si>
  <si>
    <t>498151304.0</t>
  </si>
  <si>
    <t>353692038.0</t>
  </si>
  <si>
    <t>106569.0</t>
  </si>
  <si>
    <t>182.43</t>
  </si>
  <si>
    <t>1358805471.0</t>
  </si>
  <si>
    <t>521730159.0</t>
  </si>
  <si>
    <t>498152750.0</t>
  </si>
  <si>
    <t>353751068.0</t>
  </si>
  <si>
    <t>96090.0</t>
  </si>
  <si>
    <t>182.44</t>
  </si>
  <si>
    <t>1358811507.0</t>
  </si>
  <si>
    <t>521730464.0</t>
  </si>
  <si>
    <t>498153081.0</t>
  </si>
  <si>
    <t>353756556.0</t>
  </si>
  <si>
    <t>87351.0</t>
  </si>
  <si>
    <t>1358813773.0</t>
  </si>
  <si>
    <t>521730609.0</t>
  </si>
  <si>
    <t>498153236.0</t>
  </si>
  <si>
    <t>353758437.0</t>
  </si>
  <si>
    <t>84815.0</t>
  </si>
  <si>
    <t>1358835834.0</t>
  </si>
  <si>
    <t>521731010.0</t>
  </si>
  <si>
    <t>498153645.0</t>
  </si>
  <si>
    <t>353779647.0</t>
  </si>
  <si>
    <t>23327.0</t>
  </si>
  <si>
    <t>70607.0</t>
  </si>
  <si>
    <t>1359404732.0</t>
  </si>
  <si>
    <t>521795133.0</t>
  </si>
  <si>
    <t>498560222.0</t>
  </si>
  <si>
    <t>353881539.0</t>
  </si>
  <si>
    <t>570134.0</t>
  </si>
  <si>
    <t>128669.0</t>
  </si>
  <si>
    <t>182.52</t>
  </si>
  <si>
    <t>1359482950.0</t>
  </si>
  <si>
    <t>521799322.0</t>
  </si>
  <si>
    <t>498564525.0</t>
  </si>
  <si>
    <t>353953595.0</t>
  </si>
  <si>
    <t>121853.0</t>
  </si>
  <si>
    <t>10660.0</t>
  </si>
  <si>
    <t>1359554692.0</t>
  </si>
  <si>
    <t>521802376.0</t>
  </si>
  <si>
    <t>498567602.0</t>
  </si>
  <si>
    <t>354020456.0</t>
  </si>
  <si>
    <t>80751.0</t>
  </si>
  <si>
    <t>118167.0</t>
  </si>
  <si>
    <t>1359614328.0</t>
  </si>
  <si>
    <t>521804060.0</t>
  </si>
  <si>
    <t>498569421.0</t>
  </si>
  <si>
    <t>354076818.0</t>
  </si>
  <si>
    <t>68736.0</t>
  </si>
  <si>
    <t>118922.0</t>
  </si>
  <si>
    <t>11664.0</t>
  </si>
  <si>
    <t>1359659381.0</t>
  </si>
  <si>
    <t>521814946.0</t>
  </si>
  <si>
    <t>498589007.0</t>
  </si>
  <si>
    <t>354091328.0</t>
  </si>
  <si>
    <t>1359661369.0</t>
  </si>
  <si>
    <t>521815590.0</t>
  </si>
  <si>
    <t>498589671.0</t>
  </si>
  <si>
    <t>354092506.0</t>
  </si>
  <si>
    <t>1359702534.0</t>
  </si>
  <si>
    <t>521816842.0</t>
  </si>
  <si>
    <t>498591073.0</t>
  </si>
  <si>
    <t>354131398.0</t>
  </si>
  <si>
    <t>182.56</t>
  </si>
  <si>
    <t>1359788412.0</t>
  </si>
  <si>
    <t>521820916.0</t>
  </si>
  <si>
    <t>498595181.0</t>
  </si>
  <si>
    <t>354211713.0</t>
  </si>
  <si>
    <t>182.57</t>
  </si>
  <si>
    <t>1359876295.0</t>
  </si>
  <si>
    <t>521827537.0</t>
  </si>
  <si>
    <t>498597722.0</t>
  </si>
  <si>
    <t>354290255.0</t>
  </si>
  <si>
    <t>182.58</t>
  </si>
  <si>
    <t>1359897666.0</t>
  </si>
  <si>
    <t>521827743.0</t>
  </si>
  <si>
    <t>498597926.0</t>
  </si>
  <si>
    <t>354311035.0</t>
  </si>
  <si>
    <t>OWID_EUN</t>
  </si>
  <si>
    <t>European Union</t>
  </si>
  <si>
    <t>49635.0</t>
  </si>
  <si>
    <t>86541.0</t>
  </si>
  <si>
    <t>85426.0</t>
  </si>
  <si>
    <t>32272.0</t>
  </si>
  <si>
    <t>164499.0</t>
  </si>
  <si>
    <t>163378.0</t>
  </si>
  <si>
    <t>82441.0</t>
  </si>
  <si>
    <t>59978.0</t>
  </si>
  <si>
    <t>53770.0</t>
  </si>
  <si>
    <t>298993.0</t>
  </si>
  <si>
    <t>297868.0</t>
  </si>
  <si>
    <t>132832.0</t>
  </si>
  <si>
    <t>89476.0</t>
  </si>
  <si>
    <t>83271.0</t>
  </si>
  <si>
    <t>401870.0</t>
  </si>
  <si>
    <t>400743.0</t>
  </si>
  <si>
    <t>110264.0</t>
  </si>
  <si>
    <t>94720.0</t>
  </si>
  <si>
    <t>450180.0</t>
  </si>
  <si>
    <t>449042.0</t>
  </si>
  <si>
    <t>86031.0</t>
  </si>
  <si>
    <t>79825.0</t>
  </si>
  <si>
    <t>552327.0</t>
  </si>
  <si>
    <t>551184.0</t>
  </si>
  <si>
    <t>656072.0</t>
  </si>
  <si>
    <t>654084.0</t>
  </si>
  <si>
    <t>85657.0</t>
  </si>
  <si>
    <t>99035.0</t>
  </si>
  <si>
    <t>92781.0</t>
  </si>
  <si>
    <t>926511.0</t>
  </si>
  <si>
    <t>924511.0</t>
  </si>
  <si>
    <t>224802.0</t>
  </si>
  <si>
    <t>138206.0</t>
  </si>
  <si>
    <t>129998.0</t>
  </si>
  <si>
    <t>1225130.0</t>
  </si>
  <si>
    <t>1223101.0</t>
  </si>
  <si>
    <t>333595.0</t>
  </si>
  <si>
    <t>217987.0</t>
  </si>
  <si>
    <t>209775.0</t>
  </si>
  <si>
    <t>1458479.0</t>
  </si>
  <si>
    <t>1456405.0</t>
  </si>
  <si>
    <t>303007.0</t>
  </si>
  <si>
    <t>221750.0</t>
  </si>
  <si>
    <t>213532.0</t>
  </si>
  <si>
    <t>1823692.0</t>
  </si>
  <si>
    <t>1821577.0</t>
  </si>
  <si>
    <t>364603.0</t>
  </si>
  <si>
    <t>245640.0</t>
  </si>
  <si>
    <t>237418.0</t>
  </si>
  <si>
    <t>2312903.0</t>
  </si>
  <si>
    <t>2310393.0</t>
  </si>
  <si>
    <t>410430.0</t>
  </si>
  <si>
    <t>289705.0</t>
  </si>
  <si>
    <t>281476.0</t>
  </si>
  <si>
    <t>2515337.0</t>
  </si>
  <si>
    <t>2512804.0</t>
  </si>
  <si>
    <t>283923.0</t>
  </si>
  <si>
    <t>308292.0</t>
  </si>
  <si>
    <t>300042.0</t>
  </si>
  <si>
    <t>2677573.0</t>
  </si>
  <si>
    <t>2675020.0</t>
  </si>
  <si>
    <t>209752.0</t>
  </si>
  <si>
    <t>315526.0</t>
  </si>
  <si>
    <t>307255.0</t>
  </si>
  <si>
    <t>3110042.0</t>
  </si>
  <si>
    <t>3107431.0</t>
  </si>
  <si>
    <t>387222.0</t>
  </si>
  <si>
    <t>331120.0</t>
  </si>
  <si>
    <t>322763.0</t>
  </si>
  <si>
    <t>3554016.0</t>
  </si>
  <si>
    <t>3551342.0</t>
  </si>
  <si>
    <t>484642.0</t>
  </si>
  <si>
    <t>351756.0</t>
  </si>
  <si>
    <t>343315.0</t>
  </si>
  <si>
    <t>4095800.0</t>
  </si>
  <si>
    <t>4092922.0</t>
  </si>
  <si>
    <t>577899.0</t>
  </si>
  <si>
    <t>390081.0</t>
  </si>
  <si>
    <t>381541.0</t>
  </si>
  <si>
    <t>4616728.0</t>
  </si>
  <si>
    <t>4613574.0</t>
  </si>
  <si>
    <t>560458.0</t>
  </si>
  <si>
    <t>417194.0</t>
  </si>
  <si>
    <t>408543.0</t>
  </si>
  <si>
    <t>5199813.0</t>
  </si>
  <si>
    <t>5194137.0</t>
  </si>
  <si>
    <t>528409.0</t>
  </si>
  <si>
    <t>433186.0</t>
  </si>
  <si>
    <t>5418047.0</t>
  </si>
  <si>
    <t>5411020.0</t>
  </si>
  <si>
    <t>317936.0</t>
  </si>
  <si>
    <t>438044.0</t>
  </si>
  <si>
    <t>428147.0</t>
  </si>
  <si>
    <t>5794443.0</t>
  </si>
  <si>
    <t>5732794.0</t>
  </si>
  <si>
    <t>33267.0</t>
  </si>
  <si>
    <t>244468.0</t>
  </si>
  <si>
    <t>443007.0</t>
  </si>
  <si>
    <t>428690.0</t>
  </si>
  <si>
    <t>6390194.0</t>
  </si>
  <si>
    <t>6291246.0</t>
  </si>
  <si>
    <t>71692.0</t>
  </si>
  <si>
    <t>452994.0</t>
  </si>
  <si>
    <t>453513.0</t>
  </si>
  <si>
    <t>433225.0</t>
  </si>
  <si>
    <t>6931128.0</t>
  </si>
  <si>
    <t>6761400.0</t>
  </si>
  <si>
    <t>142560.0</t>
  </si>
  <si>
    <t>602970.0</t>
  </si>
  <si>
    <t>470225.0</t>
  </si>
  <si>
    <t>440244.0</t>
  </si>
  <si>
    <t>7491757.0</t>
  </si>
  <si>
    <t>7222660.0</t>
  </si>
  <si>
    <t>242012.0</t>
  </si>
  <si>
    <t>631813.0</t>
  </si>
  <si>
    <t>477696.0</t>
  </si>
  <si>
    <t>434206.0</t>
  </si>
  <si>
    <t>8078355.0</t>
  </si>
  <si>
    <t>7683547.0</t>
  </si>
  <si>
    <t>367812.0</t>
  </si>
  <si>
    <t>657782.0</t>
  </si>
  <si>
    <t>491428.0</t>
  </si>
  <si>
    <t>429512.0</t>
  </si>
  <si>
    <t>8825012.0</t>
  </si>
  <si>
    <t>8301635.0</t>
  </si>
  <si>
    <t>485377.0</t>
  </si>
  <si>
    <t>563427.0</t>
  </si>
  <si>
    <t>421516.0</t>
  </si>
  <si>
    <t>9094957.0</t>
  </si>
  <si>
    <t>8477159.0</t>
  </si>
  <si>
    <t>579462.0</t>
  </si>
  <si>
    <t>368830.0</t>
  </si>
  <si>
    <t>503352.0</t>
  </si>
  <si>
    <t>413312.0</t>
  </si>
  <si>
    <t>9533162.0</t>
  </si>
  <si>
    <t>8800113.0</t>
  </si>
  <si>
    <t>682612.0</t>
  </si>
  <si>
    <t>258898.0</t>
  </si>
  <si>
    <t>505245.0</t>
  </si>
  <si>
    <t>407349.0</t>
  </si>
  <si>
    <t>10001398.0</t>
  </si>
  <si>
    <t>9070998.0</t>
  </si>
  <si>
    <t>890609.0</t>
  </si>
  <si>
    <t>521471.0</t>
  </si>
  <si>
    <t>515025.0</t>
  </si>
  <si>
    <t>393270.0</t>
  </si>
  <si>
    <t>10603868.0</t>
  </si>
  <si>
    <t>9405750.0</t>
  </si>
  <si>
    <t>1158326.0</t>
  </si>
  <si>
    <t>671965.0</t>
  </si>
  <si>
    <t>524884.0</t>
  </si>
  <si>
    <t>373149.0</t>
  </si>
  <si>
    <t>11190423.0</t>
  </si>
  <si>
    <t>9754414.0</t>
  </si>
  <si>
    <t>1396263.0</t>
  </si>
  <si>
    <t>656050.0</t>
  </si>
  <si>
    <t>528346.0</t>
  </si>
  <si>
    <t>355397.0</t>
  </si>
  <si>
    <t>11859179.0</t>
  </si>
  <si>
    <t>10097015.0</t>
  </si>
  <si>
    <t>1722464.0</t>
  </si>
  <si>
    <t>738251.0</t>
  </si>
  <si>
    <t>539845.0</t>
  </si>
  <si>
    <t>336832.0</t>
  </si>
  <si>
    <t>12670306.0</t>
  </si>
  <si>
    <t>10535735.0</t>
  </si>
  <si>
    <t>2084087.0</t>
  </si>
  <si>
    <t>671202.0</t>
  </si>
  <si>
    <t>555239.0</t>
  </si>
  <si>
    <t>315928.0</t>
  </si>
  <si>
    <t>13014385.0</t>
  </si>
  <si>
    <t>10679390.0</t>
  </si>
  <si>
    <t>2284519.0</t>
  </si>
  <si>
    <t>451253.0</t>
  </si>
  <si>
    <t>567013.0</t>
  </si>
  <si>
    <t>308146.0</t>
  </si>
  <si>
    <t>13571502.0</t>
  </si>
  <si>
    <t>10942013.0</t>
  </si>
  <si>
    <t>2566735.0</t>
  </si>
  <si>
    <t>331871.0</t>
  </si>
  <si>
    <t>577437.0</t>
  </si>
  <si>
    <t>305530.0</t>
  </si>
  <si>
    <t>14093053.0</t>
  </si>
  <si>
    <t>11132644.0</t>
  </si>
  <si>
    <t>2907678.0</t>
  </si>
  <si>
    <t>578895.0</t>
  </si>
  <si>
    <t>585641.0</t>
  </si>
  <si>
    <t>293684.0</t>
  </si>
  <si>
    <t>14770021.0</t>
  </si>
  <si>
    <t>11400173.0</t>
  </si>
  <si>
    <t>750601.0</t>
  </si>
  <si>
    <t>596875.0</t>
  </si>
  <si>
    <t>283315.0</t>
  </si>
  <si>
    <t>15530834.0</t>
  </si>
  <si>
    <t>11679371.0</t>
  </si>
  <si>
    <t>3798732.0</t>
  </si>
  <si>
    <t>830445.0</t>
  </si>
  <si>
    <t>621788.0</t>
  </si>
  <si>
    <t>272592.0</t>
  </si>
  <si>
    <t>16340109.0</t>
  </si>
  <si>
    <t>11986632.0</t>
  </si>
  <si>
    <t>4300891.0</t>
  </si>
  <si>
    <t>880908.0</t>
  </si>
  <si>
    <t>642169.0</t>
  </si>
  <si>
    <t>266757.0</t>
  </si>
  <si>
    <t>17208341.0</t>
  </si>
  <si>
    <t>12408456.0</t>
  </si>
  <si>
    <t>4742643.0</t>
  </si>
  <si>
    <t>724327.0</t>
  </si>
  <si>
    <t>649761.0</t>
  </si>
  <si>
    <t>263021.0</t>
  </si>
  <si>
    <t>17528644.0</t>
  </si>
  <si>
    <t>12538435.0</t>
  </si>
  <si>
    <t>4933347.0</t>
  </si>
  <si>
    <t>437008.0</t>
  </si>
  <si>
    <t>647721.0</t>
  </si>
  <si>
    <t>259392.0</t>
  </si>
  <si>
    <t>18047320.0</t>
  </si>
  <si>
    <t>12728279.0</t>
  </si>
  <si>
    <t>5248686.0</t>
  </si>
  <si>
    <t>298470.0</t>
  </si>
  <si>
    <t>642951.0</t>
  </si>
  <si>
    <t>254550.0</t>
  </si>
  <si>
    <t>18497532.0</t>
  </si>
  <si>
    <t>12903570.0</t>
  </si>
  <si>
    <t>5523605.0</t>
  </si>
  <si>
    <t>585345.0</t>
  </si>
  <si>
    <t>643873.0</t>
  </si>
  <si>
    <t>258499.0</t>
  </si>
  <si>
    <t>19186931.0</t>
  </si>
  <si>
    <t>13217676.0</t>
  </si>
  <si>
    <t>5899924.0</t>
  </si>
  <si>
    <t>711132.0</t>
  </si>
  <si>
    <t>638233.0</t>
  </si>
  <si>
    <t>258741.0</t>
  </si>
  <si>
    <t>19828539.0</t>
  </si>
  <si>
    <t>13502173.0</t>
  </si>
  <si>
    <t>6257090.0</t>
  </si>
  <si>
    <t>842502.0</t>
  </si>
  <si>
    <t>639956.0</t>
  </si>
  <si>
    <t>268345.0</t>
  </si>
  <si>
    <t>20785779.0</t>
  </si>
  <si>
    <t>13974363.0</t>
  </si>
  <si>
    <t>6741138.0</t>
  </si>
  <si>
    <t>927543.0</t>
  </si>
  <si>
    <t>646618.0</t>
  </si>
  <si>
    <t>282863.0</t>
  </si>
  <si>
    <t>21811679.0</t>
  </si>
  <si>
    <t>14471806.0</t>
  </si>
  <si>
    <t>7254813.0</t>
  </si>
  <si>
    <t>21460.0</t>
  </si>
  <si>
    <t>819163.0</t>
  </si>
  <si>
    <t>660164.0</t>
  </si>
  <si>
    <t>298863.0</t>
  </si>
  <si>
    <t>22164671.0</t>
  </si>
  <si>
    <t>14660797.0</t>
  </si>
  <si>
    <t>7418825.0</t>
  </si>
  <si>
    <t>479676.0</t>
  </si>
  <si>
    <t>666263.0</t>
  </si>
  <si>
    <t>311727.0</t>
  </si>
  <si>
    <t>22722810.0</t>
  </si>
  <si>
    <t>14948940.0</t>
  </si>
  <si>
    <t>7676824.0</t>
  </si>
  <si>
    <t>21474.0</t>
  </si>
  <si>
    <t>325594.0</t>
  </si>
  <si>
    <t>670134.0</t>
  </si>
  <si>
    <t>321399.0</t>
  </si>
  <si>
    <t>23281659.0</t>
  </si>
  <si>
    <t>15244196.0</t>
  </si>
  <si>
    <t>7940498.0</t>
  </si>
  <si>
    <t>638393.0</t>
  </si>
  <si>
    <t>677714.0</t>
  </si>
  <si>
    <t>335282.0</t>
  </si>
  <si>
    <t>23932673.0</t>
  </si>
  <si>
    <t>15597079.0</t>
  </si>
  <si>
    <t>8238672.0</t>
  </si>
  <si>
    <t>758389.0</t>
  </si>
  <si>
    <t>684464.0</t>
  </si>
  <si>
    <t>351258.0</t>
  </si>
  <si>
    <t>24777676.0</t>
  </si>
  <si>
    <t>16070443.0</t>
  </si>
  <si>
    <t>8610392.0</t>
  </si>
  <si>
    <t>952378.0</t>
  </si>
  <si>
    <t>700162.0</t>
  </si>
  <si>
    <t>373450.0</t>
  </si>
  <si>
    <t>25795949.0</t>
  </si>
  <si>
    <t>16685758.0</t>
  </si>
  <si>
    <t>9013525.0</t>
  </si>
  <si>
    <t>21605.0</t>
  </si>
  <si>
    <t>1104029.0</t>
  </si>
  <si>
    <t>725376.0</t>
  </si>
  <si>
    <t>404216.0</t>
  </si>
  <si>
    <t>26949714.0</t>
  </si>
  <si>
    <t>17417902.0</t>
  </si>
  <si>
    <t>9430218.0</t>
  </si>
  <si>
    <t>939151.0</t>
  </si>
  <si>
    <t>742518.0</t>
  </si>
  <si>
    <t>430646.0</t>
  </si>
  <si>
    <t>27388525.0</t>
  </si>
  <si>
    <t>17718566.0</t>
  </si>
  <si>
    <t>9568417.0</t>
  </si>
  <si>
    <t>26686.0</t>
  </si>
  <si>
    <t>603344.0</t>
  </si>
  <si>
    <t>760181.0</t>
  </si>
  <si>
    <t>454133.0</t>
  </si>
  <si>
    <t>28110144.0</t>
  </si>
  <si>
    <t>18209319.0</t>
  </si>
  <si>
    <t>9788610.0</t>
  </si>
  <si>
    <t>428856.0</t>
  </si>
  <si>
    <t>774933.0</t>
  </si>
  <si>
    <t>472740.0</t>
  </si>
  <si>
    <t>28778563.0</t>
  </si>
  <si>
    <t>18671885.0</t>
  </si>
  <si>
    <t>9994545.0</t>
  </si>
  <si>
    <t>26747.0</t>
  </si>
  <si>
    <t>776193.0</t>
  </si>
  <si>
    <t>794620.0</t>
  </si>
  <si>
    <t>500112.0</t>
  </si>
  <si>
    <t>29524875.0</t>
  </si>
  <si>
    <t>19196204.0</t>
  </si>
  <si>
    <t>10216724.0</t>
  </si>
  <si>
    <t>989319.0</t>
  </si>
  <si>
    <t>827610.0</t>
  </si>
  <si>
    <t>537925.0</t>
  </si>
  <si>
    <t>30612854.0</t>
  </si>
  <si>
    <t>19972484.0</t>
  </si>
  <si>
    <t>10528440.0</t>
  </si>
  <si>
    <t>26790.0</t>
  </si>
  <si>
    <t>1090861.0</t>
  </si>
  <si>
    <t>847394.0</t>
  </si>
  <si>
    <t>573891.0</t>
  </si>
  <si>
    <t>31566840.0</t>
  </si>
  <si>
    <t>20674974.0</t>
  </si>
  <si>
    <t>10780026.0</t>
  </si>
  <si>
    <t>1221020.0</t>
  </si>
  <si>
    <t>864108.0</t>
  </si>
  <si>
    <t>602837.0</t>
  </si>
  <si>
    <t>33185601.0</t>
  </si>
  <si>
    <t>21842674.0</t>
  </si>
  <si>
    <t>11228762.0</t>
  </si>
  <si>
    <t>1167068.0</t>
  </si>
  <si>
    <t>896665.0</t>
  </si>
  <si>
    <t>640732.0</t>
  </si>
  <si>
    <t>33761158.0</t>
  </si>
  <si>
    <t>22317809.0</t>
  </si>
  <si>
    <t>11329240.0</t>
  </si>
  <si>
    <t>29483.0</t>
  </si>
  <si>
    <t>802983.0</t>
  </si>
  <si>
    <t>925186.0</t>
  </si>
  <si>
    <t>673682.0</t>
  </si>
  <si>
    <t>34656073.0</t>
  </si>
  <si>
    <t>23016283.0</t>
  </si>
  <si>
    <t>11515678.0</t>
  </si>
  <si>
    <t>492987.0</t>
  </si>
  <si>
    <t>934348.0</t>
  </si>
  <si>
    <t>685372.0</t>
  </si>
  <si>
    <t>35462573.0</t>
  </si>
  <si>
    <t>23652497.0</t>
  </si>
  <si>
    <t>11686075.0</t>
  </si>
  <si>
    <t>895844.0</t>
  </si>
  <si>
    <t>951439.0</t>
  </si>
  <si>
    <t>709192.0</t>
  </si>
  <si>
    <t>36430354.0</t>
  </si>
  <si>
    <t>24412966.0</t>
  </si>
  <si>
    <t>11893517.0</t>
  </si>
  <si>
    <t>29579.0</t>
  </si>
  <si>
    <t>1217732.0</t>
  </si>
  <si>
    <t>984071.0</t>
  </si>
  <si>
    <t>745210.0</t>
  </si>
  <si>
    <t>37729395.0</t>
  </si>
  <si>
    <t>25377000.0</t>
  </si>
  <si>
    <t>12228643.0</t>
  </si>
  <si>
    <t>29629.0</t>
  </si>
  <si>
    <t>1313102.0</t>
  </si>
  <si>
    <t>1015822.0</t>
  </si>
  <si>
    <t>773849.0</t>
  </si>
  <si>
    <t>39242720.0</t>
  </si>
  <si>
    <t>26522194.0</t>
  </si>
  <si>
    <t>12596968.0</t>
  </si>
  <si>
    <t>1616399.0</t>
  </si>
  <si>
    <t>1072301.0</t>
  </si>
  <si>
    <t>824288.0</t>
  </si>
  <si>
    <t>40827624.0</t>
  </si>
  <si>
    <t>27746944.0</t>
  </si>
  <si>
    <t>12955049.0</t>
  </si>
  <si>
    <t>32106.0</t>
  </si>
  <si>
    <t>1444992.0</t>
  </si>
  <si>
    <t>1112010.0</t>
  </si>
  <si>
    <t>860963.0</t>
  </si>
  <si>
    <t>41801621.0</t>
  </si>
  <si>
    <t>28531553.0</t>
  </si>
  <si>
    <t>13144610.0</t>
  </si>
  <si>
    <t>32116.0</t>
  </si>
  <si>
    <t>1098013.0</t>
  </si>
  <si>
    <t>1154152.0</t>
  </si>
  <si>
    <t>894767.0</t>
  </si>
  <si>
    <t>42966520.0</t>
  </si>
  <si>
    <t>29491912.0</t>
  </si>
  <si>
    <t>13339580.0</t>
  </si>
  <si>
    <t>32117.0</t>
  </si>
  <si>
    <t>738823.0</t>
  </si>
  <si>
    <t>1189272.0</t>
  </si>
  <si>
    <t>925840.0</t>
  </si>
  <si>
    <t>44000072.0</t>
  </si>
  <si>
    <t>30297426.0</t>
  </si>
  <si>
    <t>13567803.0</t>
  </si>
  <si>
    <t>32132.0</t>
  </si>
  <si>
    <t>1098990.0</t>
  </si>
  <si>
    <t>1218290.0</t>
  </si>
  <si>
    <t>946606.0</t>
  </si>
  <si>
    <t>45217328.0</t>
  </si>
  <si>
    <t>31261177.0</t>
  </si>
  <si>
    <t>13821493.0</t>
  </si>
  <si>
    <t>1353417.0</t>
  </si>
  <si>
    <t>1237678.0</t>
  </si>
  <si>
    <t>965225.0</t>
  </si>
  <si>
    <t>46474933.0</t>
  </si>
  <si>
    <t>32215729.0</t>
  </si>
  <si>
    <t>14124726.0</t>
  </si>
  <si>
    <t>32224.0</t>
  </si>
  <si>
    <t>1270940.0</t>
  </si>
  <si>
    <t>988405.0</t>
  </si>
  <si>
    <t>48200851.0</t>
  </si>
  <si>
    <t>33477370.0</t>
  </si>
  <si>
    <t>14589284.0</t>
  </si>
  <si>
    <t>1709882.0</t>
  </si>
  <si>
    <t>1284296.0</t>
  </si>
  <si>
    <t>995430.0</t>
  </si>
  <si>
    <t>50035973.0</t>
  </si>
  <si>
    <t>34852246.0</t>
  </si>
  <si>
    <t>15047471.0</t>
  </si>
  <si>
    <t>34718.0</t>
  </si>
  <si>
    <t>1612695.0</t>
  </si>
  <si>
    <t>1308255.0</t>
  </si>
  <si>
    <t>1011747.0</t>
  </si>
  <si>
    <t>50973557.0</t>
  </si>
  <si>
    <t>35616069.0</t>
  </si>
  <si>
    <t>15221393.0</t>
  </si>
  <si>
    <t>1146746.0</t>
  </si>
  <si>
    <t>1315214.0</t>
  </si>
  <si>
    <t>1013128.0</t>
  </si>
  <si>
    <t>51937764.0</t>
  </si>
  <si>
    <t>36401141.0</t>
  </si>
  <si>
    <t>15390333.0</t>
  </si>
  <si>
    <t>34734.0</t>
  </si>
  <si>
    <t>1309206.0</t>
  </si>
  <si>
    <t>999426.0</t>
  </si>
  <si>
    <t>53067189.0</t>
  </si>
  <si>
    <t>37211888.0</t>
  </si>
  <si>
    <t>15709138.0</t>
  </si>
  <si>
    <t>34759.0</t>
  </si>
  <si>
    <t>1038255.0</t>
  </si>
  <si>
    <t>1300530.0</t>
  </si>
  <si>
    <t>986059.0</t>
  </si>
  <si>
    <t>54044515.0</t>
  </si>
  <si>
    <t>37884975.0</t>
  </si>
  <si>
    <t>16013565.0</t>
  </si>
  <si>
    <t>1107096.0</t>
  </si>
  <si>
    <t>1265339.0</t>
  </si>
  <si>
    <t>941545.0</t>
  </si>
  <si>
    <t>55186211.0</t>
  </si>
  <si>
    <t>38613425.0</t>
  </si>
  <si>
    <t>16427118.0</t>
  </si>
  <si>
    <t>1271466.0</t>
  </si>
  <si>
    <t>1226127.0</t>
  </si>
  <si>
    <t>892385.0</t>
  </si>
  <si>
    <t>56425958.0</t>
  </si>
  <si>
    <t>39394782.0</t>
  </si>
  <si>
    <t>16885819.0</t>
  </si>
  <si>
    <t>1369517.0</t>
  </si>
  <si>
    <t>1177502.0</t>
  </si>
  <si>
    <t>834654.0</t>
  </si>
  <si>
    <t>58053216.0</t>
  </si>
  <si>
    <t>40439341.0</t>
  </si>
  <si>
    <t>17467641.0</t>
  </si>
  <si>
    <t>36191.0</t>
  </si>
  <si>
    <t>1380961.0</t>
  </si>
  <si>
    <t>1144400.0</t>
  </si>
  <si>
    <t>791828.0</t>
  </si>
  <si>
    <t>58941488.0</t>
  </si>
  <si>
    <t>41136648.0</t>
  </si>
  <si>
    <t>17658746.0</t>
  </si>
  <si>
    <t>36197.0</t>
  </si>
  <si>
    <t>1091320.0</t>
  </si>
  <si>
    <t>1136481.0</t>
  </si>
  <si>
    <t>780432.0</t>
  </si>
  <si>
    <t>59855941.0</t>
  </si>
  <si>
    <t>41863459.0</t>
  </si>
  <si>
    <t>17836796.0</t>
  </si>
  <si>
    <t>730600.0</t>
  </si>
  <si>
    <t>1141317.0</t>
  </si>
  <si>
    <t>782371.0</t>
  </si>
  <si>
    <t>61197359.0</t>
  </si>
  <si>
    <t>42723495.0</t>
  </si>
  <si>
    <t>18318296.0</t>
  </si>
  <si>
    <t>1200872.0</t>
  </si>
  <si>
    <t>1164548.0</t>
  </si>
  <si>
    <t>797699.0</t>
  </si>
  <si>
    <t>62588640.0</t>
  </si>
  <si>
    <t>43733797.0</t>
  </si>
  <si>
    <t>18699434.0</t>
  </si>
  <si>
    <t>1537622.0</t>
  </si>
  <si>
    <t>1226053.0</t>
  </si>
  <si>
    <t>850387.0</t>
  </si>
  <si>
    <t>64310007.0</t>
  </si>
  <si>
    <t>44911890.0</t>
  </si>
  <si>
    <t>19242833.0</t>
  </si>
  <si>
    <t>36301.0</t>
  </si>
  <si>
    <t>1867708.0</t>
  </si>
  <si>
    <t>1311227.0</t>
  </si>
  <si>
    <t>919138.0</t>
  </si>
  <si>
    <t>65993793.0</t>
  </si>
  <si>
    <t>46079334.0</t>
  </si>
  <si>
    <t>19759404.0</t>
  </si>
  <si>
    <t>2017039.0</t>
  </si>
  <si>
    <t>1403731.0</t>
  </si>
  <si>
    <t>997477.0</t>
  </si>
  <si>
    <t>68721847.0</t>
  </si>
  <si>
    <t>48037326.0</t>
  </si>
  <si>
    <t>20529292.0</t>
  </si>
  <si>
    <t>36775.0</t>
  </si>
  <si>
    <t>2113725.0</t>
  </si>
  <si>
    <t>1508415.0</t>
  </si>
  <si>
    <t>1077752.0</t>
  </si>
  <si>
    <t>69731267.0</t>
  </si>
  <si>
    <t>48792945.0</t>
  </si>
  <si>
    <t>20783161.0</t>
  </si>
  <si>
    <t>1401867.0</t>
  </si>
  <si>
    <t>1552777.0</t>
  </si>
  <si>
    <t>1112160.0</t>
  </si>
  <si>
    <t>70835122.0</t>
  </si>
  <si>
    <t>49644792.0</t>
  </si>
  <si>
    <t>21025893.0</t>
  </si>
  <si>
    <t>976598.0</t>
  </si>
  <si>
    <t>1587920.0</t>
  </si>
  <si>
    <t>1140451.0</t>
  </si>
  <si>
    <t>72412569.0</t>
  </si>
  <si>
    <t>50809719.0</t>
  </si>
  <si>
    <t>21438572.0</t>
  </si>
  <si>
    <t>36827.0</t>
  </si>
  <si>
    <t>1568960.0</t>
  </si>
  <si>
    <t>1640503.0</t>
  </si>
  <si>
    <t>1180612.0</t>
  </si>
  <si>
    <t>74207884.0</t>
  </si>
  <si>
    <t>52110322.0</t>
  </si>
  <si>
    <t>21933462.0</t>
  </si>
  <si>
    <t>36882.0</t>
  </si>
  <si>
    <t>1805161.0</t>
  </si>
  <si>
    <t>1678724.0</t>
  </si>
  <si>
    <t>1206664.0</t>
  </si>
  <si>
    <t>76193334.0</t>
  </si>
  <si>
    <t>53548338.0</t>
  </si>
  <si>
    <t>22479765.0</t>
  </si>
  <si>
    <t>36932.0</t>
  </si>
  <si>
    <t>2126053.0</t>
  </si>
  <si>
    <t>1715629.0</t>
  </si>
  <si>
    <t>1241898.0</t>
  </si>
  <si>
    <t>78332544.0</t>
  </si>
  <si>
    <t>55078568.0</t>
  </si>
  <si>
    <t>23089141.0</t>
  </si>
  <si>
    <t>2310548.0</t>
  </si>
  <si>
    <t>1757560.0</t>
  </si>
  <si>
    <t>1276684.0</t>
  </si>
  <si>
    <t>80469963.0</t>
  </si>
  <si>
    <t>56606986.0</t>
  </si>
  <si>
    <t>23698176.0</t>
  </si>
  <si>
    <t>1764465.0</t>
  </si>
  <si>
    <t>1707664.0</t>
  </si>
  <si>
    <t>1247817.0</t>
  </si>
  <si>
    <t>81684214.0</t>
  </si>
  <si>
    <t>57489120.0</t>
  </si>
  <si>
    <t>24030635.0</t>
  </si>
  <si>
    <t>37680.0</t>
  </si>
  <si>
    <t>1296650.0</t>
  </si>
  <si>
    <t>1692634.0</t>
  </si>
  <si>
    <t>1232518.0</t>
  </si>
  <si>
    <t>82787106.0</t>
  </si>
  <si>
    <t>58347178.0</t>
  </si>
  <si>
    <t>24268598.0</t>
  </si>
  <si>
    <t>861507.0</t>
  </si>
  <si>
    <t>1676189.0</t>
  </si>
  <si>
    <t>1224227.0</t>
  </si>
  <si>
    <t>83763514.0</t>
  </si>
  <si>
    <t>59119222.0</t>
  </si>
  <si>
    <t>24473153.0</t>
  </si>
  <si>
    <t>37753.0</t>
  </si>
  <si>
    <t>1063398.0</t>
  </si>
  <si>
    <t>1603967.0</t>
  </si>
  <si>
    <t>1177227.0</t>
  </si>
  <si>
    <t>85581176.0</t>
  </si>
  <si>
    <t>60399344.0</t>
  </si>
  <si>
    <t>25010916.0</t>
  </si>
  <si>
    <t>37856.0</t>
  </si>
  <si>
    <t>2196824.0</t>
  </si>
  <si>
    <t>1659920.0</t>
  </si>
  <si>
    <t>1219133.0</t>
  </si>
  <si>
    <t>88227816.0</t>
  </si>
  <si>
    <t>62490003.0</t>
  </si>
  <si>
    <t>25567216.0</t>
  </si>
  <si>
    <t>37929.0</t>
  </si>
  <si>
    <t>2679455.0</t>
  </si>
  <si>
    <t>1738980.0</t>
  </si>
  <si>
    <t>1296952.0</t>
  </si>
  <si>
    <t>91130478.0</t>
  </si>
  <si>
    <t>64807594.0</t>
  </si>
  <si>
    <t>26152785.0</t>
  </si>
  <si>
    <t>3116736.0</t>
  </si>
  <si>
    <t>1854147.0</t>
  </si>
  <si>
    <t>1414719.0</t>
  </si>
  <si>
    <t>94507084.0</t>
  </si>
  <si>
    <t>67466983.0</t>
  </si>
  <si>
    <t>26869940.0</t>
  </si>
  <si>
    <t>38778.0</t>
  </si>
  <si>
    <t>2975623.0</t>
  </si>
  <si>
    <t>2027171.0</t>
  </si>
  <si>
    <t>1570764.0</t>
  </si>
  <si>
    <t>96332052.0</t>
  </si>
  <si>
    <t>68931772.0</t>
  </si>
  <si>
    <t>27230270.0</t>
  </si>
  <si>
    <t>38846.0</t>
  </si>
  <si>
    <t>2093916.0</t>
  </si>
  <si>
    <t>2141068.0</t>
  </si>
  <si>
    <t>1674357.0</t>
  </si>
  <si>
    <t>97848377.0</t>
  </si>
  <si>
    <t>70073457.0</t>
  </si>
  <si>
    <t>27596055.0</t>
  </si>
  <si>
    <t>38864.0</t>
  </si>
  <si>
    <t>1325819.0</t>
  </si>
  <si>
    <t>2207395.0</t>
  </si>
  <si>
    <t>1728709.0</t>
  </si>
  <si>
    <t>100064618.0</t>
  </si>
  <si>
    <t>71855084.0</t>
  </si>
  <si>
    <t>28030755.0</t>
  </si>
  <si>
    <t>38978.0</t>
  </si>
  <si>
    <t>2114013.0</t>
  </si>
  <si>
    <t>2357486.0</t>
  </si>
  <si>
    <t>1849152.0</t>
  </si>
  <si>
    <t>102420782.0</t>
  </si>
  <si>
    <t>73720280.0</t>
  </si>
  <si>
    <t>28521799.0</t>
  </si>
  <si>
    <t>39103.0</t>
  </si>
  <si>
    <t>2653391.0</t>
  </si>
  <si>
    <t>2422708.0</t>
  </si>
  <si>
    <t>1922180.0</t>
  </si>
  <si>
    <t>104957580.0</t>
  </si>
  <si>
    <t>75717852.0</t>
  </si>
  <si>
    <t>29058424.0</t>
  </si>
  <si>
    <t>39423.0</t>
  </si>
  <si>
    <t>3091351.0</t>
  </si>
  <si>
    <t>2481547.0</t>
  </si>
  <si>
    <t>1973897.0</t>
  </si>
  <si>
    <t>108014692.0</t>
  </si>
  <si>
    <t>78117306.0</t>
  </si>
  <si>
    <t>29713349.0</t>
  </si>
  <si>
    <t>39930.0</t>
  </si>
  <si>
    <t>3170979.0</t>
  </si>
  <si>
    <t>2489297.0</t>
  </si>
  <si>
    <t>1976383.0</t>
  </si>
  <si>
    <t>111651415.0</t>
  </si>
  <si>
    <t>81068915.0</t>
  </si>
  <si>
    <t>30395988.0</t>
  </si>
  <si>
    <t>2921052.0</t>
  </si>
  <si>
    <t>2481506.0</t>
  </si>
  <si>
    <t>1966020.0</t>
  </si>
  <si>
    <t>113220559.0</t>
  </si>
  <si>
    <t>82264170.0</t>
  </si>
  <si>
    <t>30769012.0</t>
  </si>
  <si>
    <t>40863.0</t>
  </si>
  <si>
    <t>1999981.0</t>
  </si>
  <si>
    <t>2468083.0</t>
  </si>
  <si>
    <t>1948812.0</t>
  </si>
  <si>
    <t>114853246.0</t>
  </si>
  <si>
    <t>83533514.0</t>
  </si>
  <si>
    <t>31124380.0</t>
  </si>
  <si>
    <t>1376015.0</t>
  </si>
  <si>
    <t>2475253.0</t>
  </si>
  <si>
    <t>1954565.0</t>
  </si>
  <si>
    <t>117403206.0</t>
  </si>
  <si>
    <t>85556552.0</t>
  </si>
  <si>
    <t>31650623.0</t>
  </si>
  <si>
    <t>41447.0</t>
  </si>
  <si>
    <t>2039668.0</t>
  </si>
  <si>
    <t>2464636.0</t>
  </si>
  <si>
    <t>1939510.0</t>
  </si>
  <si>
    <t>119659272.0</t>
  </si>
  <si>
    <t>87271365.0</t>
  </si>
  <si>
    <t>32191251.0</t>
  </si>
  <si>
    <t>42118.0</t>
  </si>
  <si>
    <t>2521648.0</t>
  </si>
  <si>
    <t>2445816.0</t>
  </si>
  <si>
    <t>1912102.0</t>
  </si>
  <si>
    <t>122584336.0</t>
  </si>
  <si>
    <t>89442714.0</t>
  </si>
  <si>
    <t>32943873.0</t>
  </si>
  <si>
    <t>43040.0</t>
  </si>
  <si>
    <t>3190646.0</t>
  </si>
  <si>
    <t>2459998.0</t>
  </si>
  <si>
    <t>1902157.0</t>
  </si>
  <si>
    <t>125537296.0</t>
  </si>
  <si>
    <t>91594205.0</t>
  </si>
  <si>
    <t>33744680.0</t>
  </si>
  <si>
    <t>44044.0</t>
  </si>
  <si>
    <t>3224498.0</t>
  </si>
  <si>
    <t>2467642.0</t>
  </si>
  <si>
    <t>1882716.0</t>
  </si>
  <si>
    <t>129284599.0</t>
  </si>
  <si>
    <t>94372363.0</t>
  </si>
  <si>
    <t>34728477.0</t>
  </si>
  <si>
    <t>45305.0</t>
  </si>
  <si>
    <t>2980381.0</t>
  </si>
  <si>
    <t>2476119.0</t>
  </si>
  <si>
    <t>1868770.0</t>
  </si>
  <si>
    <t>130670188.0</t>
  </si>
  <si>
    <t>95386110.0</t>
  </si>
  <si>
    <t>35104441.0</t>
  </si>
  <si>
    <t>45642.0</t>
  </si>
  <si>
    <t>2099879.0</t>
  </si>
  <si>
    <t>2490390.0</t>
  </si>
  <si>
    <t>1870963.0</t>
  </si>
  <si>
    <t>133211125.0</t>
  </si>
  <si>
    <t>97387665.0</t>
  </si>
  <si>
    <t>35672668.0</t>
  </si>
  <si>
    <t>45733.0</t>
  </si>
  <si>
    <t>1589970.0</t>
  </si>
  <si>
    <t>2520957.0</t>
  </si>
  <si>
    <t>1892325.0</t>
  </si>
  <si>
    <t>135177422.0</t>
  </si>
  <si>
    <t>98822154.0</t>
  </si>
  <si>
    <t>36228560.0</t>
  </si>
  <si>
    <t>46377.0</t>
  </si>
  <si>
    <t>2413616.0</t>
  </si>
  <si>
    <t>2574380.0</t>
  </si>
  <si>
    <t>1928493.0</t>
  </si>
  <si>
    <t>138277041.0</t>
  </si>
  <si>
    <t>101091866.0</t>
  </si>
  <si>
    <t>37166841.0</t>
  </si>
  <si>
    <t>47468.0</t>
  </si>
  <si>
    <t>3181523.0</t>
  </si>
  <si>
    <t>2668646.0</t>
  </si>
  <si>
    <t>1989754.0</t>
  </si>
  <si>
    <t>141860706.0</t>
  </si>
  <si>
    <t>103594557.0</t>
  </si>
  <si>
    <t>38211052.0</t>
  </si>
  <si>
    <t>49120.0</t>
  </si>
  <si>
    <t>3863670.0</t>
  </si>
  <si>
    <t>2764791.0</t>
  </si>
  <si>
    <t>2041026.0</t>
  </si>
  <si>
    <t>145559861.0</t>
  </si>
  <si>
    <t>106223257.0</t>
  </si>
  <si>
    <t>39323406.0</t>
  </si>
  <si>
    <t>50774.0</t>
  </si>
  <si>
    <t>3979160.0</t>
  </si>
  <si>
    <t>2872601.0</t>
  </si>
  <si>
    <t>2112385.0</t>
  </si>
  <si>
    <t>149203523.0</t>
  </si>
  <si>
    <t>108953205.0</t>
  </si>
  <si>
    <t>40306360.0</t>
  </si>
  <si>
    <t>52498.0</t>
  </si>
  <si>
    <t>3298027.0</t>
  </si>
  <si>
    <t>2917979.0</t>
  </si>
  <si>
    <t>2132538.0</t>
  </si>
  <si>
    <t>151019805.0</t>
  </si>
  <si>
    <t>110254297.0</t>
  </si>
  <si>
    <t>40841800.0</t>
  </si>
  <si>
    <t>52752.0</t>
  </si>
  <si>
    <t>2147582.0</t>
  </si>
  <si>
    <t>2924791.0</t>
  </si>
  <si>
    <t>2118109.0</t>
  </si>
  <si>
    <t>153621558.0</t>
  </si>
  <si>
    <t>112019233.0</t>
  </si>
  <si>
    <t>41729747.0</t>
  </si>
  <si>
    <t>1634573.0</t>
  </si>
  <si>
    <t>2931163.0</t>
  </si>
  <si>
    <t>6512.0</t>
  </si>
  <si>
    <t>2095731.0</t>
  </si>
  <si>
    <t>155853495.0</t>
  </si>
  <si>
    <t>113535105.0</t>
  </si>
  <si>
    <t>42485975.0</t>
  </si>
  <si>
    <t>2493742.0</t>
  </si>
  <si>
    <t>2942610.0</t>
  </si>
  <si>
    <t>25.22</t>
  </si>
  <si>
    <t>2078447.0</t>
  </si>
  <si>
    <t>158917867.0</t>
  </si>
  <si>
    <t>115585509.0</t>
  </si>
  <si>
    <t>43535095.0</t>
  </si>
  <si>
    <t>55270.0</t>
  </si>
  <si>
    <t>3708863.0</t>
  </si>
  <si>
    <t>3017945.0</t>
  </si>
  <si>
    <t>2100249.0</t>
  </si>
  <si>
    <t>163249082.0</t>
  </si>
  <si>
    <t>118435022.0</t>
  </si>
  <si>
    <t>45204409.0</t>
  </si>
  <si>
    <t>56886.0</t>
  </si>
  <si>
    <t>4356665.0</t>
  </si>
  <si>
    <t>3088373.0</t>
  </si>
  <si>
    <t>2118647.0</t>
  </si>
  <si>
    <t>167398348.0</t>
  </si>
  <si>
    <t>121128204.0</t>
  </si>
  <si>
    <t>46707478.0</t>
  </si>
  <si>
    <t>4439630.0</t>
  </si>
  <si>
    <t>3154155.0</t>
  </si>
  <si>
    <t>2122957.0</t>
  </si>
  <si>
    <t>172080172.0</t>
  </si>
  <si>
    <t>124198396.0</t>
  </si>
  <si>
    <t>48396321.0</t>
  </si>
  <si>
    <t>61340.0</t>
  </si>
  <si>
    <t>3935795.0</t>
  </si>
  <si>
    <t>3245264.0</t>
  </si>
  <si>
    <t>2156691.0</t>
  </si>
  <si>
    <t>174187224.0</t>
  </si>
  <si>
    <t>125594806.0</t>
  </si>
  <si>
    <t>49140819.0</t>
  </si>
  <si>
    <t>61715.0</t>
  </si>
  <si>
    <t>2726846.0</t>
  </si>
  <si>
    <t>3328017.0</t>
  </si>
  <si>
    <t>7393.0</t>
  </si>
  <si>
    <t>2204812.0</t>
  </si>
  <si>
    <t>177135514.0</t>
  </si>
  <si>
    <t>127647305.0</t>
  </si>
  <si>
    <t>50052732.0</t>
  </si>
  <si>
    <t>61992.0</t>
  </si>
  <si>
    <t>1906028.0</t>
  </si>
  <si>
    <t>3366794.0</t>
  </si>
  <si>
    <t>2231539.0</t>
  </si>
  <si>
    <t>179986628.0</t>
  </si>
  <si>
    <t>129513217.0</t>
  </si>
  <si>
    <t>51073815.0</t>
  </si>
  <si>
    <t>3107274.0</t>
  </si>
  <si>
    <t>3454444.0</t>
  </si>
  <si>
    <t>2280441.0</t>
  </si>
  <si>
    <t>183750889.0</t>
  </si>
  <si>
    <t>132016403.0</t>
  </si>
  <si>
    <t>52374989.0</t>
  </si>
  <si>
    <t>65044.0</t>
  </si>
  <si>
    <t>4174506.0</t>
  </si>
  <si>
    <t>3520964.0</t>
  </si>
  <si>
    <t>2316980.0</t>
  </si>
  <si>
    <t>187713308.0</t>
  </si>
  <si>
    <t>134653013.0</t>
  </si>
  <si>
    <t>53733734.0</t>
  </si>
  <si>
    <t>66893.0</t>
  </si>
  <si>
    <t>4719344.0</t>
  </si>
  <si>
    <t>3572775.0</t>
  </si>
  <si>
    <t>2350310.0</t>
  </si>
  <si>
    <t>191428092.0</t>
  </si>
  <si>
    <t>136955580.0</t>
  </si>
  <si>
    <t>55205659.0</t>
  </si>
  <si>
    <t>67682.0</t>
  </si>
  <si>
    <t>3596476.0</t>
  </si>
  <si>
    <t>3452324.0</t>
  </si>
  <si>
    <t>2257971.0</t>
  </si>
  <si>
    <t>196152814.0</t>
  </si>
  <si>
    <t>139946270.0</t>
  </si>
  <si>
    <t>57030914.0</t>
  </si>
  <si>
    <t>70205.0</t>
  </si>
  <si>
    <t>3763021.0</t>
  </si>
  <si>
    <t>3427641.0</t>
  </si>
  <si>
    <t>2233521.0</t>
  </si>
  <si>
    <t>198477887.0</t>
  </si>
  <si>
    <t>141440617.0</t>
  </si>
  <si>
    <t>57906103.0</t>
  </si>
  <si>
    <t>2897359.0</t>
  </si>
  <si>
    <t>3452002.0</t>
  </si>
  <si>
    <t>2239320.0</t>
  </si>
  <si>
    <t>201359811.0</t>
  </si>
  <si>
    <t>143358713.0</t>
  </si>
  <si>
    <t>58907220.0</t>
  </si>
  <si>
    <t>70850.0</t>
  </si>
  <si>
    <t>1960612.0</t>
  </si>
  <si>
    <t>3459800.0</t>
  </si>
  <si>
    <t>2241724.0</t>
  </si>
  <si>
    <t>204107020.0</t>
  </si>
  <si>
    <t>145140840.0</t>
  </si>
  <si>
    <t>59931914.0</t>
  </si>
  <si>
    <t>3054807.0</t>
  </si>
  <si>
    <t>3452307.0</t>
  </si>
  <si>
    <t>2231956.0</t>
  </si>
  <si>
    <t>207702306.0</t>
  </si>
  <si>
    <t>147445460.0</t>
  </si>
  <si>
    <t>61304684.0</t>
  </si>
  <si>
    <t>74603.0</t>
  </si>
  <si>
    <t>3962722.0</t>
  </si>
  <si>
    <t>3422047.0</t>
  </si>
  <si>
    <t>2197700.0</t>
  </si>
  <si>
    <t>211442609.0</t>
  </si>
  <si>
    <t>149699413.0</t>
  </si>
  <si>
    <t>62841814.0</t>
  </si>
  <si>
    <t>77259.0</t>
  </si>
  <si>
    <t>4548972.0</t>
  </si>
  <si>
    <t>3397710.0</t>
  </si>
  <si>
    <t>2143337.0</t>
  </si>
  <si>
    <t>215950027.0</t>
  </si>
  <si>
    <t>152337104.0</t>
  </si>
  <si>
    <t>64829147.0</t>
  </si>
  <si>
    <t>4497215.0</t>
  </si>
  <si>
    <t>3526387.0</t>
  </si>
  <si>
    <t>2198134.0</t>
  </si>
  <si>
    <t>221006193.0</t>
  </si>
  <si>
    <t>155277255.0</t>
  </si>
  <si>
    <t>67085832.0</t>
  </si>
  <si>
    <t>83157.0</t>
  </si>
  <si>
    <t>3962329.0</t>
  </si>
  <si>
    <t>3554860.0</t>
  </si>
  <si>
    <t>2185124.0</t>
  </si>
  <si>
    <t>223187865.0</t>
  </si>
  <si>
    <t>156614645.0</t>
  </si>
  <si>
    <t>68020558.0</t>
  </si>
  <si>
    <t>83870.0</t>
  </si>
  <si>
    <t>2745286.0</t>
  </si>
  <si>
    <t>3533136.0</t>
  </si>
  <si>
    <t>2157321.0</t>
  </si>
  <si>
    <t>225936769.0</t>
  </si>
  <si>
    <t>158291764.0</t>
  </si>
  <si>
    <t>69202957.0</t>
  </si>
  <si>
    <t>84126.0</t>
  </si>
  <si>
    <t>1788550.0</t>
  </si>
  <si>
    <t>3508554.0</t>
  </si>
  <si>
    <t>2128995.0</t>
  </si>
  <si>
    <t>228060834.0</t>
  </si>
  <si>
    <t>159579651.0</t>
  </si>
  <si>
    <t>70124919.0</t>
  </si>
  <si>
    <t>84806.0</t>
  </si>
  <si>
    <t>2441205.0</t>
  </si>
  <si>
    <t>3420897.0</t>
  </si>
  <si>
    <t>2052695.0</t>
  </si>
  <si>
    <t>231270742.0</t>
  </si>
  <si>
    <t>161315469.0</t>
  </si>
  <si>
    <t>71701753.0</t>
  </si>
  <si>
    <t>87260.0</t>
  </si>
  <si>
    <t>3590405.0</t>
  </si>
  <si>
    <t>3367706.0</t>
  </si>
  <si>
    <t>1967001.0</t>
  </si>
  <si>
    <t>235476353.0</t>
  </si>
  <si>
    <t>163497575.0</t>
  </si>
  <si>
    <t>73883439.0</t>
  </si>
  <si>
    <t>89700.0</t>
  </si>
  <si>
    <t>4558726.0</t>
  </si>
  <si>
    <t>3369102.0</t>
  </si>
  <si>
    <t>1915593.0</t>
  </si>
  <si>
    <t>239537009.0</t>
  </si>
  <si>
    <t>165553624.0</t>
  </si>
  <si>
    <t>76048078.0</t>
  </si>
  <si>
    <t>92227.0</t>
  </si>
  <si>
    <t>4427462.0</t>
  </si>
  <si>
    <t>3359135.0</t>
  </si>
  <si>
    <t>1859253.0</t>
  </si>
  <si>
    <t>244493142.0</t>
  </si>
  <si>
    <t>168107133.0</t>
  </si>
  <si>
    <t>78796679.0</t>
  </si>
  <si>
    <t>3998014.0</t>
  </si>
  <si>
    <t>3364231.0</t>
  </si>
  <si>
    <t>1819412.0</t>
  </si>
  <si>
    <t>246730441.0</t>
  </si>
  <si>
    <t>169324765.0</t>
  </si>
  <si>
    <t>79948801.0</t>
  </si>
  <si>
    <t>96025.0</t>
  </si>
  <si>
    <t>2858715.0</t>
  </si>
  <si>
    <t>3380440.0</t>
  </si>
  <si>
    <t>1799679.0</t>
  </si>
  <si>
    <t>249650089.0</t>
  </si>
  <si>
    <t>170772576.0</t>
  </si>
  <si>
    <t>81531870.0</t>
  </si>
  <si>
    <t>96230.0</t>
  </si>
  <si>
    <t>1869854.0</t>
  </si>
  <si>
    <t>3392052.0</t>
  </si>
  <si>
    <t>18.11</t>
  </si>
  <si>
    <t>1784613.0</t>
  </si>
  <si>
    <t>252433804.0</t>
  </si>
  <si>
    <t>172280656.0</t>
  </si>
  <si>
    <t>83032341.0</t>
  </si>
  <si>
    <t>97804.0</t>
  </si>
  <si>
    <t>3143851.0</t>
  </si>
  <si>
    <t>3492432.0</t>
  </si>
  <si>
    <t>1819326.0</t>
  </si>
  <si>
    <t>256333112.0</t>
  </si>
  <si>
    <t>174386978.0</t>
  </si>
  <si>
    <t>85075890.0</t>
  </si>
  <si>
    <t>100223.0</t>
  </si>
  <si>
    <t>4289877.0</t>
  </si>
  <si>
    <t>3592354.0</t>
  </si>
  <si>
    <t>1873266.0</t>
  </si>
  <si>
    <t>260873081.0</t>
  </si>
  <si>
    <t>176814780.0</t>
  </si>
  <si>
    <t>87401371.0</t>
  </si>
  <si>
    <t>102627.0</t>
  </si>
  <si>
    <t>4940217.0</t>
  </si>
  <si>
    <t>3646856.0</t>
  </si>
  <si>
    <t>1910425.0</t>
  </si>
  <si>
    <t>264461706.0</t>
  </si>
  <si>
    <t>178841469.0</t>
  </si>
  <si>
    <t>89117253.0</t>
  </si>
  <si>
    <t>104929.0</t>
  </si>
  <si>
    <t>3988873.0</t>
  </si>
  <si>
    <t>3584202.0</t>
  </si>
  <si>
    <t>1907810.0</t>
  </si>
  <si>
    <t>269562427.0</t>
  </si>
  <si>
    <t>181640198.0</t>
  </si>
  <si>
    <t>91805000.0</t>
  </si>
  <si>
    <t>4350988.0</t>
  </si>
  <si>
    <t>3634623.0</t>
  </si>
  <si>
    <t>1954951.0</t>
  </si>
  <si>
    <t>272127840.0</t>
  </si>
  <si>
    <t>183073719.0</t>
  </si>
  <si>
    <t>93057820.0</t>
  </si>
  <si>
    <t>3358564.0</t>
  </si>
  <si>
    <t>3706032.0</t>
  </si>
  <si>
    <t>2015163.0</t>
  </si>
  <si>
    <t>275962582.0</t>
  </si>
  <si>
    <t>185211320.0</t>
  </si>
  <si>
    <t>95070612.0</t>
  </si>
  <si>
    <t>109616.0</t>
  </si>
  <si>
    <t>2354277.0</t>
  </si>
  <si>
    <t>3775234.0</t>
  </si>
  <si>
    <t>2080038.0</t>
  </si>
  <si>
    <t>279134033.0</t>
  </si>
  <si>
    <t>186982163.0</t>
  </si>
  <si>
    <t>96714949.0</t>
  </si>
  <si>
    <t>3680891.0</t>
  </si>
  <si>
    <t>3851952.0</t>
  </si>
  <si>
    <t>2133817.0</t>
  </si>
  <si>
    <t>283258753.0</t>
  </si>
  <si>
    <t>189118438.0</t>
  </si>
  <si>
    <t>98962685.0</t>
  </si>
  <si>
    <t>113617.0</t>
  </si>
  <si>
    <t>4638447.0</t>
  </si>
  <si>
    <t>3901754.0</t>
  </si>
  <si>
    <t>2150578.0</t>
  </si>
  <si>
    <t>287997439.0</t>
  </si>
  <si>
    <t>191497062.0</t>
  </si>
  <si>
    <t>101596771.0</t>
  </si>
  <si>
    <t>115924.0</t>
  </si>
  <si>
    <t>5299965.0</t>
  </si>
  <si>
    <t>3953143.0</t>
  </si>
  <si>
    <t>2158051.0</t>
  </si>
  <si>
    <t>292534344.0</t>
  </si>
  <si>
    <t>193792263.0</t>
  </si>
  <si>
    <t>104103973.0</t>
  </si>
  <si>
    <t>118321.0</t>
  </si>
  <si>
    <t>5003079.0</t>
  </si>
  <si>
    <t>4098028.0</t>
  </si>
  <si>
    <t>2206699.0</t>
  </si>
  <si>
    <t>298352948.0</t>
  </si>
  <si>
    <t>197050306.0</t>
  </si>
  <si>
    <t>106907840.0</t>
  </si>
  <si>
    <t>121091.0</t>
  </si>
  <si>
    <t>4508331.0</t>
  </si>
  <si>
    <t>4120510.0</t>
  </si>
  <si>
    <t>9154.0</t>
  </si>
  <si>
    <t>2197768.0</t>
  </si>
  <si>
    <t>300707504.0</t>
  </si>
  <si>
    <t>198348430.0</t>
  </si>
  <si>
    <t>108050087.0</t>
  </si>
  <si>
    <t>121946.0</t>
  </si>
  <si>
    <t>3207935.0</t>
  </si>
  <si>
    <t>4098990.0</t>
  </si>
  <si>
    <t>2165741.0</t>
  </si>
  <si>
    <t>304297425.0</t>
  </si>
  <si>
    <t>200202937.0</t>
  </si>
  <si>
    <t>109996332.0</t>
  </si>
  <si>
    <t>122441.0</t>
  </si>
  <si>
    <t>2161836.0</t>
  </si>
  <si>
    <t>4071498.0</t>
  </si>
  <si>
    <t>2130148.0</t>
  </si>
  <si>
    <t>307351913.0</t>
  </si>
  <si>
    <t>201614712.0</t>
  </si>
  <si>
    <t>111833273.0</t>
  </si>
  <si>
    <t>124447.0</t>
  </si>
  <si>
    <t>3575957.0</t>
  </si>
  <si>
    <t>4056508.0</t>
  </si>
  <si>
    <t>2074100.0</t>
  </si>
  <si>
    <t>311084280.0</t>
  </si>
  <si>
    <t>203391935.0</t>
  </si>
  <si>
    <t>113990973.0</t>
  </si>
  <si>
    <t>126582.0</t>
  </si>
  <si>
    <t>4637576.0</t>
  </si>
  <si>
    <t>4056383.0</t>
  </si>
  <si>
    <t>2035130.0</t>
  </si>
  <si>
    <t>316012081.0</t>
  </si>
  <si>
    <t>205565012.0</t>
  </si>
  <si>
    <t>116967179.0</t>
  </si>
  <si>
    <t>128555.0</t>
  </si>
  <si>
    <t>5049257.0</t>
  </si>
  <si>
    <t>4020567.0</t>
  </si>
  <si>
    <t>1979708.0</t>
  </si>
  <si>
    <t>320249841.0</t>
  </si>
  <si>
    <t>207528482.0</t>
  </si>
  <si>
    <t>119487223.0</t>
  </si>
  <si>
    <t>131225.0</t>
  </si>
  <si>
    <t>4806510.0</t>
  </si>
  <si>
    <t>3992487.0</t>
  </si>
  <si>
    <t>1930155.0</t>
  </si>
  <si>
    <t>325868562.0</t>
  </si>
  <si>
    <t>210161576.0</t>
  </si>
  <si>
    <t>122633175.0</t>
  </si>
  <si>
    <t>133947.0</t>
  </si>
  <si>
    <t>4313483.0</t>
  </si>
  <si>
    <t>3964650.0</t>
  </si>
  <si>
    <t>1877162.0</t>
  </si>
  <si>
    <t>328070653.0</t>
  </si>
  <si>
    <t>211169230.0</t>
  </si>
  <si>
    <t>123884023.0</t>
  </si>
  <si>
    <t>134720.0</t>
  </si>
  <si>
    <t>3059199.0</t>
  </si>
  <si>
    <t>3943403.0</t>
  </si>
  <si>
    <t>1838558.0</t>
  </si>
  <si>
    <t>331688401.0</t>
  </si>
  <si>
    <t>212876724.0</t>
  </si>
  <si>
    <t>126027935.0</t>
  </si>
  <si>
    <t>135013.0</t>
  </si>
  <si>
    <t>2140015.0</t>
  </si>
  <si>
    <t>3940286.0</t>
  </si>
  <si>
    <t>1815210.0</t>
  </si>
  <si>
    <t>334673141.0</t>
  </si>
  <si>
    <t>214110590.0</t>
  </si>
  <si>
    <t>127948280.0</t>
  </si>
  <si>
    <t>136450.0</t>
  </si>
  <si>
    <t>3478599.0</t>
  </si>
  <si>
    <t>3926376.0</t>
  </si>
  <si>
    <t>1789899.0</t>
  </si>
  <si>
    <t>338859035.0</t>
  </si>
  <si>
    <t>215791098.0</t>
  </si>
  <si>
    <t>130646943.0</t>
  </si>
  <si>
    <t>138064.0</t>
  </si>
  <si>
    <t>4683852.0</t>
  </si>
  <si>
    <t>3932987.0</t>
  </si>
  <si>
    <t>1759304.0</t>
  </si>
  <si>
    <t>343455369.0</t>
  </si>
  <si>
    <t>217626846.0</t>
  </si>
  <si>
    <t>133568480.0</t>
  </si>
  <si>
    <t>5079125.0</t>
  </si>
  <si>
    <t>3937254.0</t>
  </si>
  <si>
    <t>1729947.0</t>
  </si>
  <si>
    <t>347171672.0</t>
  </si>
  <si>
    <t>219317721.0</t>
  </si>
  <si>
    <t>135771353.0</t>
  </si>
  <si>
    <t>141038.0</t>
  </si>
  <si>
    <t>4249577.0</t>
  </si>
  <si>
    <t>3857693.0</t>
  </si>
  <si>
    <t>1691390.0</t>
  </si>
  <si>
    <t>352377769.0</t>
  </si>
  <si>
    <t>221768646.0</t>
  </si>
  <si>
    <t>138704984.0</t>
  </si>
  <si>
    <t>144163.0</t>
  </si>
  <si>
    <t>4240676.0</t>
  </si>
  <si>
    <t>3847291.0</t>
  </si>
  <si>
    <t>1661225.0</t>
  </si>
  <si>
    <t>355108250.0</t>
  </si>
  <si>
    <t>222748520.0</t>
  </si>
  <si>
    <t>140519751.0</t>
  </si>
  <si>
    <t>144985.0</t>
  </si>
  <si>
    <t>3255167.0</t>
  </si>
  <si>
    <t>3875285.0</t>
  </si>
  <si>
    <t>1640889.0</t>
  </si>
  <si>
    <t>358676455.0</t>
  </si>
  <si>
    <t>224250502.0</t>
  </si>
  <si>
    <t>142813736.0</t>
  </si>
  <si>
    <t>145300.0</t>
  </si>
  <si>
    <t>2229250.0</t>
  </si>
  <si>
    <t>3888036.0</t>
  </si>
  <si>
    <t>1629926.0</t>
  </si>
  <si>
    <t>361886050.0</t>
  </si>
  <si>
    <t>225431680.0</t>
  </si>
  <si>
    <t>144981804.0</t>
  </si>
  <si>
    <t>146843.0</t>
  </si>
  <si>
    <t>3748862.0</t>
  </si>
  <si>
    <t>3926643.0</t>
  </si>
  <si>
    <t>1628232.0</t>
  </si>
  <si>
    <t>365844265.0</t>
  </si>
  <si>
    <t>226950791.0</t>
  </si>
  <si>
    <t>147559309.0</t>
  </si>
  <si>
    <t>149334.0</t>
  </si>
  <si>
    <t>4497482.0</t>
  </si>
  <si>
    <t>3900020.0</t>
  </si>
  <si>
    <t>1610570.0</t>
  </si>
  <si>
    <t>370067812.0</t>
  </si>
  <si>
    <t>228611438.0</t>
  </si>
  <si>
    <t>150208933.0</t>
  </si>
  <si>
    <t>151768.0</t>
  </si>
  <si>
    <t>4751420.0</t>
  </si>
  <si>
    <t>3853206.0</t>
  </si>
  <si>
    <t>1591539.0</t>
  </si>
  <si>
    <t>374040669.0</t>
  </si>
  <si>
    <t>230207313.0</t>
  </si>
  <si>
    <t>152672489.0</t>
  </si>
  <si>
    <t>154413.0</t>
  </si>
  <si>
    <t>4537085.0</t>
  </si>
  <si>
    <t>3894279.0</t>
  </si>
  <si>
    <t>1583956.0</t>
  </si>
  <si>
    <t>379453063.0</t>
  </si>
  <si>
    <t>232700374.0</t>
  </si>
  <si>
    <t>155802701.0</t>
  </si>
  <si>
    <t>158218.0</t>
  </si>
  <si>
    <t>3962642.0</t>
  </si>
  <si>
    <t>3854559.0</t>
  </si>
  <si>
    <t>1566570.0</t>
  </si>
  <si>
    <t>381501788.0</t>
  </si>
  <si>
    <t>233395150.0</t>
  </si>
  <si>
    <t>157198159.0</t>
  </si>
  <si>
    <t>159367.0</t>
  </si>
  <si>
    <t>2980150.0</t>
  </si>
  <si>
    <t>3815272.0</t>
  </si>
  <si>
    <t>1546026.0</t>
  </si>
  <si>
    <t>385131100.0</t>
  </si>
  <si>
    <t>235033678.0</t>
  </si>
  <si>
    <t>159446898.0</t>
  </si>
  <si>
    <t>159879.0</t>
  </si>
  <si>
    <t>2159112.0</t>
  </si>
  <si>
    <t>3805253.0</t>
  </si>
  <si>
    <t>1537745.0</t>
  </si>
  <si>
    <t>388035320.0</t>
  </si>
  <si>
    <t>236026839.0</t>
  </si>
  <si>
    <t>161462511.0</t>
  </si>
  <si>
    <t>161825.0</t>
  </si>
  <si>
    <t>3413193.0</t>
  </si>
  <si>
    <t>3757298.0</t>
  </si>
  <si>
    <t>1507820.0</t>
  </si>
  <si>
    <t>391601345.0</t>
  </si>
  <si>
    <t>237221321.0</t>
  </si>
  <si>
    <t>163917028.0</t>
  </si>
  <si>
    <t>4081604.0</t>
  </si>
  <si>
    <t>3697887.0</t>
  </si>
  <si>
    <t>1459228.0</t>
  </si>
  <si>
    <t>395626720.0</t>
  </si>
  <si>
    <t>238544685.0</t>
  </si>
  <si>
    <t>166878388.0</t>
  </si>
  <si>
    <t>166489.0</t>
  </si>
  <si>
    <t>4540954.0</t>
  </si>
  <si>
    <t>3667818.0</t>
  </si>
  <si>
    <t>1407413.0</t>
  </si>
  <si>
    <t>399386928.0</t>
  </si>
  <si>
    <t>239745081.0</t>
  </si>
  <si>
    <t>169541575.0</t>
  </si>
  <si>
    <t>169139.0</t>
  </si>
  <si>
    <t>4301389.0</t>
  </si>
  <si>
    <t>3634151.0</t>
  </si>
  <si>
    <t>1348504.0</t>
  </si>
  <si>
    <t>404753870.0</t>
  </si>
  <si>
    <t>241900085.0</t>
  </si>
  <si>
    <t>172914056.0</t>
  </si>
  <si>
    <t>173007.0</t>
  </si>
  <si>
    <t>3875788.0</t>
  </si>
  <si>
    <t>3621741.0</t>
  </si>
  <si>
    <t>1301620.0</t>
  </si>
  <si>
    <t>406625118.0</t>
  </si>
  <si>
    <t>242422820.0</t>
  </si>
  <si>
    <t>174290340.0</t>
  </si>
  <si>
    <t>174232.0</t>
  </si>
  <si>
    <t>2836345.0</t>
  </si>
  <si>
    <t>3601199.0</t>
  </si>
  <si>
    <t>1259322.0</t>
  </si>
  <si>
    <t>410163478.0</t>
  </si>
  <si>
    <t>243797210.0</t>
  </si>
  <si>
    <t>176651692.0</t>
  </si>
  <si>
    <t>174766.0</t>
  </si>
  <si>
    <t>2026338.0</t>
  </si>
  <si>
    <t>3582229.0</t>
  </si>
  <si>
    <t>1223581.0</t>
  </si>
  <si>
    <t>413113177.0</t>
  </si>
  <si>
    <t>244668391.0</t>
  </si>
  <si>
    <t>178845602.0</t>
  </si>
  <si>
    <t>176879.0</t>
  </si>
  <si>
    <t>3370452.0</t>
  </si>
  <si>
    <t>3576127.0</t>
  </si>
  <si>
    <t>1189855.0</t>
  </si>
  <si>
    <t>416738388.0</t>
  </si>
  <si>
    <t>245777238.0</t>
  </si>
  <si>
    <t>181493029.0</t>
  </si>
  <si>
    <t>179307.0</t>
  </si>
  <si>
    <t>4059592.0</t>
  </si>
  <si>
    <t>3572980.0</t>
  </si>
  <si>
    <t>92.58</t>
  </si>
  <si>
    <t>1160885.0</t>
  </si>
  <si>
    <t>420314129.0</t>
  </si>
  <si>
    <t>246870659.0</t>
  </si>
  <si>
    <t>184084357.0</t>
  </si>
  <si>
    <t>180269.0</t>
  </si>
  <si>
    <t>4010122.0</t>
  </si>
  <si>
    <t>3497148.0</t>
  </si>
  <si>
    <t>93.37</t>
  </si>
  <si>
    <t>1113576.0</t>
  </si>
  <si>
    <t>424057558.0</t>
  </si>
  <si>
    <t>248088986.0</t>
  </si>
  <si>
    <t>186789229.0</t>
  </si>
  <si>
    <t>183030.0</t>
  </si>
  <si>
    <t>4195552.0</t>
  </si>
  <si>
    <t>3482027.0</t>
  </si>
  <si>
    <t>1098735.0</t>
  </si>
  <si>
    <t>428701872.0</t>
  </si>
  <si>
    <t>249536051.0</t>
  </si>
  <si>
    <t>190177363.0</t>
  </si>
  <si>
    <t>186385.0</t>
  </si>
  <si>
    <t>3654110.0</t>
  </si>
  <si>
    <t>3450359.0</t>
  </si>
  <si>
    <t>1088497.0</t>
  </si>
  <si>
    <t>430883725.0</t>
  </si>
  <si>
    <t>250222564.0</t>
  </si>
  <si>
    <t>191736625.0</t>
  </si>
  <si>
    <t>190740.0</t>
  </si>
  <si>
    <t>2700230.0</t>
  </si>
  <si>
    <t>3430913.0</t>
  </si>
  <si>
    <t>1096350.0</t>
  </si>
  <si>
    <t>433806184.0</t>
  </si>
  <si>
    <t>251503802.0</t>
  </si>
  <si>
    <t>193561485.0</t>
  </si>
  <si>
    <t>191166.0</t>
  </si>
  <si>
    <t>1838848.0</t>
  </si>
  <si>
    <t>3404129.0</t>
  </si>
  <si>
    <t>1100151.0</t>
  </si>
  <si>
    <t>436628383.0</t>
  </si>
  <si>
    <t>252483308.0</t>
  </si>
  <si>
    <t>195529009.0</t>
  </si>
  <si>
    <t>193116.0</t>
  </si>
  <si>
    <t>3118252.0</t>
  </si>
  <si>
    <t>3368100.0</t>
  </si>
  <si>
    <t>1106564.0</t>
  </si>
  <si>
    <t>439987670.0</t>
  </si>
  <si>
    <t>253643444.0</t>
  </si>
  <si>
    <t>197843608.0</t>
  </si>
  <si>
    <t>195247.0</t>
  </si>
  <si>
    <t>3730140.0</t>
  </si>
  <si>
    <t>3321035.0</t>
  </si>
  <si>
    <t>97.74</t>
  </si>
  <si>
    <t>1108732.0</t>
  </si>
  <si>
    <t>443518557.0</t>
  </si>
  <si>
    <t>254858402.0</t>
  </si>
  <si>
    <t>200257794.0</t>
  </si>
  <si>
    <t>197200.0</t>
  </si>
  <si>
    <t>3901740.0</t>
  </si>
  <si>
    <t>3305554.0</t>
  </si>
  <si>
    <t>98.53</t>
  </si>
  <si>
    <t>1120714.0</t>
  </si>
  <si>
    <t>447010811.0</t>
  </si>
  <si>
    <t>256133901.0</t>
  </si>
  <si>
    <t>202595804.0</t>
  </si>
  <si>
    <t>199341.0</t>
  </si>
  <si>
    <t>3863107.0</t>
  </si>
  <si>
    <t>3258061.0</t>
  </si>
  <si>
    <t>1123953.0</t>
  </si>
  <si>
    <t>451272014.0</t>
  </si>
  <si>
    <t>257570325.0</t>
  </si>
  <si>
    <t>205631461.0</t>
  </si>
  <si>
    <t>202452.0</t>
  </si>
  <si>
    <t>3357635.0</t>
  </si>
  <si>
    <t>3215707.0</t>
  </si>
  <si>
    <t>100.25</t>
  </si>
  <si>
    <t>1121952.0</t>
  </si>
  <si>
    <t>452895114.0</t>
  </si>
  <si>
    <t>258151271.0</t>
  </si>
  <si>
    <t>206699205.0</t>
  </si>
  <si>
    <t>203677.0</t>
  </si>
  <si>
    <t>2311109.0</t>
  </si>
  <si>
    <t>3160119.0</t>
  </si>
  <si>
    <t>1107759.0</t>
  </si>
  <si>
    <t>455514708.0</t>
  </si>
  <si>
    <t>259179826.0</t>
  </si>
  <si>
    <t>208400669.0</t>
  </si>
  <si>
    <t>204053.0</t>
  </si>
  <si>
    <t>1547605.0</t>
  </si>
  <si>
    <t>3118514.0</t>
  </si>
  <si>
    <t>1090684.0</t>
  </si>
  <si>
    <t>457997291.0</t>
  </si>
  <si>
    <t>260139155.0</t>
  </si>
  <si>
    <t>210074009.0</t>
  </si>
  <si>
    <t>205975.0</t>
  </si>
  <si>
    <t>2833256.0</t>
  </si>
  <si>
    <t>3077797.0</t>
  </si>
  <si>
    <t>101.74</t>
  </si>
  <si>
    <t>1085696.0</t>
  </si>
  <si>
    <t>461255377.0</t>
  </si>
  <si>
    <t>261404903.0</t>
  </si>
  <si>
    <t>212160935.0</t>
  </si>
  <si>
    <t>208099.0</t>
  </si>
  <si>
    <t>3470334.0</t>
  </si>
  <si>
    <t>3040685.0</t>
  </si>
  <si>
    <t>102.47</t>
  </si>
  <si>
    <t>1095526.0</t>
  </si>
  <si>
    <t>464504070.0</t>
  </si>
  <si>
    <t>262682666.0</t>
  </si>
  <si>
    <t>214234668.0</t>
  </si>
  <si>
    <t>210351.0</t>
  </si>
  <si>
    <t>3585539.0</t>
  </si>
  <si>
    <t>2995512.0</t>
  </si>
  <si>
    <t>103.19</t>
  </si>
  <si>
    <t>1099664.0</t>
  </si>
  <si>
    <t>467499310.0</t>
  </si>
  <si>
    <t>263954095.0</t>
  </si>
  <si>
    <t>216055013.0</t>
  </si>
  <si>
    <t>212729.0</t>
  </si>
  <si>
    <t>3345064.0</t>
  </si>
  <si>
    <t>2921507.0</t>
  </si>
  <si>
    <t>1095056.0</t>
  </si>
  <si>
    <t>471277684.0</t>
  </si>
  <si>
    <t>265282134.0</t>
  </si>
  <si>
    <t>218671723.0</t>
  </si>
  <si>
    <t>216124.0</t>
  </si>
  <si>
    <t>2893281.0</t>
  </si>
  <si>
    <t>2855171.0</t>
  </si>
  <si>
    <t>1089382.0</t>
  </si>
  <si>
    <t>472771436.0</t>
  </si>
  <si>
    <t>265919328.0</t>
  </si>
  <si>
    <t>219570761.0</t>
  </si>
  <si>
    <t>217404.0</t>
  </si>
  <si>
    <t>2043822.0</t>
  </si>
  <si>
    <t>2816986.0</t>
  </si>
  <si>
    <t>1090720.0</t>
  </si>
  <si>
    <t>474889558.0</t>
  </si>
  <si>
    <t>266816302.0</t>
  </si>
  <si>
    <t>220886337.0</t>
  </si>
  <si>
    <t>217933.0</t>
  </si>
  <si>
    <t>1293011.0</t>
  </si>
  <si>
    <t>2780615.0</t>
  </si>
  <si>
    <t>1087371.0</t>
  </si>
  <si>
    <t>477063481.0</t>
  </si>
  <si>
    <t>267740260.0</t>
  </si>
  <si>
    <t>222254925.0</t>
  </si>
  <si>
    <t>220020.0</t>
  </si>
  <si>
    <t>2501889.0</t>
  </si>
  <si>
    <t>2733277.0</t>
  </si>
  <si>
    <t>105.98</t>
  </si>
  <si>
    <t>1082759.0</t>
  </si>
  <si>
    <t>479683808.0</t>
  </si>
  <si>
    <t>268878507.0</t>
  </si>
  <si>
    <t>223959427.0</t>
  </si>
  <si>
    <t>222519.0</t>
  </si>
  <si>
    <t>2961084.0</t>
  </si>
  <si>
    <t>2660528.0</t>
  </si>
  <si>
    <t>106.56</t>
  </si>
  <si>
    <t>1064290.0</t>
  </si>
  <si>
    <t>482372609.0</t>
  </si>
  <si>
    <t>270004670.0</t>
  </si>
  <si>
    <t>225606991.0</t>
  </si>
  <si>
    <t>224880.0</t>
  </si>
  <si>
    <t>3029558.0</t>
  </si>
  <si>
    <t>2581101.0</t>
  </si>
  <si>
    <t>107.16</t>
  </si>
  <si>
    <t>1041415.0</t>
  </si>
  <si>
    <t>484938553.0</t>
  </si>
  <si>
    <t>271101590.0</t>
  </si>
  <si>
    <t>227175577.0</t>
  </si>
  <si>
    <t>227268.0</t>
  </si>
  <si>
    <t>2906701.0</t>
  </si>
  <si>
    <t>2518478.0</t>
  </si>
  <si>
    <t>107.73</t>
  </si>
  <si>
    <t>1014460.0</t>
  </si>
  <si>
    <t>488312436.0</t>
  </si>
  <si>
    <t>272225702.0</t>
  </si>
  <si>
    <t>229591121.0</t>
  </si>
  <si>
    <t>230587.0</t>
  </si>
  <si>
    <t>2535087.0</t>
  </si>
  <si>
    <t>2467308.0</t>
  </si>
  <si>
    <t>108.48</t>
  </si>
  <si>
    <t>993035.0</t>
  </si>
  <si>
    <t>489668908.0</t>
  </si>
  <si>
    <t>272829445.0</t>
  </si>
  <si>
    <t>230404704.0</t>
  </si>
  <si>
    <t>232017.0</t>
  </si>
  <si>
    <t>1781312.0</t>
  </si>
  <si>
    <t>2429803.0</t>
  </si>
  <si>
    <t>983032.0</t>
  </si>
  <si>
    <t>491629182.0</t>
  </si>
  <si>
    <t>273567427.0</t>
  </si>
  <si>
    <t>231710724.0</t>
  </si>
  <si>
    <t>232587.0</t>
  </si>
  <si>
    <t>1198565.0</t>
  </si>
  <si>
    <t>2416314.0</t>
  </si>
  <si>
    <t>974880.0</t>
  </si>
  <si>
    <t>493579419.0</t>
  </si>
  <si>
    <t>274370128.0</t>
  </si>
  <si>
    <t>232926230.0</t>
  </si>
  <si>
    <t>234833.0</t>
  </si>
  <si>
    <t>2258416.0</t>
  </si>
  <si>
    <t>2381531.0</t>
  </si>
  <si>
    <t>109.65</t>
  </si>
  <si>
    <t>960217.0</t>
  </si>
  <si>
    <t>495950265.0</t>
  </si>
  <si>
    <t>275385467.0</t>
  </si>
  <si>
    <t>234354411.0</t>
  </si>
  <si>
    <t>237240.0</t>
  </si>
  <si>
    <t>2714035.0</t>
  </si>
  <si>
    <t>2346240.0</t>
  </si>
  <si>
    <t>110.18</t>
  </si>
  <si>
    <t>947746.0</t>
  </si>
  <si>
    <t>498418523.0</t>
  </si>
  <si>
    <t>276443380.0</t>
  </si>
  <si>
    <t>235848649.0</t>
  </si>
  <si>
    <t>239847.0</t>
  </si>
  <si>
    <t>2811447.0</t>
  </si>
  <si>
    <t>2315080.0</t>
  </si>
  <si>
    <t>943083.0</t>
  </si>
  <si>
    <t>500723959.0</t>
  </si>
  <si>
    <t>277444595.0</t>
  </si>
  <si>
    <t>237305664.0</t>
  </si>
  <si>
    <t>242509.0</t>
  </si>
  <si>
    <t>2648625.0</t>
  </si>
  <si>
    <t>2278212.0</t>
  </si>
  <si>
    <t>111.24</t>
  </si>
  <si>
    <t>934497.0</t>
  </si>
  <si>
    <t>503669383.0</t>
  </si>
  <si>
    <t>278615268.0</t>
  </si>
  <si>
    <t>239261381.0</t>
  </si>
  <si>
    <t>245811.0</t>
  </si>
  <si>
    <t>2133334.0</t>
  </si>
  <si>
    <t>2220820.0</t>
  </si>
  <si>
    <t>915233.0</t>
  </si>
  <si>
    <t>504636592.0</t>
  </si>
  <si>
    <t>279022186.0</t>
  </si>
  <si>
    <t>239863903.0</t>
  </si>
  <si>
    <t>247447.0</t>
  </si>
  <si>
    <t>1346594.0</t>
  </si>
  <si>
    <t>2158719.0</t>
  </si>
  <si>
    <t>889508.0</t>
  </si>
  <si>
    <t>506369371.0</t>
  </si>
  <si>
    <t>279697654.0</t>
  </si>
  <si>
    <t>240989483.0</t>
  </si>
  <si>
    <t>248039.0</t>
  </si>
  <si>
    <t>832430.0</t>
  </si>
  <si>
    <t>2106413.0</t>
  </si>
  <si>
    <t>873376.0</t>
  </si>
  <si>
    <t>508021258.0</t>
  </si>
  <si>
    <t>280365847.0</t>
  </si>
  <si>
    <t>242033348.0</t>
  </si>
  <si>
    <t>250636.0</t>
  </si>
  <si>
    <t>1927941.0</t>
  </si>
  <si>
    <t>2059204.0</t>
  </si>
  <si>
    <t>856579.0</t>
  </si>
  <si>
    <t>510043003.0</t>
  </si>
  <si>
    <t>281176792.0</t>
  </si>
  <si>
    <t>243320738.0</t>
  </si>
  <si>
    <t>253433.0</t>
  </si>
  <si>
    <t>2301338.0</t>
  </si>
  <si>
    <t>2000245.0</t>
  </si>
  <si>
    <t>113.31</t>
  </si>
  <si>
    <t>827045.0</t>
  </si>
  <si>
    <t>512167472.0</t>
  </si>
  <si>
    <t>282019339.0</t>
  </si>
  <si>
    <t>244690757.0</t>
  </si>
  <si>
    <t>256630.0</t>
  </si>
  <si>
    <t>2404062.0</t>
  </si>
  <si>
    <t>1942048.0</t>
  </si>
  <si>
    <t>113.78</t>
  </si>
  <si>
    <t>514099232.0</t>
  </si>
  <si>
    <t>282779667.0</t>
  </si>
  <si>
    <t>246180479.0</t>
  </si>
  <si>
    <t>260003.0</t>
  </si>
  <si>
    <t>2215494.0</t>
  </si>
  <si>
    <t>1880171.0</t>
  </si>
  <si>
    <t>114.21</t>
  </si>
  <si>
    <t>763608.0</t>
  </si>
  <si>
    <t>516447305.0</t>
  </si>
  <si>
    <t>283881723.0</t>
  </si>
  <si>
    <t>247578147.0</t>
  </si>
  <si>
    <t>263837.0</t>
  </si>
  <si>
    <t>1887478.0</t>
  </si>
  <si>
    <t>1845047.0</t>
  </si>
  <si>
    <t>746241.0</t>
  </si>
  <si>
    <t>517299296.0</t>
  </si>
  <si>
    <t>284216826.0</t>
  </si>
  <si>
    <t>248120719.0</t>
  </si>
  <si>
    <t>265484.0</t>
  </si>
  <si>
    <t>1268993.0</t>
  </si>
  <si>
    <t>1833963.0</t>
  </si>
  <si>
    <t>736117.0</t>
  </si>
  <si>
    <t>519105375.0</t>
  </si>
  <si>
    <t>284840511.0</t>
  </si>
  <si>
    <t>249408045.0</t>
  </si>
  <si>
    <t>266203.0</t>
  </si>
  <si>
    <t>845952.0</t>
  </si>
  <si>
    <t>1835894.0</t>
  </si>
  <si>
    <t>733612.0</t>
  </si>
  <si>
    <t>520746114.0</t>
  </si>
  <si>
    <t>285470309.0</t>
  </si>
  <si>
    <t>250468963.0</t>
  </si>
  <si>
    <t>269040.0</t>
  </si>
  <si>
    <t>1925146.0</t>
  </si>
  <si>
    <t>1835495.0</t>
  </si>
  <si>
    <t>115.68</t>
  </si>
  <si>
    <t>728463.0</t>
  </si>
  <si>
    <t>522617651.0</t>
  </si>
  <si>
    <t>286163185.0</t>
  </si>
  <si>
    <t>251718236.0</t>
  </si>
  <si>
    <t>272707.0</t>
  </si>
  <si>
    <t>2063516.0</t>
  </si>
  <si>
    <t>1801521.0</t>
  </si>
  <si>
    <t>705260.0</t>
  </si>
  <si>
    <t>524424802.0</t>
  </si>
  <si>
    <t>286853115.0</t>
  </si>
  <si>
    <t>252932032.0</t>
  </si>
  <si>
    <t>277388.0</t>
  </si>
  <si>
    <t>2122080.0</t>
  </si>
  <si>
    <t>1761237.0</t>
  </si>
  <si>
    <t>684767.0</t>
  </si>
  <si>
    <t>526249880.0</t>
  </si>
  <si>
    <t>287566155.0</t>
  </si>
  <si>
    <t>254124761.0</t>
  </si>
  <si>
    <t>282618.0</t>
  </si>
  <si>
    <t>1970643.0</t>
  </si>
  <si>
    <t>1726258.0</t>
  </si>
  <si>
    <t>116.91</t>
  </si>
  <si>
    <t>667429.0</t>
  </si>
  <si>
    <t>528356926.0</t>
  </si>
  <si>
    <t>288484489.0</t>
  </si>
  <si>
    <t>255392496.0</t>
  </si>
  <si>
    <t>288609.0</t>
  </si>
  <si>
    <t>1782880.0</t>
  </si>
  <si>
    <t>1711318.0</t>
  </si>
  <si>
    <t>653501.0</t>
  </si>
  <si>
    <t>529252676.0</t>
  </si>
  <si>
    <t>288829017.0</t>
  </si>
  <si>
    <t>255968141.0</t>
  </si>
  <si>
    <t>291466.0</t>
  </si>
  <si>
    <t>1259066.0</t>
  </si>
  <si>
    <t>1709898.0</t>
  </si>
  <si>
    <t>644916.0</t>
  </si>
  <si>
    <t>530870609.0</t>
  </si>
  <si>
    <t>289278518.0</t>
  </si>
  <si>
    <t>257210841.0</t>
  </si>
  <si>
    <t>293023.0</t>
  </si>
  <si>
    <t>799777.0</t>
  </si>
  <si>
    <t>1703302.0</t>
  </si>
  <si>
    <t>117.93</t>
  </si>
  <si>
    <t>635905.0</t>
  </si>
  <si>
    <t>532338539.0</t>
  </si>
  <si>
    <t>289853123.0</t>
  </si>
  <si>
    <t>258199126.0</t>
  </si>
  <si>
    <t>299486.0</t>
  </si>
  <si>
    <t>1667264.0</t>
  </si>
  <si>
    <t>1666461.0</t>
  </si>
  <si>
    <t>118.26</t>
  </si>
  <si>
    <t>615963.0</t>
  </si>
  <si>
    <t>534128640.0</t>
  </si>
  <si>
    <t>290485143.0</t>
  </si>
  <si>
    <t>259421994.0</t>
  </si>
  <si>
    <t>634622.0</t>
  </si>
  <si>
    <t>2006052.0</t>
  </si>
  <si>
    <t>1658253.0</t>
  </si>
  <si>
    <t>605998.0</t>
  </si>
  <si>
    <t>535780837.0</t>
  </si>
  <si>
    <t>291087412.0</t>
  </si>
  <si>
    <t>260492154.0</t>
  </si>
  <si>
    <t>701424.0</t>
  </si>
  <si>
    <t>1850104.0</t>
  </si>
  <si>
    <t>1619401.0</t>
  </si>
  <si>
    <t>119.02</t>
  </si>
  <si>
    <t>582274.0</t>
  </si>
  <si>
    <t>537305221.0</t>
  </si>
  <si>
    <t>291652507.0</t>
  </si>
  <si>
    <t>261498341.0</t>
  </si>
  <si>
    <t>785013.0</t>
  </si>
  <si>
    <t>1731313.0</t>
  </si>
  <si>
    <t>1585209.0</t>
  </si>
  <si>
    <t>119.36</t>
  </si>
  <si>
    <t>562009.0</t>
  </si>
  <si>
    <t>539138142.0</t>
  </si>
  <si>
    <t>292296363.0</t>
  </si>
  <si>
    <t>262689933.0</t>
  </si>
  <si>
    <t>832989.0</t>
  </si>
  <si>
    <t>1548573.0</t>
  </si>
  <si>
    <t>1551737.0</t>
  </si>
  <si>
    <t>547220.0</t>
  </si>
  <si>
    <t>539946727.0</t>
  </si>
  <si>
    <t>292612363.0</t>
  </si>
  <si>
    <t>263185987.0</t>
  </si>
  <si>
    <t>851428.0</t>
  </si>
  <si>
    <t>1133712.0</t>
  </si>
  <si>
    <t>1533830.0</t>
  </si>
  <si>
    <t>119.95</t>
  </si>
  <si>
    <t>541141.0</t>
  </si>
  <si>
    <t>541326017.0</t>
  </si>
  <si>
    <t>293014936.0</t>
  </si>
  <si>
    <t>264246558.0</t>
  </si>
  <si>
    <t>884154.0</t>
  </si>
  <si>
    <t>655380.0</t>
  </si>
  <si>
    <t>1513201.0</t>
  </si>
  <si>
    <t>120.26</t>
  </si>
  <si>
    <t>534212.0</t>
  </si>
  <si>
    <t>542408339.0</t>
  </si>
  <si>
    <t>293410290.0</t>
  </si>
  <si>
    <t>264937896.0</t>
  </si>
  <si>
    <t>947084.0</t>
  </si>
  <si>
    <t>1248695.0</t>
  </si>
  <si>
    <t>1453405.0</t>
  </si>
  <si>
    <t>509713.0</t>
  </si>
  <si>
    <t>543825872.0</t>
  </si>
  <si>
    <t>293894566.0</t>
  </si>
  <si>
    <t>265872199.0</t>
  </si>
  <si>
    <t>1028084.0</t>
  </si>
  <si>
    <t>1597874.0</t>
  </si>
  <si>
    <t>1395092.0</t>
  </si>
  <si>
    <t>486569.0</t>
  </si>
  <si>
    <t>545138821.0</t>
  </si>
  <si>
    <t>294359806.0</t>
  </si>
  <si>
    <t>266702729.0</t>
  </si>
  <si>
    <t>1115299.0</t>
  </si>
  <si>
    <t>1476005.0</t>
  </si>
  <si>
    <t>1341653.0</t>
  </si>
  <si>
    <t>465024.0</t>
  </si>
  <si>
    <t>546327630.0</t>
  </si>
  <si>
    <t>294771544.0</t>
  </si>
  <si>
    <t>267462077.0</t>
  </si>
  <si>
    <t>1206989.0</t>
  </si>
  <si>
    <t>1413006.0</t>
  </si>
  <si>
    <t>1296177.0</t>
  </si>
  <si>
    <t>444886.0</t>
  </si>
  <si>
    <t>547936626.0</t>
  </si>
  <si>
    <t>295287598.0</t>
  </si>
  <si>
    <t>268532721.0</t>
  </si>
  <si>
    <t>1270480.0</t>
  </si>
  <si>
    <t>1320776.0</t>
  </si>
  <si>
    <t>1263636.0</t>
  </si>
  <si>
    <t>121.72</t>
  </si>
  <si>
    <t>430077.0</t>
  </si>
  <si>
    <t>548651830.0</t>
  </si>
  <si>
    <t>295551152.0</t>
  </si>
  <si>
    <t>268981685.0</t>
  </si>
  <si>
    <t>1292390.0</t>
  </si>
  <si>
    <t>971219.0</t>
  </si>
  <si>
    <t>121.88</t>
  </si>
  <si>
    <t>419736.0</t>
  </si>
  <si>
    <t>549747167.0</t>
  </si>
  <si>
    <t>295859114.0</t>
  </si>
  <si>
    <t>269820445.0</t>
  </si>
  <si>
    <t>1326716.0</t>
  </si>
  <si>
    <t>549577.0</t>
  </si>
  <si>
    <t>1225308.0</t>
  </si>
  <si>
    <t>412741.0</t>
  </si>
  <si>
    <t>550672284.0</t>
  </si>
  <si>
    <t>296150968.0</t>
  </si>
  <si>
    <t>270410239.0</t>
  </si>
  <si>
    <t>1410108.0</t>
  </si>
  <si>
    <t>1100686.0</t>
  </si>
  <si>
    <t>1204163.0</t>
  </si>
  <si>
    <t>122.33</t>
  </si>
  <si>
    <t>400256.0</t>
  </si>
  <si>
    <t>551853874.0</t>
  </si>
  <si>
    <t>296567743.0</t>
  </si>
  <si>
    <t>271123975.0</t>
  </si>
  <si>
    <t>1533794.0</t>
  </si>
  <si>
    <t>1304831.0</t>
  </si>
  <si>
    <t>1162303.0</t>
  </si>
  <si>
    <t>122.59</t>
  </si>
  <si>
    <t>387731.0</t>
  </si>
  <si>
    <t>553036972.0</t>
  </si>
  <si>
    <t>296964511.0</t>
  </si>
  <si>
    <t>271842752.0</t>
  </si>
  <si>
    <t>1675172.0</t>
  </si>
  <si>
    <t>1333269.0</t>
  </si>
  <si>
    <t>1141910.0</t>
  </si>
  <si>
    <t>122.86</t>
  </si>
  <si>
    <t>378405.0</t>
  </si>
  <si>
    <t>554140328.0</t>
  </si>
  <si>
    <t>297350388.0</t>
  </si>
  <si>
    <t>272479505.0</t>
  </si>
  <si>
    <t>1818212.0</t>
  </si>
  <si>
    <t>1253527.0</t>
  </si>
  <si>
    <t>1119125.0</t>
  </si>
  <si>
    <t>370768.0</t>
  </si>
  <si>
    <t>555571143.0</t>
  </si>
  <si>
    <t>297815388.0</t>
  </si>
  <si>
    <t>273375312.0</t>
  </si>
  <si>
    <t>1924335.0</t>
  </si>
  <si>
    <t>1241240.0</t>
  </si>
  <si>
    <t>1107763.0</t>
  </si>
  <si>
    <t>366759.0</t>
  </si>
  <si>
    <t>556221715.0</t>
  </si>
  <si>
    <t>298047441.0</t>
  </si>
  <si>
    <t>273769734.0</t>
  </si>
  <si>
    <t>1960000.0</t>
  </si>
  <si>
    <t>905486.0</t>
  </si>
  <si>
    <t>1098372.0</t>
  </si>
  <si>
    <t>123.56</t>
  </si>
  <si>
    <t>363381.0</t>
  </si>
  <si>
    <t>557276710.0</t>
  </si>
  <si>
    <t>298360203.0</t>
  </si>
  <si>
    <t>274584680.0</t>
  </si>
  <si>
    <t>1992723.0</t>
  </si>
  <si>
    <t>518614.0</t>
  </si>
  <si>
    <t>1093951.0</t>
  </si>
  <si>
    <t>363529.0</t>
  </si>
  <si>
    <t>558043262.0</t>
  </si>
  <si>
    <t>298607687.0</t>
  </si>
  <si>
    <t>275033220.0</t>
  </si>
  <si>
    <t>2105697.0</t>
  </si>
  <si>
    <t>947403.0</t>
  </si>
  <si>
    <t>1072051.0</t>
  </si>
  <si>
    <t>357191.0</t>
  </si>
  <si>
    <t>559090567.0</t>
  </si>
  <si>
    <t>298952745.0</t>
  </si>
  <si>
    <t>275643424.0</t>
  </si>
  <si>
    <t>2265537.0</t>
  </si>
  <si>
    <t>1093985.0</t>
  </si>
  <si>
    <t>1041931.0</t>
  </si>
  <si>
    <t>345381.0</t>
  </si>
  <si>
    <t>560217204.0</t>
  </si>
  <si>
    <t>299324125.0</t>
  </si>
  <si>
    <t>276295989.0</t>
  </si>
  <si>
    <t>2442263.0</t>
  </si>
  <si>
    <t>1244044.0</t>
  </si>
  <si>
    <t>1029185.0</t>
  </si>
  <si>
    <t>341059.0</t>
  </si>
  <si>
    <t>561228551.0</t>
  </si>
  <si>
    <t>299680415.0</t>
  </si>
  <si>
    <t>276861462.0</t>
  </si>
  <si>
    <t>2612766.0</t>
  </si>
  <si>
    <t>1128754.0</t>
  </si>
  <si>
    <t>1011358.0</t>
  </si>
  <si>
    <t>336133.0</t>
  </si>
  <si>
    <t>562422972.0</t>
  </si>
  <si>
    <t>300102436.0</t>
  </si>
  <si>
    <t>277551731.0</t>
  </si>
  <si>
    <t>2736476.0</t>
  </si>
  <si>
    <t>1084702.0</t>
  </si>
  <si>
    <t>989002.0</t>
  </si>
  <si>
    <t>124.94</t>
  </si>
  <si>
    <t>329689.0</t>
  </si>
  <si>
    <t>563032225.0</t>
  </si>
  <si>
    <t>300311735.0</t>
  </si>
  <si>
    <t>277923118.0</t>
  </si>
  <si>
    <t>2787694.0</t>
  </si>
  <si>
    <t>760623.0</t>
  </si>
  <si>
    <t>968301.0</t>
  </si>
  <si>
    <t>125.08</t>
  </si>
  <si>
    <t>321957.0</t>
  </si>
  <si>
    <t>563777742.0</t>
  </si>
  <si>
    <t>300536924.0</t>
  </si>
  <si>
    <t>278464890.0</t>
  </si>
  <si>
    <t>2839986.0</t>
  </si>
  <si>
    <t>399966.0</t>
  </si>
  <si>
    <t>951351.0</t>
  </si>
  <si>
    <t>125.24</t>
  </si>
  <si>
    <t>317702.0</t>
  </si>
  <si>
    <t>564524262.0</t>
  </si>
  <si>
    <t>300788316.0</t>
  </si>
  <si>
    <t>278893305.0</t>
  </si>
  <si>
    <t>2955015.0</t>
  </si>
  <si>
    <t>835655.0</t>
  </si>
  <si>
    <t>935392.0</t>
  </si>
  <si>
    <t>313931.0</t>
  </si>
  <si>
    <t>568283319.0</t>
  </si>
  <si>
    <t>301087483.0</t>
  </si>
  <si>
    <t>279344617.0</t>
  </si>
  <si>
    <t>3118244.0</t>
  </si>
  <si>
    <t>1004275.0</t>
  </si>
  <si>
    <t>922573.0</t>
  </si>
  <si>
    <t>126.24</t>
  </si>
  <si>
    <t>310607.0</t>
  </si>
  <si>
    <t>569263173.0</t>
  </si>
  <si>
    <t>301380673.0</t>
  </si>
  <si>
    <t>279843077.0</t>
  </si>
  <si>
    <t>3304349.0</t>
  </si>
  <si>
    <t>1074204.0</t>
  </si>
  <si>
    <t>898312.0</t>
  </si>
  <si>
    <t>126.46</t>
  </si>
  <si>
    <t>299640.0</t>
  </si>
  <si>
    <t>570152142.0</t>
  </si>
  <si>
    <t>301650363.0</t>
  </si>
  <si>
    <t>280284069.0</t>
  </si>
  <si>
    <t>3485646.0</t>
  </si>
  <si>
    <t>885614.0</t>
  </si>
  <si>
    <t>289873.0</t>
  </si>
  <si>
    <t>571189213.0</t>
  </si>
  <si>
    <t>301982390.0</t>
  </si>
  <si>
    <t>280833253.0</t>
  </si>
  <si>
    <t>3628550.0</t>
  </si>
  <si>
    <t>920486.0</t>
  </si>
  <si>
    <t>277119.0</t>
  </si>
  <si>
    <t>571678328.0</t>
  </si>
  <si>
    <t>302138540.0</t>
  </si>
  <si>
    <t>281073193.0</t>
  </si>
  <si>
    <t>3704278.0</t>
  </si>
  <si>
    <t>603248.0</t>
  </si>
  <si>
    <t>839675.0</t>
  </si>
  <si>
    <t>268196.0</t>
  </si>
  <si>
    <t>572318102.0</t>
  </si>
  <si>
    <t>302623181.0</t>
  </si>
  <si>
    <t>281504934.0</t>
  </si>
  <si>
    <t>3742861.0</t>
  </si>
  <si>
    <t>336362.0</t>
  </si>
  <si>
    <t>830590.0</t>
  </si>
  <si>
    <t>127.14</t>
  </si>
  <si>
    <t>263801.0</t>
  </si>
  <si>
    <t>573232569.0</t>
  </si>
  <si>
    <t>302800902.0</t>
  </si>
  <si>
    <t>281804816.0</t>
  </si>
  <si>
    <t>3923053.0</t>
  </si>
  <si>
    <t>1001025.0</t>
  </si>
  <si>
    <t>854213.0</t>
  </si>
  <si>
    <t>127.34</t>
  </si>
  <si>
    <t>253578.0</t>
  </si>
  <si>
    <t>574301229.0</t>
  </si>
  <si>
    <t>303005204.0</t>
  </si>
  <si>
    <t>282163592.0</t>
  </si>
  <si>
    <t>4412604.0</t>
  </si>
  <si>
    <t>1199351.0</t>
  </si>
  <si>
    <t>882077.0</t>
  </si>
  <si>
    <t>127.58</t>
  </si>
  <si>
    <t>241275.0</t>
  </si>
  <si>
    <t>575175768.0</t>
  </si>
  <si>
    <t>303225318.0</t>
  </si>
  <si>
    <t>282529848.0</t>
  </si>
  <si>
    <t>4694463.0</t>
  </si>
  <si>
    <t>1012078.0</t>
  </si>
  <si>
    <t>873202.0</t>
  </si>
  <si>
    <t>232257.0</t>
  </si>
  <si>
    <t>576035803.0</t>
  </si>
  <si>
    <t>303438939.0</t>
  </si>
  <si>
    <t>282893270.0</t>
  </si>
  <si>
    <t>4975621.0</t>
  </si>
  <si>
    <t>991900.0</t>
  </si>
  <si>
    <t>866347.0</t>
  </si>
  <si>
    <t>127.97</t>
  </si>
  <si>
    <t>223190.0</t>
  </si>
  <si>
    <t>577013978.0</t>
  </si>
  <si>
    <t>303702836.0</t>
  </si>
  <si>
    <t>283336126.0</t>
  </si>
  <si>
    <t>5203630.0</t>
  </si>
  <si>
    <t>977962.0</t>
  </si>
  <si>
    <t>874562.0</t>
  </si>
  <si>
    <t>219860.0</t>
  </si>
  <si>
    <t>577496486.0</t>
  </si>
  <si>
    <t>303856115.0</t>
  </si>
  <si>
    <t>283548663.0</t>
  </si>
  <si>
    <t>5297980.0</t>
  </si>
  <si>
    <t>656611.0</t>
  </si>
  <si>
    <t>882182.0</t>
  </si>
  <si>
    <t>219013.0</t>
  </si>
  <si>
    <t>578107413.0</t>
  </si>
  <si>
    <t>303998733.0</t>
  </si>
  <si>
    <t>283896159.0</t>
  </si>
  <si>
    <t>5417287.0</t>
  </si>
  <si>
    <t>353220.0</t>
  </si>
  <si>
    <t>884592.0</t>
  </si>
  <si>
    <t>128.43</t>
  </si>
  <si>
    <t>215885.0</t>
  </si>
  <si>
    <t>578716783.0</t>
  </si>
  <si>
    <t>304153706.0</t>
  </si>
  <si>
    <t>284242346.0</t>
  </si>
  <si>
    <t>5616073.0</t>
  </si>
  <si>
    <t>775129.0</t>
  </si>
  <si>
    <t>852322.0</t>
  </si>
  <si>
    <t>128.56</t>
  </si>
  <si>
    <t>216730.0</t>
  </si>
  <si>
    <t>579921549.0</t>
  </si>
  <si>
    <t>304445139.0</t>
  </si>
  <si>
    <t>284682104.0</t>
  </si>
  <si>
    <t>5899241.0</t>
  </si>
  <si>
    <t>956690.0</t>
  </si>
  <si>
    <t>817652.0</t>
  </si>
  <si>
    <t>580849517.0</t>
  </si>
  <si>
    <t>304680035.0</t>
  </si>
  <si>
    <t>285044461.0</t>
  </si>
  <si>
    <t>6226730.0</t>
  </si>
  <si>
    <t>1030705.0</t>
  </si>
  <si>
    <t>820317.0</t>
  </si>
  <si>
    <t>217599.0</t>
  </si>
  <si>
    <t>581773602.0</t>
  </si>
  <si>
    <t>304924092.0</t>
  </si>
  <si>
    <t>285406708.0</t>
  </si>
  <si>
    <t>6548315.0</t>
  </si>
  <si>
    <t>1122115.0</t>
  </si>
  <si>
    <t>838919.0</t>
  </si>
  <si>
    <t>224069.0</t>
  </si>
  <si>
    <t>583001766.0</t>
  </si>
  <si>
    <t>305236049.0</t>
  </si>
  <si>
    <t>285889455.0</t>
  </si>
  <si>
    <t>6857146.0</t>
  </si>
  <si>
    <t>1063949.0</t>
  </si>
  <si>
    <t>851201.0</t>
  </si>
  <si>
    <t>227696.0</t>
  </si>
  <si>
    <t>583516219.0</t>
  </si>
  <si>
    <t>305384567.0</t>
  </si>
  <si>
    <t>286101462.0</t>
  </si>
  <si>
    <t>6970128.0</t>
  </si>
  <si>
    <t>649566.0</t>
  </si>
  <si>
    <t>850197.0</t>
  </si>
  <si>
    <t>228492.0</t>
  </si>
  <si>
    <t>584174243.0</t>
  </si>
  <si>
    <t>305575538.0</t>
  </si>
  <si>
    <t>286411557.0</t>
  </si>
  <si>
    <t>7080321.0</t>
  </si>
  <si>
    <t>342144.0</t>
  </si>
  <si>
    <t>848613.0</t>
  </si>
  <si>
    <t>228715.0</t>
  </si>
  <si>
    <t>585200941.0</t>
  </si>
  <si>
    <t>305732604.0</t>
  </si>
  <si>
    <t>286660137.0</t>
  </si>
  <si>
    <t>7321863.0</t>
  </si>
  <si>
    <t>813287.0</t>
  </si>
  <si>
    <t>854066.0</t>
  </si>
  <si>
    <t>228263.0</t>
  </si>
  <si>
    <t>586112084.0</t>
  </si>
  <si>
    <t>305934531.0</t>
  </si>
  <si>
    <t>286989627.0</t>
  </si>
  <si>
    <t>7655762.0</t>
  </si>
  <si>
    <t>972891.0</t>
  </si>
  <si>
    <t>856379.0</t>
  </si>
  <si>
    <t>224986.0</t>
  </si>
  <si>
    <t>587195366.0</t>
  </si>
  <si>
    <t>306158106.0</t>
  </si>
  <si>
    <t>287382034.0</t>
  </si>
  <si>
    <t>8100168.0</t>
  </si>
  <si>
    <t>1194519.0</t>
  </si>
  <si>
    <t>879783.0</t>
  </si>
  <si>
    <t>223418.0</t>
  </si>
  <si>
    <t>588207031.0</t>
  </si>
  <si>
    <t>306362424.0</t>
  </si>
  <si>
    <t>287740097.0</t>
  </si>
  <si>
    <t>8487379.0</t>
  </si>
  <si>
    <t>1124117.0</t>
  </si>
  <si>
    <t>214538.0</t>
  </si>
  <si>
    <t>589363177.0</t>
  </si>
  <si>
    <t>306584562.0</t>
  </si>
  <si>
    <t>288133587.0</t>
  </si>
  <si>
    <t>8955024.0</t>
  </si>
  <si>
    <t>1080927.0</t>
  </si>
  <si>
    <t>882492.0</t>
  </si>
  <si>
    <t>130.93</t>
  </si>
  <si>
    <t>207770.0</t>
  </si>
  <si>
    <t>589992985.0</t>
  </si>
  <si>
    <t>306722775.0</t>
  </si>
  <si>
    <t>288374076.0</t>
  </si>
  <si>
    <t>9110718.0</t>
  </si>
  <si>
    <t>713256.0</t>
  </si>
  <si>
    <t>891593.0</t>
  </si>
  <si>
    <t>131.07</t>
  </si>
  <si>
    <t>204354.0</t>
  </si>
  <si>
    <t>590798190.0</t>
  </si>
  <si>
    <t>307027874.0</t>
  </si>
  <si>
    <t>288651904.0</t>
  </si>
  <si>
    <t>9234749.0</t>
  </si>
  <si>
    <t>374539.0</t>
  </si>
  <si>
    <t>896218.0</t>
  </si>
  <si>
    <t>202131.0</t>
  </si>
  <si>
    <t>591596954.0</t>
  </si>
  <si>
    <t>307181887.0</t>
  </si>
  <si>
    <t>288928303.0</t>
  </si>
  <si>
    <t>10375674.0</t>
  </si>
  <si>
    <t>909008.0</t>
  </si>
  <si>
    <t>909893.0</t>
  </si>
  <si>
    <t>200586.0</t>
  </si>
  <si>
    <t>592678392.0</t>
  </si>
  <si>
    <t>307385462.0</t>
  </si>
  <si>
    <t>289291541.0</t>
  </si>
  <si>
    <t>10850242.0</t>
  </si>
  <si>
    <t>1199450.0</t>
  </si>
  <si>
    <t>942260.0</t>
  </si>
  <si>
    <t>131.66</t>
  </si>
  <si>
    <t>203435.0</t>
  </si>
  <si>
    <t>594099645.0</t>
  </si>
  <si>
    <t>307574265.0</t>
  </si>
  <si>
    <t>289637835.0</t>
  </si>
  <si>
    <t>11688915.0</t>
  </si>
  <si>
    <t>1623157.0</t>
  </si>
  <si>
    <t>1003495.0</t>
  </si>
  <si>
    <t>202738.0</t>
  </si>
  <si>
    <t>595355536.0</t>
  </si>
  <si>
    <t>307791564.0</t>
  </si>
  <si>
    <t>290016185.0</t>
  </si>
  <si>
    <t>12335820.0</t>
  </si>
  <si>
    <t>1286473.0</t>
  </si>
  <si>
    <t>1026687.0</t>
  </si>
  <si>
    <t>201819.0</t>
  </si>
  <si>
    <t>596619930.0</t>
  </si>
  <si>
    <t>308037710.0</t>
  </si>
  <si>
    <t>290410229.0</t>
  </si>
  <si>
    <t>12916019.0</t>
  </si>
  <si>
    <t>1180069.0</t>
  </si>
  <si>
    <t>1040850.0</t>
  </si>
  <si>
    <t>201483.0</t>
  </si>
  <si>
    <t>597221175.0</t>
  </si>
  <si>
    <t>308132866.0</t>
  </si>
  <si>
    <t>290585303.0</t>
  </si>
  <si>
    <t>13202647.0</t>
  </si>
  <si>
    <t>677786.0</t>
  </si>
  <si>
    <t>1035785.0</t>
  </si>
  <si>
    <t>198716.0</t>
  </si>
  <si>
    <t>597994557.0</t>
  </si>
  <si>
    <t>308285816.0</t>
  </si>
  <si>
    <t>290821760.0</t>
  </si>
  <si>
    <t>13367924.0</t>
  </si>
  <si>
    <t>373945.0</t>
  </si>
  <si>
    <t>1035699.0</t>
  </si>
  <si>
    <t>199675.0</t>
  </si>
  <si>
    <t>598337788.0</t>
  </si>
  <si>
    <t>308349863.0</t>
  </si>
  <si>
    <t>290933288.0</t>
  </si>
  <si>
    <t>13494439.0</t>
  </si>
  <si>
    <t>498033.0</t>
  </si>
  <si>
    <t>976991.0</t>
  </si>
  <si>
    <t>187217.0</t>
  </si>
  <si>
    <t>599443564.0</t>
  </si>
  <si>
    <t>308540813.0</t>
  </si>
  <si>
    <t>291247923.0</t>
  </si>
  <si>
    <t>14096953.0</t>
  </si>
  <si>
    <t>1085084.0</t>
  </si>
  <si>
    <t>960648.0</t>
  </si>
  <si>
    <t>182300.0</t>
  </si>
  <si>
    <t>600793115.0</t>
  </si>
  <si>
    <t>308753360.0</t>
  </si>
  <si>
    <t>291572200.0</t>
  </si>
  <si>
    <t>14912321.0</t>
  </si>
  <si>
    <t>1447027.0</t>
  </si>
  <si>
    <t>935489.0</t>
  </si>
  <si>
    <t>181257.0</t>
  </si>
  <si>
    <t>602157248.0</t>
  </si>
  <si>
    <t>308970663.0</t>
  </si>
  <si>
    <t>291892199.0</t>
  </si>
  <si>
    <t>15755019.0</t>
  </si>
  <si>
    <t>1461609.0</t>
  </si>
  <si>
    <t>960508.0</t>
  </si>
  <si>
    <t>183817.0</t>
  </si>
  <si>
    <t>603625008.0</t>
  </si>
  <si>
    <t>309266292.0</t>
  </si>
  <si>
    <t>292259637.0</t>
  </si>
  <si>
    <t>16533166.0</t>
  </si>
  <si>
    <t>1381629.0</t>
  </si>
  <si>
    <t>989302.0</t>
  </si>
  <si>
    <t>187563.0</t>
  </si>
  <si>
    <t>604266456.0</t>
  </si>
  <si>
    <t>309400976.0</t>
  </si>
  <si>
    <t>292438484.0</t>
  </si>
  <si>
    <t>16829051.0</t>
  </si>
  <si>
    <t>820185.0</t>
  </si>
  <si>
    <t>1009646.0</t>
  </si>
  <si>
    <t>191550.0</t>
  </si>
  <si>
    <t>604929291.0</t>
  </si>
  <si>
    <t>309496658.0</t>
  </si>
  <si>
    <t>292623380.0</t>
  </si>
  <si>
    <t>17171784.0</t>
  </si>
  <si>
    <t>426468.0</t>
  </si>
  <si>
    <t>1017150.0</t>
  </si>
  <si>
    <t>134.38</t>
  </si>
  <si>
    <t>191728.0</t>
  </si>
  <si>
    <t>606093787.0</t>
  </si>
  <si>
    <t>309651243.0</t>
  </si>
  <si>
    <t>292842471.0</t>
  </si>
  <si>
    <t>17752517.0</t>
  </si>
  <si>
    <t>1265551.0</t>
  </si>
  <si>
    <t>1126795.0</t>
  </si>
  <si>
    <t>134.64</t>
  </si>
  <si>
    <t>206364.0</t>
  </si>
  <si>
    <t>607786775.0</t>
  </si>
  <si>
    <t>309901119.0</t>
  </si>
  <si>
    <t>293148806.0</t>
  </si>
  <si>
    <t>18900555.0</t>
  </si>
  <si>
    <t>1640330.0</t>
  </si>
  <si>
    <t>1206113.0</t>
  </si>
  <si>
    <t>213704.0</t>
  </si>
  <si>
    <t>609383945.0</t>
  </si>
  <si>
    <t>310128177.0</t>
  </si>
  <si>
    <t>293444786.0</t>
  </si>
  <si>
    <t>19989936.0</t>
  </si>
  <si>
    <t>1812624.0</t>
  </si>
  <si>
    <t>1258346.0</t>
  </si>
  <si>
    <t>135.37</t>
  </si>
  <si>
    <t>218839.0</t>
  </si>
  <si>
    <t>610922762.0</t>
  </si>
  <si>
    <t>310352581.0</t>
  </si>
  <si>
    <t>293733454.0</t>
  </si>
  <si>
    <t>21056528.0</t>
  </si>
  <si>
    <t>1639827.0</t>
  </si>
  <si>
    <t>1283804.0</t>
  </si>
  <si>
    <t>219969.0</t>
  </si>
  <si>
    <t>612725919.0</t>
  </si>
  <si>
    <t>310679577.0</t>
  </si>
  <si>
    <t>294113741.0</t>
  </si>
  <si>
    <t>22117597.0</t>
  </si>
  <si>
    <t>1686582.0</t>
  </si>
  <si>
    <t>1327366.0</t>
  </si>
  <si>
    <t>222810.0</t>
  </si>
  <si>
    <t>613479342.0</t>
  </si>
  <si>
    <t>310821019.0</t>
  </si>
  <si>
    <t>294300688.0</t>
  </si>
  <si>
    <t>22502810.0</t>
  </si>
  <si>
    <t>1020448.0</t>
  </si>
  <si>
    <t>1355977.0</t>
  </si>
  <si>
    <t>225243.0</t>
  </si>
  <si>
    <t>614487030.0</t>
  </si>
  <si>
    <t>311221360.0</t>
  </si>
  <si>
    <t>294526645.0</t>
  </si>
  <si>
    <t>22983956.0</t>
  </si>
  <si>
    <t>1377153.0</t>
  </si>
  <si>
    <t>226900.0</t>
  </si>
  <si>
    <t>616055248.0</t>
  </si>
  <si>
    <t>311390214.0</t>
  </si>
  <si>
    <t>294771955.0</t>
  </si>
  <si>
    <t>23877155.0</t>
  </si>
  <si>
    <t>1481792.0</t>
  </si>
  <si>
    <t>1408047.0</t>
  </si>
  <si>
    <t>69.18</t>
  </si>
  <si>
    <t>227582.0</t>
  </si>
  <si>
    <t>617872004.0</t>
  </si>
  <si>
    <t>311647386.0</t>
  </si>
  <si>
    <t>295090797.0</t>
  </si>
  <si>
    <t>25133605.0</t>
  </si>
  <si>
    <t>1971823.0</t>
  </si>
  <si>
    <t>1455402.0</t>
  </si>
  <si>
    <t>229034.0</t>
  </si>
  <si>
    <t>619969855.0</t>
  </si>
  <si>
    <t>311905835.0</t>
  </si>
  <si>
    <t>295414047.0</t>
  </si>
  <si>
    <t>26679335.0</t>
  </si>
  <si>
    <t>2285774.0</t>
  </si>
  <si>
    <t>1522994.0</t>
  </si>
  <si>
    <t>137.73</t>
  </si>
  <si>
    <t>229855.0</t>
  </si>
  <si>
    <t>621990151.0</t>
  </si>
  <si>
    <t>312154633.0</t>
  </si>
  <si>
    <t>295722053.0</t>
  </si>
  <si>
    <t>28173718.0</t>
  </si>
  <si>
    <t>2200040.0</t>
  </si>
  <si>
    <t>1603024.0</t>
  </si>
  <si>
    <t>232466.0</t>
  </si>
  <si>
    <t>624265006.0</t>
  </si>
  <si>
    <t>312478097.0</t>
  </si>
  <si>
    <t>296089787.0</t>
  </si>
  <si>
    <t>29725453.0</t>
  </si>
  <si>
    <t>2166406.0</t>
  </si>
  <si>
    <t>1671571.0</t>
  </si>
  <si>
    <t>138.68</t>
  </si>
  <si>
    <t>235140.0</t>
  </si>
  <si>
    <t>625330668.0</t>
  </si>
  <si>
    <t>312660934.0</t>
  </si>
  <si>
    <t>296275432.0</t>
  </si>
  <si>
    <t>30389907.0</t>
  </si>
  <si>
    <t>1402704.0</t>
  </si>
  <si>
    <t>1726176.0</t>
  </si>
  <si>
    <t>239224.0</t>
  </si>
  <si>
    <t>626521541.0</t>
  </si>
  <si>
    <t>312810258.0</t>
  </si>
  <si>
    <t>296479363.0</t>
  </si>
  <si>
    <t>30990116.0</t>
  </si>
  <si>
    <t>711900.0</t>
  </si>
  <si>
    <t>1745777.0</t>
  </si>
  <si>
    <t>139.18</t>
  </si>
  <si>
    <t>238366.0</t>
  </si>
  <si>
    <t>628546930.0</t>
  </si>
  <si>
    <t>313041715.0</t>
  </si>
  <si>
    <t>296693618.0</t>
  </si>
  <si>
    <t>32310011.0</t>
  </si>
  <si>
    <t>1904518.0</t>
  </si>
  <si>
    <t>1806164.0</t>
  </si>
  <si>
    <t>244843.0</t>
  </si>
  <si>
    <t>630929230.0</t>
  </si>
  <si>
    <t>313349030.0</t>
  </si>
  <si>
    <t>296983796.0</t>
  </si>
  <si>
    <t>34191633.0</t>
  </si>
  <si>
    <t>2658592.0</t>
  </si>
  <si>
    <t>1904275.0</t>
  </si>
  <si>
    <t>140.16</t>
  </si>
  <si>
    <t>253473.0</t>
  </si>
  <si>
    <t>633410833.0</t>
  </si>
  <si>
    <t>313661349.0</t>
  </si>
  <si>
    <t>297286726.0</t>
  </si>
  <si>
    <t>36152789.0</t>
  </si>
  <si>
    <t>2951337.0</t>
  </si>
  <si>
    <t>1999355.0</t>
  </si>
  <si>
    <t>140.71</t>
  </si>
  <si>
    <t>265252.0</t>
  </si>
  <si>
    <t>636551062.0</t>
  </si>
  <si>
    <t>314025765.0</t>
  </si>
  <si>
    <t>297620957.0</t>
  </si>
  <si>
    <t>38715322.0</t>
  </si>
  <si>
    <t>3238429.0</t>
  </si>
  <si>
    <t>2147698.0</t>
  </si>
  <si>
    <t>141.41</t>
  </si>
  <si>
    <t>276635.0</t>
  </si>
  <si>
    <t>639657963.0</t>
  </si>
  <si>
    <t>314343209.0</t>
  </si>
  <si>
    <t>297982751.0</t>
  </si>
  <si>
    <t>41093270.0</t>
  </si>
  <si>
    <t>2869506.0</t>
  </si>
  <si>
    <t>2248141.0</t>
  </si>
  <si>
    <t>282989.0</t>
  </si>
  <si>
    <t>641741340.0</t>
  </si>
  <si>
    <t>314637577.0</t>
  </si>
  <si>
    <t>298230885.0</t>
  </si>
  <si>
    <t>42624601.0</t>
  </si>
  <si>
    <t>2240153.0</t>
  </si>
  <si>
    <t>2367778.0</t>
  </si>
  <si>
    <t>293724.0</t>
  </si>
  <si>
    <t>643009571.0</t>
  </si>
  <si>
    <t>314802502.0</t>
  </si>
  <si>
    <t>298431030.0</t>
  </si>
  <si>
    <t>43439018.0</t>
  </si>
  <si>
    <t>971590.0</t>
  </si>
  <si>
    <t>2404874.0</t>
  </si>
  <si>
    <t>296785.0</t>
  </si>
  <si>
    <t>646061046.0</t>
  </si>
  <si>
    <t>315056452.0</t>
  </si>
  <si>
    <t>298682774.0</t>
  </si>
  <si>
    <t>45310808.0</t>
  </si>
  <si>
    <t>2687788.0</t>
  </si>
  <si>
    <t>2516769.0</t>
  </si>
  <si>
    <t>299990.0</t>
  </si>
  <si>
    <t>648875066.0</t>
  </si>
  <si>
    <t>315323548.0</t>
  </si>
  <si>
    <t>298962267.0</t>
  </si>
  <si>
    <t>47588577.0</t>
  </si>
  <si>
    <t>3262352.0</t>
  </si>
  <si>
    <t>2603022.0</t>
  </si>
  <si>
    <t>297806.0</t>
  </si>
  <si>
    <t>652442770.0</t>
  </si>
  <si>
    <t>315655762.0</t>
  </si>
  <si>
    <t>299294852.0</t>
  </si>
  <si>
    <t>50530384.0</t>
  </si>
  <si>
    <t>3630047.0</t>
  </si>
  <si>
    <t>2699982.0</t>
  </si>
  <si>
    <t>144.94</t>
  </si>
  <si>
    <t>292284.0</t>
  </si>
  <si>
    <t>655886253.0</t>
  </si>
  <si>
    <t>315950922.0</t>
  </si>
  <si>
    <t>299613310.0</t>
  </si>
  <si>
    <t>53388979.0</t>
  </si>
  <si>
    <t>3713635.0</t>
  </si>
  <si>
    <t>2767866.0</t>
  </si>
  <si>
    <t>287242.0</t>
  </si>
  <si>
    <t>660049846.0</t>
  </si>
  <si>
    <t>316255340.0</t>
  </si>
  <si>
    <t>300011353.0</t>
  </si>
  <si>
    <t>56822482.0</t>
  </si>
  <si>
    <t>3652290.0</t>
  </si>
  <si>
    <t>2879692.0</t>
  </si>
  <si>
    <t>280820.0</t>
  </si>
  <si>
    <t>662613412.0</t>
  </si>
  <si>
    <t>316478070.0</t>
  </si>
  <si>
    <t>300232132.0</t>
  </si>
  <si>
    <t>58893402.0</t>
  </si>
  <si>
    <t>2916153.0</t>
  </si>
  <si>
    <t>2976264.0</t>
  </si>
  <si>
    <t>274673.0</t>
  </si>
  <si>
    <t>664190355.0</t>
  </si>
  <si>
    <t>316767176.0</t>
  </si>
  <si>
    <t>300420382.0</t>
  </si>
  <si>
    <t>59874089.0</t>
  </si>
  <si>
    <t>1383724.0</t>
  </si>
  <si>
    <t>3035142.0</t>
  </si>
  <si>
    <t>147.55</t>
  </si>
  <si>
    <t>279613.0</t>
  </si>
  <si>
    <t>667353519.0</t>
  </si>
  <si>
    <t>317047427.0</t>
  </si>
  <si>
    <t>300719426.0</t>
  </si>
  <si>
    <t>62465923.0</t>
  </si>
  <si>
    <t>3184461.0</t>
  </si>
  <si>
    <t>3106095.0</t>
  </si>
  <si>
    <t>278591.0</t>
  </si>
  <si>
    <t>670908275.0</t>
  </si>
  <si>
    <t>317268236.0</t>
  </si>
  <si>
    <t>301019426.0</t>
  </si>
  <si>
    <t>65125321.0</t>
  </si>
  <si>
    <t>3762221.0</t>
  </si>
  <si>
    <t>3177504.0</t>
  </si>
  <si>
    <t>273245.0</t>
  </si>
  <si>
    <t>674538861.0</t>
  </si>
  <si>
    <t>317553717.0</t>
  </si>
  <si>
    <t>301351103.0</t>
  </si>
  <si>
    <t>68153757.0</t>
  </si>
  <si>
    <t>3628560.0</t>
  </si>
  <si>
    <t>3177293.0</t>
  </si>
  <si>
    <t>264045.0</t>
  </si>
  <si>
    <t>678074887.0</t>
  </si>
  <si>
    <t>317788828.0</t>
  </si>
  <si>
    <t>301690038.0</t>
  </si>
  <si>
    <t>71137199.0</t>
  </si>
  <si>
    <t>4101495.0</t>
  </si>
  <si>
    <t>3232702.0</t>
  </si>
  <si>
    <t>259705.0</t>
  </si>
  <si>
    <t>683133053.0</t>
  </si>
  <si>
    <t>318098647.0</t>
  </si>
  <si>
    <t>302147088.0</t>
  </si>
  <si>
    <t>75367445.0</t>
  </si>
  <si>
    <t>4904898.0</t>
  </si>
  <si>
    <t>3411647.0</t>
  </si>
  <si>
    <t>255528.0</t>
  </si>
  <si>
    <t>686061228.0</t>
  </si>
  <si>
    <t>318295217.0</t>
  </si>
  <si>
    <t>302394941.0</t>
  </si>
  <si>
    <t>77816843.0</t>
  </si>
  <si>
    <t>4171853.0</t>
  </si>
  <si>
    <t>3591031.0</t>
  </si>
  <si>
    <t>152.41</t>
  </si>
  <si>
    <t>253625.0</t>
  </si>
  <si>
    <t>690672526.0</t>
  </si>
  <si>
    <t>318484637.0</t>
  </si>
  <si>
    <t>302609377.0</t>
  </si>
  <si>
    <t>81759020.0</t>
  </si>
  <si>
    <t>2404041.0</t>
  </si>
  <si>
    <t>3736789.0</t>
  </si>
  <si>
    <t>253322.0</t>
  </si>
  <si>
    <t>693926638.0</t>
  </si>
  <si>
    <t>318683539.0</t>
  </si>
  <si>
    <t>302907696.0</t>
  </si>
  <si>
    <t>84498281.0</t>
  </si>
  <si>
    <t>3604739.0</t>
  </si>
  <si>
    <t>3796831.0</t>
  </si>
  <si>
    <t>154.16</t>
  </si>
  <si>
    <t>247384.0</t>
  </si>
  <si>
    <t>698313324.0</t>
  </si>
  <si>
    <t>318936893.0</t>
  </si>
  <si>
    <t>303292828.0</t>
  </si>
  <si>
    <t>88390359.0</t>
  </si>
  <si>
    <t>4715187.0</t>
  </si>
  <si>
    <t>3932966.0</t>
  </si>
  <si>
    <t>155.13</t>
  </si>
  <si>
    <t>248127.0</t>
  </si>
  <si>
    <t>702706770.0</t>
  </si>
  <si>
    <t>319207626.0</t>
  </si>
  <si>
    <t>303693372.0</t>
  </si>
  <si>
    <t>92097839.0</t>
  </si>
  <si>
    <t>4736698.0</t>
  </si>
  <si>
    <t>4091274.0</t>
  </si>
  <si>
    <t>156.11</t>
  </si>
  <si>
    <t>253167.0</t>
  </si>
  <si>
    <t>707200864.0</t>
  </si>
  <si>
    <t>319511347.0</t>
  </si>
  <si>
    <t>304104298.0</t>
  </si>
  <si>
    <t>95870727.0</t>
  </si>
  <si>
    <t>4845540.0</t>
  </si>
  <si>
    <t>4197564.0</t>
  </si>
  <si>
    <t>259617.0</t>
  </si>
  <si>
    <t>712482133.0</t>
  </si>
  <si>
    <t>319923463.0</t>
  </si>
  <si>
    <t>304568648.0</t>
  </si>
  <si>
    <t>100233775.0</t>
  </si>
  <si>
    <t>4626224.0</t>
  </si>
  <si>
    <t>4157755.0</t>
  </si>
  <si>
    <t>287006.0</t>
  </si>
  <si>
    <t>715443091.0</t>
  </si>
  <si>
    <t>320200511.0</t>
  </si>
  <si>
    <t>304836298.0</t>
  </si>
  <si>
    <t>102616512.0</t>
  </si>
  <si>
    <t>3675205.0</t>
  </si>
  <si>
    <t>4086804.0</t>
  </si>
  <si>
    <t>314781.0</t>
  </si>
  <si>
    <t>718565250.0</t>
  </si>
  <si>
    <t>320804114.0</t>
  </si>
  <si>
    <t>305031341.0</t>
  </si>
  <si>
    <t>104517990.0</t>
  </si>
  <si>
    <t>2030455.0</t>
  </si>
  <si>
    <t>159.63</t>
  </si>
  <si>
    <t>8960.0</t>
  </si>
  <si>
    <t>336216.0</t>
  </si>
  <si>
    <t>722146342.0</t>
  </si>
  <si>
    <t>321140808.0</t>
  </si>
  <si>
    <t>305363428.0</t>
  </si>
  <si>
    <t>107404870.0</t>
  </si>
  <si>
    <t>3466371.0</t>
  </si>
  <si>
    <t>4013668.0</t>
  </si>
  <si>
    <t>352778.0</t>
  </si>
  <si>
    <t>725808520.0</t>
  </si>
  <si>
    <t>321584137.0</t>
  </si>
  <si>
    <t>305764425.0</t>
  </si>
  <si>
    <t>110820929.0</t>
  </si>
  <si>
    <t>3977220.0</t>
  </si>
  <si>
    <t>3908244.0</t>
  </si>
  <si>
    <t>161.24</t>
  </si>
  <si>
    <t>377467.0</t>
  </si>
  <si>
    <t>729285570.0</t>
  </si>
  <si>
    <t>321994469.0</t>
  </si>
  <si>
    <t>306152596.0</t>
  </si>
  <si>
    <t>114095002.0</t>
  </si>
  <si>
    <t>3814588.0</t>
  </si>
  <si>
    <t>3776515.0</t>
  </si>
  <si>
    <t>8390.0</t>
  </si>
  <si>
    <t>731768669.0</t>
  </si>
  <si>
    <t>322189482.0</t>
  </si>
  <si>
    <t>306415617.0</t>
  </si>
  <si>
    <t>116068536.0</t>
  </si>
  <si>
    <t>2775645.0</t>
  </si>
  <si>
    <t>3480814.0</t>
  </si>
  <si>
    <t>380712.0</t>
  </si>
  <si>
    <t>734146226.0</t>
  </si>
  <si>
    <t>322255173.0</t>
  </si>
  <si>
    <t>306524855.0</t>
  </si>
  <si>
    <t>118234957.0</t>
  </si>
  <si>
    <t>913936.0</t>
  </si>
  <si>
    <t>2950486.0</t>
  </si>
  <si>
    <t>163.09</t>
  </si>
  <si>
    <t>327224.0</t>
  </si>
  <si>
    <t>734251578.0</t>
  </si>
  <si>
    <t>322260711.0</t>
  </si>
  <si>
    <t>306535957.0</t>
  </si>
  <si>
    <t>118322114.0</t>
  </si>
  <si>
    <t>452213.0</t>
  </si>
  <si>
    <t>2490057.0</t>
  </si>
  <si>
    <t>271918.0</t>
  </si>
  <si>
    <t>734857482.0</t>
  </si>
  <si>
    <t>322417167.0</t>
  </si>
  <si>
    <t>306617840.0</t>
  </si>
  <si>
    <t>119095562.0</t>
  </si>
  <si>
    <t>720837.0</t>
  </si>
  <si>
    <t>2302975.0</t>
  </si>
  <si>
    <t>737130862.0</t>
  </si>
  <si>
    <t>322644834.0</t>
  </si>
  <si>
    <t>306922579.0</t>
  </si>
  <si>
    <t>121215647.0</t>
  </si>
  <si>
    <t>2803607.0</t>
  </si>
  <si>
    <t>2208295.0</t>
  </si>
  <si>
    <t>228743.0</t>
  </si>
  <si>
    <t>740247041.0</t>
  </si>
  <si>
    <t>322972440.0</t>
  </si>
  <si>
    <t>307298692.0</t>
  </si>
  <si>
    <t>124055393.0</t>
  </si>
  <si>
    <t>3254906.0</t>
  </si>
  <si>
    <t>2105104.0</t>
  </si>
  <si>
    <t>207311.0</t>
  </si>
  <si>
    <t>742841369.0</t>
  </si>
  <si>
    <t>323228904.0</t>
  </si>
  <si>
    <t>307577203.0</t>
  </si>
  <si>
    <t>126447735.0</t>
  </si>
  <si>
    <t>3135772.0</t>
  </si>
  <si>
    <t>2008129.0</t>
  </si>
  <si>
    <t>190854.0</t>
  </si>
  <si>
    <t>745373472.0</t>
  </si>
  <si>
    <t>323484585.0</t>
  </si>
  <si>
    <t>307852050.0</t>
  </si>
  <si>
    <t>128438885.0</t>
  </si>
  <si>
    <t>2809742.0</t>
  </si>
  <si>
    <t>2013001.0</t>
  </si>
  <si>
    <t>165.58</t>
  </si>
  <si>
    <t>194853.0</t>
  </si>
  <si>
    <t>748174596.0</t>
  </si>
  <si>
    <t>323565602.0</t>
  </si>
  <si>
    <t>307964883.0</t>
  </si>
  <si>
    <t>131030177.0</t>
  </si>
  <si>
    <t>1258785.0</t>
  </si>
  <si>
    <t>2062266.0</t>
  </si>
  <si>
    <t>197956.0</t>
  </si>
  <si>
    <t>748404506.0</t>
  </si>
  <si>
    <t>323576157.0</t>
  </si>
  <si>
    <t>307977376.0</t>
  </si>
  <si>
    <t>131229361.0</t>
  </si>
  <si>
    <t>809094.0</t>
  </si>
  <si>
    <t>2113250.0</t>
  </si>
  <si>
    <t>166.26</t>
  </si>
  <si>
    <t>203855.0</t>
  </si>
  <si>
    <t>750219801.0</t>
  </si>
  <si>
    <t>323835146.0</t>
  </si>
  <si>
    <t>308427927.0</t>
  </si>
  <si>
    <t>132497958.0</t>
  </si>
  <si>
    <t>1336493.0</t>
  </si>
  <si>
    <t>2201200.0</t>
  </si>
  <si>
    <t>166.66</t>
  </si>
  <si>
    <t>217157.0</t>
  </si>
  <si>
    <t>753044215.0</t>
  </si>
  <si>
    <t>324090613.0</t>
  </si>
  <si>
    <t>308746322.0</t>
  </si>
  <si>
    <t>134717928.0</t>
  </si>
  <si>
    <t>3112250.0</t>
  </si>
  <si>
    <t>2245290.0</t>
  </si>
  <si>
    <t>221689.0</t>
  </si>
  <si>
    <t>756422039.0</t>
  </si>
  <si>
    <t>324419731.0</t>
  </si>
  <si>
    <t>309128533.0</t>
  </si>
  <si>
    <t>137479991.0</t>
  </si>
  <si>
    <t>3825814.0</t>
  </si>
  <si>
    <t>2326848.0</t>
  </si>
  <si>
    <t>231410.0</t>
  </si>
  <si>
    <t>759620893.0</t>
  </si>
  <si>
    <t>324696513.0</t>
  </si>
  <si>
    <t>309500435.0</t>
  </si>
  <si>
    <t>140000078.0</t>
  </si>
  <si>
    <t>3750479.0</t>
  </si>
  <si>
    <t>2414665.0</t>
  </si>
  <si>
    <t>235736.0</t>
  </si>
  <si>
    <t>762388272.0</t>
  </si>
  <si>
    <t>324910910.0</t>
  </si>
  <si>
    <t>309801440.0</t>
  </si>
  <si>
    <t>142332979.0</t>
  </si>
  <si>
    <t>3111734.0</t>
  </si>
  <si>
    <t>2457805.0</t>
  </si>
  <si>
    <t>169.36</t>
  </si>
  <si>
    <t>232599.0</t>
  </si>
  <si>
    <t>768152663.0</t>
  </si>
  <si>
    <t>325401819.0</t>
  </si>
  <si>
    <t>310256246.0</t>
  </si>
  <si>
    <t>147105510.0</t>
  </si>
  <si>
    <t>3893863.0</t>
  </si>
  <si>
    <t>2834247.0</t>
  </si>
  <si>
    <t>170.64</t>
  </si>
  <si>
    <t>267067.0</t>
  </si>
  <si>
    <t>770613919.0</t>
  </si>
  <si>
    <t>325653949.0</t>
  </si>
  <si>
    <t>310576015.0</t>
  </si>
  <si>
    <t>148958165.0</t>
  </si>
  <si>
    <t>2855802.0</t>
  </si>
  <si>
    <t>3126633.0</t>
  </si>
  <si>
    <t>171.19</t>
  </si>
  <si>
    <t>297664.0</t>
  </si>
  <si>
    <t>772514481.0</t>
  </si>
  <si>
    <t>325943117.0</t>
  </si>
  <si>
    <t>310812208.0</t>
  </si>
  <si>
    <t>151077041.0</t>
  </si>
  <si>
    <t>1569266.0</t>
  </si>
  <si>
    <t>3159888.0</t>
  </si>
  <si>
    <t>300731.0</t>
  </si>
  <si>
    <t>775585631.0</t>
  </si>
  <si>
    <t>326182968.0</t>
  </si>
  <si>
    <t>311167782.0</t>
  </si>
  <si>
    <t>153476382.0</t>
  </si>
  <si>
    <t>3183406.0</t>
  </si>
  <si>
    <t>3170053.0</t>
  </si>
  <si>
    <t>34.09</t>
  </si>
  <si>
    <t>294311.0</t>
  </si>
  <si>
    <t>778928621.0</t>
  </si>
  <si>
    <t>326512540.0</t>
  </si>
  <si>
    <t>311586256.0</t>
  </si>
  <si>
    <t>156193713.0</t>
  </si>
  <si>
    <t>3777006.0</t>
  </si>
  <si>
    <t>3163082.0</t>
  </si>
  <si>
    <t>173.04</t>
  </si>
  <si>
    <t>290468.0</t>
  </si>
  <si>
    <t>782420217.0</t>
  </si>
  <si>
    <t>326864874.0</t>
  </si>
  <si>
    <t>312003930.0</t>
  </si>
  <si>
    <t>159020518.0</t>
  </si>
  <si>
    <t>3776374.0</t>
  </si>
  <si>
    <t>3166779.0</t>
  </si>
  <si>
    <t>173.81</t>
  </si>
  <si>
    <t>785725521.0</t>
  </si>
  <si>
    <t>327193112.0</t>
  </si>
  <si>
    <t>312388140.0</t>
  </si>
  <si>
    <t>161749193.0</t>
  </si>
  <si>
    <t>3677175.0</t>
  </si>
  <si>
    <t>3247557.0</t>
  </si>
  <si>
    <t>309443.0</t>
  </si>
  <si>
    <t>790491504.0</t>
  </si>
  <si>
    <t>327496467.0</t>
  </si>
  <si>
    <t>312756867.0</t>
  </si>
  <si>
    <t>165800066.0</t>
  </si>
  <si>
    <t>3579720.0</t>
  </si>
  <si>
    <t>3202678.0</t>
  </si>
  <si>
    <t>175.61</t>
  </si>
  <si>
    <t>307311.0</t>
  </si>
  <si>
    <t>792501133.0</t>
  </si>
  <si>
    <t>327758501.0</t>
  </si>
  <si>
    <t>312961774.0</t>
  </si>
  <si>
    <t>167471715.0</t>
  </si>
  <si>
    <t>2508394.0</t>
  </si>
  <si>
    <t>3153050.0</t>
  </si>
  <si>
    <t>311977.0</t>
  </si>
  <si>
    <t>794651919.0</t>
  </si>
  <si>
    <t>328079701.0</t>
  </si>
  <si>
    <t>313159596.0</t>
  </si>
  <si>
    <t>169066387.0</t>
  </si>
  <si>
    <t>1417736.0</t>
  </si>
  <si>
    <t>3131401.0</t>
  </si>
  <si>
    <t>176.53</t>
  </si>
  <si>
    <t>313706.0</t>
  </si>
  <si>
    <t>797089889.0</t>
  </si>
  <si>
    <t>328299555.0</t>
  </si>
  <si>
    <t>313420917.0</t>
  </si>
  <si>
    <t>170947046.0</t>
  </si>
  <si>
    <t>2556724.0</t>
  </si>
  <si>
    <t>3041875.0</t>
  </si>
  <si>
    <t>311070.0</t>
  </si>
  <si>
    <t>799752630.0</t>
  </si>
  <si>
    <t>328550910.0</t>
  </si>
  <si>
    <t>313739166.0</t>
  </si>
  <si>
    <t>173162468.0</t>
  </si>
  <si>
    <t>2885069.0</t>
  </si>
  <si>
    <t>2914456.0</t>
  </si>
  <si>
    <t>299345.0</t>
  </si>
  <si>
    <t>802256276.0</t>
  </si>
  <si>
    <t>328919946.0</t>
  </si>
  <si>
    <t>314030410.0</t>
  </si>
  <si>
    <t>175104957.0</t>
  </si>
  <si>
    <t>2976500.0</t>
  </si>
  <si>
    <t>2800191.0</t>
  </si>
  <si>
    <t>178.22</t>
  </si>
  <si>
    <t>305429.0</t>
  </si>
  <si>
    <t>805136557.0</t>
  </si>
  <si>
    <t>329213195.0</t>
  </si>
  <si>
    <t>314373001.0</t>
  </si>
  <si>
    <t>177498759.0</t>
  </si>
  <si>
    <t>2935853.0</t>
  </si>
  <si>
    <t>2694282.0</t>
  </si>
  <si>
    <t>296559.0</t>
  </si>
  <si>
    <t>808440539.0</t>
  </si>
  <si>
    <t>329450718.0</t>
  </si>
  <si>
    <t>314655081.0</t>
  </si>
  <si>
    <t>180257574.0</t>
  </si>
  <si>
    <t>2686482.0</t>
  </si>
  <si>
    <t>2566678.0</t>
  </si>
  <si>
    <t>40.04</t>
  </si>
  <si>
    <t>283443.0</t>
  </si>
  <si>
    <t>809978558.0</t>
  </si>
  <si>
    <t>329662622.0</t>
  </si>
  <si>
    <t>314821869.0</t>
  </si>
  <si>
    <t>181395910.0</t>
  </si>
  <si>
    <t>1954432.0</t>
  </si>
  <si>
    <t>2487544.0</t>
  </si>
  <si>
    <t>271853.0</t>
  </si>
  <si>
    <t>811682965.0</t>
  </si>
  <si>
    <t>329859874.0</t>
  </si>
  <si>
    <t>315003425.0</t>
  </si>
  <si>
    <t>182589489.0</t>
  </si>
  <si>
    <t>1074870.0</t>
  </si>
  <si>
    <t>2438561.0</t>
  </si>
  <si>
    <t>180.32</t>
  </si>
  <si>
    <t>263579.0</t>
  </si>
  <si>
    <t>813617381.0</t>
  </si>
  <si>
    <t>330006025.0</t>
  </si>
  <si>
    <t>315233245.0</t>
  </si>
  <si>
    <t>184088298.0</t>
  </si>
  <si>
    <t>2019109.0</t>
  </si>
  <si>
    <t>2361757.0</t>
  </si>
  <si>
    <t>253261.0</t>
  </si>
  <si>
    <t>815890073.0</t>
  </si>
  <si>
    <t>330180795.0</t>
  </si>
  <si>
    <t>315524509.0</t>
  </si>
  <si>
    <t>186008813.0</t>
  </si>
  <si>
    <t>2309801.0</t>
  </si>
  <si>
    <t>2279577.0</t>
  </si>
  <si>
    <t>181.25</t>
  </si>
  <si>
    <t>241930.0</t>
  </si>
  <si>
    <t>817942937.0</t>
  </si>
  <si>
    <t>330368728.0</t>
  </si>
  <si>
    <t>315808385.0</t>
  </si>
  <si>
    <t>187674130.0</t>
  </si>
  <si>
    <t>2267074.0</t>
  </si>
  <si>
    <t>2178230.0</t>
  </si>
  <si>
    <t>212449.0</t>
  </si>
  <si>
    <t>819876285.0</t>
  </si>
  <si>
    <t>330527037.0</t>
  </si>
  <si>
    <t>316060024.0</t>
  </si>
  <si>
    <t>189306824.0</t>
  </si>
  <si>
    <t>2151583.0</t>
  </si>
  <si>
    <t>2066190.0</t>
  </si>
  <si>
    <t>182.14</t>
  </si>
  <si>
    <t>197085.0</t>
  </si>
  <si>
    <t>822593109.0</t>
  </si>
  <si>
    <t>330729190.0</t>
  </si>
  <si>
    <t>316375851.0</t>
  </si>
  <si>
    <t>191479588.0</t>
  </si>
  <si>
    <t>2233614.0</t>
  </si>
  <si>
    <t>2001497.0</t>
  </si>
  <si>
    <t>188068.0</t>
  </si>
  <si>
    <t>823837174.0</t>
  </si>
  <si>
    <t>330860769.0</t>
  </si>
  <si>
    <t>316593498.0</t>
  </si>
  <si>
    <t>192353638.0</t>
  </si>
  <si>
    <t>1658366.0</t>
  </si>
  <si>
    <t>1959199.0</t>
  </si>
  <si>
    <t>183.02</t>
  </si>
  <si>
    <t>176123.0</t>
  </si>
  <si>
    <t>825489411.0</t>
  </si>
  <si>
    <t>330999378.0</t>
  </si>
  <si>
    <t>316788541.0</t>
  </si>
  <si>
    <t>193512738.0</t>
  </si>
  <si>
    <t>994791.0</t>
  </si>
  <si>
    <t>1947761.0</t>
  </si>
  <si>
    <t>183.38</t>
  </si>
  <si>
    <t>170423.0</t>
  </si>
  <si>
    <t>827078361.0</t>
  </si>
  <si>
    <t>331195650.0</t>
  </si>
  <si>
    <t>317003185.0</t>
  </si>
  <si>
    <t>194561207.0</t>
  </si>
  <si>
    <t>1601922.0</t>
  </si>
  <si>
    <t>1888162.0</t>
  </si>
  <si>
    <t>183.74</t>
  </si>
  <si>
    <t>177086.0</t>
  </si>
  <si>
    <t>828537579.0</t>
  </si>
  <si>
    <t>331311648.0</t>
  </si>
  <si>
    <t>317240468.0</t>
  </si>
  <si>
    <t>195748108.0</t>
  </si>
  <si>
    <t>1654055.0</t>
  </si>
  <si>
    <t>1794485.0</t>
  </si>
  <si>
    <t>184.06</t>
  </si>
  <si>
    <t>169411.0</t>
  </si>
  <si>
    <t>830086896.0</t>
  </si>
  <si>
    <t>331443753.0</t>
  </si>
  <si>
    <t>317521900.0</t>
  </si>
  <si>
    <t>196905900.0</t>
  </si>
  <si>
    <t>1708600.0</t>
  </si>
  <si>
    <t>1714706.0</t>
  </si>
  <si>
    <t>831453069.0</t>
  </si>
  <si>
    <t>331554035.0</t>
  </si>
  <si>
    <t>317759456.0</t>
  </si>
  <si>
    <t>197980099.0</t>
  </si>
  <si>
    <t>1543233.0</t>
  </si>
  <si>
    <t>1627797.0</t>
  </si>
  <si>
    <t>184.71</t>
  </si>
  <si>
    <t>833645995.0</t>
  </si>
  <si>
    <t>331744588.0</t>
  </si>
  <si>
    <t>318143407.0</t>
  </si>
  <si>
    <t>199574503.0</t>
  </si>
  <si>
    <t>1710195.0</t>
  </si>
  <si>
    <t>1553024.0</t>
  </si>
  <si>
    <t>151887.0</t>
  </si>
  <si>
    <t>834657242.0</t>
  </si>
  <si>
    <t>331841472.0</t>
  </si>
  <si>
    <t>318402528.0</t>
  </si>
  <si>
    <t>200212507.0</t>
  </si>
  <si>
    <t>1234871.0</t>
  </si>
  <si>
    <t>1492524.0</t>
  </si>
  <si>
    <t>185.42</t>
  </si>
  <si>
    <t>143871.0</t>
  </si>
  <si>
    <t>835672877.0</t>
  </si>
  <si>
    <t>331911172.0</t>
  </si>
  <si>
    <t>318565783.0</t>
  </si>
  <si>
    <t>200737630.0</t>
  </si>
  <si>
    <t>593207.0</t>
  </si>
  <si>
    <t>1435153.0</t>
  </si>
  <si>
    <t>137301.0</t>
  </si>
  <si>
    <t>836787093.0</t>
  </si>
  <si>
    <t>331986427.0</t>
  </si>
  <si>
    <t>318783960.0</t>
  </si>
  <si>
    <t>201560596.0</t>
  </si>
  <si>
    <t>1157526.0</t>
  </si>
  <si>
    <t>1371668.0</t>
  </si>
  <si>
    <t>837955396.0</t>
  </si>
  <si>
    <t>332087651.0</t>
  </si>
  <si>
    <t>319031430.0</t>
  </si>
  <si>
    <t>202436419.0</t>
  </si>
  <si>
    <t>1293496.0</t>
  </si>
  <si>
    <t>1320161.0</t>
  </si>
  <si>
    <t>116212.0</t>
  </si>
  <si>
    <t>839127813.0</t>
  </si>
  <si>
    <t>332178022.0</t>
  </si>
  <si>
    <t>319285908.0</t>
  </si>
  <si>
    <t>203297773.0</t>
  </si>
  <si>
    <t>1300374.0</t>
  </si>
  <si>
    <t>1261842.0</t>
  </si>
  <si>
    <t>186.41</t>
  </si>
  <si>
    <t>840193635.0</t>
  </si>
  <si>
    <t>332254590.0</t>
  </si>
  <si>
    <t>319503283.0</t>
  </si>
  <si>
    <t>204112765.0</t>
  </si>
  <si>
    <t>1195745.0</t>
  </si>
  <si>
    <t>1212203.0</t>
  </si>
  <si>
    <t>103829.0</t>
  </si>
  <si>
    <t>841766733.0</t>
  </si>
  <si>
    <t>332338218.0</t>
  </si>
  <si>
    <t>319759029.0</t>
  </si>
  <si>
    <t>205328661.0</t>
  </si>
  <si>
    <t>1240307.0</t>
  </si>
  <si>
    <t>1145075.0</t>
  </si>
  <si>
    <t>92848.0</t>
  </si>
  <si>
    <t>842523823.0</t>
  </si>
  <si>
    <t>332397312.0</t>
  </si>
  <si>
    <t>319978546.0</t>
  </si>
  <si>
    <t>205793182.0</t>
  </si>
  <si>
    <t>903726.0</t>
  </si>
  <si>
    <t>1097770.0</t>
  </si>
  <si>
    <t>187.17</t>
  </si>
  <si>
    <t>87183.0</t>
  </si>
  <si>
    <t>843270930.0</t>
  </si>
  <si>
    <t>332443653.0</t>
  </si>
  <si>
    <t>320100792.0</t>
  </si>
  <si>
    <t>206144394.0</t>
  </si>
  <si>
    <t>406993.0</t>
  </si>
  <si>
    <t>1071165.0</t>
  </si>
  <si>
    <t>71.11</t>
  </si>
  <si>
    <t>844010391.0</t>
  </si>
  <si>
    <t>332493052.0</t>
  </si>
  <si>
    <t>320257460.0</t>
  </si>
  <si>
    <t>206660100.0</t>
  </si>
  <si>
    <t>755230.0</t>
  </si>
  <si>
    <t>1013695.0</t>
  </si>
  <si>
    <t>80406.0</t>
  </si>
  <si>
    <t>844861287.0</t>
  </si>
  <si>
    <t>332550967.0</t>
  </si>
  <si>
    <t>320429564.0</t>
  </si>
  <si>
    <t>207309881.0</t>
  </si>
  <si>
    <t>924814.0</t>
  </si>
  <si>
    <t>961024.0</t>
  </si>
  <si>
    <t>187.69</t>
  </si>
  <si>
    <t>74043.0</t>
  </si>
  <si>
    <t>845983240.0</t>
  </si>
  <si>
    <t>332613224.0</t>
  </si>
  <si>
    <t>321035382.0</t>
  </si>
  <si>
    <t>207982608.0</t>
  </si>
  <si>
    <t>1195871.0</t>
  </si>
  <si>
    <t>946097.0</t>
  </si>
  <si>
    <t>187.93</t>
  </si>
  <si>
    <t>69850.0</t>
  </si>
  <si>
    <t>846697813.0</t>
  </si>
  <si>
    <t>332650738.0</t>
  </si>
  <si>
    <t>321205332.0</t>
  </si>
  <si>
    <t>208497818.0</t>
  </si>
  <si>
    <t>859371.0</t>
  </si>
  <si>
    <t>898047.0</t>
  </si>
  <si>
    <t>847761973.0</t>
  </si>
  <si>
    <t>332717887.0</t>
  </si>
  <si>
    <t>321415283.0</t>
  </si>
  <si>
    <t>209273853.0</t>
  </si>
  <si>
    <t>838495.0</t>
  </si>
  <si>
    <t>840643.0</t>
  </si>
  <si>
    <t>61836.0</t>
  </si>
  <si>
    <t>848262971.0</t>
  </si>
  <si>
    <t>332755184.0</t>
  </si>
  <si>
    <t>321572758.0</t>
  </si>
  <si>
    <t>209571109.0</t>
  </si>
  <si>
    <t>598222.0</t>
  </si>
  <si>
    <t>797000.0</t>
  </si>
  <si>
    <t>188.44</t>
  </si>
  <si>
    <t>57975.0</t>
  </si>
  <si>
    <t>848734139.0</t>
  </si>
  <si>
    <t>332946051.0</t>
  </si>
  <si>
    <t>321683628.0</t>
  </si>
  <si>
    <t>209777545.0</t>
  </si>
  <si>
    <t>269898.0</t>
  </si>
  <si>
    <t>777415.0</t>
  </si>
  <si>
    <t>188.55</t>
  </si>
  <si>
    <t>55897.0</t>
  </si>
  <si>
    <t>849270956.0</t>
  </si>
  <si>
    <t>332980473.0</t>
  </si>
  <si>
    <t>321797660.0</t>
  </si>
  <si>
    <t>210144754.0</t>
  </si>
  <si>
    <t>554510.0</t>
  </si>
  <si>
    <t>748741.0</t>
  </si>
  <si>
    <t>188.67</t>
  </si>
  <si>
    <t>53559.0</t>
  </si>
  <si>
    <t>849932904.0</t>
  </si>
  <si>
    <t>333019689.0</t>
  </si>
  <si>
    <t>321987148.0</t>
  </si>
  <si>
    <t>210594076.0</t>
  </si>
  <si>
    <t>720081.0</t>
  </si>
  <si>
    <t>188.81</t>
  </si>
  <si>
    <t>850574426.0</t>
  </si>
  <si>
    <t>333060829.0</t>
  </si>
  <si>
    <t>322141746.0</t>
  </si>
  <si>
    <t>211044025.0</t>
  </si>
  <si>
    <t>703788.0</t>
  </si>
  <si>
    <t>649784.0</t>
  </si>
  <si>
    <t>47227.0</t>
  </si>
  <si>
    <t>851241300.0</t>
  </si>
  <si>
    <t>333120152.0</t>
  </si>
  <si>
    <t>322308262.0</t>
  </si>
  <si>
    <t>211513235.0</t>
  </si>
  <si>
    <t>730421.0</t>
  </si>
  <si>
    <t>631363.0</t>
  </si>
  <si>
    <t>48821.0</t>
  </si>
  <si>
    <t>852043965.0</t>
  </si>
  <si>
    <t>333162501.0</t>
  </si>
  <si>
    <t>322539335.0</t>
  </si>
  <si>
    <t>212035155.0</t>
  </si>
  <si>
    <t>671537.0</t>
  </si>
  <si>
    <t>607515.0</t>
  </si>
  <si>
    <t>189.28</t>
  </si>
  <si>
    <t>852421159.0</t>
  </si>
  <si>
    <t>333187365.0</t>
  </si>
  <si>
    <t>322646449.0</t>
  </si>
  <si>
    <t>212274515.0</t>
  </si>
  <si>
    <t>457022.0</t>
  </si>
  <si>
    <t>587342.0</t>
  </si>
  <si>
    <t>189.37</t>
  </si>
  <si>
    <t>44839.0</t>
  </si>
  <si>
    <t>852813586.0</t>
  </si>
  <si>
    <t>333213841.0</t>
  </si>
  <si>
    <t>322755541.0</t>
  </si>
  <si>
    <t>212418517.0</t>
  </si>
  <si>
    <t>202166.0</t>
  </si>
  <si>
    <t>577666.0</t>
  </si>
  <si>
    <t>189.45</t>
  </si>
  <si>
    <t>853224882.0</t>
  </si>
  <si>
    <t>333239464.0</t>
  </si>
  <si>
    <t>322843925.0</t>
  </si>
  <si>
    <t>212671081.0</t>
  </si>
  <si>
    <t>448664.0</t>
  </si>
  <si>
    <t>562544.0</t>
  </si>
  <si>
    <t>189.54</t>
  </si>
  <si>
    <t>43722.0</t>
  </si>
  <si>
    <t>853694687.0</t>
  </si>
  <si>
    <t>333274072.0</t>
  </si>
  <si>
    <t>322955161.0</t>
  </si>
  <si>
    <t>212972340.0</t>
  </si>
  <si>
    <t>483278.0</t>
  </si>
  <si>
    <t>528124.0</t>
  </si>
  <si>
    <t>42499.0</t>
  </si>
  <si>
    <t>854158561.0</t>
  </si>
  <si>
    <t>333308392.0</t>
  </si>
  <si>
    <t>323067295.0</t>
  </si>
  <si>
    <t>213265046.0</t>
  </si>
  <si>
    <t>506636.0</t>
  </si>
  <si>
    <t>499961.0</t>
  </si>
  <si>
    <t>189.75</t>
  </si>
  <si>
    <t>41397.0</t>
  </si>
  <si>
    <t>854642366.0</t>
  </si>
  <si>
    <t>333341732.0</t>
  </si>
  <si>
    <t>323171869.0</t>
  </si>
  <si>
    <t>213588779.0</t>
  </si>
  <si>
    <t>526567.0</t>
  </si>
  <si>
    <t>470838.0</t>
  </si>
  <si>
    <t>189.86</t>
  </si>
  <si>
    <t>855196300.0</t>
  </si>
  <si>
    <t>333375975.0</t>
  </si>
  <si>
    <t>323266807.0</t>
  </si>
  <si>
    <t>213972284.0</t>
  </si>
  <si>
    <t>547447.0</t>
  </si>
  <si>
    <t>453111.0</t>
  </si>
  <si>
    <t>189.98</t>
  </si>
  <si>
    <t>36527.0</t>
  </si>
  <si>
    <t>855445502.0</t>
  </si>
  <si>
    <t>333397951.0</t>
  </si>
  <si>
    <t>323329444.0</t>
  </si>
  <si>
    <t>214132742.0</t>
  </si>
  <si>
    <t>397885.0</t>
  </si>
  <si>
    <t>444664.0</t>
  </si>
  <si>
    <t>190.04</t>
  </si>
  <si>
    <t>35653.0</t>
  </si>
  <si>
    <t>855685034.0</t>
  </si>
  <si>
    <t>333416386.0</t>
  </si>
  <si>
    <t>323366881.0</t>
  </si>
  <si>
    <t>214423413.0</t>
  </si>
  <si>
    <t>234364.0</t>
  </si>
  <si>
    <t>449263.0</t>
  </si>
  <si>
    <t>35317.0</t>
  </si>
  <si>
    <t>855950700.0</t>
  </si>
  <si>
    <t>333435350.0</t>
  </si>
  <si>
    <t>323412572.0</t>
  </si>
  <si>
    <t>214602849.0</t>
  </si>
  <si>
    <t>371365.0</t>
  </si>
  <si>
    <t>438220.0</t>
  </si>
  <si>
    <t>856280970.0</t>
  </si>
  <si>
    <t>333456759.0</t>
  </si>
  <si>
    <t>323468264.0</t>
  </si>
  <si>
    <t>214854504.0</t>
  </si>
  <si>
    <t>468349.0</t>
  </si>
  <si>
    <t>436089.0</t>
  </si>
  <si>
    <t>856643794.0</t>
  </si>
  <si>
    <t>333479216.0</t>
  </si>
  <si>
    <t>323530990.0</t>
  </si>
  <si>
    <t>215131211.0</t>
  </si>
  <si>
    <t>525639.0</t>
  </si>
  <si>
    <t>438801.0</t>
  </si>
  <si>
    <t>190.3</t>
  </si>
  <si>
    <t>857614209.0</t>
  </si>
  <si>
    <t>333509434.0</t>
  </si>
  <si>
    <t>324335314.0</t>
  </si>
  <si>
    <t>215462057.0</t>
  </si>
  <si>
    <t>522384.0</t>
  </si>
  <si>
    <t>438205.0</t>
  </si>
  <si>
    <t>190.52</t>
  </si>
  <si>
    <t>30578.0</t>
  </si>
  <si>
    <t>858218809.0</t>
  </si>
  <si>
    <t>333538209.0</t>
  </si>
  <si>
    <t>324408208.0</t>
  </si>
  <si>
    <t>215818433.0</t>
  </si>
  <si>
    <t>500682.0</t>
  </si>
  <si>
    <t>431526.0</t>
  </si>
  <si>
    <t>190.65</t>
  </si>
  <si>
    <t>858420018.0</t>
  </si>
  <si>
    <t>333552923.0</t>
  </si>
  <si>
    <t>324451099.0</t>
  </si>
  <si>
    <t>215959064.0</t>
  </si>
  <si>
    <t>357299.0</t>
  </si>
  <si>
    <t>425725.0</t>
  </si>
  <si>
    <t>190.7</t>
  </si>
  <si>
    <t>31241.0</t>
  </si>
  <si>
    <t>858639476.0</t>
  </si>
  <si>
    <t>333563507.0</t>
  </si>
  <si>
    <t>324477358.0</t>
  </si>
  <si>
    <t>216017700.0</t>
  </si>
  <si>
    <t>217543.0</t>
  </si>
  <si>
    <t>423322.0</t>
  </si>
  <si>
    <t>31930.0</t>
  </si>
  <si>
    <t>858848609.0</t>
  </si>
  <si>
    <t>333575974.0</t>
  </si>
  <si>
    <t>324505024.0</t>
  </si>
  <si>
    <t>216184094.0</t>
  </si>
  <si>
    <t>380241.0</t>
  </si>
  <si>
    <t>424591.0</t>
  </si>
  <si>
    <t>859197345.0</t>
  </si>
  <si>
    <t>333596582.0</t>
  </si>
  <si>
    <t>324553807.0</t>
  </si>
  <si>
    <t>216470079.0</t>
  </si>
  <si>
    <t>481536.0</t>
  </si>
  <si>
    <t>426470.0</t>
  </si>
  <si>
    <t>859908807.0</t>
  </si>
  <si>
    <t>333679060.0</t>
  </si>
  <si>
    <t>324777768.0</t>
  </si>
  <si>
    <t>217000539.0</t>
  </si>
  <si>
    <t>510766.0</t>
  </si>
  <si>
    <t>424352.0</t>
  </si>
  <si>
    <t>191.03</t>
  </si>
  <si>
    <t>33953.0</t>
  </si>
  <si>
    <t>860251028.0</t>
  </si>
  <si>
    <t>333695860.0</t>
  </si>
  <si>
    <t>324816279.0</t>
  </si>
  <si>
    <t>217289177.0</t>
  </si>
  <si>
    <t>478255.0</t>
  </si>
  <si>
    <t>418044.0</t>
  </si>
  <si>
    <t>191.1</t>
  </si>
  <si>
    <t>32821.0</t>
  </si>
  <si>
    <t>860886719.0</t>
  </si>
  <si>
    <t>333715485.0</t>
  </si>
  <si>
    <t>324859002.0</t>
  </si>
  <si>
    <t>217605640.0</t>
  </si>
  <si>
    <t>461013.0</t>
  </si>
  <si>
    <t>412381.0</t>
  </si>
  <si>
    <t>191.25</t>
  </si>
  <si>
    <t>861108211.0</t>
  </si>
  <si>
    <t>333732803.0</t>
  </si>
  <si>
    <t>324898181.0</t>
  </si>
  <si>
    <t>217768883.0</t>
  </si>
  <si>
    <t>342687.0</t>
  </si>
  <si>
    <t>410290.0</t>
  </si>
  <si>
    <t>191.29</t>
  </si>
  <si>
    <t>30169.0</t>
  </si>
  <si>
    <t>861336667.0</t>
  </si>
  <si>
    <t>333745554.0</t>
  </si>
  <si>
    <t>324917981.0</t>
  </si>
  <si>
    <t>217816590.0</t>
  </si>
  <si>
    <t>197333.0</t>
  </si>
  <si>
    <t>407404.0</t>
  </si>
  <si>
    <t>191.35</t>
  </si>
  <si>
    <t>861817487.0</t>
  </si>
  <si>
    <t>333757415.0</t>
  </si>
  <si>
    <t>324944550.0</t>
  </si>
  <si>
    <t>218000570.0</t>
  </si>
  <si>
    <t>357916.0</t>
  </si>
  <si>
    <t>404214.0</t>
  </si>
  <si>
    <t>191.45</t>
  </si>
  <si>
    <t>862128352.0</t>
  </si>
  <si>
    <t>333773180.0</t>
  </si>
  <si>
    <t>324979351.0</t>
  </si>
  <si>
    <t>218260535.0</t>
  </si>
  <si>
    <t>426682.0</t>
  </si>
  <si>
    <t>396376.0</t>
  </si>
  <si>
    <t>26810.0</t>
  </si>
  <si>
    <t>862746777.0</t>
  </si>
  <si>
    <t>333815780.0</t>
  </si>
  <si>
    <t>325173861.0</t>
  </si>
  <si>
    <t>218681344.0</t>
  </si>
  <si>
    <t>456028.0</t>
  </si>
  <si>
    <t>388556.0</t>
  </si>
  <si>
    <t>863072559.0</t>
  </si>
  <si>
    <t>333830886.0</t>
  </si>
  <si>
    <t>325207360.0</t>
  </si>
  <si>
    <t>218964344.0</t>
  </si>
  <si>
    <t>434664.0</t>
  </si>
  <si>
    <t>382331.0</t>
  </si>
  <si>
    <t>191.73</t>
  </si>
  <si>
    <t>25209.0</t>
  </si>
  <si>
    <t>863787714.0</t>
  </si>
  <si>
    <t>333851644.0</t>
  </si>
  <si>
    <t>325271238.0</t>
  </si>
  <si>
    <t>219290672.0</t>
  </si>
  <si>
    <t>433296.0</t>
  </si>
  <si>
    <t>378370.0</t>
  </si>
  <si>
    <t>191.89</t>
  </si>
  <si>
    <t>863956950.0</t>
  </si>
  <si>
    <t>333863608.0</t>
  </si>
  <si>
    <t>325298487.0</t>
  </si>
  <si>
    <t>219419300.0</t>
  </si>
  <si>
    <t>281467.0</t>
  </si>
  <si>
    <t>369627.0</t>
  </si>
  <si>
    <t>191.93</t>
  </si>
  <si>
    <t>24195.0</t>
  </si>
  <si>
    <t>864120282.0</t>
  </si>
  <si>
    <t>333871518.0</t>
  </si>
  <si>
    <t>325313033.0</t>
  </si>
  <si>
    <t>219463892.0</t>
  </si>
  <si>
    <t>160343.0</t>
  </si>
  <si>
    <t>364343.0</t>
  </si>
  <si>
    <t>191.96</t>
  </si>
  <si>
    <t>23838.0</t>
  </si>
  <si>
    <t>864332776.0</t>
  </si>
  <si>
    <t>333880800.0</t>
  </si>
  <si>
    <t>325335079.0</t>
  </si>
  <si>
    <t>219644817.0</t>
  </si>
  <si>
    <t>328902.0</t>
  </si>
  <si>
    <t>360198.0</t>
  </si>
  <si>
    <t>192.01</t>
  </si>
  <si>
    <t>864669587.0</t>
  </si>
  <si>
    <t>333896570.0</t>
  </si>
  <si>
    <t>325370643.0</t>
  </si>
  <si>
    <t>219929694.0</t>
  </si>
  <si>
    <t>410525.0</t>
  </si>
  <si>
    <t>357887.0</t>
  </si>
  <si>
    <t>192.09</t>
  </si>
  <si>
    <t>22983.0</t>
  </si>
  <si>
    <t>865212246.0</t>
  </si>
  <si>
    <t>333931119.0</t>
  </si>
  <si>
    <t>325526014.0</t>
  </si>
  <si>
    <t>220310585.0</t>
  </si>
  <si>
    <t>454166.0</t>
  </si>
  <si>
    <t>357624.0</t>
  </si>
  <si>
    <t>865536545.0</t>
  </si>
  <si>
    <t>333945189.0</t>
  </si>
  <si>
    <t>325556420.0</t>
  </si>
  <si>
    <t>220595192.0</t>
  </si>
  <si>
    <t>423020.0</t>
  </si>
  <si>
    <t>355960.0</t>
  </si>
  <si>
    <t>866207626.0</t>
  </si>
  <si>
    <t>333961067.0</t>
  </si>
  <si>
    <t>325597599.0</t>
  </si>
  <si>
    <t>220865734.0</t>
  </si>
  <si>
    <t>363165.0</t>
  </si>
  <si>
    <t>345941.0</t>
  </si>
  <si>
    <t>866329515.0</t>
  </si>
  <si>
    <t>333968876.0</t>
  </si>
  <si>
    <t>325611959.0</t>
  </si>
  <si>
    <t>220960552.0</t>
  </si>
  <si>
    <t>219782.0</t>
  </si>
  <si>
    <t>337128.0</t>
  </si>
  <si>
    <t>866490826.0</t>
  </si>
  <si>
    <t>333988979.0</t>
  </si>
  <si>
    <t>325637014.0</t>
  </si>
  <si>
    <t>221002991.0</t>
  </si>
  <si>
    <t>129511.0</t>
  </si>
  <si>
    <t>332725.0</t>
  </si>
  <si>
    <t>192.49</t>
  </si>
  <si>
    <t>866719010.0</t>
  </si>
  <si>
    <t>334001690.0</t>
  </si>
  <si>
    <t>325657782.0</t>
  </si>
  <si>
    <t>221164957.0</t>
  </si>
  <si>
    <t>283930.0</t>
  </si>
  <si>
    <t>326300.0</t>
  </si>
  <si>
    <t>192.54</t>
  </si>
  <si>
    <t>867010348.0</t>
  </si>
  <si>
    <t>334014215.0</t>
  </si>
  <si>
    <t>325682027.0</t>
  </si>
  <si>
    <t>221419660.0</t>
  </si>
  <si>
    <t>374231.0</t>
  </si>
  <si>
    <t>321116.0</t>
  </si>
  <si>
    <t>192.61</t>
  </si>
  <si>
    <t>22259.0</t>
  </si>
  <si>
    <t>867439004.0</t>
  </si>
  <si>
    <t>334042082.0</t>
  </si>
  <si>
    <t>325760775.0</t>
  </si>
  <si>
    <t>221770039.0</t>
  </si>
  <si>
    <t>404512.0</t>
  </si>
  <si>
    <t>314024.0</t>
  </si>
  <si>
    <t>867747091.0</t>
  </si>
  <si>
    <t>334052848.0</t>
  </si>
  <si>
    <t>325782573.0</t>
  </si>
  <si>
    <t>222048458.0</t>
  </si>
  <si>
    <t>407723.0</t>
  </si>
  <si>
    <t>311839.0</t>
  </si>
  <si>
    <t>192.77</t>
  </si>
  <si>
    <t>868397704.0</t>
  </si>
  <si>
    <t>334068604.0</t>
  </si>
  <si>
    <t>325816703.0</t>
  </si>
  <si>
    <t>222362644.0</t>
  </si>
  <si>
    <t>400848.0</t>
  </si>
  <si>
    <t>317222.0</t>
  </si>
  <si>
    <t>868511192.0</t>
  </si>
  <si>
    <t>334074724.0</t>
  </si>
  <si>
    <t>325830334.0</t>
  </si>
  <si>
    <t>222477706.0</t>
  </si>
  <si>
    <t>202142.0</t>
  </si>
  <si>
    <t>314700.0</t>
  </si>
  <si>
    <t>192.94</t>
  </si>
  <si>
    <t>20106.0</t>
  </si>
  <si>
    <t>868752486.0</t>
  </si>
  <si>
    <t>334081295.0</t>
  </si>
  <si>
    <t>325839848.0</t>
  </si>
  <si>
    <t>222510266.0</t>
  </si>
  <si>
    <t>117526.0</t>
  </si>
  <si>
    <t>312987.0</t>
  </si>
  <si>
    <t>192.99</t>
  </si>
  <si>
    <t>868935720.0</t>
  </si>
  <si>
    <t>334089398.0</t>
  </si>
  <si>
    <t>325855368.0</t>
  </si>
  <si>
    <t>222651797.0</t>
  </si>
  <si>
    <t>252265.0</t>
  </si>
  <si>
    <t>308467.0</t>
  </si>
  <si>
    <t>193.03</t>
  </si>
  <si>
    <t>869263431.0</t>
  </si>
  <si>
    <t>334109776.0</t>
  </si>
  <si>
    <t>325927115.0</t>
  </si>
  <si>
    <t>222908102.0</t>
  </si>
  <si>
    <t>330147.0</t>
  </si>
  <si>
    <t>302169.0</t>
  </si>
  <si>
    <t>193.11</t>
  </si>
  <si>
    <t>869549883.0</t>
  </si>
  <si>
    <t>334128396.0</t>
  </si>
  <si>
    <t>325955426.0</t>
  </si>
  <si>
    <t>223153273.0</t>
  </si>
  <si>
    <t>328958.0</t>
  </si>
  <si>
    <t>291373.0</t>
  </si>
  <si>
    <t>193.17</t>
  </si>
  <si>
    <t>869801979.0</t>
  </si>
  <si>
    <t>334139248.0</t>
  </si>
  <si>
    <t>325975153.0</t>
  </si>
  <si>
    <t>223375529.0</t>
  </si>
  <si>
    <t>326948.0</t>
  </si>
  <si>
    <t>279833.0</t>
  </si>
  <si>
    <t>18330.0</t>
  </si>
  <si>
    <t>870176153.0</t>
  </si>
  <si>
    <t>334146431.0</t>
  </si>
  <si>
    <t>325988684.0</t>
  </si>
  <si>
    <t>223521236.0</t>
  </si>
  <si>
    <t>203075.0</t>
  </si>
  <si>
    <t>251582.0</t>
  </si>
  <si>
    <t>193.31</t>
  </si>
  <si>
    <t>49.66</t>
  </si>
  <si>
    <t>870246653.0</t>
  </si>
  <si>
    <t>334149602.0</t>
  </si>
  <si>
    <t>325995321.0</t>
  </si>
  <si>
    <t>223580099.0</t>
  </si>
  <si>
    <t>142887.0</t>
  </si>
  <si>
    <t>243115.0</t>
  </si>
  <si>
    <t>193.33</t>
  </si>
  <si>
    <t>870461217.0</t>
  </si>
  <si>
    <t>334157534.0</t>
  </si>
  <si>
    <t>326004851.0</t>
  </si>
  <si>
    <t>223595652.0</t>
  </si>
  <si>
    <t>238144.0</t>
  </si>
  <si>
    <t>870515994.0</t>
  </si>
  <si>
    <t>334160601.0</t>
  </si>
  <si>
    <t>326009965.0</t>
  </si>
  <si>
    <t>223633248.0</t>
  </si>
  <si>
    <t>218679.0</t>
  </si>
  <si>
    <t>193.38</t>
  </si>
  <si>
    <t>49.68</t>
  </si>
  <si>
    <t>870732887.0</t>
  </si>
  <si>
    <t>334171660.0</t>
  </si>
  <si>
    <t>326027145.0</t>
  </si>
  <si>
    <t>223822461.0</t>
  </si>
  <si>
    <t>290384.0</t>
  </si>
  <si>
    <t>212997.0</t>
  </si>
  <si>
    <t>870980139.0</t>
  </si>
  <si>
    <t>334181644.0</t>
  </si>
  <si>
    <t>326047018.0</t>
  </si>
  <si>
    <t>224039269.0</t>
  </si>
  <si>
    <t>309154.0</t>
  </si>
  <si>
    <t>210166.0</t>
  </si>
  <si>
    <t>193.49</t>
  </si>
  <si>
    <t>14845.0</t>
  </si>
  <si>
    <t>871287772.0</t>
  </si>
  <si>
    <t>334195498.0</t>
  </si>
  <si>
    <t>326086715.0</t>
  </si>
  <si>
    <t>224304365.0</t>
  </si>
  <si>
    <t>327451.0</t>
  </si>
  <si>
    <t>210238.0</t>
  </si>
  <si>
    <t>871756413.0</t>
  </si>
  <si>
    <t>334209763.0</t>
  </si>
  <si>
    <t>326115279.0</t>
  </si>
  <si>
    <t>224570432.0</t>
  </si>
  <si>
    <t>226995.0</t>
  </si>
  <si>
    <t>15037.0</t>
  </si>
  <si>
    <t>871853844.0</t>
  </si>
  <si>
    <t>334215146.0</t>
  </si>
  <si>
    <t>326125468.0</t>
  </si>
  <si>
    <t>224651230.0</t>
  </si>
  <si>
    <t>170908.0</t>
  </si>
  <si>
    <t>230997.0</t>
  </si>
  <si>
    <t>15340.0</t>
  </si>
  <si>
    <t>872093461.0</t>
  </si>
  <si>
    <t>334219910.0</t>
  </si>
  <si>
    <t>326132085.0</t>
  </si>
  <si>
    <t>224675841.0</t>
  </si>
  <si>
    <t>102848.0</t>
  </si>
  <si>
    <t>233870.0</t>
  </si>
  <si>
    <t>872228941.0</t>
  </si>
  <si>
    <t>334228504.0</t>
  </si>
  <si>
    <t>326145236.0</t>
  </si>
  <si>
    <t>224778308.0</t>
  </si>
  <si>
    <t>188927.0</t>
  </si>
  <si>
    <t>244290.0</t>
  </si>
  <si>
    <t>193.77</t>
  </si>
  <si>
    <t>16410.0</t>
  </si>
  <si>
    <t>872500546.0</t>
  </si>
  <si>
    <t>334238448.0</t>
  </si>
  <si>
    <t>326162973.0</t>
  </si>
  <si>
    <t>225021095.0</t>
  </si>
  <si>
    <t>343617.0</t>
  </si>
  <si>
    <t>251896.0</t>
  </si>
  <si>
    <t>16429.0</t>
  </si>
  <si>
    <t>872880194.0</t>
  </si>
  <si>
    <t>334259208.0</t>
  </si>
  <si>
    <t>326218495.0</t>
  </si>
  <si>
    <t>225339616.0</t>
  </si>
  <si>
    <t>343028.0</t>
  </si>
  <si>
    <t>256737.0</t>
  </si>
  <si>
    <t>193.91</t>
  </si>
  <si>
    <t>16640.0</t>
  </si>
  <si>
    <t>873167087.0</t>
  </si>
  <si>
    <t>334269806.0</t>
  </si>
  <si>
    <t>326237268.0</t>
  </si>
  <si>
    <t>225598645.0</t>
  </si>
  <si>
    <t>340738.0</t>
  </si>
  <si>
    <t>258634.0</t>
  </si>
  <si>
    <t>873576155.0</t>
  </si>
  <si>
    <t>334293138.0</t>
  </si>
  <si>
    <t>326272788.0</t>
  </si>
  <si>
    <t>225859366.0</t>
  </si>
  <si>
    <t>337151.0</t>
  </si>
  <si>
    <t>261032.0</t>
  </si>
  <si>
    <t>194.06</t>
  </si>
  <si>
    <t>18240.0</t>
  </si>
  <si>
    <t>873696686.0</t>
  </si>
  <si>
    <t>334319737.0</t>
  </si>
  <si>
    <t>326298291.0</t>
  </si>
  <si>
    <t>225947803.0</t>
  </si>
  <si>
    <t>182850.0</t>
  </si>
  <si>
    <t>262737.0</t>
  </si>
  <si>
    <t>873946256.0</t>
  </si>
  <si>
    <t>334326138.0</t>
  </si>
  <si>
    <t>326305842.0</t>
  </si>
  <si>
    <t>225963976.0</t>
  </si>
  <si>
    <t>78412.0</t>
  </si>
  <si>
    <t>259246.0</t>
  </si>
  <si>
    <t>874076626.0</t>
  </si>
  <si>
    <t>334331498.0</t>
  </si>
  <si>
    <t>326314259.0</t>
  </si>
  <si>
    <t>226078735.0</t>
  </si>
  <si>
    <t>184996.0</t>
  </si>
  <si>
    <t>258681.0</t>
  </si>
  <si>
    <t>194.18</t>
  </si>
  <si>
    <t>874290331.0</t>
  </si>
  <si>
    <t>334338595.0</t>
  </si>
  <si>
    <t>326327101.0</t>
  </si>
  <si>
    <t>226270705.0</t>
  </si>
  <si>
    <t>268424.0</t>
  </si>
  <si>
    <t>247943.0</t>
  </si>
  <si>
    <t>194.22</t>
  </si>
  <si>
    <t>19157.0</t>
  </si>
  <si>
    <t>874661182.0</t>
  </si>
  <si>
    <t>334356439.0</t>
  </si>
  <si>
    <t>326368431.0</t>
  </si>
  <si>
    <t>226594937.0</t>
  </si>
  <si>
    <t>333409.0</t>
  </si>
  <si>
    <t>246569.0</t>
  </si>
  <si>
    <t>194.31</t>
  </si>
  <si>
    <t>874910820.0</t>
  </si>
  <si>
    <t>334366765.0</t>
  </si>
  <si>
    <t>326384729.0</t>
  </si>
  <si>
    <t>226818864.0</t>
  </si>
  <si>
    <t>304642.0</t>
  </si>
  <si>
    <t>241412.0</t>
  </si>
  <si>
    <t>19092.0</t>
  </si>
  <si>
    <t>875258293.0</t>
  </si>
  <si>
    <t>334380990.0</t>
  </si>
  <si>
    <t>326407954.0</t>
  </si>
  <si>
    <t>227063321.0</t>
  </si>
  <si>
    <t>287681.0</t>
  </si>
  <si>
    <t>234342.0</t>
  </si>
  <si>
    <t>17718.0</t>
  </si>
  <si>
    <t>875343112.0</t>
  </si>
  <si>
    <t>334385324.0</t>
  </si>
  <si>
    <t>326414938.0</t>
  </si>
  <si>
    <t>227135707.0</t>
  </si>
  <si>
    <t>227827.0</t>
  </si>
  <si>
    <t>50.46</t>
  </si>
  <si>
    <t>15518.0</t>
  </si>
  <si>
    <t>875529051.0</t>
  </si>
  <si>
    <t>334388763.0</t>
  </si>
  <si>
    <t>326419972.0</t>
  </si>
  <si>
    <t>227151054.0</t>
  </si>
  <si>
    <t>70327.0</t>
  </si>
  <si>
    <t>226670.0</t>
  </si>
  <si>
    <t>875662047.0</t>
  </si>
  <si>
    <t>334393493.0</t>
  </si>
  <si>
    <t>326427465.0</t>
  </si>
  <si>
    <t>227270026.0</t>
  </si>
  <si>
    <t>180188.0</t>
  </si>
  <si>
    <t>225984.0</t>
  </si>
  <si>
    <t>194.53</t>
  </si>
  <si>
    <t>15165.0</t>
  </si>
  <si>
    <t>875885338.0</t>
  </si>
  <si>
    <t>334401117.0</t>
  </si>
  <si>
    <t>326439938.0</t>
  </si>
  <si>
    <t>227471157.0</t>
  </si>
  <si>
    <t>262048.0</t>
  </si>
  <si>
    <t>225073.0</t>
  </si>
  <si>
    <t>876192671.0</t>
  </si>
  <si>
    <t>334417341.0</t>
  </si>
  <si>
    <t>326474380.0</t>
  </si>
  <si>
    <t>227740162.0</t>
  </si>
  <si>
    <t>260254.0</t>
  </si>
  <si>
    <t>214622.0</t>
  </si>
  <si>
    <t>194.65</t>
  </si>
  <si>
    <t>876412343.0</t>
  </si>
  <si>
    <t>334423602.0</t>
  </si>
  <si>
    <t>326485079.0</t>
  </si>
  <si>
    <t>227940413.0</t>
  </si>
  <si>
    <t>287753.0</t>
  </si>
  <si>
    <t>212212.0</t>
  </si>
  <si>
    <t>194.69</t>
  </si>
  <si>
    <t>876703593.0</t>
  </si>
  <si>
    <t>334435086.0</t>
  </si>
  <si>
    <t>326504336.0</t>
  </si>
  <si>
    <t>228149361.0</t>
  </si>
  <si>
    <t>262745.0</t>
  </si>
  <si>
    <t>208648.0</t>
  </si>
  <si>
    <t>194.76</t>
  </si>
  <si>
    <t>876780967.0</t>
  </si>
  <si>
    <t>334439483.0</t>
  </si>
  <si>
    <t>326510400.0</t>
  </si>
  <si>
    <t>228214955.0</t>
  </si>
  <si>
    <t>150478.0</t>
  </si>
  <si>
    <t>210539.0</t>
  </si>
  <si>
    <t>194.78</t>
  </si>
  <si>
    <t>13933.0</t>
  </si>
  <si>
    <t>876930687.0</t>
  </si>
  <si>
    <t>334444490.0</t>
  </si>
  <si>
    <t>326515580.0</t>
  </si>
  <si>
    <t>228229889.0</t>
  </si>
  <si>
    <t>94652.0</t>
  </si>
  <si>
    <t>214016.0</t>
  </si>
  <si>
    <t>194.81</t>
  </si>
  <si>
    <t>877052144.0</t>
  </si>
  <si>
    <t>334448732.0</t>
  </si>
  <si>
    <t>326522492.0</t>
  </si>
  <si>
    <t>228337839.0</t>
  </si>
  <si>
    <t>193250.0</t>
  </si>
  <si>
    <t>215881.0</t>
  </si>
  <si>
    <t>194.84</t>
  </si>
  <si>
    <t>13853.0</t>
  </si>
  <si>
    <t>877255996.0</t>
  </si>
  <si>
    <t>334462501.0</t>
  </si>
  <si>
    <t>326540356.0</t>
  </si>
  <si>
    <t>228521744.0</t>
  </si>
  <si>
    <t>276176.0</t>
  </si>
  <si>
    <t>217900.0</t>
  </si>
  <si>
    <t>194.88</t>
  </si>
  <si>
    <t>877528011.0</t>
  </si>
  <si>
    <t>334476680.0</t>
  </si>
  <si>
    <t>326568642.0</t>
  </si>
  <si>
    <t>228764754.0</t>
  </si>
  <si>
    <t>258117.0</t>
  </si>
  <si>
    <t>217595.0</t>
  </si>
  <si>
    <t>194.94</t>
  </si>
  <si>
    <t>877728287.0</t>
  </si>
  <si>
    <t>334482512.0</t>
  </si>
  <si>
    <t>326578902.0</t>
  </si>
  <si>
    <t>228946683.0</t>
  </si>
  <si>
    <t>271959.0</t>
  </si>
  <si>
    <t>878069875.0</t>
  </si>
  <si>
    <t>334493963.0</t>
  </si>
  <si>
    <t>326597585.0</t>
  </si>
  <si>
    <t>229153516.0</t>
  </si>
  <si>
    <t>260686.0</t>
  </si>
  <si>
    <t>215045.0</t>
  </si>
  <si>
    <t>195.06</t>
  </si>
  <si>
    <t>14438.0</t>
  </si>
  <si>
    <t>878140522.0</t>
  </si>
  <si>
    <t>334498693.0</t>
  </si>
  <si>
    <t>326603629.0</t>
  </si>
  <si>
    <t>229212177.0</t>
  </si>
  <si>
    <t>146218.0</t>
  </si>
  <si>
    <t>195.08</t>
  </si>
  <si>
    <t>878506166.0</t>
  </si>
  <si>
    <t>334503382.0</t>
  </si>
  <si>
    <t>326610129.0</t>
  </si>
  <si>
    <t>229466573.0</t>
  </si>
  <si>
    <t>214079.0</t>
  </si>
  <si>
    <t>878620898.0</t>
  </si>
  <si>
    <t>334507348.0</t>
  </si>
  <si>
    <t>326617015.0</t>
  </si>
  <si>
    <t>229568563.0</t>
  </si>
  <si>
    <t>172380.0</t>
  </si>
  <si>
    <t>211098.0</t>
  </si>
  <si>
    <t>195.19</t>
  </si>
  <si>
    <t>878811801.0</t>
  </si>
  <si>
    <t>334519308.0</t>
  </si>
  <si>
    <t>326631324.0</t>
  </si>
  <si>
    <t>229741462.0</t>
  </si>
  <si>
    <t>249072.0</t>
  </si>
  <si>
    <t>207226.0</t>
  </si>
  <si>
    <t>195.23</t>
  </si>
  <si>
    <t>879103011.0</t>
  </si>
  <si>
    <t>334540027.0</t>
  </si>
  <si>
    <t>326667734.0</t>
  </si>
  <si>
    <t>229994079.0</t>
  </si>
  <si>
    <t>238231.0</t>
  </si>
  <si>
    <t>204387.0</t>
  </si>
  <si>
    <t>195.29</t>
  </si>
  <si>
    <t>879170776.0</t>
  </si>
  <si>
    <t>334544828.0</t>
  </si>
  <si>
    <t>326674112.0</t>
  </si>
  <si>
    <t>230051422.0</t>
  </si>
  <si>
    <t>118418.0</t>
  </si>
  <si>
    <t>182449.0</t>
  </si>
  <si>
    <t>195.31</t>
  </si>
  <si>
    <t>879472171.0</t>
  </si>
  <si>
    <t>334554787.0</t>
  </si>
  <si>
    <t>326689820.0</t>
  </si>
  <si>
    <t>230199067.0</t>
  </si>
  <si>
    <t>171769.0</t>
  </si>
  <si>
    <t>169748.0</t>
  </si>
  <si>
    <t>879524230.0</t>
  </si>
  <si>
    <t>334557384.0</t>
  </si>
  <si>
    <t>326694137.0</t>
  </si>
  <si>
    <t>230242910.0</t>
  </si>
  <si>
    <t>108730.0</t>
  </si>
  <si>
    <t>164392.0</t>
  </si>
  <si>
    <t>195.39</t>
  </si>
  <si>
    <t>14349.0</t>
  </si>
  <si>
    <t>879610741.0</t>
  </si>
  <si>
    <t>334560863.0</t>
  </si>
  <si>
    <t>326699195.0</t>
  </si>
  <si>
    <t>230255451.0</t>
  </si>
  <si>
    <t>161148.0</t>
  </si>
  <si>
    <t>195.41</t>
  </si>
  <si>
    <t>879720834.0</t>
  </si>
  <si>
    <t>334566263.0</t>
  </si>
  <si>
    <t>326707437.0</t>
  </si>
  <si>
    <t>230352015.0</t>
  </si>
  <si>
    <t>163516.0</t>
  </si>
  <si>
    <t>159884.0</t>
  </si>
  <si>
    <t>879894987.0</t>
  </si>
  <si>
    <t>334575303.0</t>
  </si>
  <si>
    <t>326717097.0</t>
  </si>
  <si>
    <t>230511658.0</t>
  </si>
  <si>
    <t>227953.0</t>
  </si>
  <si>
    <t>156867.0</t>
  </si>
  <si>
    <t>195.47</t>
  </si>
  <si>
    <t>880149220.0</t>
  </si>
  <si>
    <t>334587888.0</t>
  </si>
  <si>
    <t>326743185.0</t>
  </si>
  <si>
    <t>230738489.0</t>
  </si>
  <si>
    <t>211949.0</t>
  </si>
  <si>
    <t>195.52</t>
  </si>
  <si>
    <t>880297655.0</t>
  </si>
  <si>
    <t>334592289.0</t>
  </si>
  <si>
    <t>326751446.0</t>
  </si>
  <si>
    <t>230872481.0</t>
  </si>
  <si>
    <t>203361.0</t>
  </si>
  <si>
    <t>195.56</t>
  </si>
  <si>
    <t>880664167.0</t>
  </si>
  <si>
    <t>334601785.0</t>
  </si>
  <si>
    <t>326766564.0</t>
  </si>
  <si>
    <t>231081833.0</t>
  </si>
  <si>
    <t>210161.0</t>
  </si>
  <si>
    <t>170730.0</t>
  </si>
  <si>
    <t>12866.0</t>
  </si>
  <si>
    <t>880711311.0</t>
  </si>
  <si>
    <t>334604555.0</t>
  </si>
  <si>
    <t>326770870.0</t>
  </si>
  <si>
    <t>231120798.0</t>
  </si>
  <si>
    <t>98115.0</t>
  </si>
  <si>
    <t>169214.0</t>
  </si>
  <si>
    <t>195.65</t>
  </si>
  <si>
    <t>880782835.0</t>
  </si>
  <si>
    <t>334607254.0</t>
  </si>
  <si>
    <t>326775174.0</t>
  </si>
  <si>
    <t>231127489.0</t>
  </si>
  <si>
    <t>60014.0</t>
  </si>
  <si>
    <t>167866.0</t>
  </si>
  <si>
    <t>195.67</t>
  </si>
  <si>
    <t>12751.0</t>
  </si>
  <si>
    <t>880822271.0</t>
  </si>
  <si>
    <t>334609339.0</t>
  </si>
  <si>
    <t>326778781.0</t>
  </si>
  <si>
    <t>231160003.0</t>
  </si>
  <si>
    <t>87807.0</t>
  </si>
  <si>
    <t>157050.0</t>
  </si>
  <si>
    <t>880965611.0</t>
  </si>
  <si>
    <t>334613945.0</t>
  </si>
  <si>
    <t>326787018.0</t>
  </si>
  <si>
    <t>231293612.0</t>
  </si>
  <si>
    <t>191618.0</t>
  </si>
  <si>
    <t>151862.0</t>
  </si>
  <si>
    <t>195.71</t>
  </si>
  <si>
    <t>11597.0</t>
  </si>
  <si>
    <t>881204130.0</t>
  </si>
  <si>
    <t>334625969.0</t>
  </si>
  <si>
    <t>326809862.0</t>
  </si>
  <si>
    <t>231509719.0</t>
  </si>
  <si>
    <t>201379.0</t>
  </si>
  <si>
    <t>150352.0</t>
  </si>
  <si>
    <t>881393649.0</t>
  </si>
  <si>
    <t>334631381.0</t>
  </si>
  <si>
    <t>326819927.0</t>
  </si>
  <si>
    <t>231682089.0</t>
  </si>
  <si>
    <t>217151.0</t>
  </si>
  <si>
    <t>152320.0</t>
  </si>
  <si>
    <t>195.8</t>
  </si>
  <si>
    <t>881736099.0</t>
  </si>
  <si>
    <t>334639460.0</t>
  </si>
  <si>
    <t>326833789.0</t>
  </si>
  <si>
    <t>231889195.0</t>
  </si>
  <si>
    <t>210861.0</t>
  </si>
  <si>
    <t>152421.0</t>
  </si>
  <si>
    <t>195.88</t>
  </si>
  <si>
    <t>11450.0</t>
  </si>
  <si>
    <t>881792828.0</t>
  </si>
  <si>
    <t>334642418.0</t>
  </si>
  <si>
    <t>326838484.0</t>
  </si>
  <si>
    <t>231936911.0</t>
  </si>
  <si>
    <t>108977.0</t>
  </si>
  <si>
    <t>153973.0</t>
  </si>
  <si>
    <t>195.89</t>
  </si>
  <si>
    <t>881848926.0</t>
  </si>
  <si>
    <t>334644241.0</t>
  </si>
  <si>
    <t>326842239.0</t>
  </si>
  <si>
    <t>231946088.0</t>
  </si>
  <si>
    <t>62913.0</t>
  </si>
  <si>
    <t>153353.0</t>
  </si>
  <si>
    <t>195.9</t>
  </si>
  <si>
    <t>881938968.0</t>
  </si>
  <si>
    <t>334647449.0</t>
  </si>
  <si>
    <t>326847620.0</t>
  </si>
  <si>
    <t>232026897.0</t>
  </si>
  <si>
    <t>141717.0</t>
  </si>
  <si>
    <t>882093643.0</t>
  </si>
  <si>
    <t>334652103.0</t>
  </si>
  <si>
    <t>326855730.0</t>
  </si>
  <si>
    <t>232171572.0</t>
  </si>
  <si>
    <t>206397.0</t>
  </si>
  <si>
    <t>163511.0</t>
  </si>
  <si>
    <t>195.96</t>
  </si>
  <si>
    <t>882366145.0</t>
  </si>
  <si>
    <t>334663647.0</t>
  </si>
  <si>
    <t>326877063.0</t>
  </si>
  <si>
    <t>232423508.0</t>
  </si>
  <si>
    <t>200717.0</t>
  </si>
  <si>
    <t>163587.0</t>
  </si>
  <si>
    <t>882492415.0</t>
  </si>
  <si>
    <t>334668240.0</t>
  </si>
  <si>
    <t>326882982.0</t>
  </si>
  <si>
    <t>232538790.0</t>
  </si>
  <si>
    <t>174928.0</t>
  </si>
  <si>
    <t>157729.0</t>
  </si>
  <si>
    <t>196.05</t>
  </si>
  <si>
    <t>882821762.0</t>
  </si>
  <si>
    <t>334676143.0</t>
  </si>
  <si>
    <t>326895414.0</t>
  </si>
  <si>
    <t>232737546.0</t>
  </si>
  <si>
    <t>194753.0</t>
  </si>
  <si>
    <t>155601.0</t>
  </si>
  <si>
    <t>882873243.0</t>
  </si>
  <si>
    <t>334678462.0</t>
  </si>
  <si>
    <t>326898875.0</t>
  </si>
  <si>
    <t>232782975.0</t>
  </si>
  <si>
    <t>154914.0</t>
  </si>
  <si>
    <t>882927231.0</t>
  </si>
  <si>
    <t>334681308.0</t>
  </si>
  <si>
    <t>326902671.0</t>
  </si>
  <si>
    <t>232793907.0</t>
  </si>
  <si>
    <t>63870.0</t>
  </si>
  <si>
    <t>155053.0</t>
  </si>
  <si>
    <t>883026336.0</t>
  </si>
  <si>
    <t>334684721.0</t>
  </si>
  <si>
    <t>326908029.0</t>
  </si>
  <si>
    <t>232883663.0</t>
  </si>
  <si>
    <t>148211.0</t>
  </si>
  <si>
    <t>155981.0</t>
  </si>
  <si>
    <t>883190001.0</t>
  </si>
  <si>
    <t>334689878.0</t>
  </si>
  <si>
    <t>326915761.0</t>
  </si>
  <si>
    <t>233037010.0</t>
  </si>
  <si>
    <t>156925.0</t>
  </si>
  <si>
    <t>883434636.0</t>
  </si>
  <si>
    <t>334698984.0</t>
  </si>
  <si>
    <t>326933987.0</t>
  </si>
  <si>
    <t>233269530.0</t>
  </si>
  <si>
    <t>210199.0</t>
  </si>
  <si>
    <t>158279.0</t>
  </si>
  <si>
    <t>883662867.0</t>
  </si>
  <si>
    <t>334704434.0</t>
  </si>
  <si>
    <t>326943583.0</t>
  </si>
  <si>
    <t>233481653.0</t>
  </si>
  <si>
    <t>234404.0</t>
  </si>
  <si>
    <t>166777.0</t>
  </si>
  <si>
    <t>884039662.0</t>
  </si>
  <si>
    <t>334714042.0</t>
  </si>
  <si>
    <t>326958619.0</t>
  </si>
  <si>
    <t>233727623.0</t>
  </si>
  <si>
    <t>230970.0</t>
  </si>
  <si>
    <t>171950.0</t>
  </si>
  <si>
    <t>884106670.0</t>
  </si>
  <si>
    <t>334717000.0</t>
  </si>
  <si>
    <t>326962938.0</t>
  </si>
  <si>
    <t>233787032.0</t>
  </si>
  <si>
    <t>107590.0</t>
  </si>
  <si>
    <t>172606.0</t>
  </si>
  <si>
    <t>196.4</t>
  </si>
  <si>
    <t>11564.0</t>
  </si>
  <si>
    <t>884146764.0</t>
  </si>
  <si>
    <t>334719112.0</t>
  </si>
  <si>
    <t>326966024.0</t>
  </si>
  <si>
    <t>233799112.0</t>
  </si>
  <si>
    <t>54310.0</t>
  </si>
  <si>
    <t>171242.0</t>
  </si>
  <si>
    <t>196.41</t>
  </si>
  <si>
    <t>11534.0</t>
  </si>
  <si>
    <t>884271325.0</t>
  </si>
  <si>
    <t>334722353.0</t>
  </si>
  <si>
    <t>326970852.0</t>
  </si>
  <si>
    <t>233914900.0</t>
  </si>
  <si>
    <t>164791.0</t>
  </si>
  <si>
    <t>173610.0</t>
  </si>
  <si>
    <t>196.44</t>
  </si>
  <si>
    <t>884486437.0</t>
  </si>
  <si>
    <t>334728552.0</t>
  </si>
  <si>
    <t>326979105.0</t>
  </si>
  <si>
    <t>234118260.0</t>
  </si>
  <si>
    <t>254686.0</t>
  </si>
  <si>
    <t>179565.0</t>
  </si>
  <si>
    <t>11605.0</t>
  </si>
  <si>
    <t>884769680.0</t>
  </si>
  <si>
    <t>334738434.0</t>
  </si>
  <si>
    <t>326998675.0</t>
  </si>
  <si>
    <t>234385594.0</t>
  </si>
  <si>
    <t>232948.0</t>
  </si>
  <si>
    <t>182814.0</t>
  </si>
  <si>
    <t>196.55</t>
  </si>
  <si>
    <t>885001076.0</t>
  </si>
  <si>
    <t>334743607.0</t>
  </si>
  <si>
    <t>327006627.0</t>
  </si>
  <si>
    <t>234603480.0</t>
  </si>
  <si>
    <t>274508.0</t>
  </si>
  <si>
    <t>188541.0</t>
  </si>
  <si>
    <t>885386838.0</t>
  </si>
  <si>
    <t>334752228.0</t>
  </si>
  <si>
    <t>327019876.0</t>
  </si>
  <si>
    <t>234878244.0</t>
  </si>
  <si>
    <t>270527.0</t>
  </si>
  <si>
    <t>194194.0</t>
  </si>
  <si>
    <t>196.69</t>
  </si>
  <si>
    <t>885466221.0</t>
  </si>
  <si>
    <t>334755137.0</t>
  </si>
  <si>
    <t>327023625.0</t>
  </si>
  <si>
    <t>234950895.0</t>
  </si>
  <si>
    <t>118199.0</t>
  </si>
  <si>
    <t>195710.0</t>
  </si>
  <si>
    <t>196.71</t>
  </si>
  <si>
    <t>885509330.0</t>
  </si>
  <si>
    <t>334756796.0</t>
  </si>
  <si>
    <t>327026379.0</t>
  </si>
  <si>
    <t>234965387.0</t>
  </si>
  <si>
    <t>54407.0</t>
  </si>
  <si>
    <t>196.72</t>
  </si>
  <si>
    <t>11622.0</t>
  </si>
  <si>
    <t>885670862.0</t>
  </si>
  <si>
    <t>334760670.0</t>
  </si>
  <si>
    <t>327032185.0</t>
  </si>
  <si>
    <t>235115702.0</t>
  </si>
  <si>
    <t>199952.0</t>
  </si>
  <si>
    <t>200745.0</t>
  </si>
  <si>
    <t>885928587.0</t>
  </si>
  <si>
    <t>334765306.0</t>
  </si>
  <si>
    <t>327038791.0</t>
  </si>
  <si>
    <t>235361628.0</t>
  </si>
  <si>
    <t>296205.0</t>
  </si>
  <si>
    <t>206677.0</t>
  </si>
  <si>
    <t>196.81</t>
  </si>
  <si>
    <t>886271007.0</t>
  </si>
  <si>
    <t>334775874.0</t>
  </si>
  <si>
    <t>327058770.0</t>
  </si>
  <si>
    <t>235683007.0</t>
  </si>
  <si>
    <t>271325.0</t>
  </si>
  <si>
    <t>212160.0</t>
  </si>
  <si>
    <t>196.88</t>
  </si>
  <si>
    <t>886538968.0</t>
  </si>
  <si>
    <t>334780430.0</t>
  </si>
  <si>
    <t>327065646.0</t>
  </si>
  <si>
    <t>235936308.0</t>
  </si>
  <si>
    <t>311421.0</t>
  </si>
  <si>
    <t>217397.0</t>
  </si>
  <si>
    <t>196.94</t>
  </si>
  <si>
    <t>886938402.0</t>
  </si>
  <si>
    <t>334789410.0</t>
  </si>
  <si>
    <t>327077599.0</t>
  </si>
  <si>
    <t>236241238.0</t>
  </si>
  <si>
    <t>307443.0</t>
  </si>
  <si>
    <t>222688.0</t>
  </si>
  <si>
    <t>197.03</t>
  </si>
  <si>
    <t>887029625.0</t>
  </si>
  <si>
    <t>334792007.0</t>
  </si>
  <si>
    <t>327080822.0</t>
  </si>
  <si>
    <t>236323826.0</t>
  </si>
  <si>
    <t>132844.0</t>
  </si>
  <si>
    <t>224781.0</t>
  </si>
  <si>
    <t>887072268.0</t>
  </si>
  <si>
    <t>334794936.0</t>
  </si>
  <si>
    <t>327083277.0</t>
  </si>
  <si>
    <t>236339929.0</t>
  </si>
  <si>
    <t>61100.0</t>
  </si>
  <si>
    <t>225740.0</t>
  </si>
  <si>
    <t>197.06</t>
  </si>
  <si>
    <t>887257838.0</t>
  </si>
  <si>
    <t>334798972.0</t>
  </si>
  <si>
    <t>327088679.0</t>
  </si>
  <si>
    <t>236513320.0</t>
  </si>
  <si>
    <t>227506.0</t>
  </si>
  <si>
    <t>229676.0</t>
  </si>
  <si>
    <t>197.1</t>
  </si>
  <si>
    <t>887557974.0</t>
  </si>
  <si>
    <t>334804449.0</t>
  </si>
  <si>
    <t>327095922.0</t>
  </si>
  <si>
    <t>236801194.0</t>
  </si>
  <si>
    <t>343860.0</t>
  </si>
  <si>
    <t>236401.0</t>
  </si>
  <si>
    <t>197.17</t>
  </si>
  <si>
    <t>887938892.0</t>
  </si>
  <si>
    <t>334815638.0</t>
  </si>
  <si>
    <t>327115633.0</t>
  </si>
  <si>
    <t>237154026.0</t>
  </si>
  <si>
    <t>310845.0</t>
  </si>
  <si>
    <t>242071.0</t>
  </si>
  <si>
    <t>197.26</t>
  </si>
  <si>
    <t>11719.0</t>
  </si>
  <si>
    <t>888112515.0</t>
  </si>
  <si>
    <t>334818805.0</t>
  </si>
  <si>
    <t>327120468.0</t>
  </si>
  <si>
    <t>237315923.0</t>
  </si>
  <si>
    <t>218326.0</t>
  </si>
  <si>
    <t>228793.0</t>
  </si>
  <si>
    <t>197.29</t>
  </si>
  <si>
    <t>888536726.0</t>
  </si>
  <si>
    <t>334826931.0</t>
  </si>
  <si>
    <t>327131172.0</t>
  </si>
  <si>
    <t>237607192.0</t>
  </si>
  <si>
    <t>314520.0</t>
  </si>
  <si>
    <t>229838.0</t>
  </si>
  <si>
    <t>888640387.0</t>
  </si>
  <si>
    <t>334829314.0</t>
  </si>
  <si>
    <t>327134032.0</t>
  </si>
  <si>
    <t>237705274.0</t>
  </si>
  <si>
    <t>231380.0</t>
  </si>
  <si>
    <t>197.41</t>
  </si>
  <si>
    <t>888688488.0</t>
  </si>
  <si>
    <t>334831047.0</t>
  </si>
  <si>
    <t>327136218.0</t>
  </si>
  <si>
    <t>237723174.0</t>
  </si>
  <si>
    <t>58424.0</t>
  </si>
  <si>
    <t>197.42</t>
  </si>
  <si>
    <t>888887789.0</t>
  </si>
  <si>
    <t>334834376.0</t>
  </si>
  <si>
    <t>327140945.0</t>
  </si>
  <si>
    <t>237911224.0</t>
  </si>
  <si>
    <t>237950.0</t>
  </si>
  <si>
    <t>232504.0</t>
  </si>
  <si>
    <t>889178087.0</t>
  </si>
  <si>
    <t>334838937.0</t>
  </si>
  <si>
    <t>327146685.0</t>
  </si>
  <si>
    <t>238192483.0</t>
  </si>
  <si>
    <t>329060.0</t>
  </si>
  <si>
    <t>230388.0</t>
  </si>
  <si>
    <t>889528120.0</t>
  </si>
  <si>
    <t>334847638.0</t>
  </si>
  <si>
    <t>327162210.0</t>
  </si>
  <si>
    <t>238520423.0</t>
  </si>
  <si>
    <t>303539.0</t>
  </si>
  <si>
    <t>229344.0</t>
  </si>
  <si>
    <t>889832719.0</t>
  </si>
  <si>
    <t>334853244.0</t>
  </si>
  <si>
    <t>327168705.0</t>
  </si>
  <si>
    <t>238808697.0</t>
  </si>
  <si>
    <t>340479.0</t>
  </si>
  <si>
    <t>246796.0</t>
  </si>
  <si>
    <t>11251.0</t>
  </si>
  <si>
    <t>890247602.0</t>
  </si>
  <si>
    <t>334861044.0</t>
  </si>
  <si>
    <t>327178633.0</t>
  </si>
  <si>
    <t>239115714.0</t>
  </si>
  <si>
    <t>330145.0</t>
  </si>
  <si>
    <t>249030.0</t>
  </si>
  <si>
    <t>197.77</t>
  </si>
  <si>
    <t>890354255.0</t>
  </si>
  <si>
    <t>334863126.0</t>
  </si>
  <si>
    <t>327181552.0</t>
  </si>
  <si>
    <t>239216685.0</t>
  </si>
  <si>
    <t>141279.0</t>
  </si>
  <si>
    <t>248695.0</t>
  </si>
  <si>
    <t>197.79</t>
  </si>
  <si>
    <t>11162.0</t>
  </si>
  <si>
    <t>890396276.0</t>
  </si>
  <si>
    <t>334864922.0</t>
  </si>
  <si>
    <t>327183841.0</t>
  </si>
  <si>
    <t>239235637.0</t>
  </si>
  <si>
    <t>54924.0</t>
  </si>
  <si>
    <t>248197.0</t>
  </si>
  <si>
    <t>890595505.0</t>
  </si>
  <si>
    <t>334868237.0</t>
  </si>
  <si>
    <t>327188143.0</t>
  </si>
  <si>
    <t>239424859.0</t>
  </si>
  <si>
    <t>233491.0</t>
  </si>
  <si>
    <t>247561.0</t>
  </si>
  <si>
    <t>890892983.0</t>
  </si>
  <si>
    <t>334873204.0</t>
  </si>
  <si>
    <t>327194125.0</t>
  </si>
  <si>
    <t>239713782.0</t>
  </si>
  <si>
    <t>329193.0</t>
  </si>
  <si>
    <t>247577.0</t>
  </si>
  <si>
    <t>891245667.0</t>
  </si>
  <si>
    <t>334881403.0</t>
  </si>
  <si>
    <t>327207844.0</t>
  </si>
  <si>
    <t>240044876.0</t>
  </si>
  <si>
    <t>321923.0</t>
  </si>
  <si>
    <t>250202.0</t>
  </si>
  <si>
    <t>197.99</t>
  </si>
  <si>
    <t>891560660.0</t>
  </si>
  <si>
    <t>334885626.0</t>
  </si>
  <si>
    <t>327213080.0</t>
  </si>
  <si>
    <t>240346375.0</t>
  </si>
  <si>
    <t>348275.0</t>
  </si>
  <si>
    <t>251319.0</t>
  </si>
  <si>
    <t>891972373.0</t>
  </si>
  <si>
    <t>334893311.0</t>
  </si>
  <si>
    <t>327222253.0</t>
  </si>
  <si>
    <t>240658778.0</t>
  </si>
  <si>
    <t>333154.0</t>
  </si>
  <si>
    <t>251748.0</t>
  </si>
  <si>
    <t>892067469.0</t>
  </si>
  <si>
    <t>334895145.0</t>
  </si>
  <si>
    <t>327224579.0</t>
  </si>
  <si>
    <t>240749116.0</t>
  </si>
  <si>
    <t>123078.0</t>
  </si>
  <si>
    <t>249149.0</t>
  </si>
  <si>
    <t>892105956.0</t>
  </si>
  <si>
    <t>334896545.0</t>
  </si>
  <si>
    <t>327226099.0</t>
  </si>
  <si>
    <t>240766968.0</t>
  </si>
  <si>
    <t>247987.0</t>
  </si>
  <si>
    <t>892319652.0</t>
  </si>
  <si>
    <t>334900112.0</t>
  </si>
  <si>
    <t>327230343.0</t>
  </si>
  <si>
    <t>240971266.0</t>
  </si>
  <si>
    <t>241141.0</t>
  </si>
  <si>
    <t>249039.0</t>
  </si>
  <si>
    <t>10810.0</t>
  </si>
  <si>
    <t>892563244.0</t>
  </si>
  <si>
    <t>334903991.0</t>
  </si>
  <si>
    <t>327235111.0</t>
  </si>
  <si>
    <t>241209027.0</t>
  </si>
  <si>
    <t>271261.0</t>
  </si>
  <si>
    <t>240769.0</t>
  </si>
  <si>
    <t>892980345.0</t>
  </si>
  <si>
    <t>334912929.0</t>
  </si>
  <si>
    <t>327250647.0</t>
  </si>
  <si>
    <t>241602697.0</t>
  </si>
  <si>
    <t>275133.0</t>
  </si>
  <si>
    <t>234091.0</t>
  </si>
  <si>
    <t>893201971.0</t>
  </si>
  <si>
    <t>334916113.0</t>
  </si>
  <si>
    <t>327254670.0</t>
  </si>
  <si>
    <t>241813363.0</t>
  </si>
  <si>
    <t>252943.0</t>
  </si>
  <si>
    <t>220481.0</t>
  </si>
  <si>
    <t>198.42</t>
  </si>
  <si>
    <t>10490.0</t>
  </si>
  <si>
    <t>893493811.0</t>
  </si>
  <si>
    <t>334921618.0</t>
  </si>
  <si>
    <t>327261678.0</t>
  </si>
  <si>
    <t>242039485.0</t>
  </si>
  <si>
    <t>248806.0</t>
  </si>
  <si>
    <t>198.49</t>
  </si>
  <si>
    <t>893561682.0</t>
  </si>
  <si>
    <t>334923150.0</t>
  </si>
  <si>
    <t>327263862.0</t>
  </si>
  <si>
    <t>242103300.0</t>
  </si>
  <si>
    <t>95131.0</t>
  </si>
  <si>
    <t>204454.0</t>
  </si>
  <si>
    <t>198.5</t>
  </si>
  <si>
    <t>893592119.0</t>
  </si>
  <si>
    <t>334928743.0</t>
  </si>
  <si>
    <t>327265187.0</t>
  </si>
  <si>
    <t>242114962.0</t>
  </si>
  <si>
    <t>40902.0</t>
  </si>
  <si>
    <t>203618.0</t>
  </si>
  <si>
    <t>198.51</t>
  </si>
  <si>
    <t>893827681.0</t>
  </si>
  <si>
    <t>334932393.0</t>
  </si>
  <si>
    <t>327269519.0</t>
  </si>
  <si>
    <t>242341112.0</t>
  </si>
  <si>
    <t>261838.0</t>
  </si>
  <si>
    <t>206574.0</t>
  </si>
  <si>
    <t>198.56</t>
  </si>
  <si>
    <t>894017945.0</t>
  </si>
  <si>
    <t>334935989.0</t>
  </si>
  <si>
    <t>327273905.0</t>
  </si>
  <si>
    <t>242526782.0</t>
  </si>
  <si>
    <t>217522.0</t>
  </si>
  <si>
    <t>198899.0</t>
  </si>
  <si>
    <t>198.61</t>
  </si>
  <si>
    <t>894314759.0</t>
  </si>
  <si>
    <t>334942790.0</t>
  </si>
  <si>
    <t>327285010.0</t>
  </si>
  <si>
    <t>242805856.0</t>
  </si>
  <si>
    <t>203050.0</t>
  </si>
  <si>
    <t>188598.0</t>
  </si>
  <si>
    <t>198.67</t>
  </si>
  <si>
    <t>894484996.0</t>
  </si>
  <si>
    <t>334945740.0</t>
  </si>
  <si>
    <t>327288879.0</t>
  </si>
  <si>
    <t>242966314.0</t>
  </si>
  <si>
    <t>197295.0</t>
  </si>
  <si>
    <t>180650.0</t>
  </si>
  <si>
    <t>198.71</t>
  </si>
  <si>
    <t>894770631.0</t>
  </si>
  <si>
    <t>334951370.0</t>
  </si>
  <si>
    <t>327295945.0</t>
  </si>
  <si>
    <t>243207183.0</t>
  </si>
  <si>
    <t>264650.0</t>
  </si>
  <si>
    <t>182913.0</t>
  </si>
  <si>
    <t>198.77</t>
  </si>
  <si>
    <t>894811115.0</t>
  </si>
  <si>
    <t>334952528.0</t>
  </si>
  <si>
    <t>327297352.0</t>
  </si>
  <si>
    <t>243244979.0</t>
  </si>
  <si>
    <t>178761.0</t>
  </si>
  <si>
    <t>894834987.0</t>
  </si>
  <si>
    <t>334953804.0</t>
  </si>
  <si>
    <t>327298764.0</t>
  </si>
  <si>
    <t>243251439.0</t>
  </si>
  <si>
    <t>177638.0</t>
  </si>
  <si>
    <t>894859706.0</t>
  </si>
  <si>
    <t>334954692.0</t>
  </si>
  <si>
    <t>327300126.0</t>
  </si>
  <si>
    <t>243272959.0</t>
  </si>
  <si>
    <t>50687.0</t>
  </si>
  <si>
    <t>147471.0</t>
  </si>
  <si>
    <t>894998564.0</t>
  </si>
  <si>
    <t>334958301.0</t>
  </si>
  <si>
    <t>327304631.0</t>
  </si>
  <si>
    <t>243408834.0</t>
  </si>
  <si>
    <t>164344.0</t>
  </si>
  <si>
    <t>139876.0</t>
  </si>
  <si>
    <t>198.82</t>
  </si>
  <si>
    <t>9339.0</t>
  </si>
  <si>
    <t>895266966.0</t>
  </si>
  <si>
    <t>334963995.0</t>
  </si>
  <si>
    <t>327312748.0</t>
  </si>
  <si>
    <t>243661606.0</t>
  </si>
  <si>
    <t>175506.0</t>
  </si>
  <si>
    <t>135941.0</t>
  </si>
  <si>
    <t>198.88</t>
  </si>
  <si>
    <t>895426861.0</t>
  </si>
  <si>
    <t>334970414.0</t>
  </si>
  <si>
    <t>327319287.0</t>
  </si>
  <si>
    <t>243806290.0</t>
  </si>
  <si>
    <t>187497.0</t>
  </si>
  <si>
    <t>134539.0</t>
  </si>
  <si>
    <t>895614205.0</t>
  </si>
  <si>
    <t>334975268.0</t>
  </si>
  <si>
    <t>327325835.0</t>
  </si>
  <si>
    <t>243958787.0</t>
  </si>
  <si>
    <t>176841.0</t>
  </si>
  <si>
    <t>121996.0</t>
  </si>
  <si>
    <t>198.96</t>
  </si>
  <si>
    <t>895656506.0</t>
  </si>
  <si>
    <t>334976551.0</t>
  </si>
  <si>
    <t>327327405.0</t>
  </si>
  <si>
    <t>243998099.0</t>
  </si>
  <si>
    <t>122386.0</t>
  </si>
  <si>
    <t>198.97</t>
  </si>
  <si>
    <t>895682839.0</t>
  </si>
  <si>
    <t>334979718.0</t>
  </si>
  <si>
    <t>327328883.0</t>
  </si>
  <si>
    <t>251169869.0</t>
  </si>
  <si>
    <t>122708.0</t>
  </si>
  <si>
    <t>198.98</t>
  </si>
  <si>
    <t>895838393.0</t>
  </si>
  <si>
    <t>334983878.0</t>
  </si>
  <si>
    <t>327333780.0</t>
  </si>
  <si>
    <t>251315942.0</t>
  </si>
  <si>
    <t>182703.0</t>
  </si>
  <si>
    <t>141567.0</t>
  </si>
  <si>
    <t>199.01</t>
  </si>
  <si>
    <t>10268.0</t>
  </si>
  <si>
    <t>895960966.0</t>
  </si>
  <si>
    <t>334987107.0</t>
  </si>
  <si>
    <t>327337872.0</t>
  </si>
  <si>
    <t>251434789.0</t>
  </si>
  <si>
    <t>150811.0</t>
  </si>
  <si>
    <t>139635.0</t>
  </si>
  <si>
    <t>896275588.0</t>
  </si>
  <si>
    <t>334994427.0</t>
  </si>
  <si>
    <t>327347947.0</t>
  </si>
  <si>
    <t>251733860.0</t>
  </si>
  <si>
    <t>210776.0</t>
  </si>
  <si>
    <t>144673.0</t>
  </si>
  <si>
    <t>10361.0</t>
  </si>
  <si>
    <t>896429932.0</t>
  </si>
  <si>
    <t>334997730.0</t>
  </si>
  <si>
    <t>327352086.0</t>
  </si>
  <si>
    <t>251878694.0</t>
  </si>
  <si>
    <t>199.14</t>
  </si>
  <si>
    <t>896601933.0</t>
  </si>
  <si>
    <t>335003041.0</t>
  </si>
  <si>
    <t>327359180.0</t>
  </si>
  <si>
    <t>252021884.0</t>
  </si>
  <si>
    <t>141702.0</t>
  </si>
  <si>
    <t>199.18</t>
  </si>
  <si>
    <t>896640652.0</t>
  </si>
  <si>
    <t>335004660.0</t>
  </si>
  <si>
    <t>327361014.0</t>
  </si>
  <si>
    <t>252057219.0</t>
  </si>
  <si>
    <t>61573.0</t>
  </si>
  <si>
    <t>140671.0</t>
  </si>
  <si>
    <t>199.19</t>
  </si>
  <si>
    <t>896676453.0</t>
  </si>
  <si>
    <t>335005744.0</t>
  </si>
  <si>
    <t>327362208.0</t>
  </si>
  <si>
    <t>252090228.0</t>
  </si>
  <si>
    <t>31112.0</t>
  </si>
  <si>
    <t>140073.0</t>
  </si>
  <si>
    <t>896768319.0</t>
  </si>
  <si>
    <t>335008424.0</t>
  </si>
  <si>
    <t>327365603.0</t>
  </si>
  <si>
    <t>252174634.0</t>
  </si>
  <si>
    <t>133270.0</t>
  </si>
  <si>
    <t>896909805.0</t>
  </si>
  <si>
    <t>335012387.0</t>
  </si>
  <si>
    <t>327370420.0</t>
  </si>
  <si>
    <t>252311249.0</t>
  </si>
  <si>
    <t>138123.0</t>
  </si>
  <si>
    <t>199.25</t>
  </si>
  <si>
    <t>897145268.0</t>
  </si>
  <si>
    <t>335020202.0</t>
  </si>
  <si>
    <t>327380429.0</t>
  </si>
  <si>
    <t>252530064.0</t>
  </si>
  <si>
    <t>177378.0</t>
  </si>
  <si>
    <t>133352.0</t>
  </si>
  <si>
    <t>897280203.0</t>
  </si>
  <si>
    <t>335023339.0</t>
  </si>
  <si>
    <t>327384060.0</t>
  </si>
  <si>
    <t>252657049.0</t>
  </si>
  <si>
    <t>176163.0</t>
  </si>
  <si>
    <t>133105.0</t>
  </si>
  <si>
    <t>897438635.0</t>
  </si>
  <si>
    <t>335028393.0</t>
  </si>
  <si>
    <t>327390539.0</t>
  </si>
  <si>
    <t>252791378.0</t>
  </si>
  <si>
    <t>175012.0</t>
  </si>
  <si>
    <t>134443.0</t>
  </si>
  <si>
    <t>199.37</t>
  </si>
  <si>
    <t>897474880.0</t>
  </si>
  <si>
    <t>335030054.0</t>
  </si>
  <si>
    <t>327392504.0</t>
  </si>
  <si>
    <t>252824141.0</t>
  </si>
  <si>
    <t>83862.0</t>
  </si>
  <si>
    <t>135936.0</t>
  </si>
  <si>
    <t>897652343.0</t>
  </si>
  <si>
    <t>335032685.0</t>
  </si>
  <si>
    <t>327393893.0</t>
  </si>
  <si>
    <t>252998010.0</t>
  </si>
  <si>
    <t>139550.0</t>
  </si>
  <si>
    <t>199.41</t>
  </si>
  <si>
    <t>897736154.0</t>
  </si>
  <si>
    <t>335035353.0</t>
  </si>
  <si>
    <t>327396515.0</t>
  </si>
  <si>
    <t>253075754.0</t>
  </si>
  <si>
    <t>152426.0</t>
  </si>
  <si>
    <t>142309.0</t>
  </si>
  <si>
    <t>199.43</t>
  </si>
  <si>
    <t>897864839.0</t>
  </si>
  <si>
    <t>335038963.0</t>
  </si>
  <si>
    <t>327400532.0</t>
  </si>
  <si>
    <t>253200814.0</t>
  </si>
  <si>
    <t>197734.0</t>
  </si>
  <si>
    <t>144437.0</t>
  </si>
  <si>
    <t>199.46</t>
  </si>
  <si>
    <t>898071001.0</t>
  </si>
  <si>
    <t>335046249.0</t>
  </si>
  <si>
    <t>327410240.0</t>
  </si>
  <si>
    <t>253391474.0</t>
  </si>
  <si>
    <t>188390.0</t>
  </si>
  <si>
    <t>146295.0</t>
  </si>
  <si>
    <t>199.51</t>
  </si>
  <si>
    <t>898198076.0</t>
  </si>
  <si>
    <t>335049265.0</t>
  </si>
  <si>
    <t>327413839.0</t>
  </si>
  <si>
    <t>253510588.0</t>
  </si>
  <si>
    <t>197345.0</t>
  </si>
  <si>
    <t>149601.0</t>
  </si>
  <si>
    <t>898387622.0</t>
  </si>
  <si>
    <t>335053746.0</t>
  </si>
  <si>
    <t>327419028.0</t>
  </si>
  <si>
    <t>253628152.0</t>
  </si>
  <si>
    <t>152092.0</t>
  </si>
  <si>
    <t>199.58</t>
  </si>
  <si>
    <t>898424647.0</t>
  </si>
  <si>
    <t>335055203.0</t>
  </si>
  <si>
    <t>327420755.0</t>
  </si>
  <si>
    <t>253661945.0</t>
  </si>
  <si>
    <t>121409.0</t>
  </si>
  <si>
    <t>157455.0</t>
  </si>
  <si>
    <t>898752426.0</t>
  </si>
  <si>
    <t>335056892.0</t>
  </si>
  <si>
    <t>327422397.0</t>
  </si>
  <si>
    <t>253984186.0</t>
  </si>
  <si>
    <t>162691.0</t>
  </si>
  <si>
    <t>199.66</t>
  </si>
  <si>
    <t>898904376.0</t>
  </si>
  <si>
    <t>335059082.0</t>
  </si>
  <si>
    <t>327424712.0</t>
  </si>
  <si>
    <t>254130172.0</t>
  </si>
  <si>
    <t>235080.0</t>
  </si>
  <si>
    <t>174498.0</t>
  </si>
  <si>
    <t>199.69</t>
  </si>
  <si>
    <t>899123091.0</t>
  </si>
  <si>
    <t>335061747.0</t>
  </si>
  <si>
    <t>327427949.0</t>
  </si>
  <si>
    <t>254344113.0</t>
  </si>
  <si>
    <t>318948.0</t>
  </si>
  <si>
    <t>199.74</t>
  </si>
  <si>
    <t>899474091.0</t>
  </si>
  <si>
    <t>335072743.0</t>
  </si>
  <si>
    <t>327440434.0</t>
  </si>
  <si>
    <t>254672397.0</t>
  </si>
  <si>
    <t>321722.0</t>
  </si>
  <si>
    <t>210863.0</t>
  </si>
  <si>
    <t>899746377.0</t>
  </si>
  <si>
    <t>335076089.0</t>
  </si>
  <si>
    <t>327444343.0</t>
  </si>
  <si>
    <t>254935022.0</t>
  </si>
  <si>
    <t>349509.0</t>
  </si>
  <si>
    <t>232601.0</t>
  </si>
  <si>
    <t>199.88</t>
  </si>
  <si>
    <t>900154082.0</t>
  </si>
  <si>
    <t>335080177.0</t>
  </si>
  <si>
    <t>327449448.0</t>
  </si>
  <si>
    <t>255170061.0</t>
  </si>
  <si>
    <t>316800.0</t>
  </si>
  <si>
    <t>250647.0</t>
  </si>
  <si>
    <t>199.97</t>
  </si>
  <si>
    <t>900239566.0</t>
  </si>
  <si>
    <t>335081521.0</t>
  </si>
  <si>
    <t>327451089.0</t>
  </si>
  <si>
    <t>255252038.0</t>
  </si>
  <si>
    <t>168761.0</t>
  </si>
  <si>
    <t>257410.0</t>
  </si>
  <si>
    <t>900565550.0</t>
  </si>
  <si>
    <t>335084071.0</t>
  </si>
  <si>
    <t>327452718.0</t>
  </si>
  <si>
    <t>255572145.0</t>
  </si>
  <si>
    <t>97256.0</t>
  </si>
  <si>
    <t>258297.0</t>
  </si>
  <si>
    <t>200.06</t>
  </si>
  <si>
    <t>900759638.0</t>
  </si>
  <si>
    <t>335086348.0</t>
  </si>
  <si>
    <t>327455261.0</t>
  </si>
  <si>
    <t>255759186.0</t>
  </si>
  <si>
    <t>276053.0</t>
  </si>
  <si>
    <t>264149.0</t>
  </si>
  <si>
    <t>901035050.0</t>
  </si>
  <si>
    <t>335089375.0</t>
  </si>
  <si>
    <t>327458856.0</t>
  </si>
  <si>
    <t>256028528.0</t>
  </si>
  <si>
    <t>357979.0</t>
  </si>
  <si>
    <t>269729.0</t>
  </si>
  <si>
    <t>200.16</t>
  </si>
  <si>
    <t>9471.0</t>
  </si>
  <si>
    <t>901381746.0</t>
  </si>
  <si>
    <t>335094922.0</t>
  </si>
  <si>
    <t>327466222.0</t>
  </si>
  <si>
    <t>256359936.0</t>
  </si>
  <si>
    <t>375472.0</t>
  </si>
  <si>
    <t>277406.0</t>
  </si>
  <si>
    <t>901742967.0</t>
  </si>
  <si>
    <t>335097680.0</t>
  </si>
  <si>
    <t>327469693.0</t>
  </si>
  <si>
    <t>256713102.0</t>
  </si>
  <si>
    <t>441799.0</t>
  </si>
  <si>
    <t>290589.0</t>
  </si>
  <si>
    <t>200.32</t>
  </si>
  <si>
    <t>902242616.0</t>
  </si>
  <si>
    <t>335101242.0</t>
  </si>
  <si>
    <t>327474243.0</t>
  </si>
  <si>
    <t>256999884.0</t>
  </si>
  <si>
    <t>369720.0</t>
  </si>
  <si>
    <t>298150.0</t>
  </si>
  <si>
    <t>200.43</t>
  </si>
  <si>
    <t>902348687.0</t>
  </si>
  <si>
    <t>335103180.0</t>
  </si>
  <si>
    <t>327475999.0</t>
  </si>
  <si>
    <t>257101745.0</t>
  </si>
  <si>
    <t>189655.0</t>
  </si>
  <si>
    <t>301135.0</t>
  </si>
  <si>
    <t>902673882.0</t>
  </si>
  <si>
    <t>335104756.0</t>
  </si>
  <si>
    <t>327477610.0</t>
  </si>
  <si>
    <t>257420257.0</t>
  </si>
  <si>
    <t>101297.0</t>
  </si>
  <si>
    <t>301711.0</t>
  </si>
  <si>
    <t>200.53</t>
  </si>
  <si>
    <t>902894078.0</t>
  </si>
  <si>
    <t>335107011.0</t>
  </si>
  <si>
    <t>327480193.0</t>
  </si>
  <si>
    <t>257633517.0</t>
  </si>
  <si>
    <t>298331.0</t>
  </si>
  <si>
    <t>304893.0</t>
  </si>
  <si>
    <t>200.58</t>
  </si>
  <si>
    <t>903206585.0</t>
  </si>
  <si>
    <t>335111586.0</t>
  </si>
  <si>
    <t>327484217.0</t>
  </si>
  <si>
    <t>257939670.0</t>
  </si>
  <si>
    <t>389159.0</t>
  </si>
  <si>
    <t>309348.0</t>
  </si>
  <si>
    <t>903607374.0</t>
  </si>
  <si>
    <t>335117279.0</t>
  </si>
  <si>
    <t>327491909.0</t>
  </si>
  <si>
    <t>258325348.0</t>
  </si>
  <si>
    <t>439202.0</t>
  </si>
  <si>
    <t>318452.0</t>
  </si>
  <si>
    <t>903953758.0</t>
  </si>
  <si>
    <t>335120051.0</t>
  </si>
  <si>
    <t>327495879.0</t>
  </si>
  <si>
    <t>258661211.0</t>
  </si>
  <si>
    <t>423318.0</t>
  </si>
  <si>
    <t>315811.0</t>
  </si>
  <si>
    <t>904512323.0</t>
  </si>
  <si>
    <t>335124119.0</t>
  </si>
  <si>
    <t>327501465.0</t>
  </si>
  <si>
    <t>258984347.0</t>
  </si>
  <si>
    <t>403956.0</t>
  </si>
  <si>
    <t>320703.0</t>
  </si>
  <si>
    <t>200.94</t>
  </si>
  <si>
    <t>904622535.0</t>
  </si>
  <si>
    <t>335125439.0</t>
  </si>
  <si>
    <t>327503216.0</t>
  </si>
  <si>
    <t>259090762.0</t>
  </si>
  <si>
    <t>186658.0</t>
  </si>
  <si>
    <t>320276.0</t>
  </si>
  <si>
    <t>200.96</t>
  </si>
  <si>
    <t>904910861.0</t>
  </si>
  <si>
    <t>335128403.0</t>
  </si>
  <si>
    <t>327504986.0</t>
  </si>
  <si>
    <t>259371971.0</t>
  </si>
  <si>
    <t>94628.0</t>
  </si>
  <si>
    <t>319322.0</t>
  </si>
  <si>
    <t>201.03</t>
  </si>
  <si>
    <t>905090927.0</t>
  </si>
  <si>
    <t>335129713.0</t>
  </si>
  <si>
    <t>327506627.0</t>
  </si>
  <si>
    <t>259545236.0</t>
  </si>
  <si>
    <t>247510.0</t>
  </si>
  <si>
    <t>312063.0</t>
  </si>
  <si>
    <t>905404588.0</t>
  </si>
  <si>
    <t>335133734.0</t>
  </si>
  <si>
    <t>327510258.0</t>
  </si>
  <si>
    <t>259855415.0</t>
  </si>
  <si>
    <t>381528.0</t>
  </si>
  <si>
    <t>310973.0</t>
  </si>
  <si>
    <t>905774431.0</t>
  </si>
  <si>
    <t>335139526.0</t>
  </si>
  <si>
    <t>327516913.0</t>
  </si>
  <si>
    <t>260210706.0</t>
  </si>
  <si>
    <t>407273.0</t>
  </si>
  <si>
    <t>306412.0</t>
  </si>
  <si>
    <t>201.22</t>
  </si>
  <si>
    <t>906138704.0</t>
  </si>
  <si>
    <t>335142643.0</t>
  </si>
  <si>
    <t>327520161.0</t>
  </si>
  <si>
    <t>260564792.0</t>
  </si>
  <si>
    <t>431299.0</t>
  </si>
  <si>
    <t>201.3</t>
  </si>
  <si>
    <t>906732339.0</t>
  </si>
  <si>
    <t>335146894.0</t>
  </si>
  <si>
    <t>327524865.0</t>
  </si>
  <si>
    <t>260925648.0</t>
  </si>
  <si>
    <t>432532.0</t>
  </si>
  <si>
    <t>311632.0</t>
  </si>
  <si>
    <t>201.43</t>
  </si>
  <si>
    <t>906858293.0</t>
  </si>
  <si>
    <t>335148221.0</t>
  </si>
  <si>
    <t>327526417.0</t>
  </si>
  <si>
    <t>261047927.0</t>
  </si>
  <si>
    <t>197136.0</t>
  </si>
  <si>
    <t>313130.0</t>
  </si>
  <si>
    <t>907088709.0</t>
  </si>
  <si>
    <t>335149568.0</t>
  </si>
  <si>
    <t>327528003.0</t>
  </si>
  <si>
    <t>261272457.0</t>
  </si>
  <si>
    <t>91236.0</t>
  </si>
  <si>
    <t>312645.0</t>
  </si>
  <si>
    <t>907320502.0</t>
  </si>
  <si>
    <t>335151339.0</t>
  </si>
  <si>
    <t>327530128.0</t>
  </si>
  <si>
    <t>261498926.0</t>
  </si>
  <si>
    <t>325133.0</t>
  </si>
  <si>
    <t>201.56</t>
  </si>
  <si>
    <t>907728119.0</t>
  </si>
  <si>
    <t>335154781.0</t>
  </si>
  <si>
    <t>327534085.0</t>
  </si>
  <si>
    <t>261899653.0</t>
  </si>
  <si>
    <t>430832.0</t>
  </si>
  <si>
    <t>330776.0</t>
  </si>
  <si>
    <t>201.65</t>
  </si>
  <si>
    <t>908097245.0</t>
  </si>
  <si>
    <t>335157785.0</t>
  </si>
  <si>
    <t>327537106.0</t>
  </si>
  <si>
    <t>262260534.0</t>
  </si>
  <si>
    <t>435511.0</t>
  </si>
  <si>
    <t>334813.0</t>
  </si>
  <si>
    <t>201.73</t>
  </si>
  <si>
    <t>908509874.0</t>
  </si>
  <si>
    <t>335162112.0</t>
  </si>
  <si>
    <t>327542418.0</t>
  </si>
  <si>
    <t>262658545.0</t>
  </si>
  <si>
    <t>464680.0</t>
  </si>
  <si>
    <t>339581.0</t>
  </si>
  <si>
    <t>201.83</t>
  </si>
  <si>
    <t>909158648.0</t>
  </si>
  <si>
    <t>335166560.0</t>
  </si>
  <si>
    <t>327546655.0</t>
  </si>
  <si>
    <t>263045862.0</t>
  </si>
  <si>
    <t>455942.0</t>
  </si>
  <si>
    <t>342047.0</t>
  </si>
  <si>
    <t>201.97</t>
  </si>
  <si>
    <t>909297468.0</t>
  </si>
  <si>
    <t>335168136.0</t>
  </si>
  <si>
    <t>327548228.0</t>
  </si>
  <si>
    <t>263180935.0</t>
  </si>
  <si>
    <t>203566.0</t>
  </si>
  <si>
    <t>343112.0</t>
  </si>
  <si>
    <t>8866.0</t>
  </si>
  <si>
    <t>909492438.0</t>
  </si>
  <si>
    <t>335170004.0</t>
  </si>
  <si>
    <t>327549579.0</t>
  </si>
  <si>
    <t>263370655.0</t>
  </si>
  <si>
    <t>87916.0</t>
  </si>
  <si>
    <t>342784.0</t>
  </si>
  <si>
    <t>909735182.0</t>
  </si>
  <si>
    <t>335172091.0</t>
  </si>
  <si>
    <t>327551799.0</t>
  </si>
  <si>
    <t>263607309.0</t>
  </si>
  <si>
    <t>302651.0</t>
  </si>
  <si>
    <t>339719.0</t>
  </si>
  <si>
    <t>910092580.0</t>
  </si>
  <si>
    <t>335175114.0</t>
  </si>
  <si>
    <t>327554975.0</t>
  </si>
  <si>
    <t>263959956.0</t>
  </si>
  <si>
    <t>416371.0</t>
  </si>
  <si>
    <t>337797.0</t>
  </si>
  <si>
    <t>910471936.0</t>
  </si>
  <si>
    <t>335178540.0</t>
  </si>
  <si>
    <t>327558246.0</t>
  </si>
  <si>
    <t>264328349.0</t>
  </si>
  <si>
    <t>426758.0</t>
  </si>
  <si>
    <t>336694.0</t>
  </si>
  <si>
    <t>202.26</t>
  </si>
  <si>
    <t>910858097.0</t>
  </si>
  <si>
    <t>335182186.0</t>
  </si>
  <si>
    <t>327561890.0</t>
  </si>
  <si>
    <t>264704268.0</t>
  </si>
  <si>
    <t>445933.0</t>
  </si>
  <si>
    <t>334162.0</t>
  </si>
  <si>
    <t>202.35</t>
  </si>
  <si>
    <t>911493430.0</t>
  </si>
  <si>
    <t>335186649.0</t>
  </si>
  <si>
    <t>327566406.0</t>
  </si>
  <si>
    <t>265077697.0</t>
  </si>
  <si>
    <t>436218.0</t>
  </si>
  <si>
    <t>331348.0</t>
  </si>
  <si>
    <t>202.49</t>
  </si>
  <si>
    <t>911619685.0</t>
  </si>
  <si>
    <t>335188004.0</t>
  </si>
  <si>
    <t>327567694.0</t>
  </si>
  <si>
    <t>265199346.0</t>
  </si>
  <si>
    <t>181328.0</t>
  </si>
  <si>
    <t>328167.0</t>
  </si>
  <si>
    <t>911779114.0</t>
  </si>
  <si>
    <t>335189713.0</t>
  </si>
  <si>
    <t>327569544.0</t>
  </si>
  <si>
    <t>265353437.0</t>
  </si>
  <si>
    <t>76004.0</t>
  </si>
  <si>
    <t>326465.0</t>
  </si>
  <si>
    <t>912023593.0</t>
  </si>
  <si>
    <t>335193184.0</t>
  </si>
  <si>
    <t>327572767.0</t>
  </si>
  <si>
    <t>265589841.0</t>
  </si>
  <si>
    <t>296428.0</t>
  </si>
  <si>
    <t>325576.0</t>
  </si>
  <si>
    <t>202.61</t>
  </si>
  <si>
    <t>912357156.0</t>
  </si>
  <si>
    <t>335196820.0</t>
  </si>
  <si>
    <t>327576616.0</t>
  </si>
  <si>
    <t>265922337.0</t>
  </si>
  <si>
    <t>385512.0</t>
  </si>
  <si>
    <t>321169.0</t>
  </si>
  <si>
    <t>912697929.0</t>
  </si>
  <si>
    <t>335199709.0</t>
  </si>
  <si>
    <t>327579734.0</t>
  </si>
  <si>
    <t>266253728.0</t>
  </si>
  <si>
    <t>379391.0</t>
  </si>
  <si>
    <t>314401.0</t>
  </si>
  <si>
    <t>202.76</t>
  </si>
  <si>
    <t>913051332.0</t>
  </si>
  <si>
    <t>335202409.0</t>
  </si>
  <si>
    <t>327582536.0</t>
  </si>
  <si>
    <t>266597637.0</t>
  </si>
  <si>
    <t>406006.0</t>
  </si>
  <si>
    <t>308698.0</t>
  </si>
  <si>
    <t>913575378.0</t>
  </si>
  <si>
    <t>335208336.0</t>
  </si>
  <si>
    <t>327588150.0</t>
  </si>
  <si>
    <t>266884691.0</t>
  </si>
  <si>
    <t>343867.0</t>
  </si>
  <si>
    <t>295506.0</t>
  </si>
  <si>
    <t>202.95</t>
  </si>
  <si>
    <t>913665655.0</t>
  </si>
  <si>
    <t>335209264.0</t>
  </si>
  <si>
    <t>327589097.0</t>
  </si>
  <si>
    <t>266972680.0</t>
  </si>
  <si>
    <t>141402.0</t>
  </si>
  <si>
    <t>289802.0</t>
  </si>
  <si>
    <t>913799252.0</t>
  </si>
  <si>
    <t>335211483.0</t>
  </si>
  <si>
    <t>327591582.0</t>
  </si>
  <si>
    <t>267100504.0</t>
  </si>
  <si>
    <t>288357.0</t>
  </si>
  <si>
    <t>913923437.0</t>
  </si>
  <si>
    <t>335213516.0</t>
  </si>
  <si>
    <t>327593625.0</t>
  </si>
  <si>
    <t>267219928.0</t>
  </si>
  <si>
    <t>164345.0</t>
  </si>
  <si>
    <t>269488.0</t>
  </si>
  <si>
    <t>914006011.0</t>
  </si>
  <si>
    <t>335214443.0</t>
  </si>
  <si>
    <t>327594585.0</t>
  </si>
  <si>
    <t>267299036.0</t>
  </si>
  <si>
    <t>123462.0</t>
  </si>
  <si>
    <t>232051.0</t>
  </si>
  <si>
    <t>203.05</t>
  </si>
  <si>
    <t>914249796.0</t>
  </si>
  <si>
    <t>335216994.0</t>
  </si>
  <si>
    <t>327597550.0</t>
  </si>
  <si>
    <t>267535434.0</t>
  </si>
  <si>
    <t>266472.0</t>
  </si>
  <si>
    <t>215918.0</t>
  </si>
  <si>
    <t>914550249.0</t>
  </si>
  <si>
    <t>335220583.0</t>
  </si>
  <si>
    <t>327601071.0</t>
  </si>
  <si>
    <t>267826535.0</t>
  </si>
  <si>
    <t>344015.0</t>
  </si>
  <si>
    <t>207061.0</t>
  </si>
  <si>
    <t>915020966.0</t>
  </si>
  <si>
    <t>335223682.0</t>
  </si>
  <si>
    <t>327604473.0</t>
  </si>
  <si>
    <t>268101905.0</t>
  </si>
  <si>
    <t>319855.0</t>
  </si>
  <si>
    <t>203635.0</t>
  </si>
  <si>
    <t>203.27</t>
  </si>
  <si>
    <t>915108223.0</t>
  </si>
  <si>
    <t>335227458.0</t>
  </si>
  <si>
    <t>327608373.0</t>
  </si>
  <si>
    <t>268183765.0</t>
  </si>
  <si>
    <t>132322.0</t>
  </si>
  <si>
    <t>202338.0</t>
  </si>
  <si>
    <t>203.29</t>
  </si>
  <si>
    <t>915189638.0</t>
  </si>
  <si>
    <t>335228680.0</t>
  </si>
  <si>
    <t>327609615.0</t>
  </si>
  <si>
    <t>268260815.0</t>
  </si>
  <si>
    <t>201605.0</t>
  </si>
  <si>
    <t>203.31</t>
  </si>
  <si>
    <t>915370293.0</t>
  </si>
  <si>
    <t>335230977.0</t>
  </si>
  <si>
    <t>327611842.0</t>
  </si>
  <si>
    <t>268865923.0</t>
  </si>
  <si>
    <t>228800.0</t>
  </si>
  <si>
    <t>210812.0</t>
  </si>
  <si>
    <t>915652971.0</t>
  </si>
  <si>
    <t>335234356.0</t>
  </si>
  <si>
    <t>327614849.0</t>
  </si>
  <si>
    <t>269151981.0</t>
  </si>
  <si>
    <t>331237.0</t>
  </si>
  <si>
    <t>240495.0</t>
  </si>
  <si>
    <t>203.41</t>
  </si>
  <si>
    <t>915911807.0</t>
  </si>
  <si>
    <t>335236745.0</t>
  </si>
  <si>
    <t>327617281.0</t>
  </si>
  <si>
    <t>269402911.0</t>
  </si>
  <si>
    <t>307395.0</t>
  </si>
  <si>
    <t>246340.0</t>
  </si>
  <si>
    <t>203.47</t>
  </si>
  <si>
    <t>916247485.0</t>
  </si>
  <si>
    <t>335239911.0</t>
  </si>
  <si>
    <t>327620468.0</t>
  </si>
  <si>
    <t>269729421.0</t>
  </si>
  <si>
    <t>337840.0</t>
  </si>
  <si>
    <t>245459.0</t>
  </si>
  <si>
    <t>916634807.0</t>
  </si>
  <si>
    <t>335242157.0</t>
  </si>
  <si>
    <t>327622751.0</t>
  </si>
  <si>
    <t>269917757.0</t>
  </si>
  <si>
    <t>233887.0</t>
  </si>
  <si>
    <t>233179.0</t>
  </si>
  <si>
    <t>916707180.0</t>
  </si>
  <si>
    <t>335244729.0</t>
  </si>
  <si>
    <t>327625838.0</t>
  </si>
  <si>
    <t>269984175.0</t>
  </si>
  <si>
    <t>116566.0</t>
  </si>
  <si>
    <t>230928.0</t>
  </si>
  <si>
    <t>203.65</t>
  </si>
  <si>
    <t>916812846.0</t>
  </si>
  <si>
    <t>335246614.0</t>
  </si>
  <si>
    <t>327626702.0</t>
  </si>
  <si>
    <t>270086014.0</t>
  </si>
  <si>
    <t>230668.0</t>
  </si>
  <si>
    <t>203.67</t>
  </si>
  <si>
    <t>916959396.0</t>
  </si>
  <si>
    <t>335250553.0</t>
  </si>
  <si>
    <t>327629609.0</t>
  </si>
  <si>
    <t>270224269.0</t>
  </si>
  <si>
    <t>188028.0</t>
  </si>
  <si>
    <t>224846.0</t>
  </si>
  <si>
    <t>917193703.0</t>
  </si>
  <si>
    <t>335254212.0</t>
  </si>
  <si>
    <t>327633029.0</t>
  </si>
  <si>
    <t>270457888.0</t>
  </si>
  <si>
    <t>276601.0</t>
  </si>
  <si>
    <t>217039.0</t>
  </si>
  <si>
    <t>917418379.0</t>
  </si>
  <si>
    <t>335256965.0</t>
  </si>
  <si>
    <t>327635699.0</t>
  </si>
  <si>
    <t>270674741.0</t>
  </si>
  <si>
    <t>266970.0</t>
  </si>
  <si>
    <t>211263.0</t>
  </si>
  <si>
    <t>203.8</t>
  </si>
  <si>
    <t>917696702.0</t>
  </si>
  <si>
    <t>335259754.0</t>
  </si>
  <si>
    <t>327638474.0</t>
  </si>
  <si>
    <t>270945240.0</t>
  </si>
  <si>
    <t>279525.0</t>
  </si>
  <si>
    <t>202934.0</t>
  </si>
  <si>
    <t>918095731.0</t>
  </si>
  <si>
    <t>335263686.0</t>
  </si>
  <si>
    <t>327642528.0</t>
  </si>
  <si>
    <t>271174804.0</t>
  </si>
  <si>
    <t>918165709.0</t>
  </si>
  <si>
    <t>335264892.0</t>
  </si>
  <si>
    <t>327643579.0</t>
  </si>
  <si>
    <t>271242487.0</t>
  </si>
  <si>
    <t>116641.0</t>
  </si>
  <si>
    <t>208339.0</t>
  </si>
  <si>
    <t>203.97</t>
  </si>
  <si>
    <t>918257886.0</t>
  </si>
  <si>
    <t>335265695.0</t>
  </si>
  <si>
    <t>327644529.0</t>
  </si>
  <si>
    <t>271331212.0</t>
  </si>
  <si>
    <t>59241.0</t>
  </si>
  <si>
    <t>208380.0</t>
  </si>
  <si>
    <t>203.99</t>
  </si>
  <si>
    <t>918382022.0</t>
  </si>
  <si>
    <t>335268255.0</t>
  </si>
  <si>
    <t>327647182.0</t>
  </si>
  <si>
    <t>271450514.0</t>
  </si>
  <si>
    <t>168722.0</t>
  </si>
  <si>
    <t>205621.0</t>
  </si>
  <si>
    <t>204.02</t>
  </si>
  <si>
    <t>918580357.0</t>
  </si>
  <si>
    <t>335270621.0</t>
  </si>
  <si>
    <t>327649468.0</t>
  </si>
  <si>
    <t>271649532.0</t>
  </si>
  <si>
    <t>242248.0</t>
  </si>
  <si>
    <t>200711.0</t>
  </si>
  <si>
    <t>918800006.0</t>
  </si>
  <si>
    <t>335272900.0</t>
  </si>
  <si>
    <t>327651874.0</t>
  </si>
  <si>
    <t>271862541.0</t>
  </si>
  <si>
    <t>230530.0</t>
  </si>
  <si>
    <t>195510.0</t>
  </si>
  <si>
    <t>919015923.0</t>
  </si>
  <si>
    <t>335275133.0</t>
  </si>
  <si>
    <t>327654113.0</t>
  </si>
  <si>
    <t>272071911.0</t>
  </si>
  <si>
    <t>192869.0</t>
  </si>
  <si>
    <t>204.16</t>
  </si>
  <si>
    <t>919414448.0</t>
  </si>
  <si>
    <t>335278626.0</t>
  </si>
  <si>
    <t>327657910.0</t>
  </si>
  <si>
    <t>272269406.0</t>
  </si>
  <si>
    <t>241885.0</t>
  </si>
  <si>
    <t>188621.0</t>
  </si>
  <si>
    <t>204.25</t>
  </si>
  <si>
    <t>919472024.0</t>
  </si>
  <si>
    <t>335279669.0</t>
  </si>
  <si>
    <t>327658819.0</t>
  </si>
  <si>
    <t>272324708.0</t>
  </si>
  <si>
    <t>186972.0</t>
  </si>
  <si>
    <t>919547006.0</t>
  </si>
  <si>
    <t>335280661.0</t>
  </si>
  <si>
    <t>327659609.0</t>
  </si>
  <si>
    <t>272396621.0</t>
  </si>
  <si>
    <t>187491.0</t>
  </si>
  <si>
    <t>919661577.0</t>
  </si>
  <si>
    <t>335282135.0</t>
  </si>
  <si>
    <t>327661107.0</t>
  </si>
  <si>
    <t>272507424.0</t>
  </si>
  <si>
    <t>157628.0</t>
  </si>
  <si>
    <t>185904.0</t>
  </si>
  <si>
    <t>204.3</t>
  </si>
  <si>
    <t>8114.0</t>
  </si>
  <si>
    <t>919852916.0</t>
  </si>
  <si>
    <t>335285524.0</t>
  </si>
  <si>
    <t>327664570.0</t>
  </si>
  <si>
    <t>272697976.0</t>
  </si>
  <si>
    <t>238043.0</t>
  </si>
  <si>
    <t>185303.0</t>
  </si>
  <si>
    <t>204.35</t>
  </si>
  <si>
    <t>920081620.0</t>
  </si>
  <si>
    <t>335287834.0</t>
  </si>
  <si>
    <t>327667033.0</t>
  </si>
  <si>
    <t>272875334.0</t>
  </si>
  <si>
    <t>230474.0</t>
  </si>
  <si>
    <t>185295.0</t>
  </si>
  <si>
    <t>920283418.0</t>
  </si>
  <si>
    <t>335289695.0</t>
  </si>
  <si>
    <t>327668846.0</t>
  </si>
  <si>
    <t>273072117.0</t>
  </si>
  <si>
    <t>242483.0</t>
  </si>
  <si>
    <t>920689369.0</t>
  </si>
  <si>
    <t>335291906.0</t>
  </si>
  <si>
    <t>327670976.0</t>
  </si>
  <si>
    <t>273262440.0</t>
  </si>
  <si>
    <t>233282.0</t>
  </si>
  <si>
    <t>181411.0</t>
  </si>
  <si>
    <t>204.53</t>
  </si>
  <si>
    <t>920762200.0</t>
  </si>
  <si>
    <t>335294733.0</t>
  </si>
  <si>
    <t>327674048.0</t>
  </si>
  <si>
    <t>273331061.0</t>
  </si>
  <si>
    <t>181039.0</t>
  </si>
  <si>
    <t>204.55</t>
  </si>
  <si>
    <t>921002515.0</t>
  </si>
  <si>
    <t>335295857.0</t>
  </si>
  <si>
    <t>327675393.0</t>
  </si>
  <si>
    <t>273448612.0</t>
  </si>
  <si>
    <t>178916.0</t>
  </si>
  <si>
    <t>921130291.0</t>
  </si>
  <si>
    <t>335297087.0</t>
  </si>
  <si>
    <t>327676627.0</t>
  </si>
  <si>
    <t>273573192.0</t>
  </si>
  <si>
    <t>164299.0</t>
  </si>
  <si>
    <t>179163.0</t>
  </si>
  <si>
    <t>204.63</t>
  </si>
  <si>
    <t>921335714.0</t>
  </si>
  <si>
    <t>335298777.0</t>
  </si>
  <si>
    <t>327678318.0</t>
  </si>
  <si>
    <t>273774767.0</t>
  </si>
  <si>
    <t>256757.0</t>
  </si>
  <si>
    <t>181955.0</t>
  </si>
  <si>
    <t>8070.0</t>
  </si>
  <si>
    <t>921548876.0</t>
  </si>
  <si>
    <t>335300717.0</t>
  </si>
  <si>
    <t>327680508.0</t>
  </si>
  <si>
    <t>273983109.0</t>
  </si>
  <si>
    <t>236492.0</t>
  </si>
  <si>
    <t>182935.0</t>
  </si>
  <si>
    <t>921721811.0</t>
  </si>
  <si>
    <t>335302485.0</t>
  </si>
  <si>
    <t>327682340.0</t>
  </si>
  <si>
    <t>274150325.0</t>
  </si>
  <si>
    <t>211314.0</t>
  </si>
  <si>
    <t>178599.0</t>
  </si>
  <si>
    <t>922119469.0</t>
  </si>
  <si>
    <t>335305702.0</t>
  </si>
  <si>
    <t>327685488.0</t>
  </si>
  <si>
    <t>274364377.0</t>
  </si>
  <si>
    <t>251335.0</t>
  </si>
  <si>
    <t>181294.0</t>
  </si>
  <si>
    <t>922191875.0</t>
  </si>
  <si>
    <t>335306599.0</t>
  </si>
  <si>
    <t>327686443.0</t>
  </si>
  <si>
    <t>274434993.0</t>
  </si>
  <si>
    <t>85416.0</t>
  </si>
  <si>
    <t>156211.0</t>
  </si>
  <si>
    <t>204.86</t>
  </si>
  <si>
    <t>922282005.0</t>
  </si>
  <si>
    <t>338019128.0</t>
  </si>
  <si>
    <t>328112559.0</t>
  </si>
  <si>
    <t>274520547.0</t>
  </si>
  <si>
    <t>157690.0</t>
  </si>
  <si>
    <t>922423104.0</t>
  </si>
  <si>
    <t>338020397.0</t>
  </si>
  <si>
    <t>328114205.0</t>
  </si>
  <si>
    <t>274658417.0</t>
  </si>
  <si>
    <t>155628.0</t>
  </si>
  <si>
    <t>160244.0</t>
  </si>
  <si>
    <t>922640223.0</t>
  </si>
  <si>
    <t>338022912.0</t>
  </si>
  <si>
    <t>328116997.0</t>
  </si>
  <si>
    <t>274876657.0</t>
  </si>
  <si>
    <t>231830.0</t>
  </si>
  <si>
    <t>160478.0</t>
  </si>
  <si>
    <t>204.96</t>
  </si>
  <si>
    <t>922834989.0</t>
  </si>
  <si>
    <t>338024982.0</t>
  </si>
  <si>
    <t>328119616.0</t>
  </si>
  <si>
    <t>275066251.0</t>
  </si>
  <si>
    <t>191767.0</t>
  </si>
  <si>
    <t>152927.0</t>
  </si>
  <si>
    <t>923043207.0</t>
  </si>
  <si>
    <t>338026686.0</t>
  </si>
  <si>
    <t>328121481.0</t>
  </si>
  <si>
    <t>275270059.0</t>
  </si>
  <si>
    <t>223490.0</t>
  </si>
  <si>
    <t>158750.0</t>
  </si>
  <si>
    <t>205.05</t>
  </si>
  <si>
    <t>923245458.0</t>
  </si>
  <si>
    <t>338028539.0</t>
  </si>
  <si>
    <t>328123647.0</t>
  </si>
  <si>
    <t>275467757.0</t>
  </si>
  <si>
    <t>217523.0</t>
  </si>
  <si>
    <t>159470.0</t>
  </si>
  <si>
    <t>923309476.0</t>
  </si>
  <si>
    <t>338029877.0</t>
  </si>
  <si>
    <t>328125116.0</t>
  </si>
  <si>
    <t>275529618.0</t>
  </si>
  <si>
    <t>79290.0</t>
  </si>
  <si>
    <t>159226.0</t>
  </si>
  <si>
    <t>923412353.0</t>
  </si>
  <si>
    <t>338035622.0</t>
  </si>
  <si>
    <t>328130508.0</t>
  </si>
  <si>
    <t>275623748.0</t>
  </si>
  <si>
    <t>33365.0</t>
  </si>
  <si>
    <t>159646.0</t>
  </si>
  <si>
    <t>923526546.0</t>
  </si>
  <si>
    <t>338037587.0</t>
  </si>
  <si>
    <t>328132553.0</t>
  </si>
  <si>
    <t>275734116.0</t>
  </si>
  <si>
    <t>117084.0</t>
  </si>
  <si>
    <t>144586.0</t>
  </si>
  <si>
    <t>923681397.0</t>
  </si>
  <si>
    <t>338039589.0</t>
  </si>
  <si>
    <t>328134817.0</t>
  </si>
  <si>
    <t>275891031.0</t>
  </si>
  <si>
    <t>157977.0</t>
  </si>
  <si>
    <t>137108.0</t>
  </si>
  <si>
    <t>923823873.0</t>
  </si>
  <si>
    <t>338042880.0</t>
  </si>
  <si>
    <t>328137691.0</t>
  </si>
  <si>
    <t>276027134.0</t>
  </si>
  <si>
    <t>120953.0</t>
  </si>
  <si>
    <t>128726.0</t>
  </si>
  <si>
    <t>923926321.0</t>
  </si>
  <si>
    <t>338044494.0</t>
  </si>
  <si>
    <t>328139463.0</t>
  </si>
  <si>
    <t>276125804.0</t>
  </si>
  <si>
    <t>103713.0</t>
  </si>
  <si>
    <t>113323.0</t>
  </si>
  <si>
    <t>923986643.0</t>
  </si>
  <si>
    <t>338045795.0</t>
  </si>
  <si>
    <t>328140892.0</t>
  </si>
  <si>
    <t>276183266.0</t>
  </si>
  <si>
    <t>92786.0</t>
  </si>
  <si>
    <t>205.26</t>
  </si>
  <si>
    <t>923992544.0</t>
  </si>
  <si>
    <t>338046100.0</t>
  </si>
  <si>
    <t>328141220.0</t>
  </si>
  <si>
    <t>276188640.0</t>
  </si>
  <si>
    <t>84234.0</t>
  </si>
  <si>
    <t>923994582.0</t>
  </si>
  <si>
    <t>338046240.0</t>
  </si>
  <si>
    <t>328141366.0</t>
  </si>
  <si>
    <t>276190493.0</t>
  </si>
  <si>
    <t>924016425.0</t>
  </si>
  <si>
    <t>338046641.0</t>
  </si>
  <si>
    <t>328141773.0</t>
  </si>
  <si>
    <t>276211517.0</t>
  </si>
  <si>
    <t>68275.0</t>
  </si>
  <si>
    <t>924086074.0</t>
  </si>
  <si>
    <t>338048707.0</t>
  </si>
  <si>
    <t>328144110.0</t>
  </si>
  <si>
    <t>276280560.0</t>
  </si>
  <si>
    <t>70862.0</t>
  </si>
  <si>
    <t>55838.0</t>
  </si>
  <si>
    <t>205.29</t>
  </si>
  <si>
    <t>924162398.0</t>
  </si>
  <si>
    <t>338052859.0</t>
  </si>
  <si>
    <t>328148384.0</t>
  </si>
  <si>
    <t>276351036.0</t>
  </si>
  <si>
    <t>68592.0</t>
  </si>
  <si>
    <t>48359.0</t>
  </si>
  <si>
    <t>924232834.0</t>
  </si>
  <si>
    <t>338055905.0</t>
  </si>
  <si>
    <t>328151453.0</t>
  </si>
  <si>
    <t>276416791.0</t>
  </si>
  <si>
    <t>71286.0</t>
  </si>
  <si>
    <t>43729.0</t>
  </si>
  <si>
    <t>205.32</t>
  </si>
  <si>
    <t>924291348.0</t>
  </si>
  <si>
    <t>338057569.0</t>
  </si>
  <si>
    <t>328153259.0</t>
  </si>
  <si>
    <t>276472221.0</t>
  </si>
  <si>
    <t>205.33</t>
  </si>
  <si>
    <t>924303770.0</t>
  </si>
  <si>
    <t>338057956.0</t>
  </si>
  <si>
    <t>328153687.0</t>
  </si>
  <si>
    <t>276483765.0</t>
  </si>
  <si>
    <t>924305645.0</t>
  </si>
  <si>
    <t>338058594.0</t>
  </si>
  <si>
    <t>328154342.0</t>
  </si>
  <si>
    <t>276484931.0</t>
  </si>
  <si>
    <t>924346509.0</t>
  </si>
  <si>
    <t>338059844.0</t>
  </si>
  <si>
    <t>328155742.0</t>
  </si>
  <si>
    <t>276523553.0</t>
  </si>
  <si>
    <t>205.34</t>
  </si>
  <si>
    <t>924431024.0</t>
  </si>
  <si>
    <t>338063903.0</t>
  </si>
  <si>
    <t>328159831.0</t>
  </si>
  <si>
    <t>276602692.0</t>
  </si>
  <si>
    <t>205.36</t>
  </si>
  <si>
    <t>924510971.0</t>
  </si>
  <si>
    <t>338065797.0</t>
  </si>
  <si>
    <t>328161825.0</t>
  </si>
  <si>
    <t>276678953.0</t>
  </si>
  <si>
    <t>205.38</t>
  </si>
  <si>
    <t>924532322.0</t>
  </si>
  <si>
    <t>338065993.0</t>
  </si>
  <si>
    <t>328162023.0</t>
  </si>
  <si>
    <t>276699729.0</t>
  </si>
  <si>
    <t>FRO</t>
  </si>
  <si>
    <t>Faeroe Islands</t>
  </si>
  <si>
    <t>-33.8</t>
  </si>
  <si>
    <t>-28.45</t>
  </si>
  <si>
    <t>-27.54</t>
  </si>
  <si>
    <t>-636.331118097784</t>
  </si>
  <si>
    <t>-26.8</t>
  </si>
  <si>
    <t>-17.65</t>
  </si>
  <si>
    <t>-504.546567012444</t>
  </si>
  <si>
    <t>-24.82</t>
  </si>
  <si>
    <t>-53.12</t>
  </si>
  <si>
    <t>-888.604401604006</t>
  </si>
  <si>
    <t>-19.73</t>
  </si>
  <si>
    <t>-828.360035393565</t>
  </si>
  <si>
    <t>-18.16</t>
  </si>
  <si>
    <t>-7.74</t>
  </si>
  <si>
    <t>-877.308582939549</t>
  </si>
  <si>
    <t>-53.6</t>
  </si>
  <si>
    <t>-18.38</t>
  </si>
  <si>
    <t>-20.0</t>
  </si>
  <si>
    <t>-1009.09313402489</t>
  </si>
  <si>
    <t>-58.8</t>
  </si>
  <si>
    <t>-16.15</t>
  </si>
  <si>
    <t>-1106.99022911686</t>
  </si>
  <si>
    <t>-61.4</t>
  </si>
  <si>
    <t>-17.23</t>
  </si>
  <si>
    <t>-7.98</t>
  </si>
  <si>
    <t>-1155.93877666284</t>
  </si>
  <si>
    <t>-56.4</t>
  </si>
  <si>
    <t>-14.48</t>
  </si>
  <si>
    <t>-1061.80695445902</t>
  </si>
  <si>
    <t>-60.2</t>
  </si>
  <si>
    <t>-14.12</t>
  </si>
  <si>
    <t>-10.33</t>
  </si>
  <si>
    <t>-1133.34713933392</t>
  </si>
  <si>
    <t>-64.8</t>
  </si>
  <si>
    <t>-13.79</t>
  </si>
  <si>
    <t>-10.55</t>
  </si>
  <si>
    <t>-1219.94841576143</t>
  </si>
  <si>
    <t>-63.8</t>
  </si>
  <si>
    <t>-12.64</t>
  </si>
  <si>
    <t>-1201.12205132067</t>
  </si>
  <si>
    <t>9427.0</t>
  </si>
  <si>
    <t>9959.0</t>
  </si>
  <si>
    <t>-80.8</t>
  </si>
  <si>
    <t>-14.78</t>
  </si>
  <si>
    <t>-40.48</t>
  </si>
  <si>
    <t>-1521.17024681364</t>
  </si>
  <si>
    <t>12629.0</t>
  </si>
  <si>
    <t>9350.0</t>
  </si>
  <si>
    <t>15531.0</t>
  </si>
  <si>
    <t>13686.0</t>
  </si>
  <si>
    <t>20238.0</t>
  </si>
  <si>
    <t>12953.0</t>
  </si>
  <si>
    <t>-74.4</t>
  </si>
  <si>
    <t>-12.82</t>
  </si>
  <si>
    <t>-1400.68151439276</t>
  </si>
  <si>
    <t>6385.0</t>
  </si>
  <si>
    <t>23519.0</t>
  </si>
  <si>
    <t>16896.0</t>
  </si>
  <si>
    <t>18420.0</t>
  </si>
  <si>
    <t>28646.0</t>
  </si>
  <si>
    <t>29668.0</t>
  </si>
  <si>
    <t>20071.0</t>
  </si>
  <si>
    <t>20321.0</t>
  </si>
  <si>
    <t>8001.0</t>
  </si>
  <si>
    <t>32440.0</t>
  </si>
  <si>
    <t>20679.0</t>
  </si>
  <si>
    <t>-81.4</t>
  </si>
  <si>
    <t>-13.14</t>
  </si>
  <si>
    <t>-17.95</t>
  </si>
  <si>
    <t>-1532.4660654781</t>
  </si>
  <si>
    <t>34552.0</t>
  </si>
  <si>
    <t>35537.0</t>
  </si>
  <si>
    <t>21883.0</t>
  </si>
  <si>
    <t>13931.0</t>
  </si>
  <si>
    <t>10769.0</t>
  </si>
  <si>
    <t>38242.0</t>
  </si>
  <si>
    <t>14375.0</t>
  </si>
  <si>
    <t>12124.0</t>
  </si>
  <si>
    <t>39987.0</t>
  </si>
  <si>
    <t>14645.0</t>
  </si>
  <si>
    <t>25856.0</t>
  </si>
  <si>
    <t>15617.0</t>
  </si>
  <si>
    <t>41653.0</t>
  </si>
  <si>
    <t>25868.0</t>
  </si>
  <si>
    <t>42457.0</t>
  </si>
  <si>
    <t>16505.0</t>
  </si>
  <si>
    <t>43497.0</t>
  </si>
  <si>
    <t>45456.0</t>
  </si>
  <si>
    <t>18648.0</t>
  </si>
  <si>
    <t>46874.0</t>
  </si>
  <si>
    <t>47304.0</t>
  </si>
  <si>
    <t>28443.0</t>
  </si>
  <si>
    <t>18861.0</t>
  </si>
  <si>
    <t>-84.8</t>
  </si>
  <si>
    <t>-12.99</t>
  </si>
  <si>
    <t>-10.18</t>
  </si>
  <si>
    <t>-1596.47570457669</t>
  </si>
  <si>
    <t>28596.0</t>
  </si>
  <si>
    <t>49821.0</t>
  </si>
  <si>
    <t>29547.0</t>
  </si>
  <si>
    <t>8641.0</t>
  </si>
  <si>
    <t>50941.0</t>
  </si>
  <si>
    <t>52975.0</t>
  </si>
  <si>
    <t>31602.0</t>
  </si>
  <si>
    <t>15249.0</t>
  </si>
  <si>
    <t>56825.0</t>
  </si>
  <si>
    <t>32477.0</t>
  </si>
  <si>
    <t>24348.0</t>
  </si>
  <si>
    <t>57501.0</t>
  </si>
  <si>
    <t>32773.0</t>
  </si>
  <si>
    <t>57860.0</t>
  </si>
  <si>
    <t>24906.0</t>
  </si>
  <si>
    <t>58353.0</t>
  </si>
  <si>
    <t>33161.0</t>
  </si>
  <si>
    <t>25192.0</t>
  </si>
  <si>
    <t>14459.0</t>
  </si>
  <si>
    <t>58843.0</t>
  </si>
  <si>
    <t>110.78</t>
  </si>
  <si>
    <t>60424.0</t>
  </si>
  <si>
    <t>33951.0</t>
  </si>
  <si>
    <t>26473.0</t>
  </si>
  <si>
    <t>60775.0</t>
  </si>
  <si>
    <t>114.42</t>
  </si>
  <si>
    <t>34162.0</t>
  </si>
  <si>
    <t>27389.0</t>
  </si>
  <si>
    <t>115.88</t>
  </si>
  <si>
    <t>34256.0</t>
  </si>
  <si>
    <t>34399.0</t>
  </si>
  <si>
    <t>27864.0</t>
  </si>
  <si>
    <t>117.22</t>
  </si>
  <si>
    <t>62969.0</t>
  </si>
  <si>
    <t>34555.0</t>
  </si>
  <si>
    <t>118.55</t>
  </si>
  <si>
    <t>29003.0</t>
  </si>
  <si>
    <t>-84.0</t>
  </si>
  <si>
    <t>-1581.41461302408</t>
  </si>
  <si>
    <t>65026.0</t>
  </si>
  <si>
    <t>34946.0</t>
  </si>
  <si>
    <t>65607.0</t>
  </si>
  <si>
    <t>67049.0</t>
  </si>
  <si>
    <t>35333.0</t>
  </si>
  <si>
    <t>67808.0</t>
  </si>
  <si>
    <t>35567.0</t>
  </si>
  <si>
    <t>32241.0</t>
  </si>
  <si>
    <t>68097.0</t>
  </si>
  <si>
    <t>35651.0</t>
  </si>
  <si>
    <t>68395.0</t>
  </si>
  <si>
    <t>35793.0</t>
  </si>
  <si>
    <t>32602.0</t>
  </si>
  <si>
    <t>8284.0</t>
  </si>
  <si>
    <t>35928.0</t>
  </si>
  <si>
    <t>35933.0</t>
  </si>
  <si>
    <t>129.65</t>
  </si>
  <si>
    <t>69341.0</t>
  </si>
  <si>
    <t>36056.0</t>
  </si>
  <si>
    <t>33285.0</t>
  </si>
  <si>
    <t>69598.0</t>
  </si>
  <si>
    <t>36133.0</t>
  </si>
  <si>
    <t>69722.0</t>
  </si>
  <si>
    <t>36181.0</t>
  </si>
  <si>
    <t>33541.0</t>
  </si>
  <si>
    <t>69950.0</t>
  </si>
  <si>
    <t>36266.0</t>
  </si>
  <si>
    <t>131.69</t>
  </si>
  <si>
    <t>70399.0</t>
  </si>
  <si>
    <t>36511.0</t>
  </si>
  <si>
    <t>33888.0</t>
  </si>
  <si>
    <t>36625.0</t>
  </si>
  <si>
    <t>34077.0</t>
  </si>
  <si>
    <t>133.11</t>
  </si>
  <si>
    <t>34275.0</t>
  </si>
  <si>
    <t>71169.0</t>
  </si>
  <si>
    <t>36711.0</t>
  </si>
  <si>
    <t>133.99</t>
  </si>
  <si>
    <t>-88.6</t>
  </si>
  <si>
    <t>-12.26</t>
  </si>
  <si>
    <t>-12.92</t>
  </si>
  <si>
    <t>-1668.01588945159</t>
  </si>
  <si>
    <t>36739.0</t>
  </si>
  <si>
    <t>71516.0</t>
  </si>
  <si>
    <t>34731.0</t>
  </si>
  <si>
    <t>36940.0</t>
  </si>
  <si>
    <t>71932.0</t>
  </si>
  <si>
    <t>37008.0</t>
  </si>
  <si>
    <t>34924.0</t>
  </si>
  <si>
    <t>135.42</t>
  </si>
  <si>
    <t>37106.0</t>
  </si>
  <si>
    <t>35140.0</t>
  </si>
  <si>
    <t>72591.0</t>
  </si>
  <si>
    <t>136.66</t>
  </si>
  <si>
    <t>72949.0</t>
  </si>
  <si>
    <t>37447.0</t>
  </si>
  <si>
    <t>137.34</t>
  </si>
  <si>
    <t>73051.0</t>
  </si>
  <si>
    <t>37493.0</t>
  </si>
  <si>
    <t>35558.0</t>
  </si>
  <si>
    <t>137.53</t>
  </si>
  <si>
    <t>35640.0</t>
  </si>
  <si>
    <t>73404.0</t>
  </si>
  <si>
    <t>37658.0</t>
  </si>
  <si>
    <t>73634.0</t>
  </si>
  <si>
    <t>37765.0</t>
  </si>
  <si>
    <t>37886.0</t>
  </si>
  <si>
    <t>35986.0</t>
  </si>
  <si>
    <t>139.07</t>
  </si>
  <si>
    <t>73959.0</t>
  </si>
  <si>
    <t>35998.0</t>
  </si>
  <si>
    <t>74129.0</t>
  </si>
  <si>
    <t>38059.0</t>
  </si>
  <si>
    <t>36070.0</t>
  </si>
  <si>
    <t>36182.0</t>
  </si>
  <si>
    <t>-87.4</t>
  </si>
  <si>
    <t>-11.57</t>
  </si>
  <si>
    <t>-1645.42425212267</t>
  </si>
  <si>
    <t>74618.0</t>
  </si>
  <si>
    <t>38288.0</t>
  </si>
  <si>
    <t>75009.0</t>
  </si>
  <si>
    <t>36538.0</t>
  </si>
  <si>
    <t>38647.0</t>
  </si>
  <si>
    <t>36713.0</t>
  </si>
  <si>
    <t>141.88</t>
  </si>
  <si>
    <t>75390.0</t>
  </si>
  <si>
    <t>38663.0</t>
  </si>
  <si>
    <t>36727.0</t>
  </si>
  <si>
    <t>75519.0</t>
  </si>
  <si>
    <t>38719.0</t>
  </si>
  <si>
    <t>142.17</t>
  </si>
  <si>
    <t>38770.0</t>
  </si>
  <si>
    <t>36877.0</t>
  </si>
  <si>
    <t>75867.0</t>
  </si>
  <si>
    <t>36977.0</t>
  </si>
  <si>
    <t>76061.0</t>
  </si>
  <si>
    <t>37119.0</t>
  </si>
  <si>
    <t>76161.0</t>
  </si>
  <si>
    <t>37191.0</t>
  </si>
  <si>
    <t>143.38</t>
  </si>
  <si>
    <t>76384.0</t>
  </si>
  <si>
    <t>76516.0</t>
  </si>
  <si>
    <t>144.05</t>
  </si>
  <si>
    <t>76723.0</t>
  </si>
  <si>
    <t>144.44</t>
  </si>
  <si>
    <t>70.62</t>
  </si>
  <si>
    <t>76876.0</t>
  </si>
  <si>
    <t>37597.0</t>
  </si>
  <si>
    <t>77276.0</t>
  </si>
  <si>
    <t>39503.0</t>
  </si>
  <si>
    <t>77555.0</t>
  </si>
  <si>
    <t>39719.0</t>
  </si>
  <si>
    <t>146.01</t>
  </si>
  <si>
    <t>-89.6</t>
  </si>
  <si>
    <t>-11.36</t>
  </si>
  <si>
    <t>-1686.84225389235</t>
  </si>
  <si>
    <t>78008.0</t>
  </si>
  <si>
    <t>38006.0</t>
  </si>
  <si>
    <t>40048.0</t>
  </si>
  <si>
    <t>146.99</t>
  </si>
  <si>
    <t>38142.0</t>
  </si>
  <si>
    <t>-81.2</t>
  </si>
  <si>
    <t>-9.88</t>
  </si>
  <si>
    <t>-1528.70079258994</t>
  </si>
  <si>
    <t>605573.0</t>
  </si>
  <si>
    <t>11450.102</t>
  </si>
  <si>
    <t>613792.0</t>
  </si>
  <si>
    <t>11605.506</t>
  </si>
  <si>
    <t>619434.0</t>
  </si>
  <si>
    <t>11712.184</t>
  </si>
  <si>
    <t>93518.0</t>
  </si>
  <si>
    <t>41387.0</t>
  </si>
  <si>
    <t>40424.0</t>
  </si>
  <si>
    <t>630001.0</t>
  </si>
  <si>
    <t>11911.984</t>
  </si>
  <si>
    <t>65.989</t>
  </si>
  <si>
    <t>59.976</t>
  </si>
  <si>
    <t>53.963</t>
  </si>
  <si>
    <t>631550.0</t>
  </si>
  <si>
    <t>11941.272</t>
  </si>
  <si>
    <t>47.969</t>
  </si>
  <si>
    <t>45.889</t>
  </si>
  <si>
    <t>94004.0</t>
  </si>
  <si>
    <t>41415.0</t>
  </si>
  <si>
    <t>40474.0</t>
  </si>
  <si>
    <t>176.98</t>
  </si>
  <si>
    <t>635659.0</t>
  </si>
  <si>
    <t>12018.965</t>
  </si>
  <si>
    <t>43.828</t>
  </si>
  <si>
    <t>95287.0</t>
  </si>
  <si>
    <t>41427.0</t>
  </si>
  <si>
    <t>13366.0</t>
  </si>
  <si>
    <t>641176.0</t>
  </si>
  <si>
    <t>12123.279</t>
  </si>
  <si>
    <t>30.177</t>
  </si>
  <si>
    <t>96235.0</t>
  </si>
  <si>
    <t>40528.0</t>
  </si>
  <si>
    <t>-65.6</t>
  </si>
  <si>
    <t>-7.63</t>
  </si>
  <si>
    <t>-1235.00950731404</t>
  </si>
  <si>
    <t>39.707</t>
  </si>
  <si>
    <t>12252.553</t>
  </si>
  <si>
    <t>44.471</t>
  </si>
  <si>
    <t>47.591</t>
  </si>
  <si>
    <t>96959.0</t>
  </si>
  <si>
    <t>40550.0</t>
  </si>
  <si>
    <t>50.692</t>
  </si>
  <si>
    <t>97142.0</t>
  </si>
  <si>
    <t>41451.0</t>
  </si>
  <si>
    <t>15136.0</t>
  </si>
  <si>
    <t>182.88</t>
  </si>
  <si>
    <t>53.131</t>
  </si>
  <si>
    <t>98470.0</t>
  </si>
  <si>
    <t>41489.0</t>
  </si>
  <si>
    <t>40623.0</t>
  </si>
  <si>
    <t>16358.0</t>
  </si>
  <si>
    <t>185.38</t>
  </si>
  <si>
    <t>664051.0</t>
  </si>
  <si>
    <t>12555.797</t>
  </si>
  <si>
    <t>55.627</t>
  </si>
  <si>
    <t>672545.0</t>
  </si>
  <si>
    <t>12716.401</t>
  </si>
  <si>
    <t>66.272</t>
  </si>
  <si>
    <t>32.76</t>
  </si>
  <si>
    <t>67.085</t>
  </si>
  <si>
    <t>40685.0</t>
  </si>
  <si>
    <t>17627.0</t>
  </si>
  <si>
    <t>187.95</t>
  </si>
  <si>
    <t>679568.0</t>
  </si>
  <si>
    <t>12849.191</t>
  </si>
  <si>
    <t>67.898</t>
  </si>
  <si>
    <t>100067.0</t>
  </si>
  <si>
    <t>41529.0</t>
  </si>
  <si>
    <t>69.297</t>
  </si>
  <si>
    <t>70.715</t>
  </si>
  <si>
    <t>100616.0</t>
  </si>
  <si>
    <t>40739.0</t>
  </si>
  <si>
    <t>189.42</t>
  </si>
  <si>
    <t>72.115</t>
  </si>
  <si>
    <t>698199.0</t>
  </si>
  <si>
    <t>13201.463</t>
  </si>
  <si>
    <t>69.657</t>
  </si>
  <si>
    <t>101029.0</t>
  </si>
  <si>
    <t>41569.0</t>
  </si>
  <si>
    <t>40759.0</t>
  </si>
  <si>
    <t>101312.0</t>
  </si>
  <si>
    <t>18960.0</t>
  </si>
  <si>
    <t>190.73</t>
  </si>
  <si>
    <t>712511.0</t>
  </si>
  <si>
    <t>13472.073</t>
  </si>
  <si>
    <t>68.863</t>
  </si>
  <si>
    <t>101803.0</t>
  </si>
  <si>
    <t>41607.0</t>
  </si>
  <si>
    <t>40789.0</t>
  </si>
  <si>
    <t>716117.0</t>
  </si>
  <si>
    <t>13540.255</t>
  </si>
  <si>
    <t>68.182</t>
  </si>
  <si>
    <t>68.522</t>
  </si>
  <si>
    <t>71.302</t>
  </si>
  <si>
    <t>725621.0</t>
  </si>
  <si>
    <t>13719.955</t>
  </si>
  <si>
    <t>74.062</t>
  </si>
  <si>
    <t>75.121</t>
  </si>
  <si>
    <t>733561.0</t>
  </si>
  <si>
    <t>13870.084</t>
  </si>
  <si>
    <t>102553.0</t>
  </si>
  <si>
    <t>193.07</t>
  </si>
  <si>
    <t>71.774</t>
  </si>
  <si>
    <t>737450.0</t>
  </si>
  <si>
    <t>13943.617</t>
  </si>
  <si>
    <t>67.369</t>
  </si>
  <si>
    <t>68.031</t>
  </si>
  <si>
    <t>41679.0</t>
  </si>
  <si>
    <t>193.96</t>
  </si>
  <si>
    <t>745151.0</t>
  </si>
  <si>
    <t>14089.226</t>
  </si>
  <si>
    <t>65.591</t>
  </si>
  <si>
    <t>747243.0</t>
  </si>
  <si>
    <t>14128.782</t>
  </si>
  <si>
    <t>58.406</t>
  </si>
  <si>
    <t>55.324</t>
  </si>
  <si>
    <t>103223.0</t>
  </si>
  <si>
    <t>41686.0</t>
  </si>
  <si>
    <t>40848.0</t>
  </si>
  <si>
    <t>20689.0</t>
  </si>
  <si>
    <t>194.33</t>
  </si>
  <si>
    <t>-69.9</t>
  </si>
  <si>
    <t>-9.71</t>
  </si>
  <si>
    <t>-1315.96287440932</t>
  </si>
  <si>
    <t>752902.0</t>
  </si>
  <si>
    <t>14235.781</t>
  </si>
  <si>
    <t>52.242</t>
  </si>
  <si>
    <t>103280.0</t>
  </si>
  <si>
    <t>41687.0</t>
  </si>
  <si>
    <t>40853.0</t>
  </si>
  <si>
    <t>49.803</t>
  </si>
  <si>
    <t>41697.0</t>
  </si>
  <si>
    <t>40855.0</t>
  </si>
  <si>
    <t>20799.0</t>
  </si>
  <si>
    <t>754980.0</t>
  </si>
  <si>
    <t>14275.072</t>
  </si>
  <si>
    <t>47.345</t>
  </si>
  <si>
    <t>103479.0</t>
  </si>
  <si>
    <t>40862.0</t>
  </si>
  <si>
    <t>20919.0</t>
  </si>
  <si>
    <t>0.3411</t>
  </si>
  <si>
    <t>759129.0</t>
  </si>
  <si>
    <t>14353.521</t>
  </si>
  <si>
    <t>32.106</t>
  </si>
  <si>
    <t>0.4128</t>
  </si>
  <si>
    <t>0.4525</t>
  </si>
  <si>
    <t>103571.0</t>
  </si>
  <si>
    <t>40865.0</t>
  </si>
  <si>
    <t>21006.0</t>
  </si>
  <si>
    <t>24.429</t>
  </si>
  <si>
    <t>0.5391</t>
  </si>
  <si>
    <t>41701.0</t>
  </si>
  <si>
    <t>40867.0</t>
  </si>
  <si>
    <t>195.07</t>
  </si>
  <si>
    <t>25.412</t>
  </si>
  <si>
    <t>764760.0</t>
  </si>
  <si>
    <t>14459.991</t>
  </si>
  <si>
    <t>103708.0</t>
  </si>
  <si>
    <t>195.24</t>
  </si>
  <si>
    <t>0.5053</t>
  </si>
  <si>
    <t>24.807</t>
  </si>
  <si>
    <t>0.6002</t>
  </si>
  <si>
    <t>768015.0</t>
  </si>
  <si>
    <t>14521.536</t>
  </si>
  <si>
    <t>23.994</t>
  </si>
  <si>
    <t>0.5312</t>
  </si>
  <si>
    <t>23.521</t>
  </si>
  <si>
    <t>0.5403</t>
  </si>
  <si>
    <t>103737.0</t>
  </si>
  <si>
    <t>41706.0</t>
  </si>
  <si>
    <t>40880.0</t>
  </si>
  <si>
    <t>21151.0</t>
  </si>
  <si>
    <t>770470.0</t>
  </si>
  <si>
    <t>14567.955</t>
  </si>
  <si>
    <t>22.689</t>
  </si>
  <si>
    <t>0.5888</t>
  </si>
  <si>
    <t>103853.0</t>
  </si>
  <si>
    <t>41713.0</t>
  </si>
  <si>
    <t>40890.0</t>
  </si>
  <si>
    <t>773030.0</t>
  </si>
  <si>
    <t>14616.359</t>
  </si>
  <si>
    <t>0.5181</t>
  </si>
  <si>
    <t>20.818</t>
  </si>
  <si>
    <t>103894.0</t>
  </si>
  <si>
    <t>41715.0</t>
  </si>
  <si>
    <t>40895.0</t>
  </si>
  <si>
    <t>0.3742</t>
  </si>
  <si>
    <t>774591.0</t>
  </si>
  <si>
    <t>14645.874</t>
  </si>
  <si>
    <t>17.755</t>
  </si>
  <si>
    <t>0.5049</t>
  </si>
  <si>
    <t>775562.0</t>
  </si>
  <si>
    <t>14664.234</t>
  </si>
  <si>
    <t>15.278</t>
  </si>
  <si>
    <t>0.3596</t>
  </si>
  <si>
    <t>776693.0</t>
  </si>
  <si>
    <t>14685.619</t>
  </si>
  <si>
    <t>13.349</t>
  </si>
  <si>
    <t>0.4711</t>
  </si>
  <si>
    <t>777084.0</t>
  </si>
  <si>
    <t>14693.012</t>
  </si>
  <si>
    <t>0.6445</t>
  </si>
  <si>
    <t>0.6384</t>
  </si>
  <si>
    <t>777845.0</t>
  </si>
  <si>
    <t>14707.401</t>
  </si>
  <si>
    <t>0.6621</t>
  </si>
  <si>
    <t>-54.6</t>
  </si>
  <si>
    <t>-1027.91949846565</t>
  </si>
  <si>
    <t>-41.3</t>
  </si>
  <si>
    <t>-777.528851403505</t>
  </si>
  <si>
    <t>-37.6</t>
  </si>
  <si>
    <t>-707.871302972683</t>
  </si>
  <si>
    <t>-31.3</t>
  </si>
  <si>
    <t>-589.265206995877</t>
  </si>
  <si>
    <t>-30.4</t>
  </si>
  <si>
    <t>-2.79</t>
  </si>
  <si>
    <t>-572.32147899919</t>
  </si>
  <si>
    <t>-19.3</t>
  </si>
  <si>
    <t>-363.348833706723</t>
  </si>
  <si>
    <t>-12.6</t>
  </si>
  <si>
    <t>-237.212191953612</t>
  </si>
  <si>
    <t>-15.1</t>
  </si>
  <si>
    <t>-284.278103055519</t>
  </si>
  <si>
    <t>-14.45</t>
  </si>
  <si>
    <t>-376.527288815257</t>
  </si>
  <si>
    <t>FLK</t>
  </si>
  <si>
    <t>Falkland Islands</t>
  </si>
  <si>
    <t>43936.0</t>
  </si>
  <si>
    <t>32097.0</t>
  </si>
  <si>
    <t>22099.0</t>
  </si>
  <si>
    <t>46830.0</t>
  </si>
  <si>
    <t>40516.0</t>
  </si>
  <si>
    <t>28150.0</t>
  </si>
  <si>
    <t>FJI</t>
  </si>
  <si>
    <t>Fiji</t>
  </si>
  <si>
    <t>3.456</t>
  </si>
  <si>
    <t>4.509</t>
  </si>
  <si>
    <t>4.786</t>
  </si>
  <si>
    <t>4.958</t>
  </si>
  <si>
    <t>5.012</t>
  </si>
  <si>
    <t>5.209</t>
  </si>
  <si>
    <t>5.521</t>
  </si>
  <si>
    <t>6.316</t>
  </si>
  <si>
    <t>6.844</t>
  </si>
  <si>
    <t>6.923</t>
  </si>
  <si>
    <t>7.068</t>
  </si>
  <si>
    <t>7.267</t>
  </si>
  <si>
    <t>7.503</t>
  </si>
  <si>
    <t>7.654</t>
  </si>
  <si>
    <t>7318.0</t>
  </si>
  <si>
    <t>7.932</t>
  </si>
  <si>
    <t>7.944</t>
  </si>
  <si>
    <t>7.987</t>
  </si>
  <si>
    <t>8.122</t>
  </si>
  <si>
    <t>8.226</t>
  </si>
  <si>
    <t>8.532</t>
  </si>
  <si>
    <t>7942.0</t>
  </si>
  <si>
    <t>8.637</t>
  </si>
  <si>
    <t>8.692</t>
  </si>
  <si>
    <t>8.865</t>
  </si>
  <si>
    <t>8.916</t>
  </si>
  <si>
    <t>9.047</t>
  </si>
  <si>
    <t>9.114</t>
  </si>
  <si>
    <t>9.247</t>
  </si>
  <si>
    <t>9.501</t>
  </si>
  <si>
    <t>9.618</t>
  </si>
  <si>
    <t>9.631</t>
  </si>
  <si>
    <t>9.816</t>
  </si>
  <si>
    <t>9.988</t>
  </si>
  <si>
    <t>10.024</t>
  </si>
  <si>
    <t>10.052</t>
  </si>
  <si>
    <t>9753.0</t>
  </si>
  <si>
    <t>10.548</t>
  </si>
  <si>
    <t>9806.0</t>
  </si>
  <si>
    <t>10.606</t>
  </si>
  <si>
    <t>10.663</t>
  </si>
  <si>
    <t>10.828</t>
  </si>
  <si>
    <t>11.049</t>
  </si>
  <si>
    <t>11.189</t>
  </si>
  <si>
    <t>11.232</t>
  </si>
  <si>
    <t>11.249</t>
  </si>
  <si>
    <t>10786.0</t>
  </si>
  <si>
    <t>11.665</t>
  </si>
  <si>
    <t>10825.0</t>
  </si>
  <si>
    <t>11.708</t>
  </si>
  <si>
    <t>12.241</t>
  </si>
  <si>
    <t>12.351</t>
  </si>
  <si>
    <t>11508.0</t>
  </si>
  <si>
    <t>12.446</t>
  </si>
  <si>
    <t>12.538</t>
  </si>
  <si>
    <t>12.731</t>
  </si>
  <si>
    <t>12.888</t>
  </si>
  <si>
    <t>11978.0</t>
  </si>
  <si>
    <t>12.955</t>
  </si>
  <si>
    <t>13.023</t>
  </si>
  <si>
    <t>12125.0</t>
  </si>
  <si>
    <t>13.114</t>
  </si>
  <si>
    <t>13.253</t>
  </si>
  <si>
    <t>13.343</t>
  </si>
  <si>
    <t>13.372</t>
  </si>
  <si>
    <t>12706.0</t>
  </si>
  <si>
    <t>13.742</t>
  </si>
  <si>
    <t>13.798</t>
  </si>
  <si>
    <t>14.507</t>
  </si>
  <si>
    <t>14.639</t>
  </si>
  <si>
    <t>14402.0</t>
  </si>
  <si>
    <t>15.576</t>
  </si>
  <si>
    <t>14513.0</t>
  </si>
  <si>
    <t>15.696</t>
  </si>
  <si>
    <t>15.739</t>
  </si>
  <si>
    <t>15.782</t>
  </si>
  <si>
    <t>15217.0</t>
  </si>
  <si>
    <t>16.458</t>
  </si>
  <si>
    <t>15235.0</t>
  </si>
  <si>
    <t>16.477</t>
  </si>
  <si>
    <t>16.771</t>
  </si>
  <si>
    <t>16.883</t>
  </si>
  <si>
    <t>17.095</t>
  </si>
  <si>
    <t>17.288</t>
  </si>
  <si>
    <t>17.384</t>
  </si>
  <si>
    <t>17.552</t>
  </si>
  <si>
    <t>16297.0</t>
  </si>
  <si>
    <t>17.626</t>
  </si>
  <si>
    <t>17.677</t>
  </si>
  <si>
    <t>18.147</t>
  </si>
  <si>
    <t>18.202</t>
  </si>
  <si>
    <t>18.512</t>
  </si>
  <si>
    <t>18.946</t>
  </si>
  <si>
    <t>19.009</t>
  </si>
  <si>
    <t>18213.0</t>
  </si>
  <si>
    <t>19.698</t>
  </si>
  <si>
    <t>19.819</t>
  </si>
  <si>
    <t>20.134</t>
  </si>
  <si>
    <t>20.573</t>
  </si>
  <si>
    <t>21.173</t>
  </si>
  <si>
    <t>19622.0</t>
  </si>
  <si>
    <t>21.222</t>
  </si>
  <si>
    <t>19735.0</t>
  </si>
  <si>
    <t>21.344</t>
  </si>
  <si>
    <t>19839.0</t>
  </si>
  <si>
    <t>21.457</t>
  </si>
  <si>
    <t>19859.0</t>
  </si>
  <si>
    <t>21.478</t>
  </si>
  <si>
    <t>19883.0</t>
  </si>
  <si>
    <t>21.504</t>
  </si>
  <si>
    <t>21.752</t>
  </si>
  <si>
    <t>20640.0</t>
  </si>
  <si>
    <t>22.323</t>
  </si>
  <si>
    <t>22.325</t>
  </si>
  <si>
    <t>20709.0</t>
  </si>
  <si>
    <t>22.398</t>
  </si>
  <si>
    <t>21072.0</t>
  </si>
  <si>
    <t>22.926</t>
  </si>
  <si>
    <t>21296.0</t>
  </si>
  <si>
    <t>23.032</t>
  </si>
  <si>
    <t>21365.0</t>
  </si>
  <si>
    <t>23.107</t>
  </si>
  <si>
    <t>21735.0</t>
  </si>
  <si>
    <t>23.558</t>
  </si>
  <si>
    <t>23.713</t>
  </si>
  <si>
    <t>23.942</t>
  </si>
  <si>
    <t>24.141</t>
  </si>
  <si>
    <t>24.631</t>
  </si>
  <si>
    <t>22831.0</t>
  </si>
  <si>
    <t>24.693</t>
  </si>
  <si>
    <t>23130.0</t>
  </si>
  <si>
    <t>25.225</t>
  </si>
  <si>
    <t>23598.0</t>
  </si>
  <si>
    <t>23718.0</t>
  </si>
  <si>
    <t>25.696</t>
  </si>
  <si>
    <t>25.754</t>
  </si>
  <si>
    <t>24324.0</t>
  </si>
  <si>
    <t>26.307</t>
  </si>
  <si>
    <t>24545.0</t>
  </si>
  <si>
    <t>26.546</t>
  </si>
  <si>
    <t>24778.0</t>
  </si>
  <si>
    <t>26.798</t>
  </si>
  <si>
    <t>25014.0</t>
  </si>
  <si>
    <t>27.054</t>
  </si>
  <si>
    <t>27.507</t>
  </si>
  <si>
    <t>25661.0</t>
  </si>
  <si>
    <t>27.753</t>
  </si>
  <si>
    <t>25823.0</t>
  </si>
  <si>
    <t>26118.0</t>
  </si>
  <si>
    <t>28.248</t>
  </si>
  <si>
    <t>28.355</t>
  </si>
  <si>
    <t>26510.0</t>
  </si>
  <si>
    <t>28.672</t>
  </si>
  <si>
    <t>29.037</t>
  </si>
  <si>
    <t>26933.0</t>
  </si>
  <si>
    <t>29.129</t>
  </si>
  <si>
    <t>27082.0</t>
  </si>
  <si>
    <t>29.326</t>
  </si>
  <si>
    <t>27159.0</t>
  </si>
  <si>
    <t>29.373</t>
  </si>
  <si>
    <t>27724.0</t>
  </si>
  <si>
    <t>29.985</t>
  </si>
  <si>
    <t>30.209</t>
  </si>
  <si>
    <t>28045.0</t>
  </si>
  <si>
    <t>30.332</t>
  </si>
  <si>
    <t>28198.0</t>
  </si>
  <si>
    <t>28283.0</t>
  </si>
  <si>
    <t>28301.0</t>
  </si>
  <si>
    <t>30.609</t>
  </si>
  <si>
    <t>30.827</t>
  </si>
  <si>
    <t>31.077</t>
  </si>
  <si>
    <t>28888.0</t>
  </si>
  <si>
    <t>31.243</t>
  </si>
  <si>
    <t>31.517</t>
  </si>
  <si>
    <t>31.593</t>
  </si>
  <si>
    <t>29225.0</t>
  </si>
  <si>
    <t>29626.0</t>
  </si>
  <si>
    <t>32.574</t>
  </si>
  <si>
    <t>30266.0</t>
  </si>
  <si>
    <t>32.734</t>
  </si>
  <si>
    <t>30492.0</t>
  </si>
  <si>
    <t>32.978</t>
  </si>
  <si>
    <t>33.103</t>
  </si>
  <si>
    <t>30762.0</t>
  </si>
  <si>
    <t>33.604</t>
  </si>
  <si>
    <t>31464.0</t>
  </si>
  <si>
    <t>34.029</t>
  </si>
  <si>
    <t>31938.0</t>
  </si>
  <si>
    <t>32045.0</t>
  </si>
  <si>
    <t>34.658</t>
  </si>
  <si>
    <t>32164.0</t>
  </si>
  <si>
    <t>34.787</t>
  </si>
  <si>
    <t>34.967</t>
  </si>
  <si>
    <t>32612.0</t>
  </si>
  <si>
    <t>35.271</t>
  </si>
  <si>
    <t>33309.0</t>
  </si>
  <si>
    <t>36.025</t>
  </si>
  <si>
    <t>33487.0</t>
  </si>
  <si>
    <t>36.217</t>
  </si>
  <si>
    <t>33756.0</t>
  </si>
  <si>
    <t>36.508</t>
  </si>
  <si>
    <t>36.597</t>
  </si>
  <si>
    <t>34052.0</t>
  </si>
  <si>
    <t>36.829</t>
  </si>
  <si>
    <t>34346.0</t>
  </si>
  <si>
    <t>37.146</t>
  </si>
  <si>
    <t>37.618</t>
  </si>
  <si>
    <t>35099.0</t>
  </si>
  <si>
    <t>37.961</t>
  </si>
  <si>
    <t>35169.0</t>
  </si>
  <si>
    <t>38.545</t>
  </si>
  <si>
    <t>36322.0</t>
  </si>
  <si>
    <t>39.284</t>
  </si>
  <si>
    <t>36597.0</t>
  </si>
  <si>
    <t>39.581</t>
  </si>
  <si>
    <t>39.852</t>
  </si>
  <si>
    <t>37058.0</t>
  </si>
  <si>
    <t>37422.0</t>
  </si>
  <si>
    <t>40.473</t>
  </si>
  <si>
    <t>37804.0</t>
  </si>
  <si>
    <t>40.886</t>
  </si>
  <si>
    <t>38468.0</t>
  </si>
  <si>
    <t>41.605</t>
  </si>
  <si>
    <t>39142.0</t>
  </si>
  <si>
    <t>42.334</t>
  </si>
  <si>
    <t>39213.0</t>
  </si>
  <si>
    <t>39378.0</t>
  </si>
  <si>
    <t>42.589</t>
  </si>
  <si>
    <t>42.925</t>
  </si>
  <si>
    <t>43.586</t>
  </si>
  <si>
    <t>40544.0</t>
  </si>
  <si>
    <t>44.162</t>
  </si>
  <si>
    <t>40943.0</t>
  </si>
  <si>
    <t>44.281</t>
  </si>
  <si>
    <t>44.555</t>
  </si>
  <si>
    <t>44.667</t>
  </si>
  <si>
    <t>41725.0</t>
  </si>
  <si>
    <t>42141.0</t>
  </si>
  <si>
    <t>45.577</t>
  </si>
  <si>
    <t>42492.0</t>
  </si>
  <si>
    <t>45.957</t>
  </si>
  <si>
    <t>56000.0</t>
  </si>
  <si>
    <t>42861.0</t>
  </si>
  <si>
    <t>46.356</t>
  </si>
  <si>
    <t>43241.0</t>
  </si>
  <si>
    <t>46.767</t>
  </si>
  <si>
    <t>47.033</t>
  </si>
  <si>
    <t>44481.0</t>
  </si>
  <si>
    <t>48.108</t>
  </si>
  <si>
    <t>45595.0</t>
  </si>
  <si>
    <t>46423.0</t>
  </si>
  <si>
    <t>51.297</t>
  </si>
  <si>
    <t>52.094</t>
  </si>
  <si>
    <t>48717.0</t>
  </si>
  <si>
    <t>52.689</t>
  </si>
  <si>
    <t>49402.0</t>
  </si>
  <si>
    <t>54.116</t>
  </si>
  <si>
    <t>51054.0</t>
  </si>
  <si>
    <t>55.217</t>
  </si>
  <si>
    <t>56.283</t>
  </si>
  <si>
    <t>53292.0</t>
  </si>
  <si>
    <t>57.637</t>
  </si>
  <si>
    <t>55028.0</t>
  </si>
  <si>
    <t>59.515</t>
  </si>
  <si>
    <t>56306.0</t>
  </si>
  <si>
    <t>60.897</t>
  </si>
  <si>
    <t>60094.0</t>
  </si>
  <si>
    <t>64.994</t>
  </si>
  <si>
    <t>61443.0</t>
  </si>
  <si>
    <t>66.453</t>
  </si>
  <si>
    <t>63649.0</t>
  </si>
  <si>
    <t>68.839</t>
  </si>
  <si>
    <t>70.587</t>
  </si>
  <si>
    <t>66645.0</t>
  </si>
  <si>
    <t>72.079</t>
  </si>
  <si>
    <t>68862.0</t>
  </si>
  <si>
    <t>74.477</t>
  </si>
  <si>
    <t>70915.0</t>
  </si>
  <si>
    <t>76.697</t>
  </si>
  <si>
    <t>93000.0</t>
  </si>
  <si>
    <t>71727.0</t>
  </si>
  <si>
    <t>77.575</t>
  </si>
  <si>
    <t>72001.0</t>
  </si>
  <si>
    <t>77.872</t>
  </si>
  <si>
    <t>72174.0</t>
  </si>
  <si>
    <t>78.059</t>
  </si>
  <si>
    <t>78.332</t>
  </si>
  <si>
    <t>78.766</t>
  </si>
  <si>
    <t>81.494</t>
  </si>
  <si>
    <t>78324.0</t>
  </si>
  <si>
    <t>80946.0</t>
  </si>
  <si>
    <t>87.546</t>
  </si>
  <si>
    <t>83980.0</t>
  </si>
  <si>
    <t>86713.0</t>
  </si>
  <si>
    <t>93.783</t>
  </si>
  <si>
    <t>88392.0</t>
  </si>
  <si>
    <t>95.599</t>
  </si>
  <si>
    <t>90325.0</t>
  </si>
  <si>
    <t>92821.0</t>
  </si>
  <si>
    <t>100.389</t>
  </si>
  <si>
    <t>96111.0</t>
  </si>
  <si>
    <t>103.948</t>
  </si>
  <si>
    <t>107014.0</t>
  </si>
  <si>
    <t>98915.0</t>
  </si>
  <si>
    <t>101588.0</t>
  </si>
  <si>
    <t>109.871</t>
  </si>
  <si>
    <t>103943.0</t>
  </si>
  <si>
    <t>112.418</t>
  </si>
  <si>
    <t>106263.0</t>
  </si>
  <si>
    <t>114.927</t>
  </si>
  <si>
    <t>2.761</t>
  </si>
  <si>
    <t>108738.0</t>
  </si>
  <si>
    <t>117.604</t>
  </si>
  <si>
    <t>111470.0</t>
  </si>
  <si>
    <t>120.559</t>
  </si>
  <si>
    <t>114178.0</t>
  </si>
  <si>
    <t>123.488</t>
  </si>
  <si>
    <t>117757.0</t>
  </si>
  <si>
    <t>127.359</t>
  </si>
  <si>
    <t>3.871</t>
  </si>
  <si>
    <t>121573.0</t>
  </si>
  <si>
    <t>131.486</t>
  </si>
  <si>
    <t>124802.0</t>
  </si>
  <si>
    <t>134.978</t>
  </si>
  <si>
    <t>3.492</t>
  </si>
  <si>
    <t>127596.0</t>
  </si>
  <si>
    <t>3.022</t>
  </si>
  <si>
    <t>130053.0</t>
  </si>
  <si>
    <t>140.657</t>
  </si>
  <si>
    <t>143.609</t>
  </si>
  <si>
    <t>136299.0</t>
  </si>
  <si>
    <t>147.412</t>
  </si>
  <si>
    <t>223429.0</t>
  </si>
  <si>
    <t>218830.0</t>
  </si>
  <si>
    <t>13396.0</t>
  </si>
  <si>
    <t>11798.0</t>
  </si>
  <si>
    <t>140010.0</t>
  </si>
  <si>
    <t>151.426</t>
  </si>
  <si>
    <t>144046.0</t>
  </si>
  <si>
    <t>155.791</t>
  </si>
  <si>
    <t>9207.0</t>
  </si>
  <si>
    <t>147630.0</t>
  </si>
  <si>
    <t>159.667</t>
  </si>
  <si>
    <t>150614.0</t>
  </si>
  <si>
    <t>162.895</t>
  </si>
  <si>
    <t>153754.0</t>
  </si>
  <si>
    <t>166.291</t>
  </si>
  <si>
    <t>157809.0</t>
  </si>
  <si>
    <t>170.676</t>
  </si>
  <si>
    <t>161020.0</t>
  </si>
  <si>
    <t>174.149</t>
  </si>
  <si>
    <t>242539.0</t>
  </si>
  <si>
    <t>237940.0</t>
  </si>
  <si>
    <t>164109.0</t>
  </si>
  <si>
    <t>177.49</t>
  </si>
  <si>
    <t>167192.0</t>
  </si>
  <si>
    <t>180.824</t>
  </si>
  <si>
    <t>170187.0</t>
  </si>
  <si>
    <t>184.064</t>
  </si>
  <si>
    <t>173230.0</t>
  </si>
  <si>
    <t>187.355</t>
  </si>
  <si>
    <t>175689.0</t>
  </si>
  <si>
    <t>178579.0</t>
  </si>
  <si>
    <t>193.14</t>
  </si>
  <si>
    <t>274008.0</t>
  </si>
  <si>
    <t>256018.0</t>
  </si>
  <si>
    <t>181926.0</t>
  </si>
  <si>
    <t>196.76</t>
  </si>
  <si>
    <t>184948.0</t>
  </si>
  <si>
    <t>187975.0</t>
  </si>
  <si>
    <t>203.302</t>
  </si>
  <si>
    <t>191287.0</t>
  </si>
  <si>
    <t>206.884</t>
  </si>
  <si>
    <t>193938.0</t>
  </si>
  <si>
    <t>209.751</t>
  </si>
  <si>
    <t>213.075</t>
  </si>
  <si>
    <t>199946.0</t>
  </si>
  <si>
    <t>216.249</t>
  </si>
  <si>
    <t>202961.0</t>
  </si>
  <si>
    <t>219.51</t>
  </si>
  <si>
    <t>322299.0</t>
  </si>
  <si>
    <t>278954.0</t>
  </si>
  <si>
    <t>43345.0</t>
  </si>
  <si>
    <t>206423.0</t>
  </si>
  <si>
    <t>223.254</t>
  </si>
  <si>
    <t>210076.0</t>
  </si>
  <si>
    <t>213314.0</t>
  </si>
  <si>
    <t>230.707</t>
  </si>
  <si>
    <t>4.043</t>
  </si>
  <si>
    <t>220562.0</t>
  </si>
  <si>
    <t>238.546</t>
  </si>
  <si>
    <t>223983.0</t>
  </si>
  <si>
    <t>242.246</t>
  </si>
  <si>
    <t>228283.0</t>
  </si>
  <si>
    <t>246.897</t>
  </si>
  <si>
    <t>379199.0</t>
  </si>
  <si>
    <t>324462.0</t>
  </si>
  <si>
    <t>54737.0</t>
  </si>
  <si>
    <t>232129.0</t>
  </si>
  <si>
    <t>251.056</t>
  </si>
  <si>
    <t>236685.0</t>
  </si>
  <si>
    <t>255.984</t>
  </si>
  <si>
    <t>241208.0</t>
  </si>
  <si>
    <t>260.875</t>
  </si>
  <si>
    <t>4.892</t>
  </si>
  <si>
    <t>7143.0</t>
  </si>
  <si>
    <t>244971.0</t>
  </si>
  <si>
    <t>264.945</t>
  </si>
  <si>
    <t>248972.0</t>
  </si>
  <si>
    <t>252572.0</t>
  </si>
  <si>
    <t>273.166</t>
  </si>
  <si>
    <t>3.894</t>
  </si>
  <si>
    <t>256454.0</t>
  </si>
  <si>
    <t>277.365</t>
  </si>
  <si>
    <t>419998.0</t>
  </si>
  <si>
    <t>353355.0</t>
  </si>
  <si>
    <t>66643.0</t>
  </si>
  <si>
    <t>260411.0</t>
  </si>
  <si>
    <t>281.644</t>
  </si>
  <si>
    <t>263820.0</t>
  </si>
  <si>
    <t>285.331</t>
  </si>
  <si>
    <t>3.687</t>
  </si>
  <si>
    <t>268227.0</t>
  </si>
  <si>
    <t>290.097</t>
  </si>
  <si>
    <t>272098.0</t>
  </si>
  <si>
    <t>294.284</t>
  </si>
  <si>
    <t>275833.0</t>
  </si>
  <si>
    <t>298.324</t>
  </si>
  <si>
    <t>279445.0</t>
  </si>
  <si>
    <t>302.23</t>
  </si>
  <si>
    <t>4.152</t>
  </si>
  <si>
    <t>282857.0</t>
  </si>
  <si>
    <t>305.92</t>
  </si>
  <si>
    <t>471719.0</t>
  </si>
  <si>
    <t>393095.0</t>
  </si>
  <si>
    <t>78624.0</t>
  </si>
  <si>
    <t>287013.0</t>
  </si>
  <si>
    <t>310.415</t>
  </si>
  <si>
    <t>4.495</t>
  </si>
  <si>
    <t>290707.0</t>
  </si>
  <si>
    <t>314.41</t>
  </si>
  <si>
    <t>317.659</t>
  </si>
  <si>
    <t>296806.0</t>
  </si>
  <si>
    <t>321.007</t>
  </si>
  <si>
    <t>299637.0</t>
  </si>
  <si>
    <t>324.069</t>
  </si>
  <si>
    <t>441171.0</t>
  </si>
  <si>
    <t>97268.0</t>
  </si>
  <si>
    <t>309743.0</t>
  </si>
  <si>
    <t>334.999</t>
  </si>
  <si>
    <t>312913.0</t>
  </si>
  <si>
    <t>338.427</t>
  </si>
  <si>
    <t>316358.0</t>
  </si>
  <si>
    <t>342.153</t>
  </si>
  <si>
    <t>7029.0</t>
  </si>
  <si>
    <t>319877.0</t>
  </si>
  <si>
    <t>345.959</t>
  </si>
  <si>
    <t>12693.0</t>
  </si>
  <si>
    <t>323242.0</t>
  </si>
  <si>
    <t>349.598</t>
  </si>
  <si>
    <t>326746.0</t>
  </si>
  <si>
    <t>484629.0</t>
  </si>
  <si>
    <t>144194.0</t>
  </si>
  <si>
    <t>15352.0</t>
  </si>
  <si>
    <t>330098.0</t>
  </si>
  <si>
    <t>357.013</t>
  </si>
  <si>
    <t>3.665</t>
  </si>
  <si>
    <t>332841.0</t>
  </si>
  <si>
    <t>359.98</t>
  </si>
  <si>
    <t>13293.0</t>
  </si>
  <si>
    <t>335740.0</t>
  </si>
  <si>
    <t>363.115</t>
  </si>
  <si>
    <t>12408.0</t>
  </si>
  <si>
    <t>337721.0</t>
  </si>
  <si>
    <t>365.258</t>
  </si>
  <si>
    <t>339577.0</t>
  </si>
  <si>
    <t>367.265</t>
  </si>
  <si>
    <t>3.043</t>
  </si>
  <si>
    <t>10637.0</t>
  </si>
  <si>
    <t>340662.0</t>
  </si>
  <si>
    <t>368.439</t>
  </si>
  <si>
    <t>342250.0</t>
  </si>
  <si>
    <t>370.156</t>
  </si>
  <si>
    <t>690888.0</t>
  </si>
  <si>
    <t>512282.0</t>
  </si>
  <si>
    <t>178606.0</t>
  </si>
  <si>
    <t>9536.0</t>
  </si>
  <si>
    <t>343872.0</t>
  </si>
  <si>
    <t>371.91</t>
  </si>
  <si>
    <t>346812.0</t>
  </si>
  <si>
    <t>375.09</t>
  </si>
  <si>
    <t>9196.0</t>
  </si>
  <si>
    <t>348731.0</t>
  </si>
  <si>
    <t>377.166</t>
  </si>
  <si>
    <t>349909.0</t>
  </si>
  <si>
    <t>378.44</t>
  </si>
  <si>
    <t>352801.0</t>
  </si>
  <si>
    <t>381.567</t>
  </si>
  <si>
    <t>354603.0</t>
  </si>
  <si>
    <t>383.516</t>
  </si>
  <si>
    <t>745201.0</t>
  </si>
  <si>
    <t>533705.0</t>
  </si>
  <si>
    <t>211496.0</t>
  </si>
  <si>
    <t>356003.0</t>
  </si>
  <si>
    <t>385.03</t>
  </si>
  <si>
    <t>357806.0</t>
  </si>
  <si>
    <t>386.98</t>
  </si>
  <si>
    <t>6887.0</t>
  </si>
  <si>
    <t>359263.0</t>
  </si>
  <si>
    <t>388.556</t>
  </si>
  <si>
    <t>361007.0</t>
  </si>
  <si>
    <t>390.442</t>
  </si>
  <si>
    <t>362890.0</t>
  </si>
  <si>
    <t>392.479</t>
  </si>
  <si>
    <t>365005.0</t>
  </si>
  <si>
    <t>394.766</t>
  </si>
  <si>
    <t>366558.0</t>
  </si>
  <si>
    <t>396.446</t>
  </si>
  <si>
    <t>778159.0</t>
  </si>
  <si>
    <t>543254.0</t>
  </si>
  <si>
    <t>234905.0</t>
  </si>
  <si>
    <t>368208.0</t>
  </si>
  <si>
    <t>398.231</t>
  </si>
  <si>
    <t>369712.0</t>
  </si>
  <si>
    <t>399.857</t>
  </si>
  <si>
    <t>371428.0</t>
  </si>
  <si>
    <t>401.713</t>
  </si>
  <si>
    <t>372647.0</t>
  </si>
  <si>
    <t>403.032</t>
  </si>
  <si>
    <t>373437.0</t>
  </si>
  <si>
    <t>403.886</t>
  </si>
  <si>
    <t>374812.0</t>
  </si>
  <si>
    <t>405.373</t>
  </si>
  <si>
    <t>376247.0</t>
  </si>
  <si>
    <t>406.925</t>
  </si>
  <si>
    <t>377917.0</t>
  </si>
  <si>
    <t>408.731</t>
  </si>
  <si>
    <t>825552.0</t>
  </si>
  <si>
    <t>558944.0</t>
  </si>
  <si>
    <t>266608.0</t>
  </si>
  <si>
    <t>379427.0</t>
  </si>
  <si>
    <t>410.364</t>
  </si>
  <si>
    <t>381007.0</t>
  </si>
  <si>
    <t>412.073</t>
  </si>
  <si>
    <t>382304.0</t>
  </si>
  <si>
    <t>413.476</t>
  </si>
  <si>
    <t>383078.0</t>
  </si>
  <si>
    <t>414.313</t>
  </si>
  <si>
    <t>384360.0</t>
  </si>
  <si>
    <t>415.7</t>
  </si>
  <si>
    <t>385067.0</t>
  </si>
  <si>
    <t>416.464</t>
  </si>
  <si>
    <t>386200.0</t>
  </si>
  <si>
    <t>417.69</t>
  </si>
  <si>
    <t>866153.0</t>
  </si>
  <si>
    <t>566210.0</t>
  </si>
  <si>
    <t>299943.0</t>
  </si>
  <si>
    <t>93.16</t>
  </si>
  <si>
    <t>387630.0</t>
  </si>
  <si>
    <t>419.236</t>
  </si>
  <si>
    <t>389384.0</t>
  </si>
  <si>
    <t>421.133</t>
  </si>
  <si>
    <t>390386.0</t>
  </si>
  <si>
    <t>422.217</t>
  </si>
  <si>
    <t>391098.0</t>
  </si>
  <si>
    <t>392592.0</t>
  </si>
  <si>
    <t>424.603</t>
  </si>
  <si>
    <t>394053.0</t>
  </si>
  <si>
    <t>426.183</t>
  </si>
  <si>
    <t>395504.0</t>
  </si>
  <si>
    <t>427.752</t>
  </si>
  <si>
    <t>912149.0</t>
  </si>
  <si>
    <t>569958.0</t>
  </si>
  <si>
    <t>342191.0</t>
  </si>
  <si>
    <t>397014.0</t>
  </si>
  <si>
    <t>429.385</t>
  </si>
  <si>
    <t>397881.0</t>
  </si>
  <si>
    <t>430.323</t>
  </si>
  <si>
    <t>398853.0</t>
  </si>
  <si>
    <t>431.374</t>
  </si>
  <si>
    <t>400167.0</t>
  </si>
  <si>
    <t>432.795</t>
  </si>
  <si>
    <t>401510.0</t>
  </si>
  <si>
    <t>434.248</t>
  </si>
  <si>
    <t>8946.0</t>
  </si>
  <si>
    <t>402792.0</t>
  </si>
  <si>
    <t>435.634</t>
  </si>
  <si>
    <t>404218.0</t>
  </si>
  <si>
    <t>437.177</t>
  </si>
  <si>
    <t>975268.0</t>
  </si>
  <si>
    <t>587948.0</t>
  </si>
  <si>
    <t>387320.0</t>
  </si>
  <si>
    <t>405505.0</t>
  </si>
  <si>
    <t>438.569</t>
  </si>
  <si>
    <t>406462.0</t>
  </si>
  <si>
    <t>439.604</t>
  </si>
  <si>
    <t>407584.0</t>
  </si>
  <si>
    <t>440.817</t>
  </si>
  <si>
    <t>408495.0</t>
  </si>
  <si>
    <t>441.802</t>
  </si>
  <si>
    <t>409465.0</t>
  </si>
  <si>
    <t>442.852</t>
  </si>
  <si>
    <t>410956.0</t>
  </si>
  <si>
    <t>444.464</t>
  </si>
  <si>
    <t>1017195.0</t>
  </si>
  <si>
    <t>591293.0</t>
  </si>
  <si>
    <t>425902.0</t>
  </si>
  <si>
    <t>412018.0</t>
  </si>
  <si>
    <t>445.613</t>
  </si>
  <si>
    <t>413337.0</t>
  </si>
  <si>
    <t>447.039</t>
  </si>
  <si>
    <t>414499.0</t>
  </si>
  <si>
    <t>448.296</t>
  </si>
  <si>
    <t>415131.0</t>
  </si>
  <si>
    <t>448.98</t>
  </si>
  <si>
    <t>415492.0</t>
  </si>
  <si>
    <t>449.37</t>
  </si>
  <si>
    <t>450.98</t>
  </si>
  <si>
    <t>418029.0</t>
  </si>
  <si>
    <t>452.114</t>
  </si>
  <si>
    <t>1055883.0</t>
  </si>
  <si>
    <t>593442.0</t>
  </si>
  <si>
    <t>462441.0</t>
  </si>
  <si>
    <t>419014.0</t>
  </si>
  <si>
    <t>453.179</t>
  </si>
  <si>
    <t>420390.0</t>
  </si>
  <si>
    <t>454.667</t>
  </si>
  <si>
    <t>421449.0</t>
  </si>
  <si>
    <t>455.813</t>
  </si>
  <si>
    <t>422016.0</t>
  </si>
  <si>
    <t>456.426</t>
  </si>
  <si>
    <t>1090963.0</t>
  </si>
  <si>
    <t>496091.0</t>
  </si>
  <si>
    <t>1136909.0</t>
  </si>
  <si>
    <t>619734.0</t>
  </si>
  <si>
    <t>1166051.0</t>
  </si>
  <si>
    <t>624413.0</t>
  </si>
  <si>
    <t>541638.0</t>
  </si>
  <si>
    <t>1189238.0</t>
  </si>
  <si>
    <t>629006.0</t>
  </si>
  <si>
    <t>560232.0</t>
  </si>
  <si>
    <t>127.91</t>
  </si>
  <si>
    <t>1196888.0</t>
  </si>
  <si>
    <t>630524.0</t>
  </si>
  <si>
    <t>566364.0</t>
  </si>
  <si>
    <t>1208816.0</t>
  </si>
  <si>
    <t>632505.0</t>
  </si>
  <si>
    <t>576311.0</t>
  </si>
  <si>
    <t>1213236.0</t>
  </si>
  <si>
    <t>633512.0</t>
  </si>
  <si>
    <t>579724.0</t>
  </si>
  <si>
    <t>461245.0</t>
  </si>
  <si>
    <t>498.854</t>
  </si>
  <si>
    <t>1237108.0</t>
  </si>
  <si>
    <t>651320.0</t>
  </si>
  <si>
    <t>585788.0</t>
  </si>
  <si>
    <t>1245234.0</t>
  </si>
  <si>
    <t>655857.0</t>
  </si>
  <si>
    <t>589377.0</t>
  </si>
  <si>
    <t>1257375.0</t>
  </si>
  <si>
    <t>659250.0</t>
  </si>
  <si>
    <t>598125.0</t>
  </si>
  <si>
    <t>1267045.0</t>
  </si>
  <si>
    <t>661452.0</t>
  </si>
  <si>
    <t>605593.0</t>
  </si>
  <si>
    <t>468972.0</t>
  </si>
  <si>
    <t>507.211</t>
  </si>
  <si>
    <t>1272805.0</t>
  </si>
  <si>
    <t>609957.0</t>
  </si>
  <si>
    <t>480732.0</t>
  </si>
  <si>
    <t>519.929</t>
  </si>
  <si>
    <t>482077.0</t>
  </si>
  <si>
    <t>521.384</t>
  </si>
  <si>
    <t>483177.0</t>
  </si>
  <si>
    <t>522.574</t>
  </si>
  <si>
    <t>1275172.0</t>
  </si>
  <si>
    <t>663598.0</t>
  </si>
  <si>
    <t>611574.0</t>
  </si>
  <si>
    <t>137.15</t>
  </si>
  <si>
    <t>525.089</t>
  </si>
  <si>
    <t>486241.0</t>
  </si>
  <si>
    <t>525.888</t>
  </si>
  <si>
    <t>487159.0</t>
  </si>
  <si>
    <t>526.881</t>
  </si>
  <si>
    <t>1276260.0</t>
  </si>
  <si>
    <t>663969.0</t>
  </si>
  <si>
    <t>612291.0</t>
  </si>
  <si>
    <t>488263.0</t>
  </si>
  <si>
    <t>528.075</t>
  </si>
  <si>
    <t>490016.0</t>
  </si>
  <si>
    <t>529.97</t>
  </si>
  <si>
    <t>1277372.0</t>
  </si>
  <si>
    <t>664363.0</t>
  </si>
  <si>
    <t>613009.0</t>
  </si>
  <si>
    <t>137.39</t>
  </si>
  <si>
    <t>490486.0</t>
  </si>
  <si>
    <t>530.479</t>
  </si>
  <si>
    <t>491012.0</t>
  </si>
  <si>
    <t>531.048</t>
  </si>
  <si>
    <t>492136.0</t>
  </si>
  <si>
    <t>532.263</t>
  </si>
  <si>
    <t>1279166.0</t>
  </si>
  <si>
    <t>664978.0</t>
  </si>
  <si>
    <t>614188.0</t>
  </si>
  <si>
    <t>532.686</t>
  </si>
  <si>
    <t>492980.0</t>
  </si>
  <si>
    <t>533.176</t>
  </si>
  <si>
    <t>493403.0</t>
  </si>
  <si>
    <t>533.634</t>
  </si>
  <si>
    <t>1280736.0</t>
  </si>
  <si>
    <t>665494.0</t>
  </si>
  <si>
    <t>615242.0</t>
  </si>
  <si>
    <t>494144.0</t>
  </si>
  <si>
    <t>534.435</t>
  </si>
  <si>
    <t>494533.0</t>
  </si>
  <si>
    <t>534.856</t>
  </si>
  <si>
    <t>1283193.0</t>
  </si>
  <si>
    <t>666202.0</t>
  </si>
  <si>
    <t>616991.0</t>
  </si>
  <si>
    <t>494966.0</t>
  </si>
  <si>
    <t>535.324</t>
  </si>
  <si>
    <t>495355.0</t>
  </si>
  <si>
    <t>535.745</t>
  </si>
  <si>
    <t>495733.0</t>
  </si>
  <si>
    <t>536.154</t>
  </si>
  <si>
    <t>1285412.0</t>
  </si>
  <si>
    <t>666958.0</t>
  </si>
  <si>
    <t>618454.0</t>
  </si>
  <si>
    <t>138.25</t>
  </si>
  <si>
    <t>496126.0</t>
  </si>
  <si>
    <t>536.579</t>
  </si>
  <si>
    <t>496558.0</t>
  </si>
  <si>
    <t>537.046</t>
  </si>
  <si>
    <t>497039.0</t>
  </si>
  <si>
    <t>537.566</t>
  </si>
  <si>
    <t>1287727.0</t>
  </si>
  <si>
    <t>667739.0</t>
  </si>
  <si>
    <t>619988.0</t>
  </si>
  <si>
    <t>497559.0</t>
  </si>
  <si>
    <t>538.129</t>
  </si>
  <si>
    <t>497869.0</t>
  </si>
  <si>
    <t>538.464</t>
  </si>
  <si>
    <t>498190.0</t>
  </si>
  <si>
    <t>538.811</t>
  </si>
  <si>
    <t>1289152.0</t>
  </si>
  <si>
    <t>668239.0</t>
  </si>
  <si>
    <t>620913.0</t>
  </si>
  <si>
    <t>502044.0</t>
  </si>
  <si>
    <t>542.979</t>
  </si>
  <si>
    <t>502418.0</t>
  </si>
  <si>
    <t>543.384</t>
  </si>
  <si>
    <t>1303177.0</t>
  </si>
  <si>
    <t>678761.0</t>
  </si>
  <si>
    <t>624416.0</t>
  </si>
  <si>
    <t>503277.0</t>
  </si>
  <si>
    <t>544.313</t>
  </si>
  <si>
    <t>1306342.0</t>
  </si>
  <si>
    <t>679918.0</t>
  </si>
  <si>
    <t>626424.0</t>
  </si>
  <si>
    <t>140.5</t>
  </si>
  <si>
    <t>504187.0</t>
  </si>
  <si>
    <t>545.297</t>
  </si>
  <si>
    <t>504466.0</t>
  </si>
  <si>
    <t>545.599</t>
  </si>
  <si>
    <t>1308235.0</t>
  </si>
  <si>
    <t>680784.0</t>
  </si>
  <si>
    <t>627451.0</t>
  </si>
  <si>
    <t>505020.0</t>
  </si>
  <si>
    <t>546.198</t>
  </si>
  <si>
    <t>505211.0</t>
  </si>
  <si>
    <t>546.404</t>
  </si>
  <si>
    <t>1428275.0</t>
  </si>
  <si>
    <t>682439.0</t>
  </si>
  <si>
    <t>628308.0</t>
  </si>
  <si>
    <t>117528.0</t>
  </si>
  <si>
    <t>505760.0</t>
  </si>
  <si>
    <t>546.998</t>
  </si>
  <si>
    <t>505948.0</t>
  </si>
  <si>
    <t>547.202</t>
  </si>
  <si>
    <t>1435236.0</t>
  </si>
  <si>
    <t>684871.0</t>
  </si>
  <si>
    <t>630508.0</t>
  </si>
  <si>
    <t>119857.0</t>
  </si>
  <si>
    <t>506199.0</t>
  </si>
  <si>
    <t>547.473</t>
  </si>
  <si>
    <t>506281.0</t>
  </si>
  <si>
    <t>547.562</t>
  </si>
  <si>
    <t>1437911.0</t>
  </si>
  <si>
    <t>685308.0</t>
  </si>
  <si>
    <t>631200.0</t>
  </si>
  <si>
    <t>121403.0</t>
  </si>
  <si>
    <t>506642.0</t>
  </si>
  <si>
    <t>547.952</t>
  </si>
  <si>
    <t>506984.0</t>
  </si>
  <si>
    <t>548.322</t>
  </si>
  <si>
    <t>1438393.0</t>
  </si>
  <si>
    <t>631326.0</t>
  </si>
  <si>
    <t>507722.0</t>
  </si>
  <si>
    <t>549.12</t>
  </si>
  <si>
    <t>508406.0</t>
  </si>
  <si>
    <t>549.86</t>
  </si>
  <si>
    <t>514379.0</t>
  </si>
  <si>
    <t>556.32</t>
  </si>
  <si>
    <t>520560.0</t>
  </si>
  <si>
    <t>563.005</t>
  </si>
  <si>
    <t>520908.0</t>
  </si>
  <si>
    <t>563.381</t>
  </si>
  <si>
    <t>526353.0</t>
  </si>
  <si>
    <t>569.27</t>
  </si>
  <si>
    <t>1467187.0</t>
  </si>
  <si>
    <t>705655.0</t>
  </si>
  <si>
    <t>634052.0</t>
  </si>
  <si>
    <t>127480.0</t>
  </si>
  <si>
    <t>528662.0</t>
  </si>
  <si>
    <t>571.768</t>
  </si>
  <si>
    <t>533707.0</t>
  </si>
  <si>
    <t>577.224</t>
  </si>
  <si>
    <t>1469149.0</t>
  </si>
  <si>
    <t>705871.0</t>
  </si>
  <si>
    <t>634276.0</t>
  </si>
  <si>
    <t>129002.0</t>
  </si>
  <si>
    <t>537444.0</t>
  </si>
  <si>
    <t>581.266</t>
  </si>
  <si>
    <t>585.077</t>
  </si>
  <si>
    <t>1474508.0</t>
  </si>
  <si>
    <t>705993.0</t>
  </si>
  <si>
    <t>634473.0</t>
  </si>
  <si>
    <t>134042.0</t>
  </si>
  <si>
    <t>158.59</t>
  </si>
  <si>
    <t>551345.0</t>
  </si>
  <si>
    <t>1474856.0</t>
  </si>
  <si>
    <t>706129.0</t>
  </si>
  <si>
    <t>634685.0</t>
  </si>
  <si>
    <t>555590.0</t>
  </si>
  <si>
    <t>600.891</t>
  </si>
  <si>
    <t>1475273.0</t>
  </si>
  <si>
    <t>706317.0</t>
  </si>
  <si>
    <t>634914.0</t>
  </si>
  <si>
    <t>558519.0</t>
  </si>
  <si>
    <t>604.059</t>
  </si>
  <si>
    <t>1482009.0</t>
  </si>
  <si>
    <t>706528.0</t>
  </si>
  <si>
    <t>635168.0</t>
  </si>
  <si>
    <t>140313.0</t>
  </si>
  <si>
    <t>1484508.0</t>
  </si>
  <si>
    <t>706739.0</t>
  </si>
  <si>
    <t>635319.0</t>
  </si>
  <si>
    <t>142450.0</t>
  </si>
  <si>
    <t>159.66</t>
  </si>
  <si>
    <t>1487617.0</t>
  </si>
  <si>
    <t>706842.0</t>
  </si>
  <si>
    <t>635509.0</t>
  </si>
  <si>
    <t>145266.0</t>
  </si>
  <si>
    <t>1489358.0</t>
  </si>
  <si>
    <t>707016.0</t>
  </si>
  <si>
    <t>635741.0</t>
  </si>
  <si>
    <t>146601.0</t>
  </si>
  <si>
    <t>1495983.0</t>
  </si>
  <si>
    <t>707425.0</t>
  </si>
  <si>
    <t>636509.0</t>
  </si>
  <si>
    <t>152049.0</t>
  </si>
  <si>
    <t>1519291.0</t>
  </si>
  <si>
    <t>707899.0</t>
  </si>
  <si>
    <t>636527.0</t>
  </si>
  <si>
    <t>155785.0</t>
  </si>
  <si>
    <t>1523112.0</t>
  </si>
  <si>
    <t>708265.0</t>
  </si>
  <si>
    <t>636744.0</t>
  </si>
  <si>
    <t>157601.0</t>
  </si>
  <si>
    <t>163.82</t>
  </si>
  <si>
    <t>1525546.0</t>
  </si>
  <si>
    <t>708480.0</t>
  </si>
  <si>
    <t>636879.0</t>
  </si>
  <si>
    <t>158850.0</t>
  </si>
  <si>
    <t>164.08</t>
  </si>
  <si>
    <t>1531333.0</t>
  </si>
  <si>
    <t>708798.0</t>
  </si>
  <si>
    <t>637199.0</t>
  </si>
  <si>
    <t>161828.0</t>
  </si>
  <si>
    <t>1536409.0</t>
  </si>
  <si>
    <t>709257.0</t>
  </si>
  <si>
    <t>637781.0</t>
  </si>
  <si>
    <t>164239.0</t>
  </si>
  <si>
    <t>1537008.0</t>
  </si>
  <si>
    <t>709318.0</t>
  </si>
  <si>
    <t>637854.0</t>
  </si>
  <si>
    <t>164500.0</t>
  </si>
  <si>
    <t>1538917.0</t>
  </si>
  <si>
    <t>709581.0</t>
  </si>
  <si>
    <t>638192.0</t>
  </si>
  <si>
    <t>165236.0</t>
  </si>
  <si>
    <t>1540254.0</t>
  </si>
  <si>
    <t>709824.0</t>
  </si>
  <si>
    <t>638402.0</t>
  </si>
  <si>
    <t>165.66</t>
  </si>
  <si>
    <t>1541594.0</t>
  </si>
  <si>
    <t>709998.0</t>
  </si>
  <si>
    <t>638615.0</t>
  </si>
  <si>
    <t>166367.0</t>
  </si>
  <si>
    <t>1542410.0</t>
  </si>
  <si>
    <t>710191.0</t>
  </si>
  <si>
    <t>638724.0</t>
  </si>
  <si>
    <t>166760.0</t>
  </si>
  <si>
    <t>1543747.0</t>
  </si>
  <si>
    <t>710419.0</t>
  </si>
  <si>
    <t>638965.0</t>
  </si>
  <si>
    <t>167300.0</t>
  </si>
  <si>
    <t>1544186.0</t>
  </si>
  <si>
    <t>710476.0</t>
  </si>
  <si>
    <t>639043.0</t>
  </si>
  <si>
    <t>167483.0</t>
  </si>
  <si>
    <t>166.08</t>
  </si>
  <si>
    <t>1544736.0</t>
  </si>
  <si>
    <t>710590.0</t>
  </si>
  <si>
    <t>639162.0</t>
  </si>
  <si>
    <t>167699.0</t>
  </si>
  <si>
    <t>166.14</t>
  </si>
  <si>
    <t>1545265.0</t>
  </si>
  <si>
    <t>710660.0</t>
  </si>
  <si>
    <t>639273.0</t>
  </si>
  <si>
    <t>167983.0</t>
  </si>
  <si>
    <t>1545993.0</t>
  </si>
  <si>
    <t>710767.0</t>
  </si>
  <si>
    <t>639428.0</t>
  </si>
  <si>
    <t>168323.0</t>
  </si>
  <si>
    <t>1546745.0</t>
  </si>
  <si>
    <t>710832.0</t>
  </si>
  <si>
    <t>639535.0</t>
  </si>
  <si>
    <t>168675.0</t>
  </si>
  <si>
    <t>1547282.0</t>
  </si>
  <si>
    <t>710906.0</t>
  </si>
  <si>
    <t>168965.0</t>
  </si>
  <si>
    <t>166.42</t>
  </si>
  <si>
    <t>1548432.0</t>
  </si>
  <si>
    <t>711256.0</t>
  </si>
  <si>
    <t>639933.0</t>
  </si>
  <si>
    <t>169174.0</t>
  </si>
  <si>
    <t>166.54</t>
  </si>
  <si>
    <t>1548954.0</t>
  </si>
  <si>
    <t>711429.0</t>
  </si>
  <si>
    <t>640282.0</t>
  </si>
  <si>
    <t>1550709.0</t>
  </si>
  <si>
    <t>711507.0</t>
  </si>
  <si>
    <t>640422.0</t>
  </si>
  <si>
    <t>170060.0</t>
  </si>
  <si>
    <t>1551184.0</t>
  </si>
  <si>
    <t>711556.0</t>
  </si>
  <si>
    <t>640518.0</t>
  </si>
  <si>
    <t>170259.0</t>
  </si>
  <si>
    <t>1551673.0</t>
  </si>
  <si>
    <t>711622.0</t>
  </si>
  <si>
    <t>640615.0</t>
  </si>
  <si>
    <t>170471.0</t>
  </si>
  <si>
    <t>166.89</t>
  </si>
  <si>
    <t>FIN</t>
  </si>
  <si>
    <t>Finland</t>
  </si>
  <si>
    <t>-597.8</t>
  </si>
  <si>
    <t>-10.15</t>
  </si>
  <si>
    <t>-107.891628291863</t>
  </si>
  <si>
    <t>-627.0</t>
  </si>
  <si>
    <t>-8.92</t>
  </si>
  <si>
    <t>-113.161677716625</t>
  </si>
  <si>
    <t>-649.0</t>
  </si>
  <si>
    <t>-7.96</t>
  </si>
  <si>
    <t>-117.132262899664</t>
  </si>
  <si>
    <t>-674.4</t>
  </si>
  <si>
    <t>-121.716483974628</t>
  </si>
  <si>
    <t>-765.8</t>
  </si>
  <si>
    <t>-7.36</t>
  </si>
  <si>
    <t>-138.21246059871</t>
  </si>
  <si>
    <t>-141.425024974078</t>
  </si>
  <si>
    <t>-802.6</t>
  </si>
  <si>
    <t>-6.34</t>
  </si>
  <si>
    <t>-1.69</t>
  </si>
  <si>
    <t>-144.854166723067</t>
  </si>
  <si>
    <t>-789.4</t>
  </si>
  <si>
    <t>-5.73</t>
  </si>
  <si>
    <t>-142.471815613243</t>
  </si>
  <si>
    <t>12246.0</t>
  </si>
  <si>
    <t>15676.0</t>
  </si>
  <si>
    <t>19.492</t>
  </si>
  <si>
    <t>3.743</t>
  </si>
  <si>
    <t>24.184</t>
  </si>
  <si>
    <t>21309.0</t>
  </si>
  <si>
    <t>-766.6</t>
  </si>
  <si>
    <t>-138.356845514457</t>
  </si>
  <si>
    <t>22393.0</t>
  </si>
  <si>
    <t>23524.0</t>
  </si>
  <si>
    <t>27466.0</t>
  </si>
  <si>
    <t>29157.0</t>
  </si>
  <si>
    <t>5.267</t>
  </si>
  <si>
    <t>5.849</t>
  </si>
  <si>
    <t>6.147</t>
  </si>
  <si>
    <t>-754.8</t>
  </si>
  <si>
    <t>-4.73</t>
  </si>
  <si>
    <t>-136.22716800719</t>
  </si>
  <si>
    <t>35999.0</t>
  </si>
  <si>
    <t>6.894</t>
  </si>
  <si>
    <t>44010.0</t>
  </si>
  <si>
    <t>42.594</t>
  </si>
  <si>
    <t>8.544</t>
  </si>
  <si>
    <t>13.897</t>
  </si>
  <si>
    <t>-642.4</t>
  </si>
  <si>
    <t>-3.77</t>
  </si>
  <si>
    <t>-115.941087344752</t>
  </si>
  <si>
    <t>13.356</t>
  </si>
  <si>
    <t>9.235</t>
  </si>
  <si>
    <t>41.872</t>
  </si>
  <si>
    <t>54841.0</t>
  </si>
  <si>
    <t>38.803</t>
  </si>
  <si>
    <t>58348.0</t>
  </si>
  <si>
    <t>11.029</t>
  </si>
  <si>
    <t>12.634</t>
  </si>
  <si>
    <t>64750.0</t>
  </si>
  <si>
    <t>67112.0</t>
  </si>
  <si>
    <t>-627.4</t>
  </si>
  <si>
    <t>-113.233870174498</t>
  </si>
  <si>
    <t>68956.0</t>
  </si>
  <si>
    <t>12.456</t>
  </si>
  <si>
    <t>72576.0</t>
  </si>
  <si>
    <t>76778.0</t>
  </si>
  <si>
    <t>13.869</t>
  </si>
  <si>
    <t>11.009</t>
  </si>
  <si>
    <t>84722.0</t>
  </si>
  <si>
    <t>87863.0</t>
  </si>
  <si>
    <t>15.871</t>
  </si>
  <si>
    <t>90348.0</t>
  </si>
  <si>
    <t>-522.0</t>
  </si>
  <si>
    <t>-94.2111575248455</t>
  </si>
  <si>
    <t>92788.0</t>
  </si>
  <si>
    <t>16.761</t>
  </si>
  <si>
    <t>96576.0</t>
  </si>
  <si>
    <t>17.445</t>
  </si>
  <si>
    <t>9.205</t>
  </si>
  <si>
    <t>101026.0</t>
  </si>
  <si>
    <t>105205.0</t>
  </si>
  <si>
    <t>19.004</t>
  </si>
  <si>
    <t>108580.0</t>
  </si>
  <si>
    <t>110063.0</t>
  </si>
  <si>
    <t>19.881</t>
  </si>
  <si>
    <t>111712.0</t>
  </si>
  <si>
    <t>20.179</t>
  </si>
  <si>
    <t>-450.0</t>
  </si>
  <si>
    <t>-2.23</t>
  </si>
  <si>
    <t>-81.2165151076254</t>
  </si>
  <si>
    <t>113479.0</t>
  </si>
  <si>
    <t>20.498</t>
  </si>
  <si>
    <t>117250.0</t>
  </si>
  <si>
    <t>121058.0</t>
  </si>
  <si>
    <t>21.867</t>
  </si>
  <si>
    <t>124890.0</t>
  </si>
  <si>
    <t>128212.0</t>
  </si>
  <si>
    <t>29.057</t>
  </si>
  <si>
    <t>131022.0</t>
  </si>
  <si>
    <t>23.667</t>
  </si>
  <si>
    <t>132841.0</t>
  </si>
  <si>
    <t>23.996</t>
  </si>
  <si>
    <t>-388.6</t>
  </si>
  <si>
    <t>-70.1349728240516</t>
  </si>
  <si>
    <t>135049.0</t>
  </si>
  <si>
    <t>6.136</t>
  </si>
  <si>
    <t>139104.0</t>
  </si>
  <si>
    <t>25.127</t>
  </si>
  <si>
    <t>28.336</t>
  </si>
  <si>
    <t>143115.0</t>
  </si>
  <si>
    <t>25.852</t>
  </si>
  <si>
    <t>147011.0</t>
  </si>
  <si>
    <t>26.555</t>
  </si>
  <si>
    <t>5.414</t>
  </si>
  <si>
    <t>154814.0</t>
  </si>
  <si>
    <t>157126.0</t>
  </si>
  <si>
    <t>28.383</t>
  </si>
  <si>
    <t>-276.6</t>
  </si>
  <si>
    <t>-1.25</t>
  </si>
  <si>
    <t>-49.9210846194871</t>
  </si>
  <si>
    <t>159486.0</t>
  </si>
  <si>
    <t>28.809</t>
  </si>
  <si>
    <t>29.702</t>
  </si>
  <si>
    <t>19.853</t>
  </si>
  <si>
    <t>171093.0</t>
  </si>
  <si>
    <t>30.906</t>
  </si>
  <si>
    <t>173309.0</t>
  </si>
  <si>
    <t>31.781</t>
  </si>
  <si>
    <t>177493.0</t>
  </si>
  <si>
    <t>32.062</t>
  </si>
  <si>
    <t>-299.4</t>
  </si>
  <si>
    <t>-54.0360547182734</t>
  </si>
  <si>
    <t>179237.0</t>
  </si>
  <si>
    <t>32.377</t>
  </si>
  <si>
    <t>182875.0</t>
  </si>
  <si>
    <t>33.034</t>
  </si>
  <si>
    <t>15.702</t>
  </si>
  <si>
    <t>185846.0</t>
  </si>
  <si>
    <t>188829.0</t>
  </si>
  <si>
    <t>34.109</t>
  </si>
  <si>
    <t>191633.0</t>
  </si>
  <si>
    <t>34.616</t>
  </si>
  <si>
    <t>193578.0</t>
  </si>
  <si>
    <t>194873.0</t>
  </si>
  <si>
    <t>35.201</t>
  </si>
  <si>
    <t>-281.0</t>
  </si>
  <si>
    <t>-50.715201656095</t>
  </si>
  <si>
    <t>196558.0</t>
  </si>
  <si>
    <t>35.505</t>
  </si>
  <si>
    <t>199433.0</t>
  </si>
  <si>
    <t>202293.0</t>
  </si>
  <si>
    <t>205091.0</t>
  </si>
  <si>
    <t>207412.0</t>
  </si>
  <si>
    <t>209454.0</t>
  </si>
  <si>
    <t>210416.0</t>
  </si>
  <si>
    <t>38.009</t>
  </si>
  <si>
    <t>-284.4</t>
  </si>
  <si>
    <t>-1.13</t>
  </si>
  <si>
    <t>-0.34</t>
  </si>
  <si>
    <t>-51.3288375480193</t>
  </si>
  <si>
    <t>6.858</t>
  </si>
  <si>
    <t>212258.0</t>
  </si>
  <si>
    <t>38.341</t>
  </si>
  <si>
    <t>5.053</t>
  </si>
  <si>
    <t>215208.0</t>
  </si>
  <si>
    <t>38.874</t>
  </si>
  <si>
    <t>218164.0</t>
  </si>
  <si>
    <t>39.408</t>
  </si>
  <si>
    <t>221137.0</t>
  </si>
  <si>
    <t>223633.0</t>
  </si>
  <si>
    <t>40.396</t>
  </si>
  <si>
    <t>225186.0</t>
  </si>
  <si>
    <t>40.677</t>
  </si>
  <si>
    <t>226012.0</t>
  </si>
  <si>
    <t>-252.6</t>
  </si>
  <si>
    <t>-0.97</t>
  </si>
  <si>
    <t>-45.5895371470804</t>
  </si>
  <si>
    <t>227911.0</t>
  </si>
  <si>
    <t>41.169</t>
  </si>
  <si>
    <t>230902.0</t>
  </si>
  <si>
    <t>41.709</t>
  </si>
  <si>
    <t>233632.0</t>
  </si>
  <si>
    <t>42.202</t>
  </si>
  <si>
    <t>235701.0</t>
  </si>
  <si>
    <t>42.576</t>
  </si>
  <si>
    <t>237141.0</t>
  </si>
  <si>
    <t>42.836</t>
  </si>
  <si>
    <t>237888.0</t>
  </si>
  <si>
    <t>42.971</t>
  </si>
  <si>
    <t>43.095</t>
  </si>
  <si>
    <t>-172.8</t>
  </si>
  <si>
    <t>-31.1871418013282</t>
  </si>
  <si>
    <t>240179.0</t>
  </si>
  <si>
    <t>43.385</t>
  </si>
  <si>
    <t>242814.0</t>
  </si>
  <si>
    <t>245144.0</t>
  </si>
  <si>
    <t>44.282</t>
  </si>
  <si>
    <t>247837.0</t>
  </si>
  <si>
    <t>44.768</t>
  </si>
  <si>
    <t>250013.0</t>
  </si>
  <si>
    <t>45.161</t>
  </si>
  <si>
    <t>251569.0</t>
  </si>
  <si>
    <t>45.442</t>
  </si>
  <si>
    <t>252534.0</t>
  </si>
  <si>
    <t>45.617</t>
  </si>
  <si>
    <t>-123.6</t>
  </si>
  <si>
    <t>-22.3074694828944</t>
  </si>
  <si>
    <t>254230.0</t>
  </si>
  <si>
    <t>45.923</t>
  </si>
  <si>
    <t>257064.0</t>
  </si>
  <si>
    <t>259840.0</t>
  </si>
  <si>
    <t>46.936</t>
  </si>
  <si>
    <t>263609.0</t>
  </si>
  <si>
    <t>47.617</t>
  </si>
  <si>
    <t>266849.0</t>
  </si>
  <si>
    <t>48.203</t>
  </si>
  <si>
    <t>269494.0</t>
  </si>
  <si>
    <t>270808.0</t>
  </si>
  <si>
    <t>48.918</t>
  </si>
  <si>
    <t>-17.0735162870697</t>
  </si>
  <si>
    <t>273047.0</t>
  </si>
  <si>
    <t>49.322</t>
  </si>
  <si>
    <t>277595.0</t>
  </si>
  <si>
    <t>281995.0</t>
  </si>
  <si>
    <t>50.938</t>
  </si>
  <si>
    <t>286871.0</t>
  </si>
  <si>
    <t>51.819</t>
  </si>
  <si>
    <t>291260.0</t>
  </si>
  <si>
    <t>52.612</t>
  </si>
  <si>
    <t>294556.0</t>
  </si>
  <si>
    <t>53.207</t>
  </si>
  <si>
    <t>296888.0</t>
  </si>
  <si>
    <t>53.629</t>
  </si>
  <si>
    <t>-114.8</t>
  </si>
  <si>
    <t>-2.1</t>
  </si>
  <si>
    <t>-20.7192354096787</t>
  </si>
  <si>
    <t>305341.0</t>
  </si>
  <si>
    <t>55.156</t>
  </si>
  <si>
    <t>56.137</t>
  </si>
  <si>
    <t>315744.0</t>
  </si>
  <si>
    <t>57.035</t>
  </si>
  <si>
    <t>57.957</t>
  </si>
  <si>
    <t>324983.0</t>
  </si>
  <si>
    <t>58.704</t>
  </si>
  <si>
    <t>327119.0</t>
  </si>
  <si>
    <t>-74.6</t>
  </si>
  <si>
    <t>-0.24</t>
  </si>
  <si>
    <t>-13.4638933933975</t>
  </si>
  <si>
    <t>330415.0</t>
  </si>
  <si>
    <t>59.685</t>
  </si>
  <si>
    <t>335877.0</t>
  </si>
  <si>
    <t>60.672</t>
  </si>
  <si>
    <t>340919.0</t>
  </si>
  <si>
    <t>61.582</t>
  </si>
  <si>
    <t>346396.0</t>
  </si>
  <si>
    <t>62.572</t>
  </si>
  <si>
    <t>351148.0</t>
  </si>
  <si>
    <t>354908.0</t>
  </si>
  <si>
    <t>64.109</t>
  </si>
  <si>
    <t>357193.0</t>
  </si>
  <si>
    <t>64.522</t>
  </si>
  <si>
    <t>-105.2</t>
  </si>
  <si>
    <t>-18.986616420716</t>
  </si>
  <si>
    <t>65.137</t>
  </si>
  <si>
    <t>366339.0</t>
  </si>
  <si>
    <t>66.174</t>
  </si>
  <si>
    <t>371878.0</t>
  </si>
  <si>
    <t>67.175</t>
  </si>
  <si>
    <t>377513.0</t>
  </si>
  <si>
    <t>68.192</t>
  </si>
  <si>
    <t>383068.0</t>
  </si>
  <si>
    <t>69.196</t>
  </si>
  <si>
    <t>387266.0</t>
  </si>
  <si>
    <t>69.954</t>
  </si>
  <si>
    <t>391834.0</t>
  </si>
  <si>
    <t>-83.0</t>
  </si>
  <si>
    <t>-14.9799350087398</t>
  </si>
  <si>
    <t>397084.0</t>
  </si>
  <si>
    <t>71.728</t>
  </si>
  <si>
    <t>403903.0</t>
  </si>
  <si>
    <t>72.959</t>
  </si>
  <si>
    <t>412439.0</t>
  </si>
  <si>
    <t>74.501</t>
  </si>
  <si>
    <t>419536.0</t>
  </si>
  <si>
    <t>75.783</t>
  </si>
  <si>
    <t>428351.0</t>
  </si>
  <si>
    <t>77.376</t>
  </si>
  <si>
    <t>434678.0</t>
  </si>
  <si>
    <t>78.519</t>
  </si>
  <si>
    <t>440620.0</t>
  </si>
  <si>
    <t>79.592</t>
  </si>
  <si>
    <t>-75.0</t>
  </si>
  <si>
    <t>-13.5360858512709</t>
  </si>
  <si>
    <t>447880.0</t>
  </si>
  <si>
    <t>458518.0</t>
  </si>
  <si>
    <t>82.825</t>
  </si>
  <si>
    <t>470115.0</t>
  </si>
  <si>
    <t>482222.0</t>
  </si>
  <si>
    <t>87.107</t>
  </si>
  <si>
    <t>88.845</t>
  </si>
  <si>
    <t>502197.0</t>
  </si>
  <si>
    <t>90.715</t>
  </si>
  <si>
    <t>513155.0</t>
  </si>
  <si>
    <t>92.694</t>
  </si>
  <si>
    <t>-69.6</t>
  </si>
  <si>
    <t>-12.5614876699794</t>
  </si>
  <si>
    <t>524074.0</t>
  </si>
  <si>
    <t>94.667</t>
  </si>
  <si>
    <t>536953.0</t>
  </si>
  <si>
    <t>96.993</t>
  </si>
  <si>
    <t>554095.0</t>
  </si>
  <si>
    <t>11997.0</t>
  </si>
  <si>
    <t>570064.0</t>
  </si>
  <si>
    <t>15969.0</t>
  </si>
  <si>
    <t>102.974</t>
  </si>
  <si>
    <t>586214.0</t>
  </si>
  <si>
    <t>16150.0</t>
  </si>
  <si>
    <t>105.891</t>
  </si>
  <si>
    <t>599045.0</t>
  </si>
  <si>
    <t>108.209</t>
  </si>
  <si>
    <t>611770.0</t>
  </si>
  <si>
    <t>12725.0</t>
  </si>
  <si>
    <t>110.508</t>
  </si>
  <si>
    <t>-33.4</t>
  </si>
  <si>
    <t>-6.02807023243264</t>
  </si>
  <si>
    <t>626276.0</t>
  </si>
  <si>
    <t>113.128</t>
  </si>
  <si>
    <t>14600.0</t>
  </si>
  <si>
    <t>642426.0</t>
  </si>
  <si>
    <t>116.045</t>
  </si>
  <si>
    <t>659916.0</t>
  </si>
  <si>
    <t>17490.0</t>
  </si>
  <si>
    <t>119.205</t>
  </si>
  <si>
    <t>3.159</t>
  </si>
  <si>
    <t>677242.0</t>
  </si>
  <si>
    <t>17326.0</t>
  </si>
  <si>
    <t>122.334</t>
  </si>
  <si>
    <t>691408.0</t>
  </si>
  <si>
    <t>124.893</t>
  </si>
  <si>
    <t>15028.0</t>
  </si>
  <si>
    <t>127.634</t>
  </si>
  <si>
    <t>719924.0</t>
  </si>
  <si>
    <t>130.044</t>
  </si>
  <si>
    <t>-28.6</t>
  </si>
  <si>
    <t>-5.1617607379513</t>
  </si>
  <si>
    <t>733040.0</t>
  </si>
  <si>
    <t>132.413</t>
  </si>
  <si>
    <t>15252.0</t>
  </si>
  <si>
    <t>747837.0</t>
  </si>
  <si>
    <t>14797.0</t>
  </si>
  <si>
    <t>135.086</t>
  </si>
  <si>
    <t>765736.0</t>
  </si>
  <si>
    <t>17899.0</t>
  </si>
  <si>
    <t>782608.0</t>
  </si>
  <si>
    <t>141.367</t>
  </si>
  <si>
    <t>798687.0</t>
  </si>
  <si>
    <t>144.272</t>
  </si>
  <si>
    <t>15326.0</t>
  </si>
  <si>
    <t>812856.0</t>
  </si>
  <si>
    <t>146.831</t>
  </si>
  <si>
    <t>15182.0</t>
  </si>
  <si>
    <t>822386.0</t>
  </si>
  <si>
    <t>148.553</t>
  </si>
  <si>
    <t>-38.0</t>
  </si>
  <si>
    <t>-0.1</t>
  </si>
  <si>
    <t>-6.85828349797726</t>
  </si>
  <si>
    <t>829674.0</t>
  </si>
  <si>
    <t>149.869</t>
  </si>
  <si>
    <t>841727.0</t>
  </si>
  <si>
    <t>152.046</t>
  </si>
  <si>
    <t>855940.0</t>
  </si>
  <si>
    <t>154.614</t>
  </si>
  <si>
    <t>868940.0</t>
  </si>
  <si>
    <t>156.962</t>
  </si>
  <si>
    <t>883381.0</t>
  </si>
  <si>
    <t>14441.0</t>
  </si>
  <si>
    <t>159.57</t>
  </si>
  <si>
    <t>12099.0</t>
  </si>
  <si>
    <t>893711.0</t>
  </si>
  <si>
    <t>10330.0</t>
  </si>
  <si>
    <t>161.436</t>
  </si>
  <si>
    <t>902111.0</t>
  </si>
  <si>
    <t>162.954</t>
  </si>
  <si>
    <t>18.0120182394245</t>
  </si>
  <si>
    <t>911295.0</t>
  </si>
  <si>
    <t>164.613</t>
  </si>
  <si>
    <t>924880.0</t>
  </si>
  <si>
    <t>167.067</t>
  </si>
  <si>
    <t>942026.0</t>
  </si>
  <si>
    <t>17146.0</t>
  </si>
  <si>
    <t>170.164</t>
  </si>
  <si>
    <t>960441.0</t>
  </si>
  <si>
    <t>977332.0</t>
  </si>
  <si>
    <t>176.541</t>
  </si>
  <si>
    <t>989588.0</t>
  </si>
  <si>
    <t>178.755</t>
  </si>
  <si>
    <t>999910.0</t>
  </si>
  <si>
    <t>24.9063979663385</t>
  </si>
  <si>
    <t>1008656.0</t>
  </si>
  <si>
    <t>13909.0</t>
  </si>
  <si>
    <t>1022850.0</t>
  </si>
  <si>
    <t>184.764</t>
  </si>
  <si>
    <t>1036502.0</t>
  </si>
  <si>
    <t>187.23</t>
  </si>
  <si>
    <t>1053065.0</t>
  </si>
  <si>
    <t>16563.0</t>
  </si>
  <si>
    <t>190.222</t>
  </si>
  <si>
    <t>1067577.0</t>
  </si>
  <si>
    <t>192.843</t>
  </si>
  <si>
    <t>1082337.0</t>
  </si>
  <si>
    <t>14760.0</t>
  </si>
  <si>
    <t>195.509</t>
  </si>
  <si>
    <t>1091315.0</t>
  </si>
  <si>
    <t>197.131</t>
  </si>
  <si>
    <t>38.8034461069766</t>
  </si>
  <si>
    <t>1102578.0</t>
  </si>
  <si>
    <t>199.165</t>
  </si>
  <si>
    <t>1114349.0</t>
  </si>
  <si>
    <t>201.292</t>
  </si>
  <si>
    <t>1129750.0</t>
  </si>
  <si>
    <t>15401.0</t>
  </si>
  <si>
    <t>204.074</t>
  </si>
  <si>
    <t>1141884.0</t>
  </si>
  <si>
    <t>12134.0</t>
  </si>
  <si>
    <t>206.265</t>
  </si>
  <si>
    <t>1154396.0</t>
  </si>
  <si>
    <t>208.526</t>
  </si>
  <si>
    <t>12403.0</t>
  </si>
  <si>
    <t>1166504.0</t>
  </si>
  <si>
    <t>210.713</t>
  </si>
  <si>
    <t>1176358.0</t>
  </si>
  <si>
    <t>212.493</t>
  </si>
  <si>
    <t>-5.84</t>
  </si>
  <si>
    <t>27.8662887391497</t>
  </si>
  <si>
    <t>1187771.0</t>
  </si>
  <si>
    <t>11413.0</t>
  </si>
  <si>
    <t>214.554</t>
  </si>
  <si>
    <t>1203263.0</t>
  </si>
  <si>
    <t>15492.0</t>
  </si>
  <si>
    <t>217.353</t>
  </si>
  <si>
    <t>1220865.0</t>
  </si>
  <si>
    <t>220.532</t>
  </si>
  <si>
    <t>1238093.0</t>
  </si>
  <si>
    <t>17228.0</t>
  </si>
  <si>
    <t>223.644</t>
  </si>
  <si>
    <t>13744.0</t>
  </si>
  <si>
    <t>1255355.0</t>
  </si>
  <si>
    <t>17262.0</t>
  </si>
  <si>
    <t>226.762</t>
  </si>
  <si>
    <t>1270129.0</t>
  </si>
  <si>
    <t>14774.0</t>
  </si>
  <si>
    <t>229.431</t>
  </si>
  <si>
    <t>1279941.0</t>
  </si>
  <si>
    <t>231.204</t>
  </si>
  <si>
    <t>-5.75</t>
  </si>
  <si>
    <t>17.037420058133</t>
  </si>
  <si>
    <t>8.302</t>
  </si>
  <si>
    <t>1293226.0</t>
  </si>
  <si>
    <t>233.603</t>
  </si>
  <si>
    <t>1310575.0</t>
  </si>
  <si>
    <t>17349.0</t>
  </si>
  <si>
    <t>3.134</t>
  </si>
  <si>
    <t>15330.0</t>
  </si>
  <si>
    <t>1328177.0</t>
  </si>
  <si>
    <t>239.917</t>
  </si>
  <si>
    <t>1345208.0</t>
  </si>
  <si>
    <t>242.993</t>
  </si>
  <si>
    <t>1359918.0</t>
  </si>
  <si>
    <t>245.65</t>
  </si>
  <si>
    <t>14938.0</t>
  </si>
  <si>
    <t>1371528.0</t>
  </si>
  <si>
    <t>247.747</t>
  </si>
  <si>
    <t>1379952.0</t>
  </si>
  <si>
    <t>249.269</t>
  </si>
  <si>
    <t>14287.0</t>
  </si>
  <si>
    <t>23.7874148693001</t>
  </si>
  <si>
    <t>1391041.0</t>
  </si>
  <si>
    <t>251.272</t>
  </si>
  <si>
    <t>1407405.0</t>
  </si>
  <si>
    <t>254.228</t>
  </si>
  <si>
    <t>1425053.0</t>
  </si>
  <si>
    <t>17648.0</t>
  </si>
  <si>
    <t>257.416</t>
  </si>
  <si>
    <t>1442510.0</t>
  </si>
  <si>
    <t>17457.0</t>
  </si>
  <si>
    <t>260.569</t>
  </si>
  <si>
    <t>1458882.0</t>
  </si>
  <si>
    <t>263.527</t>
  </si>
  <si>
    <t>1470511.0</t>
  </si>
  <si>
    <t>265.627</t>
  </si>
  <si>
    <t>1477714.0</t>
  </si>
  <si>
    <t>266.928</t>
  </si>
  <si>
    <t>26.3141508948706</t>
  </si>
  <si>
    <t>1489608.0</t>
  </si>
  <si>
    <t>1508192.0</t>
  </si>
  <si>
    <t>272.434</t>
  </si>
  <si>
    <t>1524467.0</t>
  </si>
  <si>
    <t>275.374</t>
  </si>
  <si>
    <t>1539544.0</t>
  </si>
  <si>
    <t>278.097</t>
  </si>
  <si>
    <t>1551893.0</t>
  </si>
  <si>
    <t>12349.0</t>
  </si>
  <si>
    <t>280.328</t>
  </si>
  <si>
    <t>1560751.0</t>
  </si>
  <si>
    <t>1566735.0</t>
  </si>
  <si>
    <t>283.009</t>
  </si>
  <si>
    <t>40.4277764091291</t>
  </si>
  <si>
    <t>1576490.0</t>
  </si>
  <si>
    <t>284.771</t>
  </si>
  <si>
    <t>12412.0</t>
  </si>
  <si>
    <t>1592567.0</t>
  </si>
  <si>
    <t>287.675</t>
  </si>
  <si>
    <t>1609860.0</t>
  </si>
  <si>
    <t>17293.0</t>
  </si>
  <si>
    <t>290.799</t>
  </si>
  <si>
    <t>1625175.0</t>
  </si>
  <si>
    <t>293.565</t>
  </si>
  <si>
    <t>1640303.0</t>
  </si>
  <si>
    <t>296.298</t>
  </si>
  <si>
    <t>1650136.0</t>
  </si>
  <si>
    <t>298.074</t>
  </si>
  <si>
    <t>1655922.0</t>
  </si>
  <si>
    <t>299.119</t>
  </si>
  <si>
    <t>42.8101275189528</t>
  </si>
  <si>
    <t>1667675.0</t>
  </si>
  <si>
    <t>11753.0</t>
  </si>
  <si>
    <t>301.242</t>
  </si>
  <si>
    <t>1684369.0</t>
  </si>
  <si>
    <t>304.258</t>
  </si>
  <si>
    <t>1700756.0</t>
  </si>
  <si>
    <t>307.218</t>
  </si>
  <si>
    <t>1716608.0</t>
  </si>
  <si>
    <t>310.081</t>
  </si>
  <si>
    <t>1730000.0</t>
  </si>
  <si>
    <t>312.5</t>
  </si>
  <si>
    <t>1740836.0</t>
  </si>
  <si>
    <t>1747484.0</t>
  </si>
  <si>
    <t>315.659</t>
  </si>
  <si>
    <t>246.2</t>
  </si>
  <si>
    <t>44.4344578211053</t>
  </si>
  <si>
    <t>1760151.0</t>
  </si>
  <si>
    <t>317.947</t>
  </si>
  <si>
    <t>1778397.0</t>
  </si>
  <si>
    <t>321.243</t>
  </si>
  <si>
    <t>16.243</t>
  </si>
  <si>
    <t>1795490.0</t>
  </si>
  <si>
    <t>324.33</t>
  </si>
  <si>
    <t>1812279.0</t>
  </si>
  <si>
    <t>16789.0</t>
  </si>
  <si>
    <t>327.363</t>
  </si>
  <si>
    <t>1830027.0</t>
  </si>
  <si>
    <t>330.569</t>
  </si>
  <si>
    <t>14290.0</t>
  </si>
  <si>
    <t>1843074.0</t>
  </si>
  <si>
    <t>332.926</t>
  </si>
  <si>
    <t>1851792.0</t>
  </si>
  <si>
    <t>8718.0</t>
  </si>
  <si>
    <t>320.8</t>
  </si>
  <si>
    <t>57.8983512145027</t>
  </si>
  <si>
    <t>1866480.0</t>
  </si>
  <si>
    <t>15190.0</t>
  </si>
  <si>
    <t>1887464.0</t>
  </si>
  <si>
    <t>20984.0</t>
  </si>
  <si>
    <t>340.944</t>
  </si>
  <si>
    <t>1910760.0</t>
  </si>
  <si>
    <t>345.152</t>
  </si>
  <si>
    <t>4.208</t>
  </si>
  <si>
    <t>16467.0</t>
  </si>
  <si>
    <t>1932688.0</t>
  </si>
  <si>
    <t>21928.0</t>
  </si>
  <si>
    <t>349.113</t>
  </si>
  <si>
    <t>1954346.0</t>
  </si>
  <si>
    <t>353.025</t>
  </si>
  <si>
    <t>1970644.0</t>
  </si>
  <si>
    <t>16298.0</t>
  </si>
  <si>
    <t>355.969</t>
  </si>
  <si>
    <t>18224.0</t>
  </si>
  <si>
    <t>1984579.0</t>
  </si>
  <si>
    <t>13935.0</t>
  </si>
  <si>
    <t>358.487</t>
  </si>
  <si>
    <t>18970.0</t>
  </si>
  <si>
    <t>67.6804292563545</t>
  </si>
  <si>
    <t>1999135.0</t>
  </si>
  <si>
    <t>14556.0</t>
  </si>
  <si>
    <t>361.116</t>
  </si>
  <si>
    <t>2020024.0</t>
  </si>
  <si>
    <t>20889.0</t>
  </si>
  <si>
    <t>364.889</t>
  </si>
  <si>
    <t>2043780.0</t>
  </si>
  <si>
    <t>23756.0</t>
  </si>
  <si>
    <t>369.18</t>
  </si>
  <si>
    <t>19003.0</t>
  </si>
  <si>
    <t>2065674.0</t>
  </si>
  <si>
    <t>21894.0</t>
  </si>
  <si>
    <t>373.135</t>
  </si>
  <si>
    <t>18998.0</t>
  </si>
  <si>
    <t>2087378.0</t>
  </si>
  <si>
    <t>21704.0</t>
  </si>
  <si>
    <t>377.056</t>
  </si>
  <si>
    <t>2105244.0</t>
  </si>
  <si>
    <t>380.283</t>
  </si>
  <si>
    <t>19229.0</t>
  </si>
  <si>
    <t>2116706.0</t>
  </si>
  <si>
    <t>382.354</t>
  </si>
  <si>
    <t>74.8635788147623</t>
  </si>
  <si>
    <t>2132350.0</t>
  </si>
  <si>
    <t>385.179</t>
  </si>
  <si>
    <t>2153540.0</t>
  </si>
  <si>
    <t>21190.0</t>
  </si>
  <si>
    <t>389.007</t>
  </si>
  <si>
    <t>4.873</t>
  </si>
  <si>
    <t>2175185.0</t>
  </si>
  <si>
    <t>21645.0</t>
  </si>
  <si>
    <t>392.917</t>
  </si>
  <si>
    <t>2193864.0</t>
  </si>
  <si>
    <t>18679.0</t>
  </si>
  <si>
    <t>396.291</t>
  </si>
  <si>
    <t>2213055.0</t>
  </si>
  <si>
    <t>399.758</t>
  </si>
  <si>
    <t>2226932.0</t>
  </si>
  <si>
    <t>402.264</t>
  </si>
  <si>
    <t>2237346.0</t>
  </si>
  <si>
    <t>404.145</t>
  </si>
  <si>
    <t>79.2312225161057</t>
  </si>
  <si>
    <t>2252535.0</t>
  </si>
  <si>
    <t>15189.0</t>
  </si>
  <si>
    <t>406.889</t>
  </si>
  <si>
    <t>3.101</t>
  </si>
  <si>
    <t>2275165.0</t>
  </si>
  <si>
    <t>410.977</t>
  </si>
  <si>
    <t>2293737.0</t>
  </si>
  <si>
    <t>414.332</t>
  </si>
  <si>
    <t>16936.0</t>
  </si>
  <si>
    <t>2314177.0</t>
  </si>
  <si>
    <t>418.024</t>
  </si>
  <si>
    <t>3.692</t>
  </si>
  <si>
    <t>2333931.0</t>
  </si>
  <si>
    <t>421.592</t>
  </si>
  <si>
    <t>17268.0</t>
  </si>
  <si>
    <t>2349031.0</t>
  </si>
  <si>
    <t>424.32</t>
  </si>
  <si>
    <t>2360997.0</t>
  </si>
  <si>
    <t>11966.0</t>
  </si>
  <si>
    <t>426.481</t>
  </si>
  <si>
    <t>477.6</t>
  </si>
  <si>
    <t>86.1977947008931</t>
  </si>
  <si>
    <t>2376146.0</t>
  </si>
  <si>
    <t>15149.0</t>
  </si>
  <si>
    <t>429.218</t>
  </si>
  <si>
    <t>17659.0</t>
  </si>
  <si>
    <t>2398412.0</t>
  </si>
  <si>
    <t>46.564</t>
  </si>
  <si>
    <t>2419629.0</t>
  </si>
  <si>
    <t>21217.0</t>
  </si>
  <si>
    <t>437.072</t>
  </si>
  <si>
    <t>17985.0</t>
  </si>
  <si>
    <t>2430968.0</t>
  </si>
  <si>
    <t>439.121</t>
  </si>
  <si>
    <t>2437825.0</t>
  </si>
  <si>
    <t>440.359</t>
  </si>
  <si>
    <t>14842.0</t>
  </si>
  <si>
    <t>2444240.0</t>
  </si>
  <si>
    <t>441.518</t>
  </si>
  <si>
    <t>13601.0</t>
  </si>
  <si>
    <t>2451585.0</t>
  </si>
  <si>
    <t>442.845</t>
  </si>
  <si>
    <t>-4.61</t>
  </si>
  <si>
    <t>76.3435242011679</t>
  </si>
  <si>
    <t>42.774</t>
  </si>
  <si>
    <t>2463170.0</t>
  </si>
  <si>
    <t>444.937</t>
  </si>
  <si>
    <t>2478885.0</t>
  </si>
  <si>
    <t>15715.0</t>
  </si>
  <si>
    <t>447.776</t>
  </si>
  <si>
    <t>2493207.0</t>
  </si>
  <si>
    <t>450.363</t>
  </si>
  <si>
    <t>2505181.0</t>
  </si>
  <si>
    <t>452.526</t>
  </si>
  <si>
    <t>2512010.0</t>
  </si>
  <si>
    <t>453.76</t>
  </si>
  <si>
    <t>2519027.0</t>
  </si>
  <si>
    <t>455.027</t>
  </si>
  <si>
    <t>2525522.0</t>
  </si>
  <si>
    <t>75.152348646256</t>
  </si>
  <si>
    <t>2536200.0</t>
  </si>
  <si>
    <t>458.129</t>
  </si>
  <si>
    <t>2551181.0</t>
  </si>
  <si>
    <t>14981.0</t>
  </si>
  <si>
    <t>460.835</t>
  </si>
  <si>
    <t>2562042.0</t>
  </si>
  <si>
    <t>462.797</t>
  </si>
  <si>
    <t>2571018.0</t>
  </si>
  <si>
    <t>464.419</t>
  </si>
  <si>
    <t>2584758.0</t>
  </si>
  <si>
    <t>13740.0</t>
  </si>
  <si>
    <t>466.901</t>
  </si>
  <si>
    <t>10393.0</t>
  </si>
  <si>
    <t>2595737.0</t>
  </si>
  <si>
    <t>468.884</t>
  </si>
  <si>
    <t>2602238.0</t>
  </si>
  <si>
    <t>470.058</t>
  </si>
  <si>
    <t>326.9</t>
  </si>
  <si>
    <t>-7.5</t>
  </si>
  <si>
    <t>58.9992861970728</t>
  </si>
  <si>
    <t>2611613.0</t>
  </si>
  <si>
    <t>471.752</t>
  </si>
  <si>
    <t>28.516</t>
  </si>
  <si>
    <t>2626043.0</t>
  </si>
  <si>
    <t>474.358</t>
  </si>
  <si>
    <t>2639014.0</t>
  </si>
  <si>
    <t>476.701</t>
  </si>
  <si>
    <t>27.975</t>
  </si>
  <si>
    <t>2650141.0</t>
  </si>
  <si>
    <t>478.711</t>
  </si>
  <si>
    <t>2661330.0</t>
  </si>
  <si>
    <t>480.732</t>
  </si>
  <si>
    <t>2670653.0</t>
  </si>
  <si>
    <t>482.416</t>
  </si>
  <si>
    <t>10702.0</t>
  </si>
  <si>
    <t>2675813.0</t>
  </si>
  <si>
    <t>483.348</t>
  </si>
  <si>
    <t>62122.0</t>
  </si>
  <si>
    <t>62117.0</t>
  </si>
  <si>
    <t>248.2</t>
  </si>
  <si>
    <t>44.7954201104725</t>
  </si>
  <si>
    <t>2685180.0</t>
  </si>
  <si>
    <t>485.04</t>
  </si>
  <si>
    <t>10510.0</t>
  </si>
  <si>
    <t>2702052.0</t>
  </si>
  <si>
    <t>488.088</t>
  </si>
  <si>
    <t>2717846.0</t>
  </si>
  <si>
    <t>490.941</t>
  </si>
  <si>
    <t>5793.0</t>
  </si>
  <si>
    <t>2733592.0</t>
  </si>
  <si>
    <t>493.785</t>
  </si>
  <si>
    <t>2750451.0</t>
  </si>
  <si>
    <t>496.831</t>
  </si>
  <si>
    <t>2762078.0</t>
  </si>
  <si>
    <t>498.931</t>
  </si>
  <si>
    <t>13061.0</t>
  </si>
  <si>
    <t>2770794.0</t>
  </si>
  <si>
    <t>500.505</t>
  </si>
  <si>
    <t>120327.0</t>
  </si>
  <si>
    <t>115365.0</t>
  </si>
  <si>
    <t>45.3910078879284</t>
  </si>
  <si>
    <t>2782156.0</t>
  </si>
  <si>
    <t>11362.0</t>
  </si>
  <si>
    <t>502.558</t>
  </si>
  <si>
    <t>2802212.0</t>
  </si>
  <si>
    <t>506.181</t>
  </si>
  <si>
    <t>2819001.0</t>
  </si>
  <si>
    <t>509.213</t>
  </si>
  <si>
    <t>14451.0</t>
  </si>
  <si>
    <t>8211.0</t>
  </si>
  <si>
    <t>24.906</t>
  </si>
  <si>
    <t>2835571.0</t>
  </si>
  <si>
    <t>512.206</t>
  </si>
  <si>
    <t>2854238.0</t>
  </si>
  <si>
    <t>18667.0</t>
  </si>
  <si>
    <t>515.578</t>
  </si>
  <si>
    <t>2866629.0</t>
  </si>
  <si>
    <t>517.817</t>
  </si>
  <si>
    <t>2877212.0</t>
  </si>
  <si>
    <t>519.728</t>
  </si>
  <si>
    <t>176836.0</t>
  </si>
  <si>
    <t>157155.0</t>
  </si>
  <si>
    <t>19681.0</t>
  </si>
  <si>
    <t>46.0226918943211</t>
  </si>
  <si>
    <t>2890116.0</t>
  </si>
  <si>
    <t>522.059</t>
  </si>
  <si>
    <t>15423.0</t>
  </si>
  <si>
    <t>2909788.0</t>
  </si>
  <si>
    <t>525.613</t>
  </si>
  <si>
    <t>23.282</t>
  </si>
  <si>
    <t>2932632.0</t>
  </si>
  <si>
    <t>22844.0</t>
  </si>
  <si>
    <t>529.739</t>
  </si>
  <si>
    <t>2.932</t>
  </si>
  <si>
    <t>2952080.0</t>
  </si>
  <si>
    <t>533.252</t>
  </si>
  <si>
    <t>3.513</t>
  </si>
  <si>
    <t>16644.0</t>
  </si>
  <si>
    <t>2970104.0</t>
  </si>
  <si>
    <t>18024.0</t>
  </si>
  <si>
    <t>536.508</t>
  </si>
  <si>
    <t>2984305.0</t>
  </si>
  <si>
    <t>539.073</t>
  </si>
  <si>
    <t>2993400.0</t>
  </si>
  <si>
    <t>540.716</t>
  </si>
  <si>
    <t>179486.0</t>
  </si>
  <si>
    <t>53021.0</t>
  </si>
  <si>
    <t>192.1</t>
  </si>
  <si>
    <t>-5.39</t>
  </si>
  <si>
    <t>34.6704278937219</t>
  </si>
  <si>
    <t>3007431.0</t>
  </si>
  <si>
    <t>543.251</t>
  </si>
  <si>
    <t>3029370.0</t>
  </si>
  <si>
    <t>547.214</t>
  </si>
  <si>
    <t>3050060.0</t>
  </si>
  <si>
    <t>20690.0</t>
  </si>
  <si>
    <t>550.951</t>
  </si>
  <si>
    <t>16775.0</t>
  </si>
  <si>
    <t>3068828.0</t>
  </si>
  <si>
    <t>554.341</t>
  </si>
  <si>
    <t>3087261.0</t>
  </si>
  <si>
    <t>557.671</t>
  </si>
  <si>
    <t>3100193.0</t>
  </si>
  <si>
    <t>560.007</t>
  </si>
  <si>
    <t>16555.0</t>
  </si>
  <si>
    <t>3110109.0</t>
  </si>
  <si>
    <t>561.798</t>
  </si>
  <si>
    <t>288776.0</t>
  </si>
  <si>
    <t>218872.0</t>
  </si>
  <si>
    <t>69904.0</t>
  </si>
  <si>
    <t>96.7999999999999</t>
  </si>
  <si>
    <t>-8.28</t>
  </si>
  <si>
    <t>17.4705748053736</t>
  </si>
  <si>
    <t>3125156.0</t>
  </si>
  <si>
    <t>15047.0</t>
  </si>
  <si>
    <t>564.516</t>
  </si>
  <si>
    <t>3147104.0</t>
  </si>
  <si>
    <t>568.481</t>
  </si>
  <si>
    <t>3167935.0</t>
  </si>
  <si>
    <t>20831.0</t>
  </si>
  <si>
    <t>572.243</t>
  </si>
  <si>
    <t>3189551.0</t>
  </si>
  <si>
    <t>576.148</t>
  </si>
  <si>
    <t>3209223.0</t>
  </si>
  <si>
    <t>579.702</t>
  </si>
  <si>
    <t>3225346.0</t>
  </si>
  <si>
    <t>16123.0</t>
  </si>
  <si>
    <t>582.614</t>
  </si>
  <si>
    <t>3237290.0</t>
  </si>
  <si>
    <t>11944.0</t>
  </si>
  <si>
    <t>584.771</t>
  </si>
  <si>
    <t>18169.0</t>
  </si>
  <si>
    <t>373451.0</t>
  </si>
  <si>
    <t>297027.0</t>
  </si>
  <si>
    <t>76424.0</t>
  </si>
  <si>
    <t>23.4084044654645</t>
  </si>
  <si>
    <t>3258793.0</t>
  </si>
  <si>
    <t>588.656</t>
  </si>
  <si>
    <t>3281807.0</t>
  </si>
  <si>
    <t>23014.0</t>
  </si>
  <si>
    <t>592.813</t>
  </si>
  <si>
    <t>19243.0</t>
  </si>
  <si>
    <t>12846.0</t>
  </si>
  <si>
    <t>3303713.0</t>
  </si>
  <si>
    <t>596.77</t>
  </si>
  <si>
    <t>13220.0</t>
  </si>
  <si>
    <t>3326083.0</t>
  </si>
  <si>
    <t>600.811</t>
  </si>
  <si>
    <t>4.041</t>
  </si>
  <si>
    <t>13595.0</t>
  </si>
  <si>
    <t>3348272.0</t>
  </si>
  <si>
    <t>604.819</t>
  </si>
  <si>
    <t>3366061.0</t>
  </si>
  <si>
    <t>17789.0</t>
  </si>
  <si>
    <t>608.032</t>
  </si>
  <si>
    <t>3375963.0</t>
  </si>
  <si>
    <t>609.821</t>
  </si>
  <si>
    <t>19810.0</t>
  </si>
  <si>
    <t>476479.0</t>
  </si>
  <si>
    <t>391462.0</t>
  </si>
  <si>
    <t>85017.0</t>
  </si>
  <si>
    <t>13491.0</t>
  </si>
  <si>
    <t>25.1229753399588</t>
  </si>
  <si>
    <t>3394318.0</t>
  </si>
  <si>
    <t>613.136</t>
  </si>
  <si>
    <t>3420868.0</t>
  </si>
  <si>
    <t>617.932</t>
  </si>
  <si>
    <t>4.796</t>
  </si>
  <si>
    <t>19866.0</t>
  </si>
  <si>
    <t>3444677.0</t>
  </si>
  <si>
    <t>23809.0</t>
  </si>
  <si>
    <t>622.233</t>
  </si>
  <si>
    <t>20138.0</t>
  </si>
  <si>
    <t>44.218</t>
  </si>
  <si>
    <t>3468411.0</t>
  </si>
  <si>
    <t>626.52</t>
  </si>
  <si>
    <t>4.287</t>
  </si>
  <si>
    <t>20333.0</t>
  </si>
  <si>
    <t>14816.0</t>
  </si>
  <si>
    <t>3491447.0</t>
  </si>
  <si>
    <t>630.681</t>
  </si>
  <si>
    <t>3511044.0</t>
  </si>
  <si>
    <t>634.221</t>
  </si>
  <si>
    <t>3524373.0</t>
  </si>
  <si>
    <t>636.629</t>
  </si>
  <si>
    <t>21201.0</t>
  </si>
  <si>
    <t>590421.0</t>
  </si>
  <si>
    <t>502136.0</t>
  </si>
  <si>
    <t>88285.0</t>
  </si>
  <si>
    <t>81.6999999999999</t>
  </si>
  <si>
    <t>14.7453095206511</t>
  </si>
  <si>
    <t>3546008.0</t>
  </si>
  <si>
    <t>640.537</t>
  </si>
  <si>
    <t>3.914</t>
  </si>
  <si>
    <t>44.759</t>
  </si>
  <si>
    <t>3569753.0</t>
  </si>
  <si>
    <t>644.826</t>
  </si>
  <si>
    <t>3.842</t>
  </si>
  <si>
    <t>3594162.0</t>
  </si>
  <si>
    <t>24409.0</t>
  </si>
  <si>
    <t>649.235</t>
  </si>
  <si>
    <t>3618724.0</t>
  </si>
  <si>
    <t>24562.0</t>
  </si>
  <si>
    <t>653.672</t>
  </si>
  <si>
    <t>21473.0</t>
  </si>
  <si>
    <t>3641019.0</t>
  </si>
  <si>
    <t>22295.0</t>
  </si>
  <si>
    <t>657.699</t>
  </si>
  <si>
    <t>3659529.0</t>
  </si>
  <si>
    <t>661.043</t>
  </si>
  <si>
    <t>3674885.0</t>
  </si>
  <si>
    <t>663.817</t>
  </si>
  <si>
    <t>21502.0</t>
  </si>
  <si>
    <t>714668.0</t>
  </si>
  <si>
    <t>625466.0</t>
  </si>
  <si>
    <t>89202.0</t>
  </si>
  <si>
    <t>0.799999999999926</t>
  </si>
  <si>
    <t>-7.15</t>
  </si>
  <si>
    <t>0.144384915746876</t>
  </si>
  <si>
    <t>3693095.0</t>
  </si>
  <si>
    <t>18210.0</t>
  </si>
  <si>
    <t>667.106</t>
  </si>
  <si>
    <t>17681.0</t>
  </si>
  <si>
    <t>3722328.0</t>
  </si>
  <si>
    <t>672.387</t>
  </si>
  <si>
    <t>21796.0</t>
  </si>
  <si>
    <t>3.937</t>
  </si>
  <si>
    <t>3747556.0</t>
  </si>
  <si>
    <t>25228.0</t>
  </si>
  <si>
    <t>676.944</t>
  </si>
  <si>
    <t>4.557</t>
  </si>
  <si>
    <t>21913.0</t>
  </si>
  <si>
    <t>17805.0</t>
  </si>
  <si>
    <t>3770771.0</t>
  </si>
  <si>
    <t>23215.0</t>
  </si>
  <si>
    <t>681.137</t>
  </si>
  <si>
    <t>21721.0</t>
  </si>
  <si>
    <t>17867.0</t>
  </si>
  <si>
    <t>3793616.0</t>
  </si>
  <si>
    <t>685.264</t>
  </si>
  <si>
    <t>21800.0</t>
  </si>
  <si>
    <t>18090.0</t>
  </si>
  <si>
    <t>17929.0</t>
  </si>
  <si>
    <t>3810438.0</t>
  </si>
  <si>
    <t>688.303</t>
  </si>
  <si>
    <t>3.039</t>
  </si>
  <si>
    <t>21558.0</t>
  </si>
  <si>
    <t>3822129.0</t>
  </si>
  <si>
    <t>690.414</t>
  </si>
  <si>
    <t>21035.0</t>
  </si>
  <si>
    <t>842252.0</t>
  </si>
  <si>
    <t>751838.0</t>
  </si>
  <si>
    <t>90414.0</t>
  </si>
  <si>
    <t>18226.0</t>
  </si>
  <si>
    <t>-40.3000000000001</t>
  </si>
  <si>
    <t>-7.27339013074958</t>
  </si>
  <si>
    <t>55.227</t>
  </si>
  <si>
    <t>3841012.0</t>
  </si>
  <si>
    <t>18883.0</t>
  </si>
  <si>
    <t>693.825</t>
  </si>
  <si>
    <t>21131.0</t>
  </si>
  <si>
    <t>11.551</t>
  </si>
  <si>
    <t>3867970.0</t>
  </si>
  <si>
    <t>698.695</t>
  </si>
  <si>
    <t>3890214.0</t>
  </si>
  <si>
    <t>22244.0</t>
  </si>
  <si>
    <t>702.713</t>
  </si>
  <si>
    <t>3912696.0</t>
  </si>
  <si>
    <t>22482.0</t>
  </si>
  <si>
    <t>706.774</t>
  </si>
  <si>
    <t>20275.0</t>
  </si>
  <si>
    <t>16677.0</t>
  </si>
  <si>
    <t>3934007.0</t>
  </si>
  <si>
    <t>710.624</t>
  </si>
  <si>
    <t>3949619.0</t>
  </si>
  <si>
    <t>15612.0</t>
  </si>
  <si>
    <t>713.444</t>
  </si>
  <si>
    <t>3959970.0</t>
  </si>
  <si>
    <t>715.314</t>
  </si>
  <si>
    <t>19692.0</t>
  </si>
  <si>
    <t>952777.0</t>
  </si>
  <si>
    <t>861351.0</t>
  </si>
  <si>
    <t>91426.0</t>
  </si>
  <si>
    <t>-135.2</t>
  </si>
  <si>
    <t>-0.19</t>
  </si>
  <si>
    <t>-8.5</t>
  </si>
  <si>
    <t>-24.4010507612244</t>
  </si>
  <si>
    <t>9.746</t>
  </si>
  <si>
    <t>3978228.0</t>
  </si>
  <si>
    <t>18258.0</t>
  </si>
  <si>
    <t>718.612</t>
  </si>
  <si>
    <t>19602.0</t>
  </si>
  <si>
    <t>54.866</t>
  </si>
  <si>
    <t>4002559.0</t>
  </si>
  <si>
    <t>723.007</t>
  </si>
  <si>
    <t>4028148.0</t>
  </si>
  <si>
    <t>727.629</t>
  </si>
  <si>
    <t>19705.0</t>
  </si>
  <si>
    <t>17044.0</t>
  </si>
  <si>
    <t>4048820.0</t>
  </si>
  <si>
    <t>731.363</t>
  </si>
  <si>
    <t>19446.0</t>
  </si>
  <si>
    <t>4066468.0</t>
  </si>
  <si>
    <t>734.551</t>
  </si>
  <si>
    <t>17977.0</t>
  </si>
  <si>
    <t>4076279.0</t>
  </si>
  <si>
    <t>736.323</t>
  </si>
  <si>
    <t>4086531.0</t>
  </si>
  <si>
    <t>738.175</t>
  </si>
  <si>
    <t>18080.0</t>
  </si>
  <si>
    <t>1086457.0</t>
  </si>
  <si>
    <t>993721.0</t>
  </si>
  <si>
    <t>92736.0</t>
  </si>
  <si>
    <t>18910.0</t>
  </si>
  <si>
    <t>-174.5</t>
  </si>
  <si>
    <t>-3.6</t>
  </si>
  <si>
    <t>-31.4939597472903</t>
  </si>
  <si>
    <t>4097173.0</t>
  </si>
  <si>
    <t>740.097</t>
  </si>
  <si>
    <t>16992.0</t>
  </si>
  <si>
    <t>19916.0</t>
  </si>
  <si>
    <t>19623.0</t>
  </si>
  <si>
    <t>4117723.0</t>
  </si>
  <si>
    <t>20550.0</t>
  </si>
  <si>
    <t>743.809</t>
  </si>
  <si>
    <t>16452.0</t>
  </si>
  <si>
    <t>20736.0</t>
  </si>
  <si>
    <t>20335.0</t>
  </si>
  <si>
    <t>4140612.0</t>
  </si>
  <si>
    <t>747.944</t>
  </si>
  <si>
    <t>21048.0</t>
  </si>
  <si>
    <t>4161895.0</t>
  </si>
  <si>
    <t>21283.0</t>
  </si>
  <si>
    <t>751.788</t>
  </si>
  <si>
    <t>21761.0</t>
  </si>
  <si>
    <t>4182560.0</t>
  </si>
  <si>
    <t>20665.0</t>
  </si>
  <si>
    <t>755.521</t>
  </si>
  <si>
    <t>3.733</t>
  </si>
  <si>
    <t>2.996</t>
  </si>
  <si>
    <t>4199787.0</t>
  </si>
  <si>
    <t>758.633</t>
  </si>
  <si>
    <t>17644.0</t>
  </si>
  <si>
    <t>24013.0</t>
  </si>
  <si>
    <t>4208583.0</t>
  </si>
  <si>
    <t>760.222</t>
  </si>
  <si>
    <t>17436.0</t>
  </si>
  <si>
    <t>1260283.0</t>
  </si>
  <si>
    <t>1161012.0</t>
  </si>
  <si>
    <t>99271.0</t>
  </si>
  <si>
    <t>24832.0</t>
  </si>
  <si>
    <t>23899.0</t>
  </si>
  <si>
    <t>-223.8</t>
  </si>
  <si>
    <t>-4.46</t>
  </si>
  <si>
    <t>-40.3916801801924</t>
  </si>
  <si>
    <t>4224831.0</t>
  </si>
  <si>
    <t>16248.0</t>
  </si>
  <si>
    <t>763.157</t>
  </si>
  <si>
    <t>26085.0</t>
  </si>
  <si>
    <t>24655.0</t>
  </si>
  <si>
    <t>4248394.0</t>
  </si>
  <si>
    <t>23563.0</t>
  </si>
  <si>
    <t>767.413</t>
  </si>
  <si>
    <t>25411.0</t>
  </si>
  <si>
    <t>4266435.0</t>
  </si>
  <si>
    <t>770.672</t>
  </si>
  <si>
    <t>17975.0</t>
  </si>
  <si>
    <t>4286124.0</t>
  </si>
  <si>
    <t>19689.0</t>
  </si>
  <si>
    <t>774.229</t>
  </si>
  <si>
    <t>17747.0</t>
  </si>
  <si>
    <t>29844.0</t>
  </si>
  <si>
    <t>26924.0</t>
  </si>
  <si>
    <t>4303235.0</t>
  </si>
  <si>
    <t>777.32</t>
  </si>
  <si>
    <t>17239.0</t>
  </si>
  <si>
    <t>31097.0</t>
  </si>
  <si>
    <t>4314071.0</t>
  </si>
  <si>
    <t>779.277</t>
  </si>
  <si>
    <t>16326.0</t>
  </si>
  <si>
    <t>28437.0</t>
  </si>
  <si>
    <t>4324255.0</t>
  </si>
  <si>
    <t>781.117</t>
  </si>
  <si>
    <t>1495506.0</t>
  </si>
  <si>
    <t>1365365.0</t>
  </si>
  <si>
    <t>130141.0</t>
  </si>
  <si>
    <t>33603.0</t>
  </si>
  <si>
    <t>29193.0</t>
  </si>
  <si>
    <t>-48.0982250581826</t>
  </si>
  <si>
    <t>4342797.0</t>
  </si>
  <si>
    <t>784.466</t>
  </si>
  <si>
    <t>16852.0</t>
  </si>
  <si>
    <t>28930.0</t>
  </si>
  <si>
    <t>4363325.0</t>
  </si>
  <si>
    <t>788.174</t>
  </si>
  <si>
    <t>33055.0</t>
  </si>
  <si>
    <t>4382057.0</t>
  </si>
  <si>
    <t>18732.0</t>
  </si>
  <si>
    <t>791.558</t>
  </si>
  <si>
    <t>4402565.0</t>
  </si>
  <si>
    <t>795.262</t>
  </si>
  <si>
    <t>32507.0</t>
  </si>
  <si>
    <t>4420246.0</t>
  </si>
  <si>
    <t>798.456</t>
  </si>
  <si>
    <t>32233.0</t>
  </si>
  <si>
    <t>4432908.0</t>
  </si>
  <si>
    <t>800.743</t>
  </si>
  <si>
    <t>3.067</t>
  </si>
  <si>
    <t>31959.0</t>
  </si>
  <si>
    <t>27617.0</t>
  </si>
  <si>
    <t>4441817.0</t>
  </si>
  <si>
    <t>8909.0</t>
  </si>
  <si>
    <t>802.352</t>
  </si>
  <si>
    <t>1717301.0</t>
  </si>
  <si>
    <t>1556841.0</t>
  </si>
  <si>
    <t>160460.0</t>
  </si>
  <si>
    <t>-297.6</t>
  </si>
  <si>
    <t>-53.711188657843</t>
  </si>
  <si>
    <t>4458219.0</t>
  </si>
  <si>
    <t>805.315</t>
  </si>
  <si>
    <t>16489.0</t>
  </si>
  <si>
    <t>27465.0</t>
  </si>
  <si>
    <t>4480157.0</t>
  </si>
  <si>
    <t>809.278</t>
  </si>
  <si>
    <t>5665.0</t>
  </si>
  <si>
    <t>27575.0</t>
  </si>
  <si>
    <t>4504162.0</t>
  </si>
  <si>
    <t>24005.0</t>
  </si>
  <si>
    <t>813.614</t>
  </si>
  <si>
    <t>31237.0</t>
  </si>
  <si>
    <t>27686.0</t>
  </si>
  <si>
    <t>4522929.0</t>
  </si>
  <si>
    <t>817.004</t>
  </si>
  <si>
    <t>4541539.0</t>
  </si>
  <si>
    <t>820.366</t>
  </si>
  <si>
    <t>17328.0</t>
  </si>
  <si>
    <t>27908.0</t>
  </si>
  <si>
    <t>4553054.0</t>
  </si>
  <si>
    <t>11515.0</t>
  </si>
  <si>
    <t>822.446</t>
  </si>
  <si>
    <t>30789.0</t>
  </si>
  <si>
    <t>28019.0</t>
  </si>
  <si>
    <t>4562350.0</t>
  </si>
  <si>
    <t>824.125</t>
  </si>
  <si>
    <t>1931781.0</t>
  </si>
  <si>
    <t>1753750.0</t>
  </si>
  <si>
    <t>178031.0</t>
  </si>
  <si>
    <t>28130.0</t>
  </si>
  <si>
    <t>-332.3</t>
  </si>
  <si>
    <t>-3.32</t>
  </si>
  <si>
    <t>-59.9738843783643</t>
  </si>
  <si>
    <t>4580812.0</t>
  </si>
  <si>
    <t>827.46</t>
  </si>
  <si>
    <t>4605726.0</t>
  </si>
  <si>
    <t>831.96</t>
  </si>
  <si>
    <t>17938.0</t>
  </si>
  <si>
    <t>4629307.0</t>
  </si>
  <si>
    <t>836.22</t>
  </si>
  <si>
    <t>4651410.0</t>
  </si>
  <si>
    <t>28862.0</t>
  </si>
  <si>
    <t>4672393.0</t>
  </si>
  <si>
    <t>844.003</t>
  </si>
  <si>
    <t>18693.0</t>
  </si>
  <si>
    <t>33738.0</t>
  </si>
  <si>
    <t>4686476.0</t>
  </si>
  <si>
    <t>846.547</t>
  </si>
  <si>
    <t>4696725.0</t>
  </si>
  <si>
    <t>848.398</t>
  </si>
  <si>
    <t>2176626.0</t>
  </si>
  <si>
    <t>1959629.0</t>
  </si>
  <si>
    <t>216997.0</t>
  </si>
  <si>
    <t>34978.0</t>
  </si>
  <si>
    <t>29411.0</t>
  </si>
  <si>
    <t>-330.4</t>
  </si>
  <si>
    <t>-59.6309702034654</t>
  </si>
  <si>
    <t>4711964.0</t>
  </si>
  <si>
    <t>851.151</t>
  </si>
  <si>
    <t>34816.0</t>
  </si>
  <si>
    <t>28576.0</t>
  </si>
  <si>
    <t>4737355.0</t>
  </si>
  <si>
    <t>855.737</t>
  </si>
  <si>
    <t>4.587</t>
  </si>
  <si>
    <t>18804.0</t>
  </si>
  <si>
    <t>27741.0</t>
  </si>
  <si>
    <t>4759679.0</t>
  </si>
  <si>
    <t>22324.0</t>
  </si>
  <si>
    <t>859.77</t>
  </si>
  <si>
    <t>34493.0</t>
  </si>
  <si>
    <t>4777311.0</t>
  </si>
  <si>
    <t>17632.0</t>
  </si>
  <si>
    <t>862.955</t>
  </si>
  <si>
    <t>17986.0</t>
  </si>
  <si>
    <t>34331.0</t>
  </si>
  <si>
    <t>6196.0</t>
  </si>
  <si>
    <t>4790506.0</t>
  </si>
  <si>
    <t>865.338</t>
  </si>
  <si>
    <t>4803417.0</t>
  </si>
  <si>
    <t>12911.0</t>
  </si>
  <si>
    <t>867.671</t>
  </si>
  <si>
    <t>4812911.0</t>
  </si>
  <si>
    <t>869.385</t>
  </si>
  <si>
    <t>2413548.0</t>
  </si>
  <si>
    <t>2124585.0</t>
  </si>
  <si>
    <t>288963.0</t>
  </si>
  <si>
    <t>-234.1</t>
  </si>
  <si>
    <t>-0.3</t>
  </si>
  <si>
    <t>-42.2506359704336</t>
  </si>
  <si>
    <t>4825031.0</t>
  </si>
  <si>
    <t>871.575</t>
  </si>
  <si>
    <t>4850240.0</t>
  </si>
  <si>
    <t>876.128</t>
  </si>
  <si>
    <t>4874452.0</t>
  </si>
  <si>
    <t>880.502</t>
  </si>
  <si>
    <t>36294.0</t>
  </si>
  <si>
    <t>4893197.0</t>
  </si>
  <si>
    <t>883.888</t>
  </si>
  <si>
    <t>37110.0</t>
  </si>
  <si>
    <t>24883.0</t>
  </si>
  <si>
    <t>4911956.0</t>
  </si>
  <si>
    <t>887.277</t>
  </si>
  <si>
    <t>3.389</t>
  </si>
  <si>
    <t>17350.0</t>
  </si>
  <si>
    <t>25213.0</t>
  </si>
  <si>
    <t>4924901.0</t>
  </si>
  <si>
    <t>889.615</t>
  </si>
  <si>
    <t>4933907.0</t>
  </si>
  <si>
    <t>891.242</t>
  </si>
  <si>
    <t>2690452.0</t>
  </si>
  <si>
    <t>2305686.0</t>
  </si>
  <si>
    <t>384766.0</t>
  </si>
  <si>
    <t>25872.0</t>
  </si>
  <si>
    <t>-224.2</t>
  </si>
  <si>
    <t>-40.4638726380658</t>
  </si>
  <si>
    <t>4949285.0</t>
  </si>
  <si>
    <t>894.02</t>
  </si>
  <si>
    <t>39496.0</t>
  </si>
  <si>
    <t>25520.0</t>
  </si>
  <si>
    <t>4972470.0</t>
  </si>
  <si>
    <t>898.208</t>
  </si>
  <si>
    <t>17461.0</t>
  </si>
  <si>
    <t>25168.0</t>
  </si>
  <si>
    <t>4996935.0</t>
  </si>
  <si>
    <t>24465.0</t>
  </si>
  <si>
    <t>902.627</t>
  </si>
  <si>
    <t>24817.0</t>
  </si>
  <si>
    <t>17.868</t>
  </si>
  <si>
    <t>5016596.0</t>
  </si>
  <si>
    <t>906.178</t>
  </si>
  <si>
    <t>39311.0</t>
  </si>
  <si>
    <t>19.311</t>
  </si>
  <si>
    <t>5035567.0</t>
  </si>
  <si>
    <t>909.605</t>
  </si>
  <si>
    <t>39249.0</t>
  </si>
  <si>
    <t>24114.0</t>
  </si>
  <si>
    <t>5047903.0</t>
  </si>
  <si>
    <t>911.834</t>
  </si>
  <si>
    <t>39187.0</t>
  </si>
  <si>
    <t>23762.0</t>
  </si>
  <si>
    <t>5056666.0</t>
  </si>
  <si>
    <t>913.416</t>
  </si>
  <si>
    <t>2964331.0</t>
  </si>
  <si>
    <t>2469560.0</t>
  </si>
  <si>
    <t>494771.0</t>
  </si>
  <si>
    <t>23411.0</t>
  </si>
  <si>
    <t>-215.1</t>
  </si>
  <si>
    <t>-38.821494221445</t>
  </si>
  <si>
    <t>5069932.0</t>
  </si>
  <si>
    <t>915.813</t>
  </si>
  <si>
    <t>39659.0</t>
  </si>
  <si>
    <t>5092312.0</t>
  </si>
  <si>
    <t>22380.0</t>
  </si>
  <si>
    <t>919.855</t>
  </si>
  <si>
    <t>40193.0</t>
  </si>
  <si>
    <t>23987.0</t>
  </si>
  <si>
    <t>5118699.0</t>
  </si>
  <si>
    <t>26387.0</t>
  </si>
  <si>
    <t>924.622</t>
  </si>
  <si>
    <t>40726.0</t>
  </si>
  <si>
    <t>24276.0</t>
  </si>
  <si>
    <t>5136161.0</t>
  </si>
  <si>
    <t>17462.0</t>
  </si>
  <si>
    <t>927.776</t>
  </si>
  <si>
    <t>41260.0</t>
  </si>
  <si>
    <t>24564.0</t>
  </si>
  <si>
    <t>5151883.0</t>
  </si>
  <si>
    <t>930.616</t>
  </si>
  <si>
    <t>41793.0</t>
  </si>
  <si>
    <t>24853.0</t>
  </si>
  <si>
    <t>5161679.0</t>
  </si>
  <si>
    <t>932.386</t>
  </si>
  <si>
    <t>42327.0</t>
  </si>
  <si>
    <t>25141.0</t>
  </si>
  <si>
    <t>5169210.0</t>
  </si>
  <si>
    <t>933.746</t>
  </si>
  <si>
    <t>16078.0</t>
  </si>
  <si>
    <t>3264354.0</t>
  </si>
  <si>
    <t>2647566.0</t>
  </si>
  <si>
    <t>616788.0</t>
  </si>
  <si>
    <t>42860.0</t>
  </si>
  <si>
    <t>-180.8</t>
  </si>
  <si>
    <t>-32.6309909587971</t>
  </si>
  <si>
    <t>5182547.0</t>
  </si>
  <si>
    <t>936.155</t>
  </si>
  <si>
    <t>43783.0</t>
  </si>
  <si>
    <t>26288.0</t>
  </si>
  <si>
    <t>5198816.0</t>
  </si>
  <si>
    <t>939.094</t>
  </si>
  <si>
    <t>44705.0</t>
  </si>
  <si>
    <t>27147.0</t>
  </si>
  <si>
    <t>5221058.0</t>
  </si>
  <si>
    <t>943.112</t>
  </si>
  <si>
    <t>5235909.0</t>
  </si>
  <si>
    <t>945.794</t>
  </si>
  <si>
    <t>28864.0</t>
  </si>
  <si>
    <t>5249994.0</t>
  </si>
  <si>
    <t>948.338</t>
  </si>
  <si>
    <t>14016.0</t>
  </si>
  <si>
    <t>5259191.0</t>
  </si>
  <si>
    <t>48395.0</t>
  </si>
  <si>
    <t>30582.0</t>
  </si>
  <si>
    <t>5268961.0</t>
  </si>
  <si>
    <t>951.765</t>
  </si>
  <si>
    <t>3609576.0</t>
  </si>
  <si>
    <t>2867648.0</t>
  </si>
  <si>
    <t>741928.0</t>
  </si>
  <si>
    <t>31440.0</t>
  </si>
  <si>
    <t>-194.3</t>
  </si>
  <si>
    <t>-35.0674864120258</t>
  </si>
  <si>
    <t>5281191.0</t>
  </si>
  <si>
    <t>953.974</t>
  </si>
  <si>
    <t>5297957.0</t>
  </si>
  <si>
    <t>16766.0</t>
  </si>
  <si>
    <t>957.002</t>
  </si>
  <si>
    <t>31683.0</t>
  </si>
  <si>
    <t>5319175.0</t>
  </si>
  <si>
    <t>960.835</t>
  </si>
  <si>
    <t>49307.0</t>
  </si>
  <si>
    <t>5333717.0</t>
  </si>
  <si>
    <t>963.462</t>
  </si>
  <si>
    <t>5346667.0</t>
  </si>
  <si>
    <t>12950.0</t>
  </si>
  <si>
    <t>965.801</t>
  </si>
  <si>
    <t>13810.0</t>
  </si>
  <si>
    <t>5356190.0</t>
  </si>
  <si>
    <t>967.521</t>
  </si>
  <si>
    <t>49297.0</t>
  </si>
  <si>
    <t>32168.0</t>
  </si>
  <si>
    <t>5364291.0</t>
  </si>
  <si>
    <t>968.985</t>
  </si>
  <si>
    <t>3954634.0</t>
  </si>
  <si>
    <t>3093670.0</t>
  </si>
  <si>
    <t>860964.0</t>
  </si>
  <si>
    <t>32289.0</t>
  </si>
  <si>
    <t>-163.6</t>
  </si>
  <si>
    <t>-29.5267152702389</t>
  </si>
  <si>
    <t>5373320.0</t>
  </si>
  <si>
    <t>970.616</t>
  </si>
  <si>
    <t>47609.0</t>
  </si>
  <si>
    <t>5386710.0</t>
  </si>
  <si>
    <t>13390.0</t>
  </si>
  <si>
    <t>973.034</t>
  </si>
  <si>
    <t>5401842.0</t>
  </si>
  <si>
    <t>975.768</t>
  </si>
  <si>
    <t>26743.0</t>
  </si>
  <si>
    <t>5414423.0</t>
  </si>
  <si>
    <t>978.04</t>
  </si>
  <si>
    <t>24894.0</t>
  </si>
  <si>
    <t>5422047.0</t>
  </si>
  <si>
    <t>979.417</t>
  </si>
  <si>
    <t>40869.0</t>
  </si>
  <si>
    <t>23045.0</t>
  </si>
  <si>
    <t>5426935.0</t>
  </si>
  <si>
    <t>980.3</t>
  </si>
  <si>
    <t>39184.0</t>
  </si>
  <si>
    <t>21196.0</t>
  </si>
  <si>
    <t>5434539.0</t>
  </si>
  <si>
    <t>981.674</t>
  </si>
  <si>
    <t>4217126.0</t>
  </si>
  <si>
    <t>3229102.0</t>
  </si>
  <si>
    <t>988024.0</t>
  </si>
  <si>
    <t>-78.9000000000001</t>
  </si>
  <si>
    <t>-14.239962315537</t>
  </si>
  <si>
    <t>5446168.0</t>
  </si>
  <si>
    <t>983.775</t>
  </si>
  <si>
    <t>38797.0</t>
  </si>
  <si>
    <t>19680.0</t>
  </si>
  <si>
    <t>5464696.0</t>
  </si>
  <si>
    <t>18528.0</t>
  </si>
  <si>
    <t>987.121</t>
  </si>
  <si>
    <t>11141.0</t>
  </si>
  <si>
    <t>40095.0</t>
  </si>
  <si>
    <t>5479739.0</t>
  </si>
  <si>
    <t>989.839</t>
  </si>
  <si>
    <t>5497841.0</t>
  </si>
  <si>
    <t>18102.0</t>
  </si>
  <si>
    <t>993.109</t>
  </si>
  <si>
    <t>42691.0</t>
  </si>
  <si>
    <t>20677.0</t>
  </si>
  <si>
    <t>5512988.0</t>
  </si>
  <si>
    <t>995.845</t>
  </si>
  <si>
    <t>43989.0</t>
  </si>
  <si>
    <t>5525125.0</t>
  </si>
  <si>
    <t>998.037</t>
  </si>
  <si>
    <t>2.534</t>
  </si>
  <si>
    <t>5535007.0</t>
  </si>
  <si>
    <t>999.822</t>
  </si>
  <si>
    <t>14353.0</t>
  </si>
  <si>
    <t>4543218.0</t>
  </si>
  <si>
    <t>3380819.0</t>
  </si>
  <si>
    <t>1162399.0</t>
  </si>
  <si>
    <t>21674.0</t>
  </si>
  <si>
    <t>-48.8000000000001</t>
  </si>
  <si>
    <t>-8.80747986056028</t>
  </si>
  <si>
    <t>5547458.0</t>
  </si>
  <si>
    <t>1002.071</t>
  </si>
  <si>
    <t>14470.0</t>
  </si>
  <si>
    <t>5562802.0</t>
  </si>
  <si>
    <t>15344.0</t>
  </si>
  <si>
    <t>1004.843</t>
  </si>
  <si>
    <t>46100.0</t>
  </si>
  <si>
    <t>5581053.0</t>
  </si>
  <si>
    <t>18251.0</t>
  </si>
  <si>
    <t>1008.14</t>
  </si>
  <si>
    <t>45858.0</t>
  </si>
  <si>
    <t>5597079.0</t>
  </si>
  <si>
    <t>1011.035</t>
  </si>
  <si>
    <t>5610901.0</t>
  </si>
  <si>
    <t>1013.531</t>
  </si>
  <si>
    <t>45374.0</t>
  </si>
  <si>
    <t>5622026.0</t>
  </si>
  <si>
    <t>11125.0</t>
  </si>
  <si>
    <t>1015.541</t>
  </si>
  <si>
    <t>45132.0</t>
  </si>
  <si>
    <t>5632373.0</t>
  </si>
  <si>
    <t>1017.41</t>
  </si>
  <si>
    <t>4857449.0</t>
  </si>
  <si>
    <t>3489315.0</t>
  </si>
  <si>
    <t>1368134.0</t>
  </si>
  <si>
    <t>44890.0</t>
  </si>
  <si>
    <t>87.67</t>
  </si>
  <si>
    <t>69.0999999999999</t>
  </si>
  <si>
    <t>12.4712470976376</t>
  </si>
  <si>
    <t>5642948.0</t>
  </si>
  <si>
    <t>1019.32</t>
  </si>
  <si>
    <t>13641.0</t>
  </si>
  <si>
    <t>2.464</t>
  </si>
  <si>
    <t>15002.0</t>
  </si>
  <si>
    <t>5658840.0</t>
  </si>
  <si>
    <t>1022.191</t>
  </si>
  <si>
    <t>13720.0</t>
  </si>
  <si>
    <t>43076.0</t>
  </si>
  <si>
    <t>5679331.0</t>
  </si>
  <si>
    <t>1025.892</t>
  </si>
  <si>
    <t>42169.0</t>
  </si>
  <si>
    <t>5694816.0</t>
  </si>
  <si>
    <t>1028.689</t>
  </si>
  <si>
    <t>5710913.0</t>
  </si>
  <si>
    <t>16097.0</t>
  </si>
  <si>
    <t>1031.597</t>
  </si>
  <si>
    <t>40355.0</t>
  </si>
  <si>
    <t>5721868.0</t>
  </si>
  <si>
    <t>1033.576</t>
  </si>
  <si>
    <t>5731985.0</t>
  </si>
  <si>
    <t>1035.403</t>
  </si>
  <si>
    <t>5127236.0</t>
  </si>
  <si>
    <t>3573415.0</t>
  </si>
  <si>
    <t>1553821.0</t>
  </si>
  <si>
    <t>92.54</t>
  </si>
  <si>
    <t>44.3622653632318</t>
  </si>
  <si>
    <t>5745484.0</t>
  </si>
  <si>
    <t>1037.842</t>
  </si>
  <si>
    <t>5763821.0</t>
  </si>
  <si>
    <t>1041.154</t>
  </si>
  <si>
    <t>5786927.0</t>
  </si>
  <si>
    <t>23106.0</t>
  </si>
  <si>
    <t>1045.328</t>
  </si>
  <si>
    <t>38720.0</t>
  </si>
  <si>
    <t>5807570.0</t>
  </si>
  <si>
    <t>1049.057</t>
  </si>
  <si>
    <t>38779.0</t>
  </si>
  <si>
    <t>5828326.0</t>
  </si>
  <si>
    <t>1052.806</t>
  </si>
  <si>
    <t>38839.0</t>
  </si>
  <si>
    <t>5841208.0</t>
  </si>
  <si>
    <t>1055.133</t>
  </si>
  <si>
    <t>38898.0</t>
  </si>
  <si>
    <t>5852706.0</t>
  </si>
  <si>
    <t>1057.21</t>
  </si>
  <si>
    <t>5399940.0</t>
  </si>
  <si>
    <t>3639933.0</t>
  </si>
  <si>
    <t>1760007.0</t>
  </si>
  <si>
    <t>38958.0</t>
  </si>
  <si>
    <t>97.46</t>
  </si>
  <si>
    <t>272.9</t>
  </si>
  <si>
    <t>49.2533043841577</t>
  </si>
  <si>
    <t>5867103.0</t>
  </si>
  <si>
    <t>1059.811</t>
  </si>
  <si>
    <t>38987.0</t>
  </si>
  <si>
    <t>5886997.0</t>
  </si>
  <si>
    <t>1063.404</t>
  </si>
  <si>
    <t>39016.0</t>
  </si>
  <si>
    <t>5909408.0</t>
  </si>
  <si>
    <t>22411.0</t>
  </si>
  <si>
    <t>1067.452</t>
  </si>
  <si>
    <t>39045.0</t>
  </si>
  <si>
    <t>5931330.0</t>
  </si>
  <si>
    <t>1071.412</t>
  </si>
  <si>
    <t>17680.0</t>
  </si>
  <si>
    <t>5951418.0</t>
  </si>
  <si>
    <t>1075.041</t>
  </si>
  <si>
    <t>17585.0</t>
  </si>
  <si>
    <t>5966197.0</t>
  </si>
  <si>
    <t>14779.0</t>
  </si>
  <si>
    <t>1077.711</t>
  </si>
  <si>
    <t>39132.0</t>
  </si>
  <si>
    <t>5977871.0</t>
  </si>
  <si>
    <t>1079.819</t>
  </si>
  <si>
    <t>17881.0</t>
  </si>
  <si>
    <t>5674066.0</t>
  </si>
  <si>
    <t>3705161.0</t>
  </si>
  <si>
    <t>1968905.0</t>
  </si>
  <si>
    <t>39161.0</t>
  </si>
  <si>
    <t>299.2</t>
  </si>
  <si>
    <t>53.9999584893367</t>
  </si>
  <si>
    <t>5992895.0</t>
  </si>
  <si>
    <t>15024.0</t>
  </si>
  <si>
    <t>1082.533</t>
  </si>
  <si>
    <t>38967.0</t>
  </si>
  <si>
    <t>6013379.0</t>
  </si>
  <si>
    <t>1086.233</t>
  </si>
  <si>
    <t>18055.0</t>
  </si>
  <si>
    <t>38774.0</t>
  </si>
  <si>
    <t>16.965</t>
  </si>
  <si>
    <t>6041846.0</t>
  </si>
  <si>
    <t>1091.375</t>
  </si>
  <si>
    <t>5.142</t>
  </si>
  <si>
    <t>18920.0</t>
  </si>
  <si>
    <t>6065204.0</t>
  </si>
  <si>
    <t>23358.0</t>
  </si>
  <si>
    <t>1095.595</t>
  </si>
  <si>
    <t>4.219</t>
  </si>
  <si>
    <t>38387.0</t>
  </si>
  <si>
    <t>6088588.0</t>
  </si>
  <si>
    <t>1099.819</t>
  </si>
  <si>
    <t>38194.0</t>
  </si>
  <si>
    <t>9309.0</t>
  </si>
  <si>
    <t>6106627.0</t>
  </si>
  <si>
    <t>1103.077</t>
  </si>
  <si>
    <t>3.624</t>
  </si>
  <si>
    <t>6119573.0</t>
  </si>
  <si>
    <t>1105.416</t>
  </si>
  <si>
    <t>5938715.0</t>
  </si>
  <si>
    <t>3770300.0</t>
  </si>
  <si>
    <t>2168415.0</t>
  </si>
  <si>
    <t>9306.0</t>
  </si>
  <si>
    <t>71.3441964934318</t>
  </si>
  <si>
    <t>6137125.0</t>
  </si>
  <si>
    <t>17552.0</t>
  </si>
  <si>
    <t>1108.586</t>
  </si>
  <si>
    <t>38652.0</t>
  </si>
  <si>
    <t>6161583.0</t>
  </si>
  <si>
    <t>24458.0</t>
  </si>
  <si>
    <t>1113.004</t>
  </si>
  <si>
    <t>4.418</t>
  </si>
  <si>
    <t>21172.0</t>
  </si>
  <si>
    <t>39497.0</t>
  </si>
  <si>
    <t>6189918.0</t>
  </si>
  <si>
    <t>1118.123</t>
  </si>
  <si>
    <t>5.118</t>
  </si>
  <si>
    <t>21153.0</t>
  </si>
  <si>
    <t>40341.0</t>
  </si>
  <si>
    <t>6215369.0</t>
  </si>
  <si>
    <t>1122.72</t>
  </si>
  <si>
    <t>4.597</t>
  </si>
  <si>
    <t>41186.0</t>
  </si>
  <si>
    <t>6237348.0</t>
  </si>
  <si>
    <t>1126.69</t>
  </si>
  <si>
    <t>42031.0</t>
  </si>
  <si>
    <t>11875.0</t>
  </si>
  <si>
    <t>6253046.0</t>
  </si>
  <si>
    <t>1129.526</t>
  </si>
  <si>
    <t>42876.0</t>
  </si>
  <si>
    <t>6265848.0</t>
  </si>
  <si>
    <t>1131.838</t>
  </si>
  <si>
    <t>6244758.0</t>
  </si>
  <si>
    <t>3860618.0</t>
  </si>
  <si>
    <t>2384140.0</t>
  </si>
  <si>
    <t>43720.0</t>
  </si>
  <si>
    <t>542.2</t>
  </si>
  <si>
    <t>97.8568766474544</t>
  </si>
  <si>
    <t>6284077.0</t>
  </si>
  <si>
    <t>18229.0</t>
  </si>
  <si>
    <t>1135.131</t>
  </si>
  <si>
    <t>43661.0</t>
  </si>
  <si>
    <t>6306514.0</t>
  </si>
  <si>
    <t>22437.0</t>
  </si>
  <si>
    <t>1139.184</t>
  </si>
  <si>
    <t>43602.0</t>
  </si>
  <si>
    <t>6338072.0</t>
  </si>
  <si>
    <t>1144.885</t>
  </si>
  <si>
    <t>6367326.0</t>
  </si>
  <si>
    <t>1150.169</t>
  </si>
  <si>
    <t>5.284</t>
  </si>
  <si>
    <t>43484.0</t>
  </si>
  <si>
    <t>6392385.0</t>
  </si>
  <si>
    <t>25059.0</t>
  </si>
  <si>
    <t>1154.695</t>
  </si>
  <si>
    <t>43424.0</t>
  </si>
  <si>
    <t>13525.0</t>
  </si>
  <si>
    <t>6412173.0</t>
  </si>
  <si>
    <t>1158.27</t>
  </si>
  <si>
    <t>43365.0</t>
  </si>
  <si>
    <t>6429457.0</t>
  </si>
  <si>
    <t>1161.392</t>
  </si>
  <si>
    <t>23373.0</t>
  </si>
  <si>
    <t>6547899.0</t>
  </si>
  <si>
    <t>3957036.0</t>
  </si>
  <si>
    <t>2590863.0</t>
  </si>
  <si>
    <t>43306.0</t>
  </si>
  <si>
    <t>118.18</t>
  </si>
  <si>
    <t>644.5</t>
  </si>
  <si>
    <t>116.320097748588</t>
  </si>
  <si>
    <t>6449026.0</t>
  </si>
  <si>
    <t>19569.0</t>
  </si>
  <si>
    <t>1164.927</t>
  </si>
  <si>
    <t>23564.0</t>
  </si>
  <si>
    <t>13123.0</t>
  </si>
  <si>
    <t>6478276.0</t>
  </si>
  <si>
    <t>1170.211</t>
  </si>
  <si>
    <t>24537.0</t>
  </si>
  <si>
    <t>4.432</t>
  </si>
  <si>
    <t>41331.0</t>
  </si>
  <si>
    <t>6514324.0</t>
  </si>
  <si>
    <t>36048.0</t>
  </si>
  <si>
    <t>1176.722</t>
  </si>
  <si>
    <t>25179.0</t>
  </si>
  <si>
    <t>6548138.0</t>
  </si>
  <si>
    <t>33814.0</t>
  </si>
  <si>
    <t>1182.83</t>
  </si>
  <si>
    <t>6.108</t>
  </si>
  <si>
    <t>4.666</t>
  </si>
  <si>
    <t>11172.0</t>
  </si>
  <si>
    <t>6578176.0</t>
  </si>
  <si>
    <t>30038.0</t>
  </si>
  <si>
    <t>1188.256</t>
  </si>
  <si>
    <t>5.426</t>
  </si>
  <si>
    <t>4.794</t>
  </si>
  <si>
    <t>38368.0</t>
  </si>
  <si>
    <t>6591827.0</t>
  </si>
  <si>
    <t>1190.722</t>
  </si>
  <si>
    <t>6610230.0</t>
  </si>
  <si>
    <t>1194.046</t>
  </si>
  <si>
    <t>6802646.0</t>
  </si>
  <si>
    <t>4021577.0</t>
  </si>
  <si>
    <t>2781069.0</t>
  </si>
  <si>
    <t>36392.0</t>
  </si>
  <si>
    <t>723.6</t>
  </si>
  <si>
    <t>130.596156293062</t>
  </si>
  <si>
    <t>6633197.0</t>
  </si>
  <si>
    <t>1198.195</t>
  </si>
  <si>
    <t>4.753</t>
  </si>
  <si>
    <t>36006.0</t>
  </si>
  <si>
    <t>6662739.0</t>
  </si>
  <si>
    <t>29542.0</t>
  </si>
  <si>
    <t>1203.531</t>
  </si>
  <si>
    <t>35620.0</t>
  </si>
  <si>
    <t>6695683.0</t>
  </si>
  <si>
    <t>1209.482</t>
  </si>
  <si>
    <t>35234.0</t>
  </si>
  <si>
    <t>6725060.0</t>
  </si>
  <si>
    <t>29377.0</t>
  </si>
  <si>
    <t>1214.789</t>
  </si>
  <si>
    <t>5.307</t>
  </si>
  <si>
    <t>25275.0</t>
  </si>
  <si>
    <t>34848.0</t>
  </si>
  <si>
    <t>6751237.0</t>
  </si>
  <si>
    <t>1219.517</t>
  </si>
  <si>
    <t>4.729</t>
  </si>
  <si>
    <t>34461.0</t>
  </si>
  <si>
    <t>16.424</t>
  </si>
  <si>
    <t>6771868.0</t>
  </si>
  <si>
    <t>20631.0</t>
  </si>
  <si>
    <t>1223.244</t>
  </si>
  <si>
    <t>4.646</t>
  </si>
  <si>
    <t>34075.0</t>
  </si>
  <si>
    <t>6786575.0</t>
  </si>
  <si>
    <t>1225.9</t>
  </si>
  <si>
    <t>7038469.0</t>
  </si>
  <si>
    <t>4058601.0</t>
  </si>
  <si>
    <t>2979868.0</t>
  </si>
  <si>
    <t>33689.0</t>
  </si>
  <si>
    <t>811.3</t>
  </si>
  <si>
    <t>146.424352681814</t>
  </si>
  <si>
    <t>6807527.0</t>
  </si>
  <si>
    <t>1229.685</t>
  </si>
  <si>
    <t>24904.0</t>
  </si>
  <si>
    <t>6834887.0</t>
  </si>
  <si>
    <t>1234.627</t>
  </si>
  <si>
    <t>6859849.0</t>
  </si>
  <si>
    <t>1239.136</t>
  </si>
  <si>
    <t>4.236</t>
  </si>
  <si>
    <t>31711.0</t>
  </si>
  <si>
    <t>6882858.0</t>
  </si>
  <si>
    <t>23009.0</t>
  </si>
  <si>
    <t>1243.293</t>
  </si>
  <si>
    <t>22543.0</t>
  </si>
  <si>
    <t>6901208.0</t>
  </si>
  <si>
    <t>1246.607</t>
  </si>
  <si>
    <t>21424.0</t>
  </si>
  <si>
    <t>6913350.0</t>
  </si>
  <si>
    <t>1248.801</t>
  </si>
  <si>
    <t>29733.0</t>
  </si>
  <si>
    <t>6922762.0</t>
  </si>
  <si>
    <t>1250.501</t>
  </si>
  <si>
    <t>7241985.0</t>
  </si>
  <si>
    <t>4084907.0</t>
  </si>
  <si>
    <t>3157078.0</t>
  </si>
  <si>
    <t>29074.0</t>
  </si>
  <si>
    <t>963.8</t>
  </si>
  <si>
    <t>173.947727246065</t>
  </si>
  <si>
    <t>6937293.0</t>
  </si>
  <si>
    <t>14531.0</t>
  </si>
  <si>
    <t>1253.126</t>
  </si>
  <si>
    <t>18538.0</t>
  </si>
  <si>
    <t>6957274.0</t>
  </si>
  <si>
    <t>19981.0</t>
  </si>
  <si>
    <t>1256.735</t>
  </si>
  <si>
    <t>26772.0</t>
  </si>
  <si>
    <t>6976578.0</t>
  </si>
  <si>
    <t>1260.222</t>
  </si>
  <si>
    <t>6992621.0</t>
  </si>
  <si>
    <t>16043.0</t>
  </si>
  <si>
    <t>1263.12</t>
  </si>
  <si>
    <t>24471.0</t>
  </si>
  <si>
    <t>7005877.0</t>
  </si>
  <si>
    <t>1265.514</t>
  </si>
  <si>
    <t>14953.0</t>
  </si>
  <si>
    <t>23320.0</t>
  </si>
  <si>
    <t>7014679.0</t>
  </si>
  <si>
    <t>1267.104</t>
  </si>
  <si>
    <t>7021919.0</t>
  </si>
  <si>
    <t>7240.0</t>
  </si>
  <si>
    <t>1268.412</t>
  </si>
  <si>
    <t>14165.0</t>
  </si>
  <si>
    <t>7389118.0</t>
  </si>
  <si>
    <t>4107868.0</t>
  </si>
  <si>
    <t>3280042.0</t>
  </si>
  <si>
    <t>1034.5</t>
  </si>
  <si>
    <t>186.707744175197</t>
  </si>
  <si>
    <t>7036718.0</t>
  </si>
  <si>
    <t>1271.085</t>
  </si>
  <si>
    <t>7053052.0</t>
  </si>
  <si>
    <t>1274.036</t>
  </si>
  <si>
    <t>7069791.0</t>
  </si>
  <si>
    <t>1277.059</t>
  </si>
  <si>
    <t>7084021.0</t>
  </si>
  <si>
    <t>1279.63</t>
  </si>
  <si>
    <t>22118.0</t>
  </si>
  <si>
    <t>7095731.0</t>
  </si>
  <si>
    <t>1281.745</t>
  </si>
  <si>
    <t>7103331.0</t>
  </si>
  <si>
    <t>1283.118</t>
  </si>
  <si>
    <t>22668.0</t>
  </si>
  <si>
    <t>7109948.0</t>
  </si>
  <si>
    <t>1284.313</t>
  </si>
  <si>
    <t>7549717.0</t>
  </si>
  <si>
    <t>4128549.0</t>
  </si>
  <si>
    <t>3405089.0</t>
  </si>
  <si>
    <t>22943.0</t>
  </si>
  <si>
    <t>1140.6</t>
  </si>
  <si>
    <t>205.856793626128</t>
  </si>
  <si>
    <t>7118700.0</t>
  </si>
  <si>
    <t>1285.894</t>
  </si>
  <si>
    <t>7133757.0</t>
  </si>
  <si>
    <t>1288.614</t>
  </si>
  <si>
    <t>7148482.0</t>
  </si>
  <si>
    <t>1291.274</t>
  </si>
  <si>
    <t>11242.0</t>
  </si>
  <si>
    <t>7161303.0</t>
  </si>
  <si>
    <t>1293.59</t>
  </si>
  <si>
    <t>7173054.0</t>
  </si>
  <si>
    <t>1295.712</t>
  </si>
  <si>
    <t>7182452.0</t>
  </si>
  <si>
    <t>1297.41</t>
  </si>
  <si>
    <t>7190273.0</t>
  </si>
  <si>
    <t>1298.823</t>
  </si>
  <si>
    <t>7708740.0</t>
  </si>
  <si>
    <t>4146566.0</t>
  </si>
  <si>
    <t>3525971.0</t>
  </si>
  <si>
    <t>36203.0</t>
  </si>
  <si>
    <t>139.13</t>
  </si>
  <si>
    <t>1255.5</t>
  </si>
  <si>
    <t>226.594077150275</t>
  </si>
  <si>
    <t>7201229.0</t>
  </si>
  <si>
    <t>1300.802</t>
  </si>
  <si>
    <t>7216875.0</t>
  </si>
  <si>
    <t>1303.628</t>
  </si>
  <si>
    <t>11874.0</t>
  </si>
  <si>
    <t>7230340.0</t>
  </si>
  <si>
    <t>1306.06</t>
  </si>
  <si>
    <t>7244226.0</t>
  </si>
  <si>
    <t>1308.569</t>
  </si>
  <si>
    <t>7256994.0</t>
  </si>
  <si>
    <t>1310.875</t>
  </si>
  <si>
    <t>11991.0</t>
  </si>
  <si>
    <t>7265547.0</t>
  </si>
  <si>
    <t>1312.42</t>
  </si>
  <si>
    <t>11871.0</t>
  </si>
  <si>
    <t>7271930.0</t>
  </si>
  <si>
    <t>1313.573</t>
  </si>
  <si>
    <t>7847843.0</t>
  </si>
  <si>
    <t>4164888.0</t>
  </si>
  <si>
    <t>3629180.0</t>
  </si>
  <si>
    <t>53775.0</t>
  </si>
  <si>
    <t>1348.8</t>
  </si>
  <si>
    <t>243.432967949256</t>
  </si>
  <si>
    <t>7283671.0</t>
  </si>
  <si>
    <t>1315.694</t>
  </si>
  <si>
    <t>7298962.0</t>
  </si>
  <si>
    <t>1318.456</t>
  </si>
  <si>
    <t>7312390.0</t>
  </si>
  <si>
    <t>1320.882</t>
  </si>
  <si>
    <t>7326994.0</t>
  </si>
  <si>
    <t>1323.52</t>
  </si>
  <si>
    <t>19571.0</t>
  </si>
  <si>
    <t>7340022.0</t>
  </si>
  <si>
    <t>1325.873</t>
  </si>
  <si>
    <t>11861.0</t>
  </si>
  <si>
    <t>19496.0</t>
  </si>
  <si>
    <t>7348308.0</t>
  </si>
  <si>
    <t>1327.37</t>
  </si>
  <si>
    <t>19420.0</t>
  </si>
  <si>
    <t>7355060.0</t>
  </si>
  <si>
    <t>1328.589</t>
  </si>
  <si>
    <t>7983259.0</t>
  </si>
  <si>
    <t>4188238.0</t>
  </si>
  <si>
    <t>3726322.0</t>
  </si>
  <si>
    <t>68699.0</t>
  </si>
  <si>
    <t>267.960355511759</t>
  </si>
  <si>
    <t>7366735.0</t>
  </si>
  <si>
    <t>1330.698</t>
  </si>
  <si>
    <t>7380010.0</t>
  </si>
  <si>
    <t>1333.096</t>
  </si>
  <si>
    <t>18397.0</t>
  </si>
  <si>
    <t>7393362.0</t>
  </si>
  <si>
    <t>1335.508</t>
  </si>
  <si>
    <t>7406797.0</t>
  </si>
  <si>
    <t>1337.935</t>
  </si>
  <si>
    <t>7418757.0</t>
  </si>
  <si>
    <t>1340.095</t>
  </si>
  <si>
    <t>16975.0</t>
  </si>
  <si>
    <t>7426010.0</t>
  </si>
  <si>
    <t>1341.405</t>
  </si>
  <si>
    <t>11100.0</t>
  </si>
  <si>
    <t>7432655.0</t>
  </si>
  <si>
    <t>1342.606</t>
  </si>
  <si>
    <t>8095450.0</t>
  </si>
  <si>
    <t>4211490.0</t>
  </si>
  <si>
    <t>3805065.0</t>
  </si>
  <si>
    <t>78895.0</t>
  </si>
  <si>
    <t>146.11</t>
  </si>
  <si>
    <t>296.169558425807</t>
  </si>
  <si>
    <t>7444118.0</t>
  </si>
  <si>
    <t>1344.676</t>
  </si>
  <si>
    <t>7458352.0</t>
  </si>
  <si>
    <t>1347.248</t>
  </si>
  <si>
    <t>7473002.0</t>
  </si>
  <si>
    <t>1349.894</t>
  </si>
  <si>
    <t>7486338.0</t>
  </si>
  <si>
    <t>1352.303</t>
  </si>
  <si>
    <t>11363.0</t>
  </si>
  <si>
    <t>7499109.0</t>
  </si>
  <si>
    <t>12771.0</t>
  </si>
  <si>
    <t>1354.61</t>
  </si>
  <si>
    <t>16523.0</t>
  </si>
  <si>
    <t>7506579.0</t>
  </si>
  <si>
    <t>1355.959</t>
  </si>
  <si>
    <t>16623.0</t>
  </si>
  <si>
    <t>7513484.0</t>
  </si>
  <si>
    <t>1357.206</t>
  </si>
  <si>
    <t>8212502.0</t>
  </si>
  <si>
    <t>4232878.0</t>
  </si>
  <si>
    <t>3886870.0</t>
  </si>
  <si>
    <t>92754.0</t>
  </si>
  <si>
    <t>16722.0</t>
  </si>
  <si>
    <t>1706.9</t>
  </si>
  <si>
    <t>308.063265860457</t>
  </si>
  <si>
    <t>7525131.0</t>
  </si>
  <si>
    <t>1359.31</t>
  </si>
  <si>
    <t>7539464.0</t>
  </si>
  <si>
    <t>1361.899</t>
  </si>
  <si>
    <t>7555325.0</t>
  </si>
  <si>
    <t>1364.764</t>
  </si>
  <si>
    <t>7570431.0</t>
  </si>
  <si>
    <t>1367.493</t>
  </si>
  <si>
    <t>7583180.0</t>
  </si>
  <si>
    <t>1369.796</t>
  </si>
  <si>
    <t>7592863.0</t>
  </si>
  <si>
    <t>1371.545</t>
  </si>
  <si>
    <t>7601398.0</t>
  </si>
  <si>
    <t>1373.087</t>
  </si>
  <si>
    <t>12559.0</t>
  </si>
  <si>
    <t>8300585.0</t>
  </si>
  <si>
    <t>4248144.0</t>
  </si>
  <si>
    <t>3941128.0</t>
  </si>
  <si>
    <t>111313.0</t>
  </si>
  <si>
    <t>312.954304881383</t>
  </si>
  <si>
    <t>7612964.0</t>
  </si>
  <si>
    <t>11566.0</t>
  </si>
  <si>
    <t>1375.176</t>
  </si>
  <si>
    <t>12555.0</t>
  </si>
  <si>
    <t>7630727.0</t>
  </si>
  <si>
    <t>1378.385</t>
  </si>
  <si>
    <t>7650115.0</t>
  </si>
  <si>
    <t>1381.887</t>
  </si>
  <si>
    <t>7667873.0</t>
  </si>
  <si>
    <t>17758.0</t>
  </si>
  <si>
    <t>1385.095</t>
  </si>
  <si>
    <t>7685170.0</t>
  </si>
  <si>
    <t>17297.0</t>
  </si>
  <si>
    <t>1388.219</t>
  </si>
  <si>
    <t>7694819.0</t>
  </si>
  <si>
    <t>1389.962</t>
  </si>
  <si>
    <t>7704030.0</t>
  </si>
  <si>
    <t>1391.626</t>
  </si>
  <si>
    <t>8387267.0</t>
  </si>
  <si>
    <t>4261295.0</t>
  </si>
  <si>
    <t>3979574.0</t>
  </si>
  <si>
    <t>146398.0</t>
  </si>
  <si>
    <t>12383.0</t>
  </si>
  <si>
    <t>151.37</t>
  </si>
  <si>
    <t>1858.1</t>
  </si>
  <si>
    <t>335.35201493662</t>
  </si>
  <si>
    <t>7717751.0</t>
  </si>
  <si>
    <t>1394.104</t>
  </si>
  <si>
    <t>7738134.0</t>
  </si>
  <si>
    <t>20383.0</t>
  </si>
  <si>
    <t>1397.786</t>
  </si>
  <si>
    <t>7758902.0</t>
  </si>
  <si>
    <t>20768.0</t>
  </si>
  <si>
    <t>1401.538</t>
  </si>
  <si>
    <t>7779662.0</t>
  </si>
  <si>
    <t>1405.288</t>
  </si>
  <si>
    <t>13230.0</t>
  </si>
  <si>
    <t>7799617.0</t>
  </si>
  <si>
    <t>1408.892</t>
  </si>
  <si>
    <t>7811177.0</t>
  </si>
  <si>
    <t>1410.981</t>
  </si>
  <si>
    <t>7822538.0</t>
  </si>
  <si>
    <t>1413.033</t>
  </si>
  <si>
    <t>16930.0</t>
  </si>
  <si>
    <t>8484323.0</t>
  </si>
  <si>
    <t>4275263.0</t>
  </si>
  <si>
    <t>4007283.0</t>
  </si>
  <si>
    <t>153.13</t>
  </si>
  <si>
    <t>366.015761418365</t>
  </si>
  <si>
    <t>7837692.0</t>
  </si>
  <si>
    <t>15154.0</t>
  </si>
  <si>
    <t>1415.77</t>
  </si>
  <si>
    <t>59.198</t>
  </si>
  <si>
    <t>7860231.0</t>
  </si>
  <si>
    <t>22539.0</t>
  </si>
  <si>
    <t>1419.841</t>
  </si>
  <si>
    <t>7883232.0</t>
  </si>
  <si>
    <t>1423.996</t>
  </si>
  <si>
    <t>4.155</t>
  </si>
  <si>
    <t>7907233.0</t>
  </si>
  <si>
    <t>24001.0</t>
  </si>
  <si>
    <t>1428.332</t>
  </si>
  <si>
    <t>7928354.0</t>
  </si>
  <si>
    <t>1432.147</t>
  </si>
  <si>
    <t>7942486.0</t>
  </si>
  <si>
    <t>14132.0</t>
  </si>
  <si>
    <t>1434.7</t>
  </si>
  <si>
    <t>16497.0</t>
  </si>
  <si>
    <t>7954593.0</t>
  </si>
  <si>
    <t>1436.887</t>
  </si>
  <si>
    <t>18865.0</t>
  </si>
  <si>
    <t>8602876.0</t>
  </si>
  <si>
    <t>4033830.0</t>
  </si>
  <si>
    <t>278724.0</t>
  </si>
  <si>
    <t>155.27</t>
  </si>
  <si>
    <t>2205.5</t>
  </si>
  <si>
    <t>398.051164599706</t>
  </si>
  <si>
    <t>7972366.0</t>
  </si>
  <si>
    <t>17773.0</t>
  </si>
  <si>
    <t>1440.097</t>
  </si>
  <si>
    <t>17695.0</t>
  </si>
  <si>
    <t>7997856.0</t>
  </si>
  <si>
    <t>1444.702</t>
  </si>
  <si>
    <t>8024891.0</t>
  </si>
  <si>
    <t>27035.0</t>
  </si>
  <si>
    <t>1449.585</t>
  </si>
  <si>
    <t>20237.0</t>
  </si>
  <si>
    <t>19212.0</t>
  </si>
  <si>
    <t>8050782.0</t>
  </si>
  <si>
    <t>25891.0</t>
  </si>
  <si>
    <t>1454.262</t>
  </si>
  <si>
    <t>8079460.0</t>
  </si>
  <si>
    <t>28678.0</t>
  </si>
  <si>
    <t>1459.442</t>
  </si>
  <si>
    <t>21587.0</t>
  </si>
  <si>
    <t>3.899</t>
  </si>
  <si>
    <t>20729.0</t>
  </si>
  <si>
    <t>8096519.0</t>
  </si>
  <si>
    <t>1462.524</t>
  </si>
  <si>
    <t>22005.0</t>
  </si>
  <si>
    <t>8110694.0</t>
  </si>
  <si>
    <t>1465.084</t>
  </si>
  <si>
    <t>22300.0</t>
  </si>
  <si>
    <t>8758599.0</t>
  </si>
  <si>
    <t>4061340.0</t>
  </si>
  <si>
    <t>389243.0</t>
  </si>
  <si>
    <t>22246.0</t>
  </si>
  <si>
    <t>158.08</t>
  </si>
  <si>
    <t>2375.6</t>
  </si>
  <si>
    <t>428.751007310389</t>
  </si>
  <si>
    <t>8122055.0</t>
  </si>
  <si>
    <t>1467.136</t>
  </si>
  <si>
    <t>8142734.0</t>
  </si>
  <si>
    <t>1470.872</t>
  </si>
  <si>
    <t>20697.0</t>
  </si>
  <si>
    <t>23481.0</t>
  </si>
  <si>
    <t>8172810.0</t>
  </si>
  <si>
    <t>30076.0</t>
  </si>
  <si>
    <t>1476.305</t>
  </si>
  <si>
    <t>5.433</t>
  </si>
  <si>
    <t>8203033.0</t>
  </si>
  <si>
    <t>1481.764</t>
  </si>
  <si>
    <t>8227730.0</t>
  </si>
  <si>
    <t>24697.0</t>
  </si>
  <si>
    <t>1486.225</t>
  </si>
  <si>
    <t>8249860.0</t>
  </si>
  <si>
    <t>1490.223</t>
  </si>
  <si>
    <t>3.997</t>
  </si>
  <si>
    <t>25951.0</t>
  </si>
  <si>
    <t>8264653.0</t>
  </si>
  <si>
    <t>1492.895</t>
  </si>
  <si>
    <t>8944582.0</t>
  </si>
  <si>
    <t>4085397.0</t>
  </si>
  <si>
    <t>536446.0</t>
  </si>
  <si>
    <t>161.43</t>
  </si>
  <si>
    <t>2589.3</t>
  </si>
  <si>
    <t>467.319827929277</t>
  </si>
  <si>
    <t>8282441.0</t>
  </si>
  <si>
    <t>17788.0</t>
  </si>
  <si>
    <t>1496.108</t>
  </si>
  <si>
    <t>22912.0</t>
  </si>
  <si>
    <t>8311708.0</t>
  </si>
  <si>
    <t>29267.0</t>
  </si>
  <si>
    <t>1501.395</t>
  </si>
  <si>
    <t>24139.0</t>
  </si>
  <si>
    <t>8340913.0</t>
  </si>
  <si>
    <t>1506.67</t>
  </si>
  <si>
    <t>24015.0</t>
  </si>
  <si>
    <t>32592.0</t>
  </si>
  <si>
    <t>8371440.0</t>
  </si>
  <si>
    <t>1512.184</t>
  </si>
  <si>
    <t>24058.0</t>
  </si>
  <si>
    <t>34600.0</t>
  </si>
  <si>
    <t>8399923.0</t>
  </si>
  <si>
    <t>1517.329</t>
  </si>
  <si>
    <t>24599.0</t>
  </si>
  <si>
    <t>36607.0</t>
  </si>
  <si>
    <t>8423337.0</t>
  </si>
  <si>
    <t>23414.0</t>
  </si>
  <si>
    <t>1521.559</t>
  </si>
  <si>
    <t>4.477</t>
  </si>
  <si>
    <t>8438474.0</t>
  </si>
  <si>
    <t>15137.0</t>
  </si>
  <si>
    <t>1524.293</t>
  </si>
  <si>
    <t>9228940.0</t>
  </si>
  <si>
    <t>780314.0</t>
  </si>
  <si>
    <t>2725.4</t>
  </si>
  <si>
    <t>491.883311720716</t>
  </si>
  <si>
    <t>8463685.0</t>
  </si>
  <si>
    <t>25211.0</t>
  </si>
  <si>
    <t>1528.847</t>
  </si>
  <si>
    <t>40640.0</t>
  </si>
  <si>
    <t>8491666.0</t>
  </si>
  <si>
    <t>1533.901</t>
  </si>
  <si>
    <t>25708.0</t>
  </si>
  <si>
    <t>8526900.0</t>
  </si>
  <si>
    <t>1540.266</t>
  </si>
  <si>
    <t>8557959.0</t>
  </si>
  <si>
    <t>31059.0</t>
  </si>
  <si>
    <t>1545.876</t>
  </si>
  <si>
    <t>26646.0</t>
  </si>
  <si>
    <t>8578413.0</t>
  </si>
  <si>
    <t>1549.571</t>
  </si>
  <si>
    <t>9432679.0</t>
  </si>
  <si>
    <t>963903.0</t>
  </si>
  <si>
    <t>40712.0</t>
  </si>
  <si>
    <t>8591793.0</t>
  </si>
  <si>
    <t>1551.988</t>
  </si>
  <si>
    <t>24065.0</t>
  </si>
  <si>
    <t>4.347</t>
  </si>
  <si>
    <t>8608001.0</t>
  </si>
  <si>
    <t>16208.0</t>
  </si>
  <si>
    <t>1554.916</t>
  </si>
  <si>
    <t>24218.0</t>
  </si>
  <si>
    <t>9434480.0</t>
  </si>
  <si>
    <t>965405.0</t>
  </si>
  <si>
    <t>29363.0</t>
  </si>
  <si>
    <t>170.27</t>
  </si>
  <si>
    <t>2844.9</t>
  </si>
  <si>
    <t>513.450808510408</t>
  </si>
  <si>
    <t>8629614.0</t>
  </si>
  <si>
    <t>1558.82</t>
  </si>
  <si>
    <t>3.904</t>
  </si>
  <si>
    <t>23704.0</t>
  </si>
  <si>
    <t>9436893.0</t>
  </si>
  <si>
    <t>967668.0</t>
  </si>
  <si>
    <t>170.32</t>
  </si>
  <si>
    <t>8658758.0</t>
  </si>
  <si>
    <t>29144.0</t>
  </si>
  <si>
    <t>1564.084</t>
  </si>
  <si>
    <t>23870.0</t>
  </si>
  <si>
    <t>9489226.0</t>
  </si>
  <si>
    <t>1015119.0</t>
  </si>
  <si>
    <t>52333.0</t>
  </si>
  <si>
    <t>25541.0</t>
  </si>
  <si>
    <t>8691909.0</t>
  </si>
  <si>
    <t>33151.0</t>
  </si>
  <si>
    <t>1570.073</t>
  </si>
  <si>
    <t>5.988</t>
  </si>
  <si>
    <t>23573.0</t>
  </si>
  <si>
    <t>23691.0</t>
  </si>
  <si>
    <t>61.905</t>
  </si>
  <si>
    <t>8724893.0</t>
  </si>
  <si>
    <t>32984.0</t>
  </si>
  <si>
    <t>1576.031</t>
  </si>
  <si>
    <t>9544821.0</t>
  </si>
  <si>
    <t>1066416.0</t>
  </si>
  <si>
    <t>21841.0</t>
  </si>
  <si>
    <t>172.27</t>
  </si>
  <si>
    <t>8740885.0</t>
  </si>
  <si>
    <t>9616819.0</t>
  </si>
  <si>
    <t>1132671.0</t>
  </si>
  <si>
    <t>71998.0</t>
  </si>
  <si>
    <t>26306.0</t>
  </si>
  <si>
    <t>8763231.0</t>
  </si>
  <si>
    <t>1582.956</t>
  </si>
  <si>
    <t>9705865.0</t>
  </si>
  <si>
    <t>1215099.0</t>
  </si>
  <si>
    <t>89046.0</t>
  </si>
  <si>
    <t>8780452.0</t>
  </si>
  <si>
    <t>1586.067</t>
  </si>
  <si>
    <t>24636.0</t>
  </si>
  <si>
    <t>38782.0</t>
  </si>
  <si>
    <t>2990.2</t>
  </si>
  <si>
    <t>539.674718832937</t>
  </si>
  <si>
    <t>8803720.0</t>
  </si>
  <si>
    <t>23268.0</t>
  </si>
  <si>
    <t>1590.27</t>
  </si>
  <si>
    <t>24872.0</t>
  </si>
  <si>
    <t>9706038.0</t>
  </si>
  <si>
    <t>1215256.0</t>
  </si>
  <si>
    <t>38449.0</t>
  </si>
  <si>
    <t>175.18</t>
  </si>
  <si>
    <t>8834964.0</t>
  </si>
  <si>
    <t>31244.0</t>
  </si>
  <si>
    <t>1595.913</t>
  </si>
  <si>
    <t>25172.0</t>
  </si>
  <si>
    <t>9706280.0</t>
  </si>
  <si>
    <t>1215479.0</t>
  </si>
  <si>
    <t>8869934.0</t>
  </si>
  <si>
    <t>1602.23</t>
  </si>
  <si>
    <t>9720543.0</t>
  </si>
  <si>
    <t>1228604.0</t>
  </si>
  <si>
    <t>175.44</t>
  </si>
  <si>
    <t>8902179.0</t>
  </si>
  <si>
    <t>32245.0</t>
  </si>
  <si>
    <t>1608.055</t>
  </si>
  <si>
    <t>4.575</t>
  </si>
  <si>
    <t>9872059.0</t>
  </si>
  <si>
    <t>1367731.0</t>
  </si>
  <si>
    <t>151516.0</t>
  </si>
  <si>
    <t>46748.0</t>
  </si>
  <si>
    <t>178.17</t>
  </si>
  <si>
    <t>8932470.0</t>
  </si>
  <si>
    <t>30291.0</t>
  </si>
  <si>
    <t>1613.527</t>
  </si>
  <si>
    <t>5.472</t>
  </si>
  <si>
    <t>43024.0</t>
  </si>
  <si>
    <t>8960401.0</t>
  </si>
  <si>
    <t>1618.572</t>
  </si>
  <si>
    <t>9963908.0</t>
  </si>
  <si>
    <t>1452393.0</t>
  </si>
  <si>
    <t>8981571.0</t>
  </si>
  <si>
    <t>21170.0</t>
  </si>
  <si>
    <t>1622.396</t>
  </si>
  <si>
    <t>28731.0</t>
  </si>
  <si>
    <t>3069.6</t>
  </si>
  <si>
    <t>554.004921720815</t>
  </si>
  <si>
    <t>9010645.0</t>
  </si>
  <si>
    <t>1627.648</t>
  </si>
  <si>
    <t>29561.0</t>
  </si>
  <si>
    <t>10090806.0</t>
  </si>
  <si>
    <t>1570798.0</t>
  </si>
  <si>
    <t>9042060.0</t>
  </si>
  <si>
    <t>31415.0</t>
  </si>
  <si>
    <t>1633.322</t>
  </si>
  <si>
    <t>5.675</t>
  </si>
  <si>
    <t>5.344</t>
  </si>
  <si>
    <t>64540.0</t>
  </si>
  <si>
    <t>9075482.0</t>
  </si>
  <si>
    <t>1639.36</t>
  </si>
  <si>
    <t>6.037</t>
  </si>
  <si>
    <t>10225316.0</t>
  </si>
  <si>
    <t>1693985.0</t>
  </si>
  <si>
    <t>72110.0</t>
  </si>
  <si>
    <t>184.55</t>
  </si>
  <si>
    <t>9108280.0</t>
  </si>
  <si>
    <t>32798.0</t>
  </si>
  <si>
    <t>1645.284</t>
  </si>
  <si>
    <t>29443.0</t>
  </si>
  <si>
    <t>5.318</t>
  </si>
  <si>
    <t>9135839.0</t>
  </si>
  <si>
    <t>27559.0</t>
  </si>
  <si>
    <t>1650.262</t>
  </si>
  <si>
    <t>9158796.0</t>
  </si>
  <si>
    <t>22957.0</t>
  </si>
  <si>
    <t>1654.409</t>
  </si>
  <si>
    <t>4.147</t>
  </si>
  <si>
    <t>28342.0</t>
  </si>
  <si>
    <t>10262739.0</t>
  </si>
  <si>
    <t>1886418.0</t>
  </si>
  <si>
    <t>42690.0</t>
  </si>
  <si>
    <t>9175980.0</t>
  </si>
  <si>
    <t>17184.0</t>
  </si>
  <si>
    <t>1657.513</t>
  </si>
  <si>
    <t>27773.0</t>
  </si>
  <si>
    <t>3140.8</t>
  </si>
  <si>
    <t>566.855179222289</t>
  </si>
  <si>
    <t>9203148.0</t>
  </si>
  <si>
    <t>27168.0</t>
  </si>
  <si>
    <t>1662.421</t>
  </si>
  <si>
    <t>4.908</t>
  </si>
  <si>
    <t>32176.0</t>
  </si>
  <si>
    <t>9234069.0</t>
  </si>
  <si>
    <t>1668.006</t>
  </si>
  <si>
    <t>10342692.0</t>
  </si>
  <si>
    <t>4278695.0</t>
  </si>
  <si>
    <t>4091936.0</t>
  </si>
  <si>
    <t>1972061.0</t>
  </si>
  <si>
    <t>186.67</t>
  </si>
  <si>
    <t>9264663.0</t>
  </si>
  <si>
    <t>30594.0</t>
  </si>
  <si>
    <t>1673.533</t>
  </si>
  <si>
    <t>5.526</t>
  </si>
  <si>
    <t>27026.0</t>
  </si>
  <si>
    <t>4.882</t>
  </si>
  <si>
    <t>10407420.0</t>
  </si>
  <si>
    <t>4281356.0</t>
  </si>
  <si>
    <t>4095316.0</t>
  </si>
  <si>
    <t>2030748.0</t>
  </si>
  <si>
    <t>64728.0</t>
  </si>
  <si>
    <t>187.83</t>
  </si>
  <si>
    <t>9294692.0</t>
  </si>
  <si>
    <t>1678.957</t>
  </si>
  <si>
    <t>26630.0</t>
  </si>
  <si>
    <t>10461909.0</t>
  </si>
  <si>
    <t>4282947.0</t>
  </si>
  <si>
    <t>4098210.0</t>
  </si>
  <si>
    <t>2080752.0</t>
  </si>
  <si>
    <t>54489.0</t>
  </si>
  <si>
    <t>9320681.0</t>
  </si>
  <si>
    <t>25989.0</t>
  </si>
  <si>
    <t>1683.651</t>
  </si>
  <si>
    <t>9338281.0</t>
  </si>
  <si>
    <t>1686.831</t>
  </si>
  <si>
    <t>25641.0</t>
  </si>
  <si>
    <t>41678.0</t>
  </si>
  <si>
    <t>9352589.0</t>
  </si>
  <si>
    <t>14308.0</t>
  </si>
  <si>
    <t>1689.415</t>
  </si>
  <si>
    <t>25230.0</t>
  </si>
  <si>
    <t>44483.0</t>
  </si>
  <si>
    <t>602.08509866453</t>
  </si>
  <si>
    <t>9374869.0</t>
  </si>
  <si>
    <t>22280.0</t>
  </si>
  <si>
    <t>1693.44</t>
  </si>
  <si>
    <t>47288.0</t>
  </si>
  <si>
    <t>9403031.0</t>
  </si>
  <si>
    <t>1698.527</t>
  </si>
  <si>
    <t>24137.0</t>
  </si>
  <si>
    <t>10693347.0</t>
  </si>
  <si>
    <t>4291155.0</t>
  </si>
  <si>
    <t>4118068.0</t>
  </si>
  <si>
    <t>2284124.0</t>
  </si>
  <si>
    <t>50094.0</t>
  </si>
  <si>
    <t>9428749.0</t>
  </si>
  <si>
    <t>1703.172</t>
  </si>
  <si>
    <t>10746775.0</t>
  </si>
  <si>
    <t>4292744.0</t>
  </si>
  <si>
    <t>4121455.0</t>
  </si>
  <si>
    <t>2332576.0</t>
  </si>
  <si>
    <t>48479.0</t>
  </si>
  <si>
    <t>9452081.0</t>
  </si>
  <si>
    <t>1707.387</t>
  </si>
  <si>
    <t>10784471.0</t>
  </si>
  <si>
    <t>4293901.0</t>
  </si>
  <si>
    <t>4124164.0</t>
  </si>
  <si>
    <t>2366406.0</t>
  </si>
  <si>
    <t>37696.0</t>
  </si>
  <si>
    <t>194.64</t>
  </si>
  <si>
    <t>9472264.0</t>
  </si>
  <si>
    <t>1711.033</t>
  </si>
  <si>
    <t>21655.0</t>
  </si>
  <si>
    <t>10823454.0</t>
  </si>
  <si>
    <t>4295050.0</t>
  </si>
  <si>
    <t>4126922.0</t>
  </si>
  <si>
    <t>2401482.0</t>
  </si>
  <si>
    <t>38983.0</t>
  </si>
  <si>
    <t>45037.0</t>
  </si>
  <si>
    <t>9486441.0</t>
  </si>
  <si>
    <t>1713.594</t>
  </si>
  <si>
    <t>10866455.0</t>
  </si>
  <si>
    <t>4296615.0</t>
  </si>
  <si>
    <t>4130395.0</t>
  </si>
  <si>
    <t>2439445.0</t>
  </si>
  <si>
    <t>44567.0</t>
  </si>
  <si>
    <t>9498081.0</t>
  </si>
  <si>
    <t>11640.0</t>
  </si>
  <si>
    <t>1715.696</t>
  </si>
  <si>
    <t>10906050.0</t>
  </si>
  <si>
    <t>4297954.0</t>
  </si>
  <si>
    <t>4133568.0</t>
  </si>
  <si>
    <t>2474528.0</t>
  </si>
  <si>
    <t>39595.0</t>
  </si>
  <si>
    <t>43611.0</t>
  </si>
  <si>
    <t>196.83</t>
  </si>
  <si>
    <t>3417.4</t>
  </si>
  <si>
    <t>616.776263841776</t>
  </si>
  <si>
    <t>9514437.0</t>
  </si>
  <si>
    <t>1718.651</t>
  </si>
  <si>
    <t>11008185.0</t>
  </si>
  <si>
    <t>4388583.0</t>
  </si>
  <si>
    <t>4134366.0</t>
  </si>
  <si>
    <t>2485236.0</t>
  </si>
  <si>
    <t>198.68</t>
  </si>
  <si>
    <t>9540552.0</t>
  </si>
  <si>
    <t>1723.368</t>
  </si>
  <si>
    <t>11018426.0</t>
  </si>
  <si>
    <t>4389916.0</t>
  </si>
  <si>
    <t>4135104.0</t>
  </si>
  <si>
    <t>2493406.0</t>
  </si>
  <si>
    <t>14109.0</t>
  </si>
  <si>
    <t>9563215.0</t>
  </si>
  <si>
    <t>1727.462</t>
  </si>
  <si>
    <t>11039379.0</t>
  </si>
  <si>
    <t>4391606.0</t>
  </si>
  <si>
    <t>4136809.0</t>
  </si>
  <si>
    <t>2510964.0</t>
  </si>
  <si>
    <t>41801.0</t>
  </si>
  <si>
    <t>199.24</t>
  </si>
  <si>
    <t>14123.0</t>
  </si>
  <si>
    <t>9582774.0</t>
  </si>
  <si>
    <t>19559.0</t>
  </si>
  <si>
    <t>1730.995</t>
  </si>
  <si>
    <t>11063093.0</t>
  </si>
  <si>
    <t>4393244.0</t>
  </si>
  <si>
    <t>4138743.0</t>
  </si>
  <si>
    <t>2531106.0</t>
  </si>
  <si>
    <t>23714.0</t>
  </si>
  <si>
    <t>39803.0</t>
  </si>
  <si>
    <t>199.67</t>
  </si>
  <si>
    <t>14192.0</t>
  </si>
  <si>
    <t>9602368.0</t>
  </si>
  <si>
    <t>19594.0</t>
  </si>
  <si>
    <t>1734.534</t>
  </si>
  <si>
    <t>11178975.0</t>
  </si>
  <si>
    <t>4431379.0</t>
  </si>
  <si>
    <t>4175001.0</t>
  </si>
  <si>
    <t>2572595.0</t>
  </si>
  <si>
    <t>115882.0</t>
  </si>
  <si>
    <t>50789.0</t>
  </si>
  <si>
    <t>201.76</t>
  </si>
  <si>
    <t>19476.0</t>
  </si>
  <si>
    <t>9614125.0</t>
  </si>
  <si>
    <t>1736.658</t>
  </si>
  <si>
    <t>18241.0</t>
  </si>
  <si>
    <t>11218208.0</t>
  </si>
  <si>
    <t>4433853.0</t>
  </si>
  <si>
    <t>4177949.0</t>
  </si>
  <si>
    <t>2606406.0</t>
  </si>
  <si>
    <t>50250.0</t>
  </si>
  <si>
    <t>19605.0</t>
  </si>
  <si>
    <t>9624341.0</t>
  </si>
  <si>
    <t>1738.503</t>
  </si>
  <si>
    <t>46027.0</t>
  </si>
  <si>
    <t>19628.0</t>
  </si>
  <si>
    <t>3557.4</t>
  </si>
  <si>
    <t>642.043624097481</t>
  </si>
  <si>
    <t>9641588.0</t>
  </si>
  <si>
    <t>1741.619</t>
  </si>
  <si>
    <t>11238270.0</t>
  </si>
  <si>
    <t>4436846.0</t>
  </si>
  <si>
    <t>4179356.0</t>
  </si>
  <si>
    <t>2622068.0</t>
  </si>
  <si>
    <t>123.63</t>
  </si>
  <si>
    <t>9664424.0</t>
  </si>
  <si>
    <t>1745.744</t>
  </si>
  <si>
    <t>11293027.0</t>
  </si>
  <si>
    <t>4457240.0</t>
  </si>
  <si>
    <t>4198193.0</t>
  </si>
  <si>
    <t>2637594.0</t>
  </si>
  <si>
    <t>54757.0</t>
  </si>
  <si>
    <t>39229.0</t>
  </si>
  <si>
    <t>203.82</t>
  </si>
  <si>
    <t>9686484.0</t>
  </si>
  <si>
    <t>22060.0</t>
  </si>
  <si>
    <t>1749.729</t>
  </si>
  <si>
    <t>17610.0</t>
  </si>
  <si>
    <t>11309855.0</t>
  </si>
  <si>
    <t>4458538.0</t>
  </si>
  <si>
    <t>4199540.0</t>
  </si>
  <si>
    <t>2651777.0</t>
  </si>
  <si>
    <t>38639.0</t>
  </si>
  <si>
    <t>204.12</t>
  </si>
  <si>
    <t>9707937.0</t>
  </si>
  <si>
    <t>21453.0</t>
  </si>
  <si>
    <t>1753.604</t>
  </si>
  <si>
    <t>11325151.0</t>
  </si>
  <si>
    <t>4201193.0</t>
  </si>
  <si>
    <t>2664224.0</t>
  </si>
  <si>
    <t>9725585.0</t>
  </si>
  <si>
    <t>1756.792</t>
  </si>
  <si>
    <t>11340617.0</t>
  </si>
  <si>
    <t>4202929.0</t>
  </si>
  <si>
    <t>2676743.0</t>
  </si>
  <si>
    <t>23092.0</t>
  </si>
  <si>
    <t>9738338.0</t>
  </si>
  <si>
    <t>1759.095</t>
  </si>
  <si>
    <t>17745.0</t>
  </si>
  <si>
    <t>3.205</t>
  </si>
  <si>
    <t>11355567.0</t>
  </si>
  <si>
    <t>4204677.0</t>
  </si>
  <si>
    <t>2686516.0</t>
  </si>
  <si>
    <t>9748552.0</t>
  </si>
  <si>
    <t>1760.94</t>
  </si>
  <si>
    <t>11367650.0</t>
  </si>
  <si>
    <t>4205912.0</t>
  </si>
  <si>
    <t>2696702.0</t>
  </si>
  <si>
    <t>677.165254852912</t>
  </si>
  <si>
    <t>9764064.0</t>
  </si>
  <si>
    <t>1763.742</t>
  </si>
  <si>
    <t>11370512.0</t>
  </si>
  <si>
    <t>4206680.0</t>
  </si>
  <si>
    <t>2698409.0</t>
  </si>
  <si>
    <t>18892.0</t>
  </si>
  <si>
    <t>205.22</t>
  </si>
  <si>
    <t>9784198.0</t>
  </si>
  <si>
    <t>1767.379</t>
  </si>
  <si>
    <t>3.637</t>
  </si>
  <si>
    <t>11371462.0</t>
  </si>
  <si>
    <t>4206834.0</t>
  </si>
  <si>
    <t>2699117.0</t>
  </si>
  <si>
    <t>9805845.0</t>
  </si>
  <si>
    <t>1771.29</t>
  </si>
  <si>
    <t>11382504.0</t>
  </si>
  <si>
    <t>4209310.0</t>
  </si>
  <si>
    <t>2706990.0</t>
  </si>
  <si>
    <t>10378.0</t>
  </si>
  <si>
    <t>9826982.0</t>
  </si>
  <si>
    <t>21137.0</t>
  </si>
  <si>
    <t>1775.108</t>
  </si>
  <si>
    <t>11394702.0</t>
  </si>
  <si>
    <t>4211395.0</t>
  </si>
  <si>
    <t>2716495.0</t>
  </si>
  <si>
    <t>9844731.0</t>
  </si>
  <si>
    <t>1778.314</t>
  </si>
  <si>
    <t>11405540.0</t>
  </si>
  <si>
    <t>4213817.0</t>
  </si>
  <si>
    <t>2724372.0</t>
  </si>
  <si>
    <t>10838.0</t>
  </si>
  <si>
    <t>205.85</t>
  </si>
  <si>
    <t>49.17</t>
  </si>
  <si>
    <t>9857157.0</t>
  </si>
  <si>
    <t>1780.558</t>
  </si>
  <si>
    <t>11413675.0</t>
  </si>
  <si>
    <t>4215305.0</t>
  </si>
  <si>
    <t>2730555.0</t>
  </si>
  <si>
    <t>9865827.0</t>
  </si>
  <si>
    <t>1782.125</t>
  </si>
  <si>
    <t>11422142.0</t>
  </si>
  <si>
    <t>4217223.0</t>
  </si>
  <si>
    <t>2736618.0</t>
  </si>
  <si>
    <t>3882.8</t>
  </si>
  <si>
    <t>700.772188577529</t>
  </si>
  <si>
    <t>9880554.0</t>
  </si>
  <si>
    <t>1784.785</t>
  </si>
  <si>
    <t>16641.0</t>
  </si>
  <si>
    <t>11424413.0</t>
  </si>
  <si>
    <t>4218028.0</t>
  </si>
  <si>
    <t>2737821.0</t>
  </si>
  <si>
    <t>9902264.0</t>
  </si>
  <si>
    <t>21710.0</t>
  </si>
  <si>
    <t>1788.706</t>
  </si>
  <si>
    <t>16867.0</t>
  </si>
  <si>
    <t>11425721.0</t>
  </si>
  <si>
    <t>4218475.0</t>
  </si>
  <si>
    <t>2738580.0</t>
  </si>
  <si>
    <t>206.21</t>
  </si>
  <si>
    <t>9921528.0</t>
  </si>
  <si>
    <t>19264.0</t>
  </si>
  <si>
    <t>1792.186</t>
  </si>
  <si>
    <t>11433226.0</t>
  </si>
  <si>
    <t>4220275.0</t>
  </si>
  <si>
    <t>2743910.0</t>
  </si>
  <si>
    <t>206.35</t>
  </si>
  <si>
    <t>9938373.0</t>
  </si>
  <si>
    <t>1795.229</t>
  </si>
  <si>
    <t>11439651.0</t>
  </si>
  <si>
    <t>4222103.0</t>
  </si>
  <si>
    <t>2748169.0</t>
  </si>
  <si>
    <t>9953874.0</t>
  </si>
  <si>
    <t>1798.029</t>
  </si>
  <si>
    <t>15592.0</t>
  </si>
  <si>
    <t>9964785.0</t>
  </si>
  <si>
    <t>15375.0</t>
  </si>
  <si>
    <t>9973159.0</t>
  </si>
  <si>
    <t>1801.513</t>
  </si>
  <si>
    <t>3919.2</t>
  </si>
  <si>
    <t>707.341702244012</t>
  </si>
  <si>
    <t>9987415.0</t>
  </si>
  <si>
    <t>1804.088</t>
  </si>
  <si>
    <t>11443055.0</t>
  </si>
  <si>
    <t>4222243.0</t>
  </si>
  <si>
    <t>2764344.0</t>
  </si>
  <si>
    <t>10008472.0</t>
  </si>
  <si>
    <t>1807.891</t>
  </si>
  <si>
    <t>11444253.0</t>
  </si>
  <si>
    <t>4222852.0</t>
  </si>
  <si>
    <t>2764874.0</t>
  </si>
  <si>
    <t>206.55</t>
  </si>
  <si>
    <t>10026026.0</t>
  </si>
  <si>
    <t>1811.062</t>
  </si>
  <si>
    <t>11450857.0</t>
  </si>
  <si>
    <t>4225745.0</t>
  </si>
  <si>
    <t>2768308.0</t>
  </si>
  <si>
    <t>10041063.0</t>
  </si>
  <si>
    <t>1813.778</t>
  </si>
  <si>
    <t>14670.0</t>
  </si>
  <si>
    <t>11456491.0</t>
  </si>
  <si>
    <t>4228053.0</t>
  </si>
  <si>
    <t>2771392.0</t>
  </si>
  <si>
    <t>10055024.0</t>
  </si>
  <si>
    <t>1816.3</t>
  </si>
  <si>
    <t>14450.0</t>
  </si>
  <si>
    <t>11461524.0</t>
  </si>
  <si>
    <t>4231437.0</t>
  </si>
  <si>
    <t>2772975.0</t>
  </si>
  <si>
    <t>10064743.0</t>
  </si>
  <si>
    <t>1818.056</t>
  </si>
  <si>
    <t>10072570.0</t>
  </si>
  <si>
    <t>1819.47</t>
  </si>
  <si>
    <t>11479743.0</t>
  </si>
  <si>
    <t>4459152.0</t>
  </si>
  <si>
    <t>4235949.0</t>
  </si>
  <si>
    <t>2784642.0</t>
  </si>
  <si>
    <t>207.19</t>
  </si>
  <si>
    <t>4008.6</t>
  </si>
  <si>
    <t>723.476716578727</t>
  </si>
  <si>
    <t>10085489.0</t>
  </si>
  <si>
    <t>1821.803</t>
  </si>
  <si>
    <t>14011.0</t>
  </si>
  <si>
    <t>11481480.0</t>
  </si>
  <si>
    <t>4459276.0</t>
  </si>
  <si>
    <t>4237004.0</t>
  </si>
  <si>
    <t>2785200.0</t>
  </si>
  <si>
    <t>10105184.0</t>
  </si>
  <si>
    <t>19695.0</t>
  </si>
  <si>
    <t>1825.361</t>
  </si>
  <si>
    <t>11482486.0</t>
  </si>
  <si>
    <t>4459330.0</t>
  </si>
  <si>
    <t>4237644.0</t>
  </si>
  <si>
    <t>2785512.0</t>
  </si>
  <si>
    <t>10124410.0</t>
  </si>
  <si>
    <t>1828.834</t>
  </si>
  <si>
    <t>11488408.0</t>
  </si>
  <si>
    <t>4459574.0</t>
  </si>
  <si>
    <t>4239876.0</t>
  </si>
  <si>
    <t>2788958.0</t>
  </si>
  <si>
    <t>207.34</t>
  </si>
  <si>
    <t>10140451.0</t>
  </si>
  <si>
    <t>1831.732</t>
  </si>
  <si>
    <t>10158924.0</t>
  </si>
  <si>
    <t>1835.068</t>
  </si>
  <si>
    <t>10170159.0</t>
  </si>
  <si>
    <t>1837.098</t>
  </si>
  <si>
    <t>10179034.0</t>
  </si>
  <si>
    <t>1838.701</t>
  </si>
  <si>
    <t>4133.6</t>
  </si>
  <si>
    <t>746.036859664179</t>
  </si>
  <si>
    <t>10196260.0</t>
  </si>
  <si>
    <t>1841.813</t>
  </si>
  <si>
    <t>15824.0</t>
  </si>
  <si>
    <t>13994.0</t>
  </si>
  <si>
    <t>10215960.0</t>
  </si>
  <si>
    <t>19700.0</t>
  </si>
  <si>
    <t>1845.371</t>
  </si>
  <si>
    <t>10234336.0</t>
  </si>
  <si>
    <t>1848.691</t>
  </si>
  <si>
    <t>11615848.0</t>
  </si>
  <si>
    <t>4499620.0</t>
  </si>
  <si>
    <t>4287316.0</t>
  </si>
  <si>
    <t>2828912.0</t>
  </si>
  <si>
    <t>18206.0</t>
  </si>
  <si>
    <t>209.64</t>
  </si>
  <si>
    <t>10251987.0</t>
  </si>
  <si>
    <t>1851.879</t>
  </si>
  <si>
    <t>10268145.0</t>
  </si>
  <si>
    <t>1854.798</t>
  </si>
  <si>
    <t>10280144.0</t>
  </si>
  <si>
    <t>1856.965</t>
  </si>
  <si>
    <t>10288411.0</t>
  </si>
  <si>
    <t>1858.458</t>
  </si>
  <si>
    <t>11264.0</t>
  </si>
  <si>
    <t>4238.4</t>
  </si>
  <si>
    <t>764.951283627021</t>
  </si>
  <si>
    <t>10303004.0</t>
  </si>
  <si>
    <t>1861.094</t>
  </si>
  <si>
    <t>10322837.0</t>
  </si>
  <si>
    <t>1864.677</t>
  </si>
  <si>
    <t>10342054.0</t>
  </si>
  <si>
    <t>1868.148</t>
  </si>
  <si>
    <t>11658258.0</t>
  </si>
  <si>
    <t>4504279.0</t>
  </si>
  <si>
    <t>4302905.0</t>
  </si>
  <si>
    <t>2851074.0</t>
  </si>
  <si>
    <t>10359366.0</t>
  </si>
  <si>
    <t>1871.275</t>
  </si>
  <si>
    <t>10378062.0</t>
  </si>
  <si>
    <t>1874.653</t>
  </si>
  <si>
    <t>10389451.0</t>
  </si>
  <si>
    <t>1876.71</t>
  </si>
  <si>
    <t>10396786.0</t>
  </si>
  <si>
    <t>1878.035</t>
  </si>
  <si>
    <t>4347.4</t>
  </si>
  <si>
    <t>784.623728397535</t>
  </si>
  <si>
    <t>10411122.0</t>
  </si>
  <si>
    <t>1880.624</t>
  </si>
  <si>
    <t>15445.0</t>
  </si>
  <si>
    <t>10430218.0</t>
  </si>
  <si>
    <t>1884.074</t>
  </si>
  <si>
    <t>11679339.0</t>
  </si>
  <si>
    <t>4505614.0</t>
  </si>
  <si>
    <t>4308827.0</t>
  </si>
  <si>
    <t>2864898.0</t>
  </si>
  <si>
    <t>10446493.0</t>
  </si>
  <si>
    <t>1887.014</t>
  </si>
  <si>
    <t>14920.0</t>
  </si>
  <si>
    <t>10462706.0</t>
  </si>
  <si>
    <t>16213.0</t>
  </si>
  <si>
    <t>1889.942</t>
  </si>
  <si>
    <t>10477961.0</t>
  </si>
  <si>
    <t>1892.698</t>
  </si>
  <si>
    <t>10486681.0</t>
  </si>
  <si>
    <t>1894.273</t>
  </si>
  <si>
    <t>10493389.0</t>
  </si>
  <si>
    <t>1895.485</t>
  </si>
  <si>
    <t>13800.0</t>
  </si>
  <si>
    <t>816.316217403977</t>
  </si>
  <si>
    <t>10505826.0</t>
  </si>
  <si>
    <t>1897.731</t>
  </si>
  <si>
    <t>13529.0</t>
  </si>
  <si>
    <t>10520823.0</t>
  </si>
  <si>
    <t>1900.44</t>
  </si>
  <si>
    <t>11698750.0</t>
  </si>
  <si>
    <t>4506778.0</t>
  </si>
  <si>
    <t>4312644.0</t>
  </si>
  <si>
    <t>2879328.0</t>
  </si>
  <si>
    <t>10534829.0</t>
  </si>
  <si>
    <t>1902.97</t>
  </si>
  <si>
    <t>10548592.0</t>
  </si>
  <si>
    <t>13763.0</t>
  </si>
  <si>
    <t>1905.457</t>
  </si>
  <si>
    <t>10561831.0</t>
  </si>
  <si>
    <t>13239.0</t>
  </si>
  <si>
    <t>1907.848</t>
  </si>
  <si>
    <t>10570012.0</t>
  </si>
  <si>
    <t>1909.326</t>
  </si>
  <si>
    <t>11904.0</t>
  </si>
  <si>
    <t>10576793.0</t>
  </si>
  <si>
    <t>1910.551</t>
  </si>
  <si>
    <t>4718.6</t>
  </si>
  <si>
    <t>851.618329304092</t>
  </si>
  <si>
    <t>10588021.0</t>
  </si>
  <si>
    <t>1912.579</t>
  </si>
  <si>
    <t>10602660.0</t>
  </si>
  <si>
    <t>1915.223</t>
  </si>
  <si>
    <t>10615225.0</t>
  </si>
  <si>
    <t>1917.493</t>
  </si>
  <si>
    <t>11485.0</t>
  </si>
  <si>
    <t>11719977.0</t>
  </si>
  <si>
    <t>4508106.0</t>
  </si>
  <si>
    <t>4316118.0</t>
  </si>
  <si>
    <t>2895753.0</t>
  </si>
  <si>
    <t>211.52</t>
  </si>
  <si>
    <t>10627229.0</t>
  </si>
  <si>
    <t>1919.661</t>
  </si>
  <si>
    <t>10634239.0</t>
  </si>
  <si>
    <t>1920.927</t>
  </si>
  <si>
    <t>10638568.0</t>
  </si>
  <si>
    <t>1921.709</t>
  </si>
  <si>
    <t>10643047.0</t>
  </si>
  <si>
    <t>1922.518</t>
  </si>
  <si>
    <t>4912.8</t>
  </si>
  <si>
    <t>886.667767601649</t>
  </si>
  <si>
    <t>10648925.0</t>
  </si>
  <si>
    <t>1923.58</t>
  </si>
  <si>
    <t>10660467.0</t>
  </si>
  <si>
    <t>1925.665</t>
  </si>
  <si>
    <t>10677432.0</t>
  </si>
  <si>
    <t>16965.0</t>
  </si>
  <si>
    <t>1928.73</t>
  </si>
  <si>
    <t>11731694.0</t>
  </si>
  <si>
    <t>4508830.0</t>
  </si>
  <si>
    <t>4318014.0</t>
  </si>
  <si>
    <t>2904850.0</t>
  </si>
  <si>
    <t>10688588.0</t>
  </si>
  <si>
    <t>1930.745</t>
  </si>
  <si>
    <t>8766.0</t>
  </si>
  <si>
    <t>10697196.0</t>
  </si>
  <si>
    <t>1932.3</t>
  </si>
  <si>
    <t>10702829.0</t>
  </si>
  <si>
    <t>1933.317</t>
  </si>
  <si>
    <t>10706634.0</t>
  </si>
  <si>
    <t>1934.005</t>
  </si>
  <si>
    <t>5059.6</t>
  </si>
  <si>
    <t>913.162399641204</t>
  </si>
  <si>
    <t>10715534.0</t>
  </si>
  <si>
    <t>1935.612</t>
  </si>
  <si>
    <t>10726518.0</t>
  </si>
  <si>
    <t>1937.596</t>
  </si>
  <si>
    <t>10736259.0</t>
  </si>
  <si>
    <t>1939.356</t>
  </si>
  <si>
    <t>11746976.0</t>
  </si>
  <si>
    <t>4509932.0</t>
  </si>
  <si>
    <t>4320476.0</t>
  </si>
  <si>
    <t>2916568.0</t>
  </si>
  <si>
    <t>212.01</t>
  </si>
  <si>
    <t>10745791.0</t>
  </si>
  <si>
    <t>1941.078</t>
  </si>
  <si>
    <t>10753843.0</t>
  </si>
  <si>
    <t>1942.532</t>
  </si>
  <si>
    <t>10758456.0</t>
  </si>
  <si>
    <t>1943.366</t>
  </si>
  <si>
    <t>10761751.0</t>
  </si>
  <si>
    <t>1943.961</t>
  </si>
  <si>
    <t>5238.8</t>
  </si>
  <si>
    <t>945.504620768507</t>
  </si>
  <si>
    <t>10769310.0</t>
  </si>
  <si>
    <t>1945.326</t>
  </si>
  <si>
    <t>10780245.0</t>
  </si>
  <si>
    <t>1947.301</t>
  </si>
  <si>
    <t>10789382.0</t>
  </si>
  <si>
    <t>1948.952</t>
  </si>
  <si>
    <t>11758847.0</t>
  </si>
  <si>
    <t>4510727.0</t>
  </si>
  <si>
    <t>4322150.0</t>
  </si>
  <si>
    <t>2925970.0</t>
  </si>
  <si>
    <t>212.23</t>
  </si>
  <si>
    <t>10798560.0</t>
  </si>
  <si>
    <t>1950.61</t>
  </si>
  <si>
    <t>10807921.0</t>
  </si>
  <si>
    <t>9361.0</t>
  </si>
  <si>
    <t>1952.301</t>
  </si>
  <si>
    <t>10813497.0</t>
  </si>
  <si>
    <t>1953.308</t>
  </si>
  <si>
    <t>10817567.0</t>
  </si>
  <si>
    <t>1954.043</t>
  </si>
  <si>
    <t>5375.6</t>
  </si>
  <si>
    <t>970.194441361225</t>
  </si>
  <si>
    <t>10825581.0</t>
  </si>
  <si>
    <t>1955.491</t>
  </si>
  <si>
    <t>10835028.0</t>
  </si>
  <si>
    <t>1957.197</t>
  </si>
  <si>
    <t>10843259.0</t>
  </si>
  <si>
    <t>1958.684</t>
  </si>
  <si>
    <t>11771112.0</t>
  </si>
  <si>
    <t>4511753.0</t>
  </si>
  <si>
    <t>4324037.0</t>
  </si>
  <si>
    <t>2935322.0</t>
  </si>
  <si>
    <t>10851034.0</t>
  </si>
  <si>
    <t>1960.088</t>
  </si>
  <si>
    <t>10858443.0</t>
  </si>
  <si>
    <t>1961.427</t>
  </si>
  <si>
    <t>10862783.0</t>
  </si>
  <si>
    <t>1962.211</t>
  </si>
  <si>
    <t>10866226.0</t>
  </si>
  <si>
    <t>1962.833</t>
  </si>
  <si>
    <t>5507.8</t>
  </si>
  <si>
    <t>994.054048688399</t>
  </si>
  <si>
    <t>10872498.0</t>
  </si>
  <si>
    <t>1963.966</t>
  </si>
  <si>
    <t>10880160.0</t>
  </si>
  <si>
    <t>1965.35</t>
  </si>
  <si>
    <t>10886643.0</t>
  </si>
  <si>
    <t>1966.521</t>
  </si>
  <si>
    <t>10892881.0</t>
  </si>
  <si>
    <t>1967.648</t>
  </si>
  <si>
    <t>10898595.0</t>
  </si>
  <si>
    <t>1968.68</t>
  </si>
  <si>
    <t>10902298.0</t>
  </si>
  <si>
    <t>1969.349</t>
  </si>
  <si>
    <t>10905493.0</t>
  </si>
  <si>
    <t>1969.926</t>
  </si>
  <si>
    <t>12014614.0</t>
  </si>
  <si>
    <t>4512636.0</t>
  </si>
  <si>
    <t>4325689.0</t>
  </si>
  <si>
    <t>3176289.0</t>
  </si>
  <si>
    <t>5613.6</t>
  </si>
  <si>
    <t>1013.14895379592</t>
  </si>
  <si>
    <t>10911555.0</t>
  </si>
  <si>
    <t>1971.021</t>
  </si>
  <si>
    <t>10917810.0</t>
  </si>
  <si>
    <t>1972.151</t>
  </si>
  <si>
    <t>10923460.0</t>
  </si>
  <si>
    <t>1973.171</t>
  </si>
  <si>
    <t>12044032.0</t>
  </si>
  <si>
    <t>4513748.0</t>
  </si>
  <si>
    <t>4327632.0</t>
  </si>
  <si>
    <t>3202652.0</t>
  </si>
  <si>
    <t>10927285.0</t>
  </si>
  <si>
    <t>1973.862</t>
  </si>
  <si>
    <t>10932178.0</t>
  </si>
  <si>
    <t>1974.746</t>
  </si>
  <si>
    <t>11153.0</t>
  </si>
  <si>
    <t>10935602.0</t>
  </si>
  <si>
    <t>1975.364</t>
  </si>
  <si>
    <t>10938480.0</t>
  </si>
  <si>
    <t>1975.884</t>
  </si>
  <si>
    <t>5700.6</t>
  </si>
  <si>
    <t>1028.8508133834</t>
  </si>
  <si>
    <t>10944295.0</t>
  </si>
  <si>
    <t>1976.935</t>
  </si>
  <si>
    <t>10950277.0</t>
  </si>
  <si>
    <t>1978.015</t>
  </si>
  <si>
    <t>10956886.0</t>
  </si>
  <si>
    <t>1979.209</t>
  </si>
  <si>
    <t>12059352.0</t>
  </si>
  <si>
    <t>4514232.0</t>
  </si>
  <si>
    <t>4328680.0</t>
  </si>
  <si>
    <t>3216440.0</t>
  </si>
  <si>
    <t>10962472.0</t>
  </si>
  <si>
    <t>1980.218</t>
  </si>
  <si>
    <t>10967286.0</t>
  </si>
  <si>
    <t>1981.088</t>
  </si>
  <si>
    <t>10970416.0</t>
  </si>
  <si>
    <t>1981.653</t>
  </si>
  <si>
    <t>10973118.0</t>
  </si>
  <si>
    <t>1982.141</t>
  </si>
  <si>
    <t>5783.8</t>
  </si>
  <si>
    <t>1043.86684462108</t>
  </si>
  <si>
    <t>10978534.0</t>
  </si>
  <si>
    <t>1983.12</t>
  </si>
  <si>
    <t>10983969.0</t>
  </si>
  <si>
    <t>1984.101</t>
  </si>
  <si>
    <t>10989683.0</t>
  </si>
  <si>
    <t>1985.133</t>
  </si>
  <si>
    <t>10996267.0</t>
  </si>
  <si>
    <t>1986.323</t>
  </si>
  <si>
    <t>12080311.0</t>
  </si>
  <si>
    <t>4514987.0</t>
  </si>
  <si>
    <t>4330277.0</t>
  </si>
  <si>
    <t>3235047.0</t>
  </si>
  <si>
    <t>218.03</t>
  </si>
  <si>
    <t>11000678.0</t>
  </si>
  <si>
    <t>1987.12</t>
  </si>
  <si>
    <t>11003898.0</t>
  </si>
  <si>
    <t>1987.701</t>
  </si>
  <si>
    <t>11006153.0</t>
  </si>
  <si>
    <t>1988.109</t>
  </si>
  <si>
    <t>5802.2</t>
  </si>
  <si>
    <t>1047.18769768325</t>
  </si>
  <si>
    <t>11010884.0</t>
  </si>
  <si>
    <t>1988.963</t>
  </si>
  <si>
    <t>11015937.0</t>
  </si>
  <si>
    <t>1989.876</t>
  </si>
  <si>
    <t>11020492.0</t>
  </si>
  <si>
    <t>1990.699</t>
  </si>
  <si>
    <t>12116461.0</t>
  </si>
  <si>
    <t>4515765.0</t>
  </si>
  <si>
    <t>4331885.0</t>
  </si>
  <si>
    <t>3268811.0</t>
  </si>
  <si>
    <t>218.68</t>
  </si>
  <si>
    <t>11025075.0</t>
  </si>
  <si>
    <t>1991.527</t>
  </si>
  <si>
    <t>11029515.0</t>
  </si>
  <si>
    <t>1992.329</t>
  </si>
  <si>
    <t>11032124.0</t>
  </si>
  <si>
    <t>1992.8</t>
  </si>
  <si>
    <t>11034299.0</t>
  </si>
  <si>
    <t>1993.193</t>
  </si>
  <si>
    <t>5857.8</t>
  </si>
  <si>
    <t>1057.22244932766</t>
  </si>
  <si>
    <t>11038890.0</t>
  </si>
  <si>
    <t>1994.022</t>
  </si>
  <si>
    <t>12159454.0</t>
  </si>
  <si>
    <t>4516731.0</t>
  </si>
  <si>
    <t>4333820.0</t>
  </si>
  <si>
    <t>3308903.0</t>
  </si>
  <si>
    <t>219.46</t>
  </si>
  <si>
    <t>5919.4</t>
  </si>
  <si>
    <t>1068.34008784017</t>
  </si>
  <si>
    <t>12168388.0</t>
  </si>
  <si>
    <t>4517181.0</t>
  </si>
  <si>
    <t>4334110.0</t>
  </si>
  <si>
    <t>3317097.0</t>
  </si>
  <si>
    <t>219.62</t>
  </si>
  <si>
    <t>6076.4</t>
  </si>
  <si>
    <t>1096.6756275555</t>
  </si>
  <si>
    <t>12186022.0</t>
  </si>
  <si>
    <t>4517683.0</t>
  </si>
  <si>
    <t>4335159.0</t>
  </si>
  <si>
    <t>3333180.0</t>
  </si>
  <si>
    <t>219.93</t>
  </si>
  <si>
    <t>6184.2</t>
  </si>
  <si>
    <t>1116.13149495239</t>
  </si>
  <si>
    <t>12203932.0</t>
  </si>
  <si>
    <t>4518264.0</t>
  </si>
  <si>
    <t>4336068.0</t>
  </si>
  <si>
    <t>3349600.0</t>
  </si>
  <si>
    <t>6205.8</t>
  </si>
  <si>
    <t>1120.02988767756</t>
  </si>
  <si>
    <t>6320.8</t>
  </si>
  <si>
    <t>1140.78521931618</t>
  </si>
  <si>
    <t>1156.88413742195</t>
  </si>
  <si>
    <t>127.42</t>
  </si>
  <si>
    <t>12315719.0</t>
  </si>
  <si>
    <t>4519683.0</t>
  </si>
  <si>
    <t>4338350.0</t>
  </si>
  <si>
    <t>3457686.0</t>
  </si>
  <si>
    <t>1181.79053538829</t>
  </si>
  <si>
    <t>12400147.0</t>
  </si>
  <si>
    <t>4520167.0</t>
  </si>
  <si>
    <t>4339176.0</t>
  </si>
  <si>
    <t>3540804.0</t>
  </si>
  <si>
    <t>12184.0</t>
  </si>
  <si>
    <t>12306.0</t>
  </si>
  <si>
    <t>12551.0</t>
  </si>
  <si>
    <t>6769.8</t>
  </si>
  <si>
    <t>1221.82125327912</t>
  </si>
  <si>
    <t>12796.0</t>
  </si>
  <si>
    <t>12490579.0</t>
  </si>
  <si>
    <t>3629484.0</t>
  </si>
  <si>
    <t>13126.0</t>
  </si>
  <si>
    <t>1257.95357844478</t>
  </si>
  <si>
    <t>12591177.0</t>
  </si>
  <si>
    <t>4520541.0</t>
  </si>
  <si>
    <t>4340217.0</t>
  </si>
  <si>
    <t>3730419.0</t>
  </si>
  <si>
    <t>227.25</t>
  </si>
  <si>
    <t>13040.0</t>
  </si>
  <si>
    <t>11708.0</t>
  </si>
  <si>
    <t>1276.18217405782</t>
  </si>
  <si>
    <t>12659151.0</t>
  </si>
  <si>
    <t>4520843.0</t>
  </si>
  <si>
    <t>4340764.0</t>
  </si>
  <si>
    <t>3797544.0</t>
  </si>
  <si>
    <t>228.47</t>
  </si>
  <si>
    <t>7130.6</t>
  </si>
  <si>
    <t>1286.93885028096</t>
  </si>
  <si>
    <t>8825.0</t>
  </si>
  <si>
    <t>74.358</t>
  </si>
  <si>
    <t>12718448.0</t>
  </si>
  <si>
    <t>4521312.0</t>
  </si>
  <si>
    <t>4341757.0</t>
  </si>
  <si>
    <t>3855379.0</t>
  </si>
  <si>
    <t>1321.12197908404</t>
  </si>
  <si>
    <t>72.914</t>
  </si>
  <si>
    <t>12778580.0</t>
  </si>
  <si>
    <t>4521589.0</t>
  </si>
  <si>
    <t>4342293.0</t>
  </si>
  <si>
    <t>3914698.0</t>
  </si>
  <si>
    <t>230.63</t>
  </si>
  <si>
    <t>7542.6</t>
  </si>
  <si>
    <t>1361.29708189061</t>
  </si>
  <si>
    <t>12808871.0</t>
  </si>
  <si>
    <t>4521802.0</t>
  </si>
  <si>
    <t>4342723.0</t>
  </si>
  <si>
    <t>3944346.0</t>
  </si>
  <si>
    <t>231.18</t>
  </si>
  <si>
    <t>7661.6</t>
  </si>
  <si>
    <t>1382.77433810796</t>
  </si>
  <si>
    <t>135.18</t>
  </si>
  <si>
    <t>12828674.0</t>
  </si>
  <si>
    <t>4521963.0</t>
  </si>
  <si>
    <t>4343048.0</t>
  </si>
  <si>
    <t>3963663.0</t>
  </si>
  <si>
    <t>231.53</t>
  </si>
  <si>
    <t>7800.4</t>
  </si>
  <si>
    <t>1407.82512099005</t>
  </si>
  <si>
    <t>12845897.0</t>
  </si>
  <si>
    <t>4522137.0</t>
  </si>
  <si>
    <t>4343409.0</t>
  </si>
  <si>
    <t>3980351.0</t>
  </si>
  <si>
    <t>231.84</t>
  </si>
  <si>
    <t>7952.6</t>
  </si>
  <si>
    <t>1435.29435121089</t>
  </si>
  <si>
    <t>12860792.0</t>
  </si>
  <si>
    <t>4522245.0</t>
  </si>
  <si>
    <t>4343629.0</t>
  </si>
  <si>
    <t>3994918.0</t>
  </si>
  <si>
    <t>12863230.0</t>
  </si>
  <si>
    <t>4343691.0</t>
  </si>
  <si>
    <t>3997243.0</t>
  </si>
  <si>
    <t>232.16</t>
  </si>
  <si>
    <t>8099.4</t>
  </si>
  <si>
    <t>1461.78898325045</t>
  </si>
  <si>
    <t>12875789.0</t>
  </si>
  <si>
    <t>4522291.0</t>
  </si>
  <si>
    <t>4343836.0</t>
  </si>
  <si>
    <t>4009662.0</t>
  </si>
  <si>
    <t>232.38</t>
  </si>
  <si>
    <t>8280.6</t>
  </si>
  <si>
    <t>1494.49216666712</t>
  </si>
  <si>
    <t>12889120.0</t>
  </si>
  <si>
    <t>4522355.0</t>
  </si>
  <si>
    <t>4343997.0</t>
  </si>
  <si>
    <t>4022768.0</t>
  </si>
  <si>
    <t>8415.4</t>
  </si>
  <si>
    <t>1518.82102497047</t>
  </si>
  <si>
    <t>12907029.0</t>
  </si>
  <si>
    <t>4522531.0</t>
  </si>
  <si>
    <t>4344450.0</t>
  </si>
  <si>
    <t>4040048.0</t>
  </si>
  <si>
    <t>8540.4</t>
  </si>
  <si>
    <t>1541.38116805592</t>
  </si>
  <si>
    <t>12953426.0</t>
  </si>
  <si>
    <t>4522820.0</t>
  </si>
  <si>
    <t>4345059.0</t>
  </si>
  <si>
    <t>4085547.0</t>
  </si>
  <si>
    <t>233.78</t>
  </si>
  <si>
    <t>12994518.0</t>
  </si>
  <si>
    <t>4523074.0</t>
  </si>
  <si>
    <t>4345410.0</t>
  </si>
  <si>
    <t>4126034.0</t>
  </si>
  <si>
    <t>166.584</t>
  </si>
  <si>
    <t>13027929.0</t>
  </si>
  <si>
    <t>4523315.0</t>
  </si>
  <si>
    <t>4345880.0</t>
  </si>
  <si>
    <t>4158734.0</t>
  </si>
  <si>
    <t>13072863.0</t>
  </si>
  <si>
    <t>4523608.0</t>
  </si>
  <si>
    <t>4346300.0</t>
  </si>
  <si>
    <t>4202955.0</t>
  </si>
  <si>
    <t>13100867.0</t>
  </si>
  <si>
    <t>4523803.0</t>
  </si>
  <si>
    <t>4346640.0</t>
  </si>
  <si>
    <t>4230424.0</t>
  </si>
  <si>
    <t>236.45</t>
  </si>
  <si>
    <t>13118577.0</t>
  </si>
  <si>
    <t>4523948.0</t>
  </si>
  <si>
    <t>4346897.0</t>
  </si>
  <si>
    <t>4247732.0</t>
  </si>
  <si>
    <t>236.77</t>
  </si>
  <si>
    <t>13140217.0</t>
  </si>
  <si>
    <t>4524151.0</t>
  </si>
  <si>
    <t>4347262.0</t>
  </si>
  <si>
    <t>4268804.0</t>
  </si>
  <si>
    <t>237.16</t>
  </si>
  <si>
    <t>13149072.0</t>
  </si>
  <si>
    <t>4524247.0</t>
  </si>
  <si>
    <t>4347399.0</t>
  </si>
  <si>
    <t>4277426.0</t>
  </si>
  <si>
    <t>13155024.0</t>
  </si>
  <si>
    <t>4524275.0</t>
  </si>
  <si>
    <t>4347467.0</t>
  </si>
  <si>
    <t>4283282.0</t>
  </si>
  <si>
    <t>FRA</t>
  </si>
  <si>
    <t>France</t>
  </si>
  <si>
    <t>-3599.6</t>
  </si>
  <si>
    <t>-6.61</t>
  </si>
  <si>
    <t>-53.0812676035568</t>
  </si>
  <si>
    <t>-4424.0</t>
  </si>
  <si>
    <t>-6.52</t>
  </si>
  <si>
    <t>-6.17</t>
  </si>
  <si>
    <t>-65.2382286582219</t>
  </si>
  <si>
    <t>-5500.8</t>
  </si>
  <si>
    <t>-6.76</t>
  </si>
  <si>
    <t>-7.99</t>
  </si>
  <si>
    <t>-81.117189919337</t>
  </si>
  <si>
    <t>-6558.0</t>
  </si>
  <si>
    <t>-6.93</t>
  </si>
  <si>
    <t>-96.7071210534853</t>
  </si>
  <si>
    <t>-7910.2</t>
  </si>
  <si>
    <t>-7.34</t>
  </si>
  <si>
    <t>-10.25</t>
  </si>
  <si>
    <t>-116.647250527185</t>
  </si>
  <si>
    <t>-9084.6</t>
  </si>
  <si>
    <t>-7.51</t>
  </si>
  <si>
    <t>-133.965463849114</t>
  </si>
  <si>
    <t>-9863.4</t>
  </si>
  <si>
    <t>-6.03</t>
  </si>
  <si>
    <t>-145.44998746553</t>
  </si>
  <si>
    <t>-9640.4</t>
  </si>
  <si>
    <t>-6.59</t>
  </si>
  <si>
    <t>-142.16153244953</t>
  </si>
  <si>
    <t>43.826</t>
  </si>
  <si>
    <t>14.776</t>
  </si>
  <si>
    <t>19.126</t>
  </si>
  <si>
    <t>-7740.6</t>
  </si>
  <si>
    <t>-4.89</t>
  </si>
  <si>
    <t>-114.146255142819</t>
  </si>
  <si>
    <t>30.673</t>
  </si>
  <si>
    <t>12072.0</t>
  </si>
  <si>
    <t>49.415</t>
  </si>
  <si>
    <t>225.09</t>
  </si>
  <si>
    <t>251.677</t>
  </si>
  <si>
    <t>259.242</t>
  </si>
  <si>
    <t>56.774</t>
  </si>
  <si>
    <t>-3489.2</t>
  </si>
  <si>
    <t>-51.4532611741112</t>
  </si>
  <si>
    <t>74.558</t>
  </si>
  <si>
    <t>20946.0</t>
  </si>
  <si>
    <t>22672.0</t>
  </si>
  <si>
    <t>22614.0</t>
  </si>
  <si>
    <t>87.594</t>
  </si>
  <si>
    <t>24543.0</t>
  </si>
  <si>
    <t>69.161</t>
  </si>
  <si>
    <t>24477.0</t>
  </si>
  <si>
    <t>28003.0</t>
  </si>
  <si>
    <t>412.944</t>
  </si>
  <si>
    <t>24514.0</t>
  </si>
  <si>
    <t>23760.0</t>
  </si>
  <si>
    <t>3641.4</t>
  </si>
  <si>
    <t>53.6976685886187</t>
  </si>
  <si>
    <t>29569.0</t>
  </si>
  <si>
    <t>103.284</t>
  </si>
  <si>
    <t>22537.0</t>
  </si>
  <si>
    <t>30217.0</t>
  </si>
  <si>
    <t>31108.0</t>
  </si>
  <si>
    <t>20074.0</t>
  </si>
  <si>
    <t>296.02</t>
  </si>
  <si>
    <t>9736.6</t>
  </si>
  <si>
    <t>143.580139501276</t>
  </si>
  <si>
    <t>31952.0</t>
  </si>
  <si>
    <t>32131.0</t>
  </si>
  <si>
    <t>473.818</t>
  </si>
  <si>
    <t>16244.0</t>
  </si>
  <si>
    <t>93.36</t>
  </si>
  <si>
    <t>31061.0</t>
  </si>
  <si>
    <t>12342.0</t>
  </si>
  <si>
    <t>13810.6</t>
  </si>
  <si>
    <t>203.657115892233</t>
  </si>
  <si>
    <t>23.919</t>
  </si>
  <si>
    <t>22.665</t>
  </si>
  <si>
    <t>183.873</t>
  </si>
  <si>
    <t>75.605</t>
  </si>
  <si>
    <t>29627.0</t>
  </si>
  <si>
    <t>73.246</t>
  </si>
  <si>
    <t>10999.0</t>
  </si>
  <si>
    <t>28119.0</t>
  </si>
  <si>
    <t>17.327</t>
  </si>
  <si>
    <t>28114.0</t>
  </si>
  <si>
    <t>227.39002846062</t>
  </si>
  <si>
    <t>15.248</t>
  </si>
  <si>
    <t>8140.0</t>
  </si>
  <si>
    <t>26736.0</t>
  </si>
  <si>
    <t>26192.0</t>
  </si>
  <si>
    <t>25809.0</t>
  </si>
  <si>
    <t>11.576</t>
  </si>
  <si>
    <t>55.594</t>
  </si>
  <si>
    <t>25751.0</t>
  </si>
  <si>
    <t>15608.8</t>
  </si>
  <si>
    <t>230.174155397933</t>
  </si>
  <si>
    <t>53.662</t>
  </si>
  <si>
    <t>25472.0</t>
  </si>
  <si>
    <t>77.566</t>
  </si>
  <si>
    <t>23912.0</t>
  </si>
  <si>
    <t>8.877</t>
  </si>
  <si>
    <t>23139.0</t>
  </si>
  <si>
    <t>22502.0</t>
  </si>
  <si>
    <t>62.894</t>
  </si>
  <si>
    <t>15705.4</t>
  </si>
  <si>
    <t>231.598661023698</t>
  </si>
  <si>
    <t>39.314</t>
  </si>
  <si>
    <t>22219.0</t>
  </si>
  <si>
    <t>7.476</t>
  </si>
  <si>
    <t>39556.0</t>
  </si>
  <si>
    <t>82034.0</t>
  </si>
  <si>
    <t>19801.0</t>
  </si>
  <si>
    <t>6.415</t>
  </si>
  <si>
    <t>130183.0</t>
  </si>
  <si>
    <t>48149.0</t>
  </si>
  <si>
    <t>6.533</t>
  </si>
  <si>
    <t>48.943</t>
  </si>
  <si>
    <t>146842.0</t>
  </si>
  <si>
    <t>16659.0</t>
  </si>
  <si>
    <t>19302.0</t>
  </si>
  <si>
    <t>153491.0</t>
  </si>
  <si>
    <t>-0.67</t>
  </si>
  <si>
    <t>230.531019126126</t>
  </si>
  <si>
    <t>18956.0</t>
  </si>
  <si>
    <t>5.677</t>
  </si>
  <si>
    <t>205360.0</t>
  </si>
  <si>
    <t>51869.0</t>
  </si>
  <si>
    <t>42.853</t>
  </si>
  <si>
    <t>258703.0</t>
  </si>
  <si>
    <t>53343.0</t>
  </si>
  <si>
    <t>312363.0</t>
  </si>
  <si>
    <t>53660.0</t>
  </si>
  <si>
    <t>25.187</t>
  </si>
  <si>
    <t>322138.0</t>
  </si>
  <si>
    <t>9775.0</t>
  </si>
  <si>
    <t>34301.0</t>
  </si>
  <si>
    <t>24.538</t>
  </si>
  <si>
    <t>373036.0</t>
  </si>
  <si>
    <t>50898.0</t>
  </si>
  <si>
    <t>34693.0</t>
  </si>
  <si>
    <t>17122.0</t>
  </si>
  <si>
    <t>32.914</t>
  </si>
  <si>
    <t>392134.0</t>
  </si>
  <si>
    <t>399379.0</t>
  </si>
  <si>
    <t>35127.0</t>
  </si>
  <si>
    <t>15923.8</t>
  </si>
  <si>
    <t>234.81928243847</t>
  </si>
  <si>
    <t>16742.0</t>
  </si>
  <si>
    <t>4.055</t>
  </si>
  <si>
    <t>451290.0</t>
  </si>
  <si>
    <t>51911.0</t>
  </si>
  <si>
    <t>35133.0</t>
  </si>
  <si>
    <t>29.198</t>
  </si>
  <si>
    <t>505335.0</t>
  </si>
  <si>
    <t>15627.0</t>
  </si>
  <si>
    <t>552027.0</t>
  </si>
  <si>
    <t>46692.0</t>
  </si>
  <si>
    <t>34238.0</t>
  </si>
  <si>
    <t>596691.0</t>
  </si>
  <si>
    <t>44664.0</t>
  </si>
  <si>
    <t>39222.0</t>
  </si>
  <si>
    <t>19.583</t>
  </si>
  <si>
    <t>14643.0</t>
  </si>
  <si>
    <t>646260.0</t>
  </si>
  <si>
    <t>49569.0</t>
  </si>
  <si>
    <t>39032.0</t>
  </si>
  <si>
    <t>666599.0</t>
  </si>
  <si>
    <t>20339.0</t>
  </si>
  <si>
    <t>9.887</t>
  </si>
  <si>
    <t>675159.0</t>
  </si>
  <si>
    <t>39397.0</t>
  </si>
  <si>
    <t>232.964180909265</t>
  </si>
  <si>
    <t>685208.0</t>
  </si>
  <si>
    <t>33417.0</t>
  </si>
  <si>
    <t>206.126</t>
  </si>
  <si>
    <t>734285.0</t>
  </si>
  <si>
    <t>49077.0</t>
  </si>
  <si>
    <t>32707.0</t>
  </si>
  <si>
    <t>17.386</t>
  </si>
  <si>
    <t>779173.0</t>
  </si>
  <si>
    <t>11.557</t>
  </si>
  <si>
    <t>32449.0</t>
  </si>
  <si>
    <t>16.708</t>
  </si>
  <si>
    <t>19.421</t>
  </si>
  <si>
    <t>820732.0</t>
  </si>
  <si>
    <t>12.173</t>
  </si>
  <si>
    <t>867469.0</t>
  </si>
  <si>
    <t>46737.0</t>
  </si>
  <si>
    <t>12433.0</t>
  </si>
  <si>
    <t>887185.0</t>
  </si>
  <si>
    <t>19716.0</t>
  </si>
  <si>
    <t>894774.0</t>
  </si>
  <si>
    <t>13.271</t>
  </si>
  <si>
    <t>15688.2</t>
  </si>
  <si>
    <t>231.345022340849</t>
  </si>
  <si>
    <t>940117.0</t>
  </si>
  <si>
    <t>45343.0</t>
  </si>
  <si>
    <t>13.944</t>
  </si>
  <si>
    <t>36416.0</t>
  </si>
  <si>
    <t>984042.0</t>
  </si>
  <si>
    <t>43925.0</t>
  </si>
  <si>
    <t>14.595</t>
  </si>
  <si>
    <t>35680.0</t>
  </si>
  <si>
    <t>1024726.0</t>
  </si>
  <si>
    <t>15.199</t>
  </si>
  <si>
    <t>12.903</t>
  </si>
  <si>
    <t>1063517.0</t>
  </si>
  <si>
    <t>15.774</t>
  </si>
  <si>
    <t>11079.0</t>
  </si>
  <si>
    <t>163.376</t>
  </si>
  <si>
    <t>1108081.0</t>
  </si>
  <si>
    <t>44564.0</t>
  </si>
  <si>
    <t>16.435</t>
  </si>
  <si>
    <t>34373.0</t>
  </si>
  <si>
    <t>1127306.0</t>
  </si>
  <si>
    <t>34303.0</t>
  </si>
  <si>
    <t>159.792</t>
  </si>
  <si>
    <t>1133981.0</t>
  </si>
  <si>
    <t>16.819</t>
  </si>
  <si>
    <t>34172.0</t>
  </si>
  <si>
    <t>15660.8</t>
  </si>
  <si>
    <t>230.940970020498</t>
  </si>
  <si>
    <t>1177861.0</t>
  </si>
  <si>
    <t>43880.0</t>
  </si>
  <si>
    <t>33963.0</t>
  </si>
  <si>
    <t>11.311</t>
  </si>
  <si>
    <t>1220904.0</t>
  </si>
  <si>
    <t>43043.0</t>
  </si>
  <si>
    <t>18.108</t>
  </si>
  <si>
    <t>11.104</t>
  </si>
  <si>
    <t>1261074.0</t>
  </si>
  <si>
    <t>40170.0</t>
  </si>
  <si>
    <t>18.704</t>
  </si>
  <si>
    <t>10.676</t>
  </si>
  <si>
    <t>11.001</t>
  </si>
  <si>
    <t>1299008.0</t>
  </si>
  <si>
    <t>37934.0</t>
  </si>
  <si>
    <t>19.267</t>
  </si>
  <si>
    <t>33642.0</t>
  </si>
  <si>
    <t>1345045.0</t>
  </si>
  <si>
    <t>46037.0</t>
  </si>
  <si>
    <t>33852.0</t>
  </si>
  <si>
    <t>1366782.0</t>
  </si>
  <si>
    <t>21737.0</t>
  </si>
  <si>
    <t>20.272</t>
  </si>
  <si>
    <t>144.191</t>
  </si>
  <si>
    <t>1373304.0</t>
  </si>
  <si>
    <t>20.369</t>
  </si>
  <si>
    <t>34189.0</t>
  </si>
  <si>
    <t>15428.2</t>
  </si>
  <si>
    <t>227.510949228024</t>
  </si>
  <si>
    <t>9.924</t>
  </si>
  <si>
    <t>1421786.0</t>
  </si>
  <si>
    <t>48482.0</t>
  </si>
  <si>
    <t>21.088</t>
  </si>
  <si>
    <t>9.644</t>
  </si>
  <si>
    <t>11.281</t>
  </si>
  <si>
    <t>1470207.0</t>
  </si>
  <si>
    <t>48421.0</t>
  </si>
  <si>
    <t>21.806</t>
  </si>
  <si>
    <t>1515845.0</t>
  </si>
  <si>
    <t>45638.0</t>
  </si>
  <si>
    <t>22.483</t>
  </si>
  <si>
    <t>9.187</t>
  </si>
  <si>
    <t>1555793.0</t>
  </si>
  <si>
    <t>39948.0</t>
  </si>
  <si>
    <t>10.396</t>
  </si>
  <si>
    <t>1607110.0</t>
  </si>
  <si>
    <t>8.759</t>
  </si>
  <si>
    <t>1631774.0</t>
  </si>
  <si>
    <t>24.202</t>
  </si>
  <si>
    <t>1640015.0</t>
  </si>
  <si>
    <t>8241.0</t>
  </si>
  <si>
    <t>24.325</t>
  </si>
  <si>
    <t>38102.0</t>
  </si>
  <si>
    <t>15858.8</t>
  </si>
  <si>
    <t>233.860764160264</t>
  </si>
  <si>
    <t>8.715</t>
  </si>
  <si>
    <t>1701811.0</t>
  </si>
  <si>
    <t>61796.0</t>
  </si>
  <si>
    <t>8.464</t>
  </si>
  <si>
    <t>9.747</t>
  </si>
  <si>
    <t>1761519.0</t>
  </si>
  <si>
    <t>59708.0</t>
  </si>
  <si>
    <t>26.127</t>
  </si>
  <si>
    <t>41616.0</t>
  </si>
  <si>
    <t>1818806.0</t>
  </si>
  <si>
    <t>26.976</t>
  </si>
  <si>
    <t>43280.0</t>
  </si>
  <si>
    <t>8.037</t>
  </si>
  <si>
    <t>9.423</t>
  </si>
  <si>
    <t>1873757.0</t>
  </si>
  <si>
    <t>45423.0</t>
  </si>
  <si>
    <t>9.983</t>
  </si>
  <si>
    <t>1938128.0</t>
  </si>
  <si>
    <t>64371.0</t>
  </si>
  <si>
    <t>28.746</t>
  </si>
  <si>
    <t>7.624</t>
  </si>
  <si>
    <t>9.865</t>
  </si>
  <si>
    <t>1967349.0</t>
  </si>
  <si>
    <t>29221.0</t>
  </si>
  <si>
    <t>47939.0</t>
  </si>
  <si>
    <t>7.683</t>
  </si>
  <si>
    <t>9.526</t>
  </si>
  <si>
    <t>1975898.0</t>
  </si>
  <si>
    <t>29.306</t>
  </si>
  <si>
    <t>-9.25</t>
  </si>
  <si>
    <t>218.807603261911</t>
  </si>
  <si>
    <t>9.467</t>
  </si>
  <si>
    <t>2043018.0</t>
  </si>
  <si>
    <t>67120.0</t>
  </si>
  <si>
    <t>30.302</t>
  </si>
  <si>
    <t>2109296.0</t>
  </si>
  <si>
    <t>31.285</t>
  </si>
  <si>
    <t>49682.0</t>
  </si>
  <si>
    <t>2174456.0</t>
  </si>
  <si>
    <t>32.251</t>
  </si>
  <si>
    <t>2243242.0</t>
  </si>
  <si>
    <t>68786.0</t>
  </si>
  <si>
    <t>33.272</t>
  </si>
  <si>
    <t>103.52</t>
  </si>
  <si>
    <t>77188.0</t>
  </si>
  <si>
    <t>34.417</t>
  </si>
  <si>
    <t>2353078.0</t>
  </si>
  <si>
    <t>34.901</t>
  </si>
  <si>
    <t>55104.0</t>
  </si>
  <si>
    <t>6.975</t>
  </si>
  <si>
    <t>2361608.0</t>
  </si>
  <si>
    <t>35.027</t>
  </si>
  <si>
    <t>55101.0</t>
  </si>
  <si>
    <t>14641.2</t>
  </si>
  <si>
    <t>-1.87</t>
  </si>
  <si>
    <t>215.905504844204</t>
  </si>
  <si>
    <t>2442353.0</t>
  </si>
  <si>
    <t>80745.0</t>
  </si>
  <si>
    <t>57048.0</t>
  </si>
  <si>
    <t>6.857</t>
  </si>
  <si>
    <t>2454753.0</t>
  </si>
  <si>
    <t>36.409</t>
  </si>
  <si>
    <t>2534966.0</t>
  </si>
  <si>
    <t>80213.0</t>
  </si>
  <si>
    <t>37.598</t>
  </si>
  <si>
    <t>6.724</t>
  </si>
  <si>
    <t>8.848</t>
  </si>
  <si>
    <t>2619421.0</t>
  </si>
  <si>
    <t>84455.0</t>
  </si>
  <si>
    <t>38.851</t>
  </si>
  <si>
    <t>53740.0</t>
  </si>
  <si>
    <t>6.665</t>
  </si>
  <si>
    <t>8.597</t>
  </si>
  <si>
    <t>2713588.0</t>
  </si>
  <si>
    <t>94167.0</t>
  </si>
  <si>
    <t>56165.0</t>
  </si>
  <si>
    <t>6.636</t>
  </si>
  <si>
    <t>2754288.0</t>
  </si>
  <si>
    <t>40700.0</t>
  </si>
  <si>
    <t>40.851</t>
  </si>
  <si>
    <t>57316.0</t>
  </si>
  <si>
    <t>8.907</t>
  </si>
  <si>
    <t>2766586.0</t>
  </si>
  <si>
    <t>41.034</t>
  </si>
  <si>
    <t>57854.0</t>
  </si>
  <si>
    <t>14031.4</t>
  </si>
  <si>
    <t>206.913128751124</t>
  </si>
  <si>
    <t>2859606.0</t>
  </si>
  <si>
    <t>93020.0</t>
  </si>
  <si>
    <t>42.414</t>
  </si>
  <si>
    <t>59608.0</t>
  </si>
  <si>
    <t>2948836.0</t>
  </si>
  <si>
    <t>43.737</t>
  </si>
  <si>
    <t>70583.0</t>
  </si>
  <si>
    <t>3038053.0</t>
  </si>
  <si>
    <t>89217.0</t>
  </si>
  <si>
    <t>71870.0</t>
  </si>
  <si>
    <t>3126339.0</t>
  </si>
  <si>
    <t>88286.0</t>
  </si>
  <si>
    <t>3222460.0</t>
  </si>
  <si>
    <t>96121.0</t>
  </si>
  <si>
    <t>47.795</t>
  </si>
  <si>
    <t>72696.0</t>
  </si>
  <si>
    <t>11.045</t>
  </si>
  <si>
    <t>3265815.0</t>
  </si>
  <si>
    <t>43355.0</t>
  </si>
  <si>
    <t>48.438</t>
  </si>
  <si>
    <t>73075.0</t>
  </si>
  <si>
    <t>5.412</t>
  </si>
  <si>
    <t>3280800.0</t>
  </si>
  <si>
    <t>48.661</t>
  </si>
  <si>
    <t>73459.0</t>
  </si>
  <si>
    <t>13842.6</t>
  </si>
  <si>
    <t>204.129001813812</t>
  </si>
  <si>
    <t>5.515</t>
  </si>
  <si>
    <t>3384012.0</t>
  </si>
  <si>
    <t>103212.0</t>
  </si>
  <si>
    <t>50.192</t>
  </si>
  <si>
    <t>74915.0</t>
  </si>
  <si>
    <t>5.323</t>
  </si>
  <si>
    <t>81.253</t>
  </si>
  <si>
    <t>3488015.0</t>
  </si>
  <si>
    <t>104003.0</t>
  </si>
  <si>
    <t>51.734</t>
  </si>
  <si>
    <t>77026.0</t>
  </si>
  <si>
    <t>3596049.0</t>
  </si>
  <si>
    <t>108034.0</t>
  </si>
  <si>
    <t>53.336</t>
  </si>
  <si>
    <t>79714.0</t>
  </si>
  <si>
    <t>3701725.0</t>
  </si>
  <si>
    <t>105676.0</t>
  </si>
  <si>
    <t>54.904</t>
  </si>
  <si>
    <t>5.117</t>
  </si>
  <si>
    <t>77.522</t>
  </si>
  <si>
    <t>11.768</t>
  </si>
  <si>
    <t>3811890.0</t>
  </si>
  <si>
    <t>110165.0</t>
  </si>
  <si>
    <t>84204.0</t>
  </si>
  <si>
    <t>11.635</t>
  </si>
  <si>
    <t>3859540.0</t>
  </si>
  <si>
    <t>47650.0</t>
  </si>
  <si>
    <t>57.245</t>
  </si>
  <si>
    <t>11.473</t>
  </si>
  <si>
    <t>3876062.0</t>
  </si>
  <si>
    <t>85037.0</t>
  </si>
  <si>
    <t>14257.8</t>
  </si>
  <si>
    <t>210.251721646292</t>
  </si>
  <si>
    <t>5.309</t>
  </si>
  <si>
    <t>11.827</t>
  </si>
  <si>
    <t>3989424.0</t>
  </si>
  <si>
    <t>113362.0</t>
  </si>
  <si>
    <t>59.171</t>
  </si>
  <si>
    <t>86487.0</t>
  </si>
  <si>
    <t>5.368</t>
  </si>
  <si>
    <t>4096089.0</t>
  </si>
  <si>
    <t>60.753</t>
  </si>
  <si>
    <t>86868.0</t>
  </si>
  <si>
    <t>4202609.0</t>
  </si>
  <si>
    <t>62.333</t>
  </si>
  <si>
    <t>86651.0</t>
  </si>
  <si>
    <t>5.397</t>
  </si>
  <si>
    <t>74.012</t>
  </si>
  <si>
    <t>4312402.0</t>
  </si>
  <si>
    <t>63.961</t>
  </si>
  <si>
    <t>87240.0</t>
  </si>
  <si>
    <t>4424486.0</t>
  </si>
  <si>
    <t>112084.0</t>
  </si>
  <si>
    <t>65.624</t>
  </si>
  <si>
    <t>87514.0</t>
  </si>
  <si>
    <t>4474278.0</t>
  </si>
  <si>
    <t>87820.0</t>
  </si>
  <si>
    <t>11.532</t>
  </si>
  <si>
    <t>4491409.0</t>
  </si>
  <si>
    <t>66.616</t>
  </si>
  <si>
    <t>87907.0</t>
  </si>
  <si>
    <t>213.130225767921</t>
  </si>
  <si>
    <t>4608244.0</t>
  </si>
  <si>
    <t>116835.0</t>
  </si>
  <si>
    <t>68.349</t>
  </si>
  <si>
    <t>88403.0</t>
  </si>
  <si>
    <t>4714829.0</t>
  </si>
  <si>
    <t>106585.0</t>
  </si>
  <si>
    <t>88391.0</t>
  </si>
  <si>
    <t>4826522.0</t>
  </si>
  <si>
    <t>111693.0</t>
  </si>
  <si>
    <t>71.587</t>
  </si>
  <si>
    <t>89130.0</t>
  </si>
  <si>
    <t>71.137</t>
  </si>
  <si>
    <t>13.832</t>
  </si>
  <si>
    <t>4947628.0</t>
  </si>
  <si>
    <t>73.383</t>
  </si>
  <si>
    <t>90747.0</t>
  </si>
  <si>
    <t>14.378</t>
  </si>
  <si>
    <t>5080428.0</t>
  </si>
  <si>
    <t>132800.0</t>
  </si>
  <si>
    <t>93706.0</t>
  </si>
  <si>
    <t>5.205</t>
  </si>
  <si>
    <t>14.584</t>
  </si>
  <si>
    <t>5107262.0</t>
  </si>
  <si>
    <t>26834.0</t>
  </si>
  <si>
    <t>90426.0</t>
  </si>
  <si>
    <t>5129361.0</t>
  </si>
  <si>
    <t>76.078</t>
  </si>
  <si>
    <t>91136.0</t>
  </si>
  <si>
    <t>15902.8</t>
  </si>
  <si>
    <t>234.509607302435</t>
  </si>
  <si>
    <t>5283652.0</t>
  </si>
  <si>
    <t>154291.0</t>
  </si>
  <si>
    <t>78.367</t>
  </si>
  <si>
    <t>96487.0</t>
  </si>
  <si>
    <t>15.572</t>
  </si>
  <si>
    <t>5428999.0</t>
  </si>
  <si>
    <t>145347.0</t>
  </si>
  <si>
    <t>102024.0</t>
  </si>
  <si>
    <t>5574140.0</t>
  </si>
  <si>
    <t>145141.0</t>
  </si>
  <si>
    <t>82.675</t>
  </si>
  <si>
    <t>106803.0</t>
  </si>
  <si>
    <t>15.086</t>
  </si>
  <si>
    <t>5727950.0</t>
  </si>
  <si>
    <t>153810.0</t>
  </si>
  <si>
    <t>111475.0</t>
  </si>
  <si>
    <t>69.603</t>
  </si>
  <si>
    <t>15.631</t>
  </si>
  <si>
    <t>5892671.0</t>
  </si>
  <si>
    <t>164721.0</t>
  </si>
  <si>
    <t>116035.0</t>
  </si>
  <si>
    <t>5962076.0</t>
  </si>
  <si>
    <t>69405.0</t>
  </si>
  <si>
    <t>88.429</t>
  </si>
  <si>
    <t>122116.0</t>
  </si>
  <si>
    <t>5985672.0</t>
  </si>
  <si>
    <t>23596.0</t>
  </si>
  <si>
    <t>88.779</t>
  </si>
  <si>
    <t>122330.0</t>
  </si>
  <si>
    <t>15802.6</t>
  </si>
  <si>
    <t>233.032014510492</t>
  </si>
  <si>
    <t>15.956</t>
  </si>
  <si>
    <t>6172797.0</t>
  </si>
  <si>
    <t>187125.0</t>
  </si>
  <si>
    <t>127021.0</t>
  </si>
  <si>
    <t>6350384.0</t>
  </si>
  <si>
    <t>177587.0</t>
  </si>
  <si>
    <t>94.189</t>
  </si>
  <si>
    <t>2.634</t>
  </si>
  <si>
    <t>131626.0</t>
  </si>
  <si>
    <t>6532239.0</t>
  </si>
  <si>
    <t>181855.0</t>
  </si>
  <si>
    <t>96.886</t>
  </si>
  <si>
    <t>136871.0</t>
  </si>
  <si>
    <t>6727322.0</t>
  </si>
  <si>
    <t>99.779</t>
  </si>
  <si>
    <t>142767.0</t>
  </si>
  <si>
    <t>6928928.0</t>
  </si>
  <si>
    <t>201606.0</t>
  </si>
  <si>
    <t>102.77</t>
  </si>
  <si>
    <t>148037.0</t>
  </si>
  <si>
    <t>19.804</t>
  </si>
  <si>
    <t>7013818.0</t>
  </si>
  <si>
    <t>84890.0</t>
  </si>
  <si>
    <t>104.029</t>
  </si>
  <si>
    <t>7041595.0</t>
  </si>
  <si>
    <t>104.441</t>
  </si>
  <si>
    <t>150846.0</t>
  </si>
  <si>
    <t>15729.2</t>
  </si>
  <si>
    <t>231.949626177872</t>
  </si>
  <si>
    <t>5.943</t>
  </si>
  <si>
    <t>7261142.0</t>
  </si>
  <si>
    <t>219547.0</t>
  </si>
  <si>
    <t>107.697</t>
  </si>
  <si>
    <t>155478.0</t>
  </si>
  <si>
    <t>6.164</t>
  </si>
  <si>
    <t>7457279.0</t>
  </si>
  <si>
    <t>196137.0</t>
  </si>
  <si>
    <t>110.606</t>
  </si>
  <si>
    <t>158128.0</t>
  </si>
  <si>
    <t>7652416.0</t>
  </si>
  <si>
    <t>195137.0</t>
  </si>
  <si>
    <t>160025.0</t>
  </si>
  <si>
    <t>7855614.0</t>
  </si>
  <si>
    <t>203198.0</t>
  </si>
  <si>
    <t>116.514</t>
  </si>
  <si>
    <t>161185.0</t>
  </si>
  <si>
    <t>68.615</t>
  </si>
  <si>
    <t>8073160.0</t>
  </si>
  <si>
    <t>217546.0</t>
  </si>
  <si>
    <t>119.741</t>
  </si>
  <si>
    <t>163462.0</t>
  </si>
  <si>
    <t>7.019</t>
  </si>
  <si>
    <t>24.494</t>
  </si>
  <si>
    <t>8166323.0</t>
  </si>
  <si>
    <t>121.123</t>
  </si>
  <si>
    <t>164644.0</t>
  </si>
  <si>
    <t>8194778.0</t>
  </si>
  <si>
    <t>28455.0</t>
  </si>
  <si>
    <t>121.545</t>
  </si>
  <si>
    <t>164740.0</t>
  </si>
  <si>
    <t>15979.6</t>
  </si>
  <si>
    <t>235.642133514223</t>
  </si>
  <si>
    <t>4.807</t>
  </si>
  <si>
    <t>8438966.0</t>
  </si>
  <si>
    <t>244188.0</t>
  </si>
  <si>
    <t>125.166</t>
  </si>
  <si>
    <t>168261.0</t>
  </si>
  <si>
    <t>8680181.0</t>
  </si>
  <si>
    <t>241215.0</t>
  </si>
  <si>
    <t>128.744</t>
  </si>
  <si>
    <t>174700.0</t>
  </si>
  <si>
    <t>31.808</t>
  </si>
  <si>
    <t>8917459.0</t>
  </si>
  <si>
    <t>237278.0</t>
  </si>
  <si>
    <t>132.263</t>
  </si>
  <si>
    <t>180720.0</t>
  </si>
  <si>
    <t>9168635.0</t>
  </si>
  <si>
    <t>251176.0</t>
  </si>
  <si>
    <t>187574.0</t>
  </si>
  <si>
    <t>5.736</t>
  </si>
  <si>
    <t>9429097.0</t>
  </si>
  <si>
    <t>260462.0</t>
  </si>
  <si>
    <t>139.852</t>
  </si>
  <si>
    <t>193705.0</t>
  </si>
  <si>
    <t>9531015.0</t>
  </si>
  <si>
    <t>101918.0</t>
  </si>
  <si>
    <t>141.364</t>
  </si>
  <si>
    <t>6.297</t>
  </si>
  <si>
    <t>9560149.0</t>
  </si>
  <si>
    <t>141.796</t>
  </si>
  <si>
    <t>195053.0</t>
  </si>
  <si>
    <t>16528.2</t>
  </si>
  <si>
    <t>243.732027782284</t>
  </si>
  <si>
    <t>9835501.0</t>
  </si>
  <si>
    <t>275352.0</t>
  </si>
  <si>
    <t>199505.0</t>
  </si>
  <si>
    <t>83.465</t>
  </si>
  <si>
    <t>7.064</t>
  </si>
  <si>
    <t>10101351.0</t>
  </si>
  <si>
    <t>265850.0</t>
  </si>
  <si>
    <t>149.823</t>
  </si>
  <si>
    <t>203024.0</t>
  </si>
  <si>
    <t>11.738</t>
  </si>
  <si>
    <t>10348460.0</t>
  </si>
  <si>
    <t>247109.0</t>
  </si>
  <si>
    <t>153.488</t>
  </si>
  <si>
    <t>204429.0</t>
  </si>
  <si>
    <t>7.889</t>
  </si>
  <si>
    <t>10592529.0</t>
  </si>
  <si>
    <t>244069.0</t>
  </si>
  <si>
    <t>157.108</t>
  </si>
  <si>
    <t>203413.0</t>
  </si>
  <si>
    <t>10836911.0</t>
  </si>
  <si>
    <t>244382.0</t>
  </si>
  <si>
    <t>160.733</t>
  </si>
  <si>
    <t>10931809.0</t>
  </si>
  <si>
    <t>94898.0</t>
  </si>
  <si>
    <t>200113.0</t>
  </si>
  <si>
    <t>8.833</t>
  </si>
  <si>
    <t>10961636.0</t>
  </si>
  <si>
    <t>29827.0</t>
  </si>
  <si>
    <t>162.582</t>
  </si>
  <si>
    <t>200212.0</t>
  </si>
  <si>
    <t>17400.4</t>
  </si>
  <si>
    <t>256.593868432307</t>
  </si>
  <si>
    <t>11204561.0</t>
  </si>
  <si>
    <t>242925.0</t>
  </si>
  <si>
    <t>166.186</t>
  </si>
  <si>
    <t>195580.0</t>
  </si>
  <si>
    <t>13.921</t>
  </si>
  <si>
    <t>11423561.0</t>
  </si>
  <si>
    <t>219000.0</t>
  </si>
  <si>
    <t>169.434</t>
  </si>
  <si>
    <t>188887.0</t>
  </si>
  <si>
    <t>9.954</t>
  </si>
  <si>
    <t>11626004.0</t>
  </si>
  <si>
    <t>202443.0</t>
  </si>
  <si>
    <t>172.436</t>
  </si>
  <si>
    <t>182506.0</t>
  </si>
  <si>
    <t>15.351</t>
  </si>
  <si>
    <t>11829374.0</t>
  </si>
  <si>
    <t>203370.0</t>
  </si>
  <si>
    <t>175.453</t>
  </si>
  <si>
    <t>176692.0</t>
  </si>
  <si>
    <t>60.003</t>
  </si>
  <si>
    <t>12039042.0</t>
  </si>
  <si>
    <t>209668.0</t>
  </si>
  <si>
    <t>178.563</t>
  </si>
  <si>
    <t>12123893.0</t>
  </si>
  <si>
    <t>84851.0</t>
  </si>
  <si>
    <t>179.821</t>
  </si>
  <si>
    <t>170298.0</t>
  </si>
  <si>
    <t>12147233.0</t>
  </si>
  <si>
    <t>23340.0</t>
  </si>
  <si>
    <t>180.167</t>
  </si>
  <si>
    <t>169371.0</t>
  </si>
  <si>
    <t>17345.8</t>
  </si>
  <si>
    <t>255.788713078613</t>
  </si>
  <si>
    <t>11.502</t>
  </si>
  <si>
    <t>12365705.0</t>
  </si>
  <si>
    <t>218472.0</t>
  </si>
  <si>
    <t>183.408</t>
  </si>
  <si>
    <t>165878.0</t>
  </si>
  <si>
    <t>95.586</t>
  </si>
  <si>
    <t>12.018</t>
  </si>
  <si>
    <t>12561598.0</t>
  </si>
  <si>
    <t>195893.0</t>
  </si>
  <si>
    <t>186.313</t>
  </si>
  <si>
    <t>162577.0</t>
  </si>
  <si>
    <t>18.168</t>
  </si>
  <si>
    <t>12749279.0</t>
  </si>
  <si>
    <t>187681.0</t>
  </si>
  <si>
    <t>160468.0</t>
  </si>
  <si>
    <t>18.566</t>
  </si>
  <si>
    <t>12940936.0</t>
  </si>
  <si>
    <t>191657.0</t>
  </si>
  <si>
    <t>191.939</t>
  </si>
  <si>
    <t>158795.0</t>
  </si>
  <si>
    <t>12.313</t>
  </si>
  <si>
    <t>13146803.0</t>
  </si>
  <si>
    <t>205867.0</t>
  </si>
  <si>
    <t>194.993</t>
  </si>
  <si>
    <t>158252.0</t>
  </si>
  <si>
    <t>13235894.0</t>
  </si>
  <si>
    <t>89091.0</t>
  </si>
  <si>
    <t>196.314</t>
  </si>
  <si>
    <t>158857.0</t>
  </si>
  <si>
    <t>19.686</t>
  </si>
  <si>
    <t>13.169</t>
  </si>
  <si>
    <t>13260984.0</t>
  </si>
  <si>
    <t>196.686</t>
  </si>
  <si>
    <t>159107.0</t>
  </si>
  <si>
    <t>18033.2</t>
  </si>
  <si>
    <t>265.925412531521</t>
  </si>
  <si>
    <t>13496301.0</t>
  </si>
  <si>
    <t>235317.0</t>
  </si>
  <si>
    <t>161514.0</t>
  </si>
  <si>
    <t>13709789.0</t>
  </si>
  <si>
    <t>213488.0</t>
  </si>
  <si>
    <t>203.343</t>
  </si>
  <si>
    <t>164027.0</t>
  </si>
  <si>
    <t>13919601.0</t>
  </si>
  <si>
    <t>209812.0</t>
  </si>
  <si>
    <t>206.455</t>
  </si>
  <si>
    <t>167189.0</t>
  </si>
  <si>
    <t>69.456</t>
  </si>
  <si>
    <t>14145835.0</t>
  </si>
  <si>
    <t>226234.0</t>
  </si>
  <si>
    <t>172128.0</t>
  </si>
  <si>
    <t>14399528.0</t>
  </si>
  <si>
    <t>253693.0</t>
  </si>
  <si>
    <t>213.573</t>
  </si>
  <si>
    <t>178961.0</t>
  </si>
  <si>
    <t>13.685</t>
  </si>
  <si>
    <t>14511774.0</t>
  </si>
  <si>
    <t>112246.0</t>
  </si>
  <si>
    <t>215.238</t>
  </si>
  <si>
    <t>182269.0</t>
  </si>
  <si>
    <t>14543426.0</t>
  </si>
  <si>
    <t>215.707</t>
  </si>
  <si>
    <t>18432.2</t>
  </si>
  <si>
    <t>271.809240116202</t>
  </si>
  <si>
    <t>14835616.0</t>
  </si>
  <si>
    <t>292190.0</t>
  </si>
  <si>
    <t>220.041</t>
  </si>
  <si>
    <t>4.334</t>
  </si>
  <si>
    <t>24.081</t>
  </si>
  <si>
    <t>15105600.0</t>
  </si>
  <si>
    <t>269984.0</t>
  </si>
  <si>
    <t>224.046</t>
  </si>
  <si>
    <t>199402.0</t>
  </si>
  <si>
    <t>15378982.0</t>
  </si>
  <si>
    <t>273382.0</t>
  </si>
  <si>
    <t>228.1</t>
  </si>
  <si>
    <t>208483.0</t>
  </si>
  <si>
    <t>15673150.0</t>
  </si>
  <si>
    <t>294168.0</t>
  </si>
  <si>
    <t>232.463</t>
  </si>
  <si>
    <t>218188.0</t>
  </si>
  <si>
    <t>101.839</t>
  </si>
  <si>
    <t>15987946.0</t>
  </si>
  <si>
    <t>314796.0</t>
  </si>
  <si>
    <t>237.132</t>
  </si>
  <si>
    <t>226917.0</t>
  </si>
  <si>
    <t>18.713</t>
  </si>
  <si>
    <t>16125543.0</t>
  </si>
  <si>
    <t>137597.0</t>
  </si>
  <si>
    <t>239.173</t>
  </si>
  <si>
    <t>230538.0</t>
  </si>
  <si>
    <t>10897.0</t>
  </si>
  <si>
    <t>16164817.0</t>
  </si>
  <si>
    <t>239.756</t>
  </si>
  <si>
    <t>231627.0</t>
  </si>
  <si>
    <t>19293.6</t>
  </si>
  <si>
    <t>284.511819267692</t>
  </si>
  <si>
    <t>117.647</t>
  </si>
  <si>
    <t>16511180.0</t>
  </si>
  <si>
    <t>346363.0</t>
  </si>
  <si>
    <t>244.893</t>
  </si>
  <si>
    <t>239366.0</t>
  </si>
  <si>
    <t>16824309.0</t>
  </si>
  <si>
    <t>313129.0</t>
  </si>
  <si>
    <t>249.537</t>
  </si>
  <si>
    <t>245530.0</t>
  </si>
  <si>
    <t>23.358</t>
  </si>
  <si>
    <t>17146033.0</t>
  </si>
  <si>
    <t>321724.0</t>
  </si>
  <si>
    <t>254.309</t>
  </si>
  <si>
    <t>252436.0</t>
  </si>
  <si>
    <t>17493446.0</t>
  </si>
  <si>
    <t>347413.0</t>
  </si>
  <si>
    <t>259.462</t>
  </si>
  <si>
    <t>260042.0</t>
  </si>
  <si>
    <t>11031.0</t>
  </si>
  <si>
    <t>17871835.0</t>
  </si>
  <si>
    <t>378389.0</t>
  </si>
  <si>
    <t>265.074</t>
  </si>
  <si>
    <t>269127.0</t>
  </si>
  <si>
    <t>172.71</t>
  </si>
  <si>
    <t>18033932.0</t>
  </si>
  <si>
    <t>162097.0</t>
  </si>
  <si>
    <t>267.478</t>
  </si>
  <si>
    <t>272627.0</t>
  </si>
  <si>
    <t>179.538</t>
  </si>
  <si>
    <t>18080027.0</t>
  </si>
  <si>
    <t>268.162</t>
  </si>
  <si>
    <t>273601.0</t>
  </si>
  <si>
    <t>4.058</t>
  </si>
  <si>
    <t>317.508442334066</t>
  </si>
  <si>
    <t>13065.0</t>
  </si>
  <si>
    <t>18498277.0</t>
  </si>
  <si>
    <t>418250.0</t>
  </si>
  <si>
    <t>274.366</t>
  </si>
  <si>
    <t>6.203</t>
  </si>
  <si>
    <t>283871.0</t>
  </si>
  <si>
    <t>18955.0</t>
  </si>
  <si>
    <t>14110.0</t>
  </si>
  <si>
    <t>18874424.0</t>
  </si>
  <si>
    <t>279.945</t>
  </si>
  <si>
    <t>5.579</t>
  </si>
  <si>
    <t>292874.0</t>
  </si>
  <si>
    <t>19242284.0</t>
  </si>
  <si>
    <t>367860.0</t>
  </si>
  <si>
    <t>285.401</t>
  </si>
  <si>
    <t>299464.0</t>
  </si>
  <si>
    <t>21160.0</t>
  </si>
  <si>
    <t>15786.0</t>
  </si>
  <si>
    <t>19619199.0</t>
  </si>
  <si>
    <t>376915.0</t>
  </si>
  <si>
    <t>290.991</t>
  </si>
  <si>
    <t>303679.0</t>
  </si>
  <si>
    <t>20020804.0</t>
  </si>
  <si>
    <t>401605.0</t>
  </si>
  <si>
    <t>296.948</t>
  </si>
  <si>
    <t>306996.0</t>
  </si>
  <si>
    <t>23013.0</t>
  </si>
  <si>
    <t>20193096.0</t>
  </si>
  <si>
    <t>172292.0</t>
  </si>
  <si>
    <t>299.503</t>
  </si>
  <si>
    <t>308452.0</t>
  </si>
  <si>
    <t>17450.0</t>
  </si>
  <si>
    <t>20238798.0</t>
  </si>
  <si>
    <t>45702.0</t>
  </si>
  <si>
    <t>300.181</t>
  </si>
  <si>
    <t>308396.0</t>
  </si>
  <si>
    <t>24676.4</t>
  </si>
  <si>
    <t>363.888929851209</t>
  </si>
  <si>
    <t>260.761</t>
  </si>
  <si>
    <t>20674774.0</t>
  </si>
  <si>
    <t>435976.0</t>
  </si>
  <si>
    <t>306.647</t>
  </si>
  <si>
    <t>310928.0</t>
  </si>
  <si>
    <t>4.612</t>
  </si>
  <si>
    <t>18006.0</t>
  </si>
  <si>
    <t>21057779.0</t>
  </si>
  <si>
    <t>383005.0</t>
  </si>
  <si>
    <t>312.328</t>
  </si>
  <si>
    <t>311908.0</t>
  </si>
  <si>
    <t>4.626</t>
  </si>
  <si>
    <t>27511.0</t>
  </si>
  <si>
    <t>18866.0</t>
  </si>
  <si>
    <t>21412054.0</t>
  </si>
  <si>
    <t>354275.0</t>
  </si>
  <si>
    <t>317.583</t>
  </si>
  <si>
    <t>309967.0</t>
  </si>
  <si>
    <t>21780459.0</t>
  </si>
  <si>
    <t>368405.0</t>
  </si>
  <si>
    <t>323.047</t>
  </si>
  <si>
    <t>308751.0</t>
  </si>
  <si>
    <t>28955.0</t>
  </si>
  <si>
    <t>22157035.0</t>
  </si>
  <si>
    <t>376576.0</t>
  </si>
  <si>
    <t>328.632</t>
  </si>
  <si>
    <t>305176.0</t>
  </si>
  <si>
    <t>29396.0</t>
  </si>
  <si>
    <t>44.284</t>
  </si>
  <si>
    <t>22304218.0</t>
  </si>
  <si>
    <t>147183.0</t>
  </si>
  <si>
    <t>330.815</t>
  </si>
  <si>
    <t>301589.0</t>
  </si>
  <si>
    <t>19940.0</t>
  </si>
  <si>
    <t>22339028.0</t>
  </si>
  <si>
    <t>34810.0</t>
  </si>
  <si>
    <t>331.331</t>
  </si>
  <si>
    <t>300033.0</t>
  </si>
  <si>
    <t>28702.0</t>
  </si>
  <si>
    <t>423.252178785779</t>
  </si>
  <si>
    <t>22729494.0</t>
  </si>
  <si>
    <t>390466.0</t>
  </si>
  <si>
    <t>337.123</t>
  </si>
  <si>
    <t>5.791</t>
  </si>
  <si>
    <t>293531.0</t>
  </si>
  <si>
    <t>31477.0</t>
  </si>
  <si>
    <t>19920.0</t>
  </si>
  <si>
    <t>23079745.0</t>
  </si>
  <si>
    <t>350251.0</t>
  </si>
  <si>
    <t>342.318</t>
  </si>
  <si>
    <t>288852.0</t>
  </si>
  <si>
    <t>42.838</t>
  </si>
  <si>
    <t>18827.0</t>
  </si>
  <si>
    <t>23130416.0</t>
  </si>
  <si>
    <t>343.069</t>
  </si>
  <si>
    <t>245480.0</t>
  </si>
  <si>
    <t>23490812.0</t>
  </si>
  <si>
    <t>360396.0</t>
  </si>
  <si>
    <t>348.415</t>
  </si>
  <si>
    <t>244336.0</t>
  </si>
  <si>
    <t>23800202.0</t>
  </si>
  <si>
    <t>309390.0</t>
  </si>
  <si>
    <t>353.004</t>
  </si>
  <si>
    <t>234738.0</t>
  </si>
  <si>
    <t>260.334</t>
  </si>
  <si>
    <t>23915724.0</t>
  </si>
  <si>
    <t>115522.0</t>
  </si>
  <si>
    <t>354.717</t>
  </si>
  <si>
    <t>230215.0</t>
  </si>
  <si>
    <t>23942302.0</t>
  </si>
  <si>
    <t>26578.0</t>
  </si>
  <si>
    <t>355.111</t>
  </si>
  <si>
    <t>229039.0</t>
  </si>
  <si>
    <t>32572.6</t>
  </si>
  <si>
    <t>480.329730287703</t>
  </si>
  <si>
    <t>39.004</t>
  </si>
  <si>
    <t>24254406.0</t>
  </si>
  <si>
    <t>359.74</t>
  </si>
  <si>
    <t>217845.0</t>
  </si>
  <si>
    <t>33139.0</t>
  </si>
  <si>
    <t>37.677</t>
  </si>
  <si>
    <t>24512751.0</t>
  </si>
  <si>
    <t>258345.0</t>
  </si>
  <si>
    <t>363.572</t>
  </si>
  <si>
    <t>204715.0</t>
  </si>
  <si>
    <t>24728045.0</t>
  </si>
  <si>
    <t>366.765</t>
  </si>
  <si>
    <t>3.193</t>
  </si>
  <si>
    <t>228233.0</t>
  </si>
  <si>
    <t>24964939.0</t>
  </si>
  <si>
    <t>236894.0</t>
  </si>
  <si>
    <t>370.279</t>
  </si>
  <si>
    <t>210590.0</t>
  </si>
  <si>
    <t>14978.0</t>
  </si>
  <si>
    <t>25211841.0</t>
  </si>
  <si>
    <t>246902.0</t>
  </si>
  <si>
    <t>373.941</t>
  </si>
  <si>
    <t>201663.0</t>
  </si>
  <si>
    <t>32.059</t>
  </si>
  <si>
    <t>25317372.0</t>
  </si>
  <si>
    <t>105531.0</t>
  </si>
  <si>
    <t>375.506</t>
  </si>
  <si>
    <t>200235.0</t>
  </si>
  <si>
    <t>31522.0</t>
  </si>
  <si>
    <t>30.599</t>
  </si>
  <si>
    <t>25341977.0</t>
  </si>
  <si>
    <t>375.871</t>
  </si>
  <si>
    <t>199954.0</t>
  </si>
  <si>
    <t>35848.6</t>
  </si>
  <si>
    <t>528.639051509298</t>
  </si>
  <si>
    <t>25599648.0</t>
  </si>
  <si>
    <t>257671.0</t>
  </si>
  <si>
    <t>379.693</t>
  </si>
  <si>
    <t>192177.0</t>
  </si>
  <si>
    <t>25814010.0</t>
  </si>
  <si>
    <t>214362.0</t>
  </si>
  <si>
    <t>382.872</t>
  </si>
  <si>
    <t>185894.0</t>
  </si>
  <si>
    <t>60.991</t>
  </si>
  <si>
    <t>26008884.0</t>
  </si>
  <si>
    <t>194874.0</t>
  </si>
  <si>
    <t>385.763</t>
  </si>
  <si>
    <t>182977.0</t>
  </si>
  <si>
    <t>10692.0</t>
  </si>
  <si>
    <t>26217074.0</t>
  </si>
  <si>
    <t>208190.0</t>
  </si>
  <si>
    <t>388.85</t>
  </si>
  <si>
    <t>178876.0</t>
  </si>
  <si>
    <t>57.083</t>
  </si>
  <si>
    <t>28620.0</t>
  </si>
  <si>
    <t>10195.0</t>
  </si>
  <si>
    <t>26437732.0</t>
  </si>
  <si>
    <t>220658.0</t>
  </si>
  <si>
    <t>392.123</t>
  </si>
  <si>
    <t>175127.0</t>
  </si>
  <si>
    <t>26537243.0</t>
  </si>
  <si>
    <t>99511.0</t>
  </si>
  <si>
    <t>393.599</t>
  </si>
  <si>
    <t>174267.0</t>
  </si>
  <si>
    <t>28284.0</t>
  </si>
  <si>
    <t>26561016.0</t>
  </si>
  <si>
    <t>393.952</t>
  </si>
  <si>
    <t>38701.0</t>
  </si>
  <si>
    <t>570.701782843998</t>
  </si>
  <si>
    <t>26800331.0</t>
  </si>
  <si>
    <t>397.501</t>
  </si>
  <si>
    <t>171526.0</t>
  </si>
  <si>
    <t>9065.0</t>
  </si>
  <si>
    <t>26999955.0</t>
  </si>
  <si>
    <t>199624.0</t>
  </si>
  <si>
    <t>400.462</t>
  </si>
  <si>
    <t>169421.0</t>
  </si>
  <si>
    <t>26986.0</t>
  </si>
  <si>
    <t>27180835.0</t>
  </si>
  <si>
    <t>180880.0</t>
  </si>
  <si>
    <t>403.145</t>
  </si>
  <si>
    <t>167422.0</t>
  </si>
  <si>
    <t>26675.0</t>
  </si>
  <si>
    <t>17.769</t>
  </si>
  <si>
    <t>27381082.0</t>
  </si>
  <si>
    <t>200247.0</t>
  </si>
  <si>
    <t>406.115</t>
  </si>
  <si>
    <t>166287.0</t>
  </si>
  <si>
    <t>387.581</t>
  </si>
  <si>
    <t>27599871.0</t>
  </si>
  <si>
    <t>218789.0</t>
  </si>
  <si>
    <t>409.36</t>
  </si>
  <si>
    <t>166020.0</t>
  </si>
  <si>
    <t>26040.0</t>
  </si>
  <si>
    <t>27705054.0</t>
  </si>
  <si>
    <t>105183.0</t>
  </si>
  <si>
    <t>166830.0</t>
  </si>
  <si>
    <t>17.194</t>
  </si>
  <si>
    <t>27731436.0</t>
  </si>
  <si>
    <t>411.311</t>
  </si>
  <si>
    <t>167203.0</t>
  </si>
  <si>
    <t>41268.0</t>
  </si>
  <si>
    <t>608.55588161562</t>
  </si>
  <si>
    <t>26333.0</t>
  </si>
  <si>
    <t>17.298</t>
  </si>
  <si>
    <t>27988789.0</t>
  </si>
  <si>
    <t>257353.0</t>
  </si>
  <si>
    <t>415.128</t>
  </si>
  <si>
    <t>169780.0</t>
  </si>
  <si>
    <t>28214139.0</t>
  </si>
  <si>
    <t>225350.0</t>
  </si>
  <si>
    <t>418.471</t>
  </si>
  <si>
    <t>173455.0</t>
  </si>
  <si>
    <t>28421178.0</t>
  </si>
  <si>
    <t>207039.0</t>
  </si>
  <si>
    <t>421.542</t>
  </si>
  <si>
    <t>177192.0</t>
  </si>
  <si>
    <t>28647706.0</t>
  </si>
  <si>
    <t>226528.0</t>
  </si>
  <si>
    <t>424.901</t>
  </si>
  <si>
    <t>180946.0</t>
  </si>
  <si>
    <t>127.026</t>
  </si>
  <si>
    <t>28900125.0</t>
  </si>
  <si>
    <t>252419.0</t>
  </si>
  <si>
    <t>428.645</t>
  </si>
  <si>
    <t>185751.0</t>
  </si>
  <si>
    <t>8692.0</t>
  </si>
  <si>
    <t>29033278.0</t>
  </si>
  <si>
    <t>133153.0</t>
  </si>
  <si>
    <t>430.62</t>
  </si>
  <si>
    <t>189746.0</t>
  </si>
  <si>
    <t>25207.0</t>
  </si>
  <si>
    <t>17.312</t>
  </si>
  <si>
    <t>29067653.0</t>
  </si>
  <si>
    <t>34375.0</t>
  </si>
  <si>
    <t>190888.0</t>
  </si>
  <si>
    <t>43515.8</t>
  </si>
  <si>
    <t>641.702918319496</t>
  </si>
  <si>
    <t>25449.0</t>
  </si>
  <si>
    <t>29397400.0</t>
  </si>
  <si>
    <t>329747.0</t>
  </si>
  <si>
    <t>436.021</t>
  </si>
  <si>
    <t>201230.0</t>
  </si>
  <si>
    <t>29711470.0</t>
  </si>
  <si>
    <t>314070.0</t>
  </si>
  <si>
    <t>440.679</t>
  </si>
  <si>
    <t>213904.0</t>
  </si>
  <si>
    <t>30048510.0</t>
  </si>
  <si>
    <t>337040.0</t>
  </si>
  <si>
    <t>445.678</t>
  </si>
  <si>
    <t>232476.0</t>
  </si>
  <si>
    <t>41.261</t>
  </si>
  <si>
    <t>17.519</t>
  </si>
  <si>
    <t>133.013</t>
  </si>
  <si>
    <t>30447786.0</t>
  </si>
  <si>
    <t>399276.0</t>
  </si>
  <si>
    <t>451.6</t>
  </si>
  <si>
    <t>5.922</t>
  </si>
  <si>
    <t>257154.0</t>
  </si>
  <si>
    <t>30955125.0</t>
  </si>
  <si>
    <t>507339.0</t>
  </si>
  <si>
    <t>459.125</t>
  </si>
  <si>
    <t>7.525</t>
  </si>
  <si>
    <t>293571.0</t>
  </si>
  <si>
    <t>31291216.0</t>
  </si>
  <si>
    <t>336091.0</t>
  </si>
  <si>
    <t>464.11</t>
  </si>
  <si>
    <t>4.985</t>
  </si>
  <si>
    <t>322563.0</t>
  </si>
  <si>
    <t>4.784</t>
  </si>
  <si>
    <t>31409340.0</t>
  </si>
  <si>
    <t>118124.0</t>
  </si>
  <si>
    <t>465.862</t>
  </si>
  <si>
    <t>334527.0</t>
  </si>
  <si>
    <t>45022.4</t>
  </si>
  <si>
    <t>663.919897364812</t>
  </si>
  <si>
    <t>25201.0</t>
  </si>
  <si>
    <t>371.625</t>
  </si>
  <si>
    <t>16.973</t>
  </si>
  <si>
    <t>32088981.0</t>
  </si>
  <si>
    <t>679641.0</t>
  </si>
  <si>
    <t>475.942</t>
  </si>
  <si>
    <t>384512.0</t>
  </si>
  <si>
    <t>32830721.0</t>
  </si>
  <si>
    <t>741740.0</t>
  </si>
  <si>
    <t>486.944</t>
  </si>
  <si>
    <t>445607.0</t>
  </si>
  <si>
    <t>24852.0</t>
  </si>
  <si>
    <t>33565397.0</t>
  </si>
  <si>
    <t>734676.0</t>
  </si>
  <si>
    <t>497.84</t>
  </si>
  <si>
    <t>502412.0</t>
  </si>
  <si>
    <t>24607.0</t>
  </si>
  <si>
    <t>34071332.0</t>
  </si>
  <si>
    <t>505935.0</t>
  </si>
  <si>
    <t>505.344</t>
  </si>
  <si>
    <t>517649.0</t>
  </si>
  <si>
    <t>38.577</t>
  </si>
  <si>
    <t>24359.0</t>
  </si>
  <si>
    <t>34110094.0</t>
  </si>
  <si>
    <t>38762.0</t>
  </si>
  <si>
    <t>505.919</t>
  </si>
  <si>
    <t>450710.0</t>
  </si>
  <si>
    <t>24444.0</t>
  </si>
  <si>
    <t>34332854.0</t>
  </si>
  <si>
    <t>222760.0</t>
  </si>
  <si>
    <t>509.223</t>
  </si>
  <si>
    <t>434520.0</t>
  </si>
  <si>
    <t>34380863.0</t>
  </si>
  <si>
    <t>48009.0</t>
  </si>
  <si>
    <t>509.935</t>
  </si>
  <si>
    <t>424503.0</t>
  </si>
  <si>
    <t>6.296</t>
  </si>
  <si>
    <t>45910.6</t>
  </si>
  <si>
    <t>677.017680975624</t>
  </si>
  <si>
    <t>24645.0</t>
  </si>
  <si>
    <t>17.578</t>
  </si>
  <si>
    <t>34778560.0</t>
  </si>
  <si>
    <t>397697.0</t>
  </si>
  <si>
    <t>515.834</t>
  </si>
  <si>
    <t>384226.0</t>
  </si>
  <si>
    <t>5.699</t>
  </si>
  <si>
    <t>35144641.0</t>
  </si>
  <si>
    <t>366081.0</t>
  </si>
  <si>
    <t>521.264</t>
  </si>
  <si>
    <t>330560.0</t>
  </si>
  <si>
    <t>39.108</t>
  </si>
  <si>
    <t>24560.0</t>
  </si>
  <si>
    <t>35544171.0</t>
  </si>
  <si>
    <t>527.19</t>
  </si>
  <si>
    <t>5.926</t>
  </si>
  <si>
    <t>282682.0</t>
  </si>
  <si>
    <t>24407.0</t>
  </si>
  <si>
    <t>35881338.0</t>
  </si>
  <si>
    <t>337167.0</t>
  </si>
  <si>
    <t>532.19</t>
  </si>
  <si>
    <t>258572.0</t>
  </si>
  <si>
    <t>24263.0</t>
  </si>
  <si>
    <t>35914568.0</t>
  </si>
  <si>
    <t>532.683</t>
  </si>
  <si>
    <t>257782.0</t>
  </si>
  <si>
    <t>38.813</t>
  </si>
  <si>
    <t>36144513.0</t>
  </si>
  <si>
    <t>229945.0</t>
  </si>
  <si>
    <t>536.094</t>
  </si>
  <si>
    <t>258808.0</t>
  </si>
  <si>
    <t>36191680.0</t>
  </si>
  <si>
    <t>47167.0</t>
  </si>
  <si>
    <t>536.793</t>
  </si>
  <si>
    <t>258688.0</t>
  </si>
  <si>
    <t>47362.8</t>
  </si>
  <si>
    <t>698.432453954257</t>
  </si>
  <si>
    <t>36619264.0</t>
  </si>
  <si>
    <t>427584.0</t>
  </si>
  <si>
    <t>543.135</t>
  </si>
  <si>
    <t>6.342</t>
  </si>
  <si>
    <t>262958.0</t>
  </si>
  <si>
    <t>36963435.0</t>
  </si>
  <si>
    <t>344171.0</t>
  </si>
  <si>
    <t>548.24</t>
  </si>
  <si>
    <t>259828.0</t>
  </si>
  <si>
    <t>37276400.0</t>
  </si>
  <si>
    <t>312965.0</t>
  </si>
  <si>
    <t>552.882</t>
  </si>
  <si>
    <t>247461.0</t>
  </si>
  <si>
    <t>26937.0</t>
  </si>
  <si>
    <t>37602985.0</t>
  </si>
  <si>
    <t>557.726</t>
  </si>
  <si>
    <t>245950.0</t>
  </si>
  <si>
    <t>56476.0</t>
  </si>
  <si>
    <t>56412.0</t>
  </si>
  <si>
    <t>19.952</t>
  </si>
  <si>
    <t>37952950.0</t>
  </si>
  <si>
    <t>349965.0</t>
  </si>
  <si>
    <t>562.916</t>
  </si>
  <si>
    <t>291197.0</t>
  </si>
  <si>
    <t>93675.0</t>
  </si>
  <si>
    <t>93577.0</t>
  </si>
  <si>
    <t>37199.0</t>
  </si>
  <si>
    <t>12840.0</t>
  </si>
  <si>
    <t>24240.0</t>
  </si>
  <si>
    <t>38141778.0</t>
  </si>
  <si>
    <t>188828.0</t>
  </si>
  <si>
    <t>565.717</t>
  </si>
  <si>
    <t>285324.0</t>
  </si>
  <si>
    <t>104904.0</t>
  </si>
  <si>
    <t>104797.0</t>
  </si>
  <si>
    <t>14391.0</t>
  </si>
  <si>
    <t>14377.0</t>
  </si>
  <si>
    <t>24526.0</t>
  </si>
  <si>
    <t>38184062.0</t>
  </si>
  <si>
    <t>566.344</t>
  </si>
  <si>
    <t>284626.0</t>
  </si>
  <si>
    <t>110924.0</t>
  </si>
  <si>
    <t>110809.0</t>
  </si>
  <si>
    <t>48203.6</t>
  </si>
  <si>
    <t>710.831256543731</t>
  </si>
  <si>
    <t>38580953.0</t>
  </si>
  <si>
    <t>396891.0</t>
  </si>
  <si>
    <t>572.231</t>
  </si>
  <si>
    <t>280241.0</t>
  </si>
  <si>
    <t>150913.0</t>
  </si>
  <si>
    <t>150761.0</t>
  </si>
  <si>
    <t>20580.0</t>
  </si>
  <si>
    <t>38918539.0</t>
  </si>
  <si>
    <t>337586.0</t>
  </si>
  <si>
    <t>577.238</t>
  </si>
  <si>
    <t>279301.0</t>
  </si>
  <si>
    <t>213097.0</t>
  </si>
  <si>
    <t>212917.0</t>
  </si>
  <si>
    <t>62184.0</t>
  </si>
  <si>
    <t>28350.0</t>
  </si>
  <si>
    <t>24735.0</t>
  </si>
  <si>
    <t>39231096.0</t>
  </si>
  <si>
    <t>312557.0</t>
  </si>
  <si>
    <t>581.874</t>
  </si>
  <si>
    <t>279242.0</t>
  </si>
  <si>
    <t>4.142</t>
  </si>
  <si>
    <t>278305.0</t>
  </si>
  <si>
    <t>278063.0</t>
  </si>
  <si>
    <t>65208.0</t>
  </si>
  <si>
    <t>35904.0</t>
  </si>
  <si>
    <t>35875.0</t>
  </si>
  <si>
    <t>24983.0</t>
  </si>
  <si>
    <t>39553462.0</t>
  </si>
  <si>
    <t>322366.0</t>
  </si>
  <si>
    <t>586.655</t>
  </si>
  <si>
    <t>278640.0</t>
  </si>
  <si>
    <t>361653.0</t>
  </si>
  <si>
    <t>361172.0</t>
  </si>
  <si>
    <t>43597.0</t>
  </si>
  <si>
    <t>25009.0</t>
  </si>
  <si>
    <t>39903428.0</t>
  </si>
  <si>
    <t>349966.0</t>
  </si>
  <si>
    <t>591.846</t>
  </si>
  <si>
    <t>430776.0</t>
  </si>
  <si>
    <t>430200.0</t>
  </si>
  <si>
    <t>69123.0</t>
  </si>
  <si>
    <t>48157.0</t>
  </si>
  <si>
    <t>48089.0</t>
  </si>
  <si>
    <t>40101809.0</t>
  </si>
  <si>
    <t>198381.0</t>
  </si>
  <si>
    <t>594.788</t>
  </si>
  <si>
    <t>280004.0</t>
  </si>
  <si>
    <t>451068.0</t>
  </si>
  <si>
    <t>450419.0</t>
  </si>
  <si>
    <t>20292.0</t>
  </si>
  <si>
    <t>49452.0</t>
  </si>
  <si>
    <t>49375.0</t>
  </si>
  <si>
    <t>40146424.0</t>
  </si>
  <si>
    <t>44615.0</t>
  </si>
  <si>
    <t>595.45</t>
  </si>
  <si>
    <t>280337.0</t>
  </si>
  <si>
    <t>462112.0</t>
  </si>
  <si>
    <t>461409.0</t>
  </si>
  <si>
    <t>50170.0</t>
  </si>
  <si>
    <t>48886.4</t>
  </si>
  <si>
    <t>720.900122395411</t>
  </si>
  <si>
    <t>25584.0</t>
  </si>
  <si>
    <t>22.105</t>
  </si>
  <si>
    <t>40543545.0</t>
  </si>
  <si>
    <t>397121.0</t>
  </si>
  <si>
    <t>601.34</t>
  </si>
  <si>
    <t>280370.0</t>
  </si>
  <si>
    <t>548209.0</t>
  </si>
  <si>
    <t>547327.0</t>
  </si>
  <si>
    <t>86097.0</t>
  </si>
  <si>
    <t>56757.0</t>
  </si>
  <si>
    <t>56652.0</t>
  </si>
  <si>
    <t>25532.0</t>
  </si>
  <si>
    <t>154.41</t>
  </si>
  <si>
    <t>40880284.0</t>
  </si>
  <si>
    <t>336739.0</t>
  </si>
  <si>
    <t>606.334</t>
  </si>
  <si>
    <t>280249.0</t>
  </si>
  <si>
    <t>679033.0</t>
  </si>
  <si>
    <t>677941.0</t>
  </si>
  <si>
    <t>66562.0</t>
  </si>
  <si>
    <t>66432.0</t>
  </si>
  <si>
    <t>25650.0</t>
  </si>
  <si>
    <t>10794.0</t>
  </si>
  <si>
    <t>41200487.0</t>
  </si>
  <si>
    <t>320203.0</t>
  </si>
  <si>
    <t>611.084</t>
  </si>
  <si>
    <t>281342.0</t>
  </si>
  <si>
    <t>816790.0</t>
  </si>
  <si>
    <t>815504.0</t>
  </si>
  <si>
    <t>137757.0</t>
  </si>
  <si>
    <t>76926.0</t>
  </si>
  <si>
    <t>76777.0</t>
  </si>
  <si>
    <t>25699.0</t>
  </si>
  <si>
    <t>41540345.0</t>
  </si>
  <si>
    <t>339858.0</t>
  </si>
  <si>
    <t>616.124</t>
  </si>
  <si>
    <t>283840.0</t>
  </si>
  <si>
    <t>975412.0</t>
  </si>
  <si>
    <t>973928.0</t>
  </si>
  <si>
    <t>158622.0</t>
  </si>
  <si>
    <t>87680.0</t>
  </si>
  <si>
    <t>42.794</t>
  </si>
  <si>
    <t>41922634.0</t>
  </si>
  <si>
    <t>382289.0</t>
  </si>
  <si>
    <t>621.795</t>
  </si>
  <si>
    <t>288458.0</t>
  </si>
  <si>
    <t>1096749.0</t>
  </si>
  <si>
    <t>1095010.0</t>
  </si>
  <si>
    <t>121337.0</t>
  </si>
  <si>
    <t>95139.0</t>
  </si>
  <si>
    <t>94973.0</t>
  </si>
  <si>
    <t>42123946.0</t>
  </si>
  <si>
    <t>201312.0</t>
  </si>
  <si>
    <t>624.78</t>
  </si>
  <si>
    <t>288877.0</t>
  </si>
  <si>
    <t>1135321.0</t>
  </si>
  <si>
    <t>1133501.0</t>
  </si>
  <si>
    <t>38572.0</t>
  </si>
  <si>
    <t>97750.0</t>
  </si>
  <si>
    <t>97583.0</t>
  </si>
  <si>
    <t>42166504.0</t>
  </si>
  <si>
    <t>625.412</t>
  </si>
  <si>
    <t>1145200.0</t>
  </si>
  <si>
    <t>1143251.0</t>
  </si>
  <si>
    <t>97584.0</t>
  </si>
  <si>
    <t>50434.2</t>
  </si>
  <si>
    <t>743.724654564759</t>
  </si>
  <si>
    <t>167.977</t>
  </si>
  <si>
    <t>42597497.0</t>
  </si>
  <si>
    <t>430993.0</t>
  </si>
  <si>
    <t>631.804</t>
  </si>
  <si>
    <t>293422.0</t>
  </si>
  <si>
    <t>1224895.0</t>
  </si>
  <si>
    <t>1221501.0</t>
  </si>
  <si>
    <t>79695.0</t>
  </si>
  <si>
    <t>96311.0</t>
  </si>
  <si>
    <t>27005.0</t>
  </si>
  <si>
    <t>11402.0</t>
  </si>
  <si>
    <t>42956643.0</t>
  </si>
  <si>
    <t>359146.0</t>
  </si>
  <si>
    <t>637.131</t>
  </si>
  <si>
    <t>296623.0</t>
  </si>
  <si>
    <t>1328979.0</t>
  </si>
  <si>
    <t>1321892.0</t>
  </si>
  <si>
    <t>104084.0</t>
  </si>
  <si>
    <t>92849.0</t>
  </si>
  <si>
    <t>91993.0</t>
  </si>
  <si>
    <t>43296490.0</t>
  </si>
  <si>
    <t>339847.0</t>
  </si>
  <si>
    <t>642.172</t>
  </si>
  <si>
    <t>299429.0</t>
  </si>
  <si>
    <t>1442650.0</t>
  </si>
  <si>
    <t>1429153.0</t>
  </si>
  <si>
    <t>113671.0</t>
  </si>
  <si>
    <t>87664.0</t>
  </si>
  <si>
    <t>43681169.0</t>
  </si>
  <si>
    <t>384679.0</t>
  </si>
  <si>
    <t>647.877</t>
  </si>
  <si>
    <t>305832.0</t>
  </si>
  <si>
    <t>1583400.0</t>
  </si>
  <si>
    <t>1553530.0</t>
  </si>
  <si>
    <t>29869.0</t>
  </si>
  <si>
    <t>140750.0</t>
  </si>
  <si>
    <t>82800.0</t>
  </si>
  <si>
    <t>46.009</t>
  </si>
  <si>
    <t>44095107.0</t>
  </si>
  <si>
    <t>413938.0</t>
  </si>
  <si>
    <t>654.017</t>
  </si>
  <si>
    <t>310353.0</t>
  </si>
  <si>
    <t>1694316.0</t>
  </si>
  <si>
    <t>1645730.0</t>
  </si>
  <si>
    <t>110916.0</t>
  </si>
  <si>
    <t>85367.0</t>
  </si>
  <si>
    <t>78674.0</t>
  </si>
  <si>
    <t>44311889.0</t>
  </si>
  <si>
    <t>216782.0</t>
  </si>
  <si>
    <t>657.232</t>
  </si>
  <si>
    <t>312563.0</t>
  </si>
  <si>
    <t>1727959.0</t>
  </si>
  <si>
    <t>1674858.0</t>
  </si>
  <si>
    <t>84663.0</t>
  </si>
  <si>
    <t>77337.0</t>
  </si>
  <si>
    <t>27.178</t>
  </si>
  <si>
    <t>44356364.0</t>
  </si>
  <si>
    <t>657.892</t>
  </si>
  <si>
    <t>1735100.0</t>
  </si>
  <si>
    <t>1680098.0</t>
  </si>
  <si>
    <t>55001.0</t>
  </si>
  <si>
    <t>84271.0</t>
  </si>
  <si>
    <t>76692.0</t>
  </si>
  <si>
    <t>51757.2</t>
  </si>
  <si>
    <t>763.234188135018</t>
  </si>
  <si>
    <t>44797590.0</t>
  </si>
  <si>
    <t>441226.0</t>
  </si>
  <si>
    <t>664.436</t>
  </si>
  <si>
    <t>314299.0</t>
  </si>
  <si>
    <t>1811188.0</t>
  </si>
  <si>
    <t>1733250.0</t>
  </si>
  <si>
    <t>77937.0</t>
  </si>
  <si>
    <t>76088.0</t>
  </si>
  <si>
    <t>73107.0</t>
  </si>
  <si>
    <t>45182227.0</t>
  </si>
  <si>
    <t>384637.0</t>
  </si>
  <si>
    <t>670.141</t>
  </si>
  <si>
    <t>317941.0</t>
  </si>
  <si>
    <t>1921541.0</t>
  </si>
  <si>
    <t>1805583.0</t>
  </si>
  <si>
    <t>115957.0</t>
  </si>
  <si>
    <t>110353.0</t>
  </si>
  <si>
    <t>84652.0</t>
  </si>
  <si>
    <t>69099.0</t>
  </si>
  <si>
    <t>45532300.0</t>
  </si>
  <si>
    <t>675.333</t>
  </si>
  <si>
    <t>319401.0</t>
  </si>
  <si>
    <t>2033941.0</t>
  </si>
  <si>
    <t>1877909.0</t>
  </si>
  <si>
    <t>156031.0</t>
  </si>
  <si>
    <t>112400.0</t>
  </si>
  <si>
    <t>84470.0</t>
  </si>
  <si>
    <t>47.778</t>
  </si>
  <si>
    <t>27766.0</t>
  </si>
  <si>
    <t>45910969.0</t>
  </si>
  <si>
    <t>378669.0</t>
  </si>
  <si>
    <t>680.949</t>
  </si>
  <si>
    <t>318543.0</t>
  </si>
  <si>
    <t>2170910.0</t>
  </si>
  <si>
    <t>1959999.0</t>
  </si>
  <si>
    <t>210910.0</t>
  </si>
  <si>
    <t>136969.0</t>
  </si>
  <si>
    <t>58067.0</t>
  </si>
  <si>
    <t>27572.0</t>
  </si>
  <si>
    <t>46333297.0</t>
  </si>
  <si>
    <t>422328.0</t>
  </si>
  <si>
    <t>687.213</t>
  </si>
  <si>
    <t>319741.0</t>
  </si>
  <si>
    <t>2287224.0</t>
  </si>
  <si>
    <t>2028249.0</t>
  </si>
  <si>
    <t>258974.0</t>
  </si>
  <si>
    <t>116314.0</t>
  </si>
  <si>
    <t>84701.0</t>
  </si>
  <si>
    <t>46555405.0</t>
  </si>
  <si>
    <t>222108.0</t>
  </si>
  <si>
    <t>690.508</t>
  </si>
  <si>
    <t>320502.0</t>
  </si>
  <si>
    <t>2321592.0</t>
  </si>
  <si>
    <t>2051205.0</t>
  </si>
  <si>
    <t>270386.0</t>
  </si>
  <si>
    <t>84805.0</t>
  </si>
  <si>
    <t>53764.0</t>
  </si>
  <si>
    <t>11208.0</t>
  </si>
  <si>
    <t>46598797.0</t>
  </si>
  <si>
    <t>43392.0</t>
  </si>
  <si>
    <t>691.151</t>
  </si>
  <si>
    <t>320348.0</t>
  </si>
  <si>
    <t>4.751</t>
  </si>
  <si>
    <t>2332825.0</t>
  </si>
  <si>
    <t>2056400.0</t>
  </si>
  <si>
    <t>276424.0</t>
  </si>
  <si>
    <t>53757.0</t>
  </si>
  <si>
    <t>52730.8</t>
  </si>
  <si>
    <t>777.591317299043</t>
  </si>
  <si>
    <t>27995.0</t>
  </si>
  <si>
    <t>47026216.0</t>
  </si>
  <si>
    <t>427419.0</t>
  </si>
  <si>
    <t>697.491</t>
  </si>
  <si>
    <t>318375.0</t>
  </si>
  <si>
    <t>2428362.0</t>
  </si>
  <si>
    <t>2103254.0</t>
  </si>
  <si>
    <t>325107.0</t>
  </si>
  <si>
    <t>88168.0</t>
  </si>
  <si>
    <t>52858.0</t>
  </si>
  <si>
    <t>27634.0</t>
  </si>
  <si>
    <t>47405583.0</t>
  </si>
  <si>
    <t>379367.0</t>
  </si>
  <si>
    <t>703.117</t>
  </si>
  <si>
    <t>5.627</t>
  </si>
  <si>
    <t>317622.0</t>
  </si>
  <si>
    <t>2572542.0</t>
  </si>
  <si>
    <t>2169295.0</t>
  </si>
  <si>
    <t>403246.0</t>
  </si>
  <si>
    <t>144180.0</t>
  </si>
  <si>
    <t>47750817.0</t>
  </si>
  <si>
    <t>345234.0</t>
  </si>
  <si>
    <t>708.238</t>
  </si>
  <si>
    <t>2726755.0</t>
  </si>
  <si>
    <t>2240332.0</t>
  </si>
  <si>
    <t>486422.0</t>
  </si>
  <si>
    <t>154213.0</t>
  </si>
  <si>
    <t>26963.0</t>
  </si>
  <si>
    <t>397.608</t>
  </si>
  <si>
    <t>48113924.0</t>
  </si>
  <si>
    <t>363107.0</t>
  </si>
  <si>
    <t>713.624</t>
  </si>
  <si>
    <t>314708.0</t>
  </si>
  <si>
    <t>2919295.0</t>
  </si>
  <si>
    <t>2327637.0</t>
  </si>
  <si>
    <t>591657.0</t>
  </si>
  <si>
    <t>192540.0</t>
  </si>
  <si>
    <t>106912.0</t>
  </si>
  <si>
    <t>48516910.0</t>
  </si>
  <si>
    <t>402986.0</t>
  </si>
  <si>
    <t>719.601</t>
  </si>
  <si>
    <t>311945.0</t>
  </si>
  <si>
    <t>3074620.0</t>
  </si>
  <si>
    <t>2406988.0</t>
  </si>
  <si>
    <t>667631.0</t>
  </si>
  <si>
    <t>155325.0</t>
  </si>
  <si>
    <t>112485.0</t>
  </si>
  <si>
    <t>54106.0</t>
  </si>
  <si>
    <t>26196.0</t>
  </si>
  <si>
    <t>27.369</t>
  </si>
  <si>
    <t>48733079.0</t>
  </si>
  <si>
    <t>216169.0</t>
  </si>
  <si>
    <t>722.807</t>
  </si>
  <si>
    <t>311096.0</t>
  </si>
  <si>
    <t>3116540.0</t>
  </si>
  <si>
    <t>2429375.0</t>
  </si>
  <si>
    <t>687164.0</t>
  </si>
  <si>
    <t>41920.0</t>
  </si>
  <si>
    <t>113564.0</t>
  </si>
  <si>
    <t>54024.0</t>
  </si>
  <si>
    <t>10108.0</t>
  </si>
  <si>
    <t>48775814.0</t>
  </si>
  <si>
    <t>42735.0</t>
  </si>
  <si>
    <t>723.441</t>
  </si>
  <si>
    <t>311002.0</t>
  </si>
  <si>
    <t>4.613</t>
  </si>
  <si>
    <t>3128992.0</t>
  </si>
  <si>
    <t>2434455.0</t>
  </si>
  <si>
    <t>694536.0</t>
  </si>
  <si>
    <t>113738.0</t>
  </si>
  <si>
    <t>54008.0</t>
  </si>
  <si>
    <t>53308.0</t>
  </si>
  <si>
    <t>786.102959609515</t>
  </si>
  <si>
    <t>26478.0</t>
  </si>
  <si>
    <t>49196054.0</t>
  </si>
  <si>
    <t>729.674</t>
  </si>
  <si>
    <t>309977.0</t>
  </si>
  <si>
    <t>3243856.0</t>
  </si>
  <si>
    <t>2472581.0</t>
  </si>
  <si>
    <t>771274.0</t>
  </si>
  <si>
    <t>114864.0</t>
  </si>
  <si>
    <t>116499.0</t>
  </si>
  <si>
    <t>49557035.0</t>
  </si>
  <si>
    <t>735.028</t>
  </si>
  <si>
    <t>307350.0</t>
  </si>
  <si>
    <t>3394016.0</t>
  </si>
  <si>
    <t>2522996.0</t>
  </si>
  <si>
    <t>871019.0</t>
  </si>
  <si>
    <t>150160.0</t>
  </si>
  <si>
    <t>117353.0</t>
  </si>
  <si>
    <t>50529.0</t>
  </si>
  <si>
    <t>25929.0</t>
  </si>
  <si>
    <t>49895374.0</t>
  </si>
  <si>
    <t>338339.0</t>
  </si>
  <si>
    <t>740.046</t>
  </si>
  <si>
    <t>306365.0</t>
  </si>
  <si>
    <t>3551357.0</t>
  </si>
  <si>
    <t>2573545.0</t>
  </si>
  <si>
    <t>977791.0</t>
  </si>
  <si>
    <t>157341.0</t>
  </si>
  <si>
    <t>117800.0</t>
  </si>
  <si>
    <t>25717.0</t>
  </si>
  <si>
    <t>26.101</t>
  </si>
  <si>
    <t>50257937.0</t>
  </si>
  <si>
    <t>362563.0</t>
  </si>
  <si>
    <t>745.423</t>
  </si>
  <si>
    <t>306288.0</t>
  </si>
  <si>
    <t>3744652.0</t>
  </si>
  <si>
    <t>2643357.0</t>
  </si>
  <si>
    <t>1101274.0</t>
  </si>
  <si>
    <t>193295.0</t>
  </si>
  <si>
    <t>117908.0</t>
  </si>
  <si>
    <t>376.123</t>
  </si>
  <si>
    <t>26.765</t>
  </si>
  <si>
    <t>50662604.0</t>
  </si>
  <si>
    <t>404667.0</t>
  </si>
  <si>
    <t>751.425</t>
  </si>
  <si>
    <t>306528.0</t>
  </si>
  <si>
    <t>3901889.0</t>
  </si>
  <si>
    <t>2708444.0</t>
  </si>
  <si>
    <t>1193423.0</t>
  </si>
  <si>
    <t>157237.0</t>
  </si>
  <si>
    <t>118181.0</t>
  </si>
  <si>
    <t>50878041.0</t>
  </si>
  <si>
    <t>215437.0</t>
  </si>
  <si>
    <t>754.621</t>
  </si>
  <si>
    <t>306423.0</t>
  </si>
  <si>
    <t>3949052.0</t>
  </si>
  <si>
    <t>2727044.0</t>
  </si>
  <si>
    <t>1221986.0</t>
  </si>
  <si>
    <t>47163.0</t>
  </si>
  <si>
    <t>118930.0</t>
  </si>
  <si>
    <t>50921555.0</t>
  </si>
  <si>
    <t>755.266</t>
  </si>
  <si>
    <t>306534.0</t>
  </si>
  <si>
    <t>3958463.0</t>
  </si>
  <si>
    <t>2730376.0</t>
  </si>
  <si>
    <t>1228065.0</t>
  </si>
  <si>
    <t>118496.0</t>
  </si>
  <si>
    <t>42274.0</t>
  </si>
  <si>
    <t>54023.8</t>
  </si>
  <si>
    <t>796.658457817823</t>
  </si>
  <si>
    <t>25831.0</t>
  </si>
  <si>
    <t>380.915</t>
  </si>
  <si>
    <t>51328575.0</t>
  </si>
  <si>
    <t>407020.0</t>
  </si>
  <si>
    <t>761.303</t>
  </si>
  <si>
    <t>304646.0</t>
  </si>
  <si>
    <t>4.518</t>
  </si>
  <si>
    <t>4069171.0</t>
  </si>
  <si>
    <t>2767884.0</t>
  </si>
  <si>
    <t>1301263.0</t>
  </si>
  <si>
    <t>42186.0</t>
  </si>
  <si>
    <t>27.089</t>
  </si>
  <si>
    <t>51672813.0</t>
  </si>
  <si>
    <t>344238.0</t>
  </si>
  <si>
    <t>766.409</t>
  </si>
  <si>
    <t>5.106</t>
  </si>
  <si>
    <t>302254.0</t>
  </si>
  <si>
    <t>4208191.0</t>
  </si>
  <si>
    <t>2821684.0</t>
  </si>
  <si>
    <t>1386482.0</t>
  </si>
  <si>
    <t>139020.0</t>
  </si>
  <si>
    <t>116311.0</t>
  </si>
  <si>
    <t>42670.0</t>
  </si>
  <si>
    <t>25614.0</t>
  </si>
  <si>
    <t>52001716.0</t>
  </si>
  <si>
    <t>328903.0</t>
  </si>
  <si>
    <t>771.287</t>
  </si>
  <si>
    <t>300906.0</t>
  </si>
  <si>
    <t>4351061.0</t>
  </si>
  <si>
    <t>2881717.0</t>
  </si>
  <si>
    <t>1469318.0</t>
  </si>
  <si>
    <t>142870.0</t>
  </si>
  <si>
    <t>114243.0</t>
  </si>
  <si>
    <t>44025.0</t>
  </si>
  <si>
    <t>25317.0</t>
  </si>
  <si>
    <t>141.035</t>
  </si>
  <si>
    <t>52346213.0</t>
  </si>
  <si>
    <t>344497.0</t>
  </si>
  <si>
    <t>776.397</t>
  </si>
  <si>
    <t>298325.0</t>
  </si>
  <si>
    <t>4543004.0</t>
  </si>
  <si>
    <t>2982324.0</t>
  </si>
  <si>
    <t>1560653.0</t>
  </si>
  <si>
    <t>191943.0</t>
  </si>
  <si>
    <t>114050.0</t>
  </si>
  <si>
    <t>25130.0</t>
  </si>
  <si>
    <t>52736146.0</t>
  </si>
  <si>
    <t>389933.0</t>
  </si>
  <si>
    <t>782.18</t>
  </si>
  <si>
    <t>296220.0</t>
  </si>
  <si>
    <t>4727252.0</t>
  </si>
  <si>
    <t>3095812.0</t>
  </si>
  <si>
    <t>1631412.0</t>
  </si>
  <si>
    <t>184248.0</t>
  </si>
  <si>
    <t>117909.0</t>
  </si>
  <si>
    <t>52942722.0</t>
  </si>
  <si>
    <t>206576.0</t>
  </si>
  <si>
    <t>785.244</t>
  </si>
  <si>
    <t>294954.0</t>
  </si>
  <si>
    <t>4801801.0</t>
  </si>
  <si>
    <t>3147940.0</t>
  </si>
  <si>
    <t>1653832.0</t>
  </si>
  <si>
    <t>74549.0</t>
  </si>
  <si>
    <t>121821.0</t>
  </si>
  <si>
    <t>60128.0</t>
  </si>
  <si>
    <t>52987154.0</t>
  </si>
  <si>
    <t>44432.0</t>
  </si>
  <si>
    <t>785.903</t>
  </si>
  <si>
    <t>295086.0</t>
  </si>
  <si>
    <t>4.377</t>
  </si>
  <si>
    <t>4812138.0</t>
  </si>
  <si>
    <t>3154148.0</t>
  </si>
  <si>
    <t>1657959.0</t>
  </si>
  <si>
    <t>121954.0</t>
  </si>
  <si>
    <t>54058.6</t>
  </si>
  <si>
    <t>797.171633757539</t>
  </si>
  <si>
    <t>52.261</t>
  </si>
  <si>
    <t>53391469.0</t>
  </si>
  <si>
    <t>404315.0</t>
  </si>
  <si>
    <t>791.9</t>
  </si>
  <si>
    <t>294699.0</t>
  </si>
  <si>
    <t>4932147.0</t>
  </si>
  <si>
    <t>3220084.0</t>
  </si>
  <si>
    <t>1712031.0</t>
  </si>
  <si>
    <t>123282.0</t>
  </si>
  <si>
    <t>25263.0</t>
  </si>
  <si>
    <t>372.539</t>
  </si>
  <si>
    <t>53729041.0</t>
  </si>
  <si>
    <t>337572.0</t>
  </si>
  <si>
    <t>796.907</t>
  </si>
  <si>
    <t>293747.0</t>
  </si>
  <si>
    <t>5100727.0</t>
  </si>
  <si>
    <t>3321495.0</t>
  </si>
  <si>
    <t>1779197.0</t>
  </si>
  <si>
    <t>168580.0</t>
  </si>
  <si>
    <t>127505.0</t>
  </si>
  <si>
    <t>71402.0</t>
  </si>
  <si>
    <t>29.655</t>
  </si>
  <si>
    <t>54049432.0</t>
  </si>
  <si>
    <t>320391.0</t>
  </si>
  <si>
    <t>801.659</t>
  </si>
  <si>
    <t>4.752</t>
  </si>
  <si>
    <t>292531.0</t>
  </si>
  <si>
    <t>4.339</t>
  </si>
  <si>
    <t>5282737.0</t>
  </si>
  <si>
    <t>3438050.0</t>
  </si>
  <si>
    <t>1844652.0</t>
  </si>
  <si>
    <t>182010.0</t>
  </si>
  <si>
    <t>133097.0</t>
  </si>
  <si>
    <t>79476.0</t>
  </si>
  <si>
    <t>24891.0</t>
  </si>
  <si>
    <t>54394588.0</t>
  </si>
  <si>
    <t>345156.0</t>
  </si>
  <si>
    <t>806.778</t>
  </si>
  <si>
    <t>292625.0</t>
  </si>
  <si>
    <t>5518909.0</t>
  </si>
  <si>
    <t>3601706.0</t>
  </si>
  <si>
    <t>1917165.0</t>
  </si>
  <si>
    <t>236172.0</t>
  </si>
  <si>
    <t>139415.0</t>
  </si>
  <si>
    <t>88483.0</t>
  </si>
  <si>
    <t>138.469</t>
  </si>
  <si>
    <t>54790486.0</t>
  </si>
  <si>
    <t>395898.0</t>
  </si>
  <si>
    <t>812.65</t>
  </si>
  <si>
    <t>5.872</t>
  </si>
  <si>
    <t>293477.0</t>
  </si>
  <si>
    <t>5782597.0</t>
  </si>
  <si>
    <t>3802662.0</t>
  </si>
  <si>
    <t>1979894.0</t>
  </si>
  <si>
    <t>263688.0</t>
  </si>
  <si>
    <t>150764.0</t>
  </si>
  <si>
    <t>100979.0</t>
  </si>
  <si>
    <t>9480.0</t>
  </si>
  <si>
    <t>55004537.0</t>
  </si>
  <si>
    <t>214051.0</t>
  </si>
  <si>
    <t>815.825</t>
  </si>
  <si>
    <t>294545.0</t>
  </si>
  <si>
    <t>6008088.0</t>
  </si>
  <si>
    <t>4010645.0</t>
  </si>
  <si>
    <t>1997399.0</t>
  </si>
  <si>
    <t>225491.0</t>
  </si>
  <si>
    <t>123244.0</t>
  </si>
  <si>
    <t>55050795.0</t>
  </si>
  <si>
    <t>46258.0</t>
  </si>
  <si>
    <t>816.511</t>
  </si>
  <si>
    <t>294806.0</t>
  </si>
  <si>
    <t>6133412.0</t>
  </si>
  <si>
    <t>4131936.0</t>
  </si>
  <si>
    <t>2001431.0</t>
  </si>
  <si>
    <t>125324.0</t>
  </si>
  <si>
    <t>188753.0</t>
  </si>
  <si>
    <t>139684.0</t>
  </si>
  <si>
    <t>53709.2</t>
  </si>
  <si>
    <t>792.019229351304</t>
  </si>
  <si>
    <t>25195.0</t>
  </si>
  <si>
    <t>9663.0</t>
  </si>
  <si>
    <t>55478601.0</t>
  </si>
  <si>
    <t>427806.0</t>
  </si>
  <si>
    <t>822.856</t>
  </si>
  <si>
    <t>298162.0</t>
  </si>
  <si>
    <t>6290189.0</t>
  </si>
  <si>
    <t>4239109.0</t>
  </si>
  <si>
    <t>2051033.0</t>
  </si>
  <si>
    <t>156777.0</t>
  </si>
  <si>
    <t>194006.0</t>
  </si>
  <si>
    <t>145575.0</t>
  </si>
  <si>
    <t>55849240.0</t>
  </si>
  <si>
    <t>370639.0</t>
  </si>
  <si>
    <t>828.353</t>
  </si>
  <si>
    <t>5.497</t>
  </si>
  <si>
    <t>6518754.0</t>
  </si>
  <si>
    <t>4411592.0</t>
  </si>
  <si>
    <t>2107113.0</t>
  </si>
  <si>
    <t>228565.0</t>
  </si>
  <si>
    <t>202575.0</t>
  </si>
  <si>
    <t>155728.0</t>
  </si>
  <si>
    <t>24969.0</t>
  </si>
  <si>
    <t>32.177</t>
  </si>
  <si>
    <t>56195435.0</t>
  </si>
  <si>
    <t>346195.0</t>
  </si>
  <si>
    <t>833.488</t>
  </si>
  <si>
    <t>306572.0</t>
  </si>
  <si>
    <t>6754887.0</t>
  </si>
  <si>
    <t>4590628.0</t>
  </si>
  <si>
    <t>2164205.0</t>
  </si>
  <si>
    <t>236133.0</t>
  </si>
  <si>
    <t>210307.0</t>
  </si>
  <si>
    <t>164654.0</t>
  </si>
  <si>
    <t>56606077.0</t>
  </si>
  <si>
    <t>410642.0</t>
  </si>
  <si>
    <t>839.579</t>
  </si>
  <si>
    <t>315927.0</t>
  </si>
  <si>
    <t>7061805.0</t>
  </si>
  <si>
    <t>4833556.0</t>
  </si>
  <si>
    <t>2228193.0</t>
  </si>
  <si>
    <t>306918.0</t>
  </si>
  <si>
    <t>220414.0</t>
  </si>
  <si>
    <t>175979.0</t>
  </si>
  <si>
    <t>57070747.0</t>
  </si>
  <si>
    <t>464670.0</t>
  </si>
  <si>
    <t>846.471</t>
  </si>
  <si>
    <t>325752.0</t>
  </si>
  <si>
    <t>4.832</t>
  </si>
  <si>
    <t>7410050.0</t>
  </si>
  <si>
    <t>5128423.0</t>
  </si>
  <si>
    <t>2281570.0</t>
  </si>
  <si>
    <t>348245.0</t>
  </si>
  <si>
    <t>232493.0</t>
  </si>
  <si>
    <t>189394.0</t>
  </si>
  <si>
    <t>24671.0</t>
  </si>
  <si>
    <t>57315858.0</t>
  </si>
  <si>
    <t>245111.0</t>
  </si>
  <si>
    <t>850.106</t>
  </si>
  <si>
    <t>330189.0</t>
  </si>
  <si>
    <t>7656766.0</t>
  </si>
  <si>
    <t>5359863.0</t>
  </si>
  <si>
    <t>2296845.0</t>
  </si>
  <si>
    <t>235525.0</t>
  </si>
  <si>
    <t>192745.0</t>
  </si>
  <si>
    <t>57370504.0</t>
  </si>
  <si>
    <t>850.917</t>
  </si>
  <si>
    <t>331387.0</t>
  </si>
  <si>
    <t>7723201.0</t>
  </si>
  <si>
    <t>5423223.0</t>
  </si>
  <si>
    <t>2299919.0</t>
  </si>
  <si>
    <t>66435.0</t>
  </si>
  <si>
    <t>227113.0</t>
  </si>
  <si>
    <t>184470.0</t>
  </si>
  <si>
    <t>53493.4</t>
  </si>
  <si>
    <t>788.83694866766</t>
  </si>
  <si>
    <t>147.833</t>
  </si>
  <si>
    <t>57865752.0</t>
  </si>
  <si>
    <t>495248.0</t>
  </si>
  <si>
    <t>858.262</t>
  </si>
  <si>
    <t>7.345</t>
  </si>
  <si>
    <t>341022.0</t>
  </si>
  <si>
    <t>7913435.0</t>
  </si>
  <si>
    <t>5581913.0</t>
  </si>
  <si>
    <t>2331460.0</t>
  </si>
  <si>
    <t>190234.0</t>
  </si>
  <si>
    <t>191829.0</t>
  </si>
  <si>
    <t>25492.0</t>
  </si>
  <si>
    <t>58314800.0</t>
  </si>
  <si>
    <t>449048.0</t>
  </si>
  <si>
    <t>352223.0</t>
  </si>
  <si>
    <t>5.224</t>
  </si>
  <si>
    <t>8093842.0</t>
  </si>
  <si>
    <t>5723505.0</t>
  </si>
  <si>
    <t>2370269.0</t>
  </si>
  <si>
    <t>180407.0</t>
  </si>
  <si>
    <t>225013.0</t>
  </si>
  <si>
    <t>187416.0</t>
  </si>
  <si>
    <t>25314.0</t>
  </si>
  <si>
    <t>153.23</t>
  </si>
  <si>
    <t>58719624.0</t>
  </si>
  <si>
    <t>404824.0</t>
  </si>
  <si>
    <t>870.927</t>
  </si>
  <si>
    <t>360598.0</t>
  </si>
  <si>
    <t>8281978.0</t>
  </si>
  <si>
    <t>5874020.0</t>
  </si>
  <si>
    <t>2407886.0</t>
  </si>
  <si>
    <t>188136.0</t>
  </si>
  <si>
    <t>218156.0</t>
  </si>
  <si>
    <t>183342.0</t>
  </si>
  <si>
    <t>25389.0</t>
  </si>
  <si>
    <t>59203192.0</t>
  </si>
  <si>
    <t>483568.0</t>
  </si>
  <si>
    <t>878.099</t>
  </si>
  <si>
    <t>7.172</t>
  </si>
  <si>
    <t>371016.0</t>
  </si>
  <si>
    <t>8494226.0</t>
  </si>
  <si>
    <t>6041884.0</t>
  </si>
  <si>
    <t>2452265.0</t>
  </si>
  <si>
    <t>212248.0</t>
  </si>
  <si>
    <t>204632.0</t>
  </si>
  <si>
    <t>172618.0</t>
  </si>
  <si>
    <t>59748632.0</t>
  </si>
  <si>
    <t>545440.0</t>
  </si>
  <si>
    <t>886.189</t>
  </si>
  <si>
    <t>382555.0</t>
  </si>
  <si>
    <t>5.674</t>
  </si>
  <si>
    <t>8761005.0</t>
  </si>
  <si>
    <t>6271934.0</t>
  </si>
  <si>
    <t>2488992.0</t>
  </si>
  <si>
    <t>266779.0</t>
  </si>
  <si>
    <t>192994.0</t>
  </si>
  <si>
    <t>163359.0</t>
  </si>
  <si>
    <t>25537.0</t>
  </si>
  <si>
    <t>60031675.0</t>
  </si>
  <si>
    <t>283043.0</t>
  </si>
  <si>
    <t>890.387</t>
  </si>
  <si>
    <t>387974.0</t>
  </si>
  <si>
    <t>5.754</t>
  </si>
  <si>
    <t>8939116.0</t>
  </si>
  <si>
    <t>6438650.0</t>
  </si>
  <si>
    <t>2500386.0</t>
  </si>
  <si>
    <t>178111.0</t>
  </si>
  <si>
    <t>183193.0</t>
  </si>
  <si>
    <t>154112.0</t>
  </si>
  <si>
    <t>60091431.0</t>
  </si>
  <si>
    <t>59756.0</t>
  </si>
  <si>
    <t>891.273</t>
  </si>
  <si>
    <t>388704.0</t>
  </si>
  <si>
    <t>8991222.0</t>
  </si>
  <si>
    <t>6488603.0</t>
  </si>
  <si>
    <t>2502538.0</t>
  </si>
  <si>
    <t>52106.0</t>
  </si>
  <si>
    <t>152197.0</t>
  </si>
  <si>
    <t>54030.4</t>
  </si>
  <si>
    <t>796.755784289148</t>
  </si>
  <si>
    <t>26488.0</t>
  </si>
  <si>
    <t>166.428</t>
  </si>
  <si>
    <t>60673129.0</t>
  </si>
  <si>
    <t>581698.0</t>
  </si>
  <si>
    <t>899.901</t>
  </si>
  <si>
    <t>8.628</t>
  </si>
  <si>
    <t>401054.0</t>
  </si>
  <si>
    <t>9194853.0</t>
  </si>
  <si>
    <t>6658679.0</t>
  </si>
  <si>
    <t>2536091.0</t>
  </si>
  <si>
    <t>203631.0</t>
  </si>
  <si>
    <t>153824.0</t>
  </si>
  <si>
    <t>61208943.0</t>
  </si>
  <si>
    <t>535814.0</t>
  </si>
  <si>
    <t>907.848</t>
  </si>
  <si>
    <t>7.947</t>
  </si>
  <si>
    <t>413449.0</t>
  </si>
  <si>
    <t>9487681.0</t>
  </si>
  <si>
    <t>6909107.0</t>
  </si>
  <si>
    <t>2578490.0</t>
  </si>
  <si>
    <t>292828.0</t>
  </si>
  <si>
    <t>199120.0</t>
  </si>
  <si>
    <t>169372.0</t>
  </si>
  <si>
    <t>11952.0</t>
  </si>
  <si>
    <t>61692402.0</t>
  </si>
  <si>
    <t>483459.0</t>
  </si>
  <si>
    <t>915.019</t>
  </si>
  <si>
    <t>424683.0</t>
  </si>
  <si>
    <t>9788164.0</t>
  </si>
  <si>
    <t>7166049.0</t>
  </si>
  <si>
    <t>2622031.0</t>
  </si>
  <si>
    <t>300483.0</t>
  </si>
  <si>
    <t>215169.0</t>
  </si>
  <si>
    <t>184576.0</t>
  </si>
  <si>
    <t>12151.0</t>
  </si>
  <si>
    <t>62263410.0</t>
  </si>
  <si>
    <t>571008.0</t>
  </si>
  <si>
    <t>923.488</t>
  </si>
  <si>
    <t>437174.0</t>
  </si>
  <si>
    <t>6.484</t>
  </si>
  <si>
    <t>10175279.0</t>
  </si>
  <si>
    <t>7507915.0</t>
  </si>
  <si>
    <t>2667275.0</t>
  </si>
  <si>
    <t>387115.0</t>
  </si>
  <si>
    <t>240150.0</t>
  </si>
  <si>
    <t>62898605.0</t>
  </si>
  <si>
    <t>635195.0</t>
  </si>
  <si>
    <t>932.909</t>
  </si>
  <si>
    <t>9.421</t>
  </si>
  <si>
    <t>449996.0</t>
  </si>
  <si>
    <t>10575920.0</t>
  </si>
  <si>
    <t>7866754.0</t>
  </si>
  <si>
    <t>2709071.0</t>
  </si>
  <si>
    <t>400641.0</t>
  </si>
  <si>
    <t>259274.0</t>
  </si>
  <si>
    <t>227831.0</t>
  </si>
  <si>
    <t>12719.0</t>
  </si>
  <si>
    <t>63246189.0</t>
  </si>
  <si>
    <t>347584.0</t>
  </si>
  <si>
    <t>938.065</t>
  </si>
  <si>
    <t>459216.0</t>
  </si>
  <si>
    <t>10788149.0</t>
  </si>
  <si>
    <t>8062047.0</t>
  </si>
  <si>
    <t>2726006.0</t>
  </si>
  <si>
    <t>212229.0</t>
  </si>
  <si>
    <t>264148.0</t>
  </si>
  <si>
    <t>63309581.0</t>
  </si>
  <si>
    <t>63392.0</t>
  </si>
  <si>
    <t>939.005</t>
  </si>
  <si>
    <t>459736.0</t>
  </si>
  <si>
    <t>10852059.0</t>
  </si>
  <si>
    <t>8121399.0</t>
  </si>
  <si>
    <t>2730561.0</t>
  </si>
  <si>
    <t>63910.0</t>
  </si>
  <si>
    <t>265834.0</t>
  </si>
  <si>
    <t>233257.0</t>
  </si>
  <si>
    <t>54673.2</t>
  </si>
  <si>
    <t>806.234792738856</t>
  </si>
  <si>
    <t>73.349</t>
  </si>
  <si>
    <t>63997289.0</t>
  </si>
  <si>
    <t>687708.0</t>
  </si>
  <si>
    <t>949.205</t>
  </si>
  <si>
    <t>474880.0</t>
  </si>
  <si>
    <t>11108510.0</t>
  </si>
  <si>
    <t>8324413.0</t>
  </si>
  <si>
    <t>2783994.0</t>
  </si>
  <si>
    <t>256451.0</t>
  </si>
  <si>
    <t>273380.0</t>
  </si>
  <si>
    <t>237962.0</t>
  </si>
  <si>
    <t>64653832.0</t>
  </si>
  <si>
    <t>656543.0</t>
  </si>
  <si>
    <t>958.943</t>
  </si>
  <si>
    <t>492127.0</t>
  </si>
  <si>
    <t>7.299</t>
  </si>
  <si>
    <t>11464044.0</t>
  </si>
  <si>
    <t>8609938.0</t>
  </si>
  <si>
    <t>2853998.0</t>
  </si>
  <si>
    <t>282338.0</t>
  </si>
  <si>
    <t>74.514</t>
  </si>
  <si>
    <t>65224573.0</t>
  </si>
  <si>
    <t>570741.0</t>
  </si>
  <si>
    <t>967.408</t>
  </si>
  <si>
    <t>8.465</t>
  </si>
  <si>
    <t>504596.0</t>
  </si>
  <si>
    <t>11801103.0</t>
  </si>
  <si>
    <t>8873011.0</t>
  </si>
  <si>
    <t>2927980.0</t>
  </si>
  <si>
    <t>337059.0</t>
  </si>
  <si>
    <t>243852.0</t>
  </si>
  <si>
    <t>13554.0</t>
  </si>
  <si>
    <t>65885123.0</t>
  </si>
  <si>
    <t>660550.0</t>
  </si>
  <si>
    <t>977.205</t>
  </si>
  <si>
    <t>517388.0</t>
  </si>
  <si>
    <t>7.674</t>
  </si>
  <si>
    <t>12209305.0</t>
  </si>
  <si>
    <t>9188573.0</t>
  </si>
  <si>
    <t>3020609.0</t>
  </si>
  <si>
    <t>408202.0</t>
  </si>
  <si>
    <t>290575.0</t>
  </si>
  <si>
    <t>240094.0</t>
  </si>
  <si>
    <t>28729.0</t>
  </si>
  <si>
    <t>66555953.0</t>
  </si>
  <si>
    <t>670830.0</t>
  </si>
  <si>
    <t>987.155</t>
  </si>
  <si>
    <t>522478.0</t>
  </si>
  <si>
    <t>12585385.0</t>
  </si>
  <si>
    <t>9469949.0</t>
  </si>
  <si>
    <t>3115306.0</t>
  </si>
  <si>
    <t>376080.0</t>
  </si>
  <si>
    <t>287066.0</t>
  </si>
  <si>
    <t>229028.0</t>
  </si>
  <si>
    <t>28886.0</t>
  </si>
  <si>
    <t>66962716.0</t>
  </si>
  <si>
    <t>406763.0</t>
  </si>
  <si>
    <t>993.188</t>
  </si>
  <si>
    <t>530932.0</t>
  </si>
  <si>
    <t>12789038.0</t>
  </si>
  <si>
    <t>9611040.0</t>
  </si>
  <si>
    <t>3177862.0</t>
  </si>
  <si>
    <t>203653.0</t>
  </si>
  <si>
    <t>285841.0</t>
  </si>
  <si>
    <t>221285.0</t>
  </si>
  <si>
    <t>29356.0</t>
  </si>
  <si>
    <t>205.978</t>
  </si>
  <si>
    <t>67028857.0</t>
  </si>
  <si>
    <t>66141.0</t>
  </si>
  <si>
    <t>994.169</t>
  </si>
  <si>
    <t>531325.0</t>
  </si>
  <si>
    <t>7.881</t>
  </si>
  <si>
    <t>12854597.0</t>
  </si>
  <si>
    <t>9657586.0</t>
  </si>
  <si>
    <t>3196873.0</t>
  </si>
  <si>
    <t>286077.0</t>
  </si>
  <si>
    <t>219455.0</t>
  </si>
  <si>
    <t>55879.6</t>
  </si>
  <si>
    <t>824.024891982363</t>
  </si>
  <si>
    <t>29907.0</t>
  </si>
  <si>
    <t>67131941.0</t>
  </si>
  <si>
    <t>103084.0</t>
  </si>
  <si>
    <t>995.698</t>
  </si>
  <si>
    <t>6.642</t>
  </si>
  <si>
    <t>12928394.0</t>
  </si>
  <si>
    <t>9720949.0</t>
  </si>
  <si>
    <t>3207296.0</t>
  </si>
  <si>
    <t>73797.0</t>
  </si>
  <si>
    <t>259983.0</t>
  </si>
  <si>
    <t>67762716.0</t>
  </si>
  <si>
    <t>630775.0</t>
  </si>
  <si>
    <t>1005.053</t>
  </si>
  <si>
    <t>9.356</t>
  </si>
  <si>
    <t>444126.0</t>
  </si>
  <si>
    <t>13258615.0</t>
  </si>
  <si>
    <t>9938208.0</t>
  </si>
  <si>
    <t>3320241.0</t>
  </si>
  <si>
    <t>330221.0</t>
  </si>
  <si>
    <t>189753.0</t>
  </si>
  <si>
    <t>68241039.0</t>
  </si>
  <si>
    <t>478323.0</t>
  </si>
  <si>
    <t>1012.148</t>
  </si>
  <si>
    <t>430924.0</t>
  </si>
  <si>
    <t>6.391</t>
  </si>
  <si>
    <t>13634218.0</t>
  </si>
  <si>
    <t>10198519.0</t>
  </si>
  <si>
    <t>3435516.0</t>
  </si>
  <si>
    <t>375603.0</t>
  </si>
  <si>
    <t>261874.0</t>
  </si>
  <si>
    <t>189358.0</t>
  </si>
  <si>
    <t>68710858.0</t>
  </si>
  <si>
    <t>469819.0</t>
  </si>
  <si>
    <t>1019.116</t>
  </si>
  <si>
    <t>403676.0</t>
  </si>
  <si>
    <t>5.987</t>
  </si>
  <si>
    <t>14095242.0</t>
  </si>
  <si>
    <t>10536424.0</t>
  </si>
  <si>
    <t>3558620.0</t>
  </si>
  <si>
    <t>461024.0</t>
  </si>
  <si>
    <t>269420.0</t>
  </si>
  <si>
    <t>192550.0</t>
  </si>
  <si>
    <t>30326.0</t>
  </si>
  <si>
    <t>447.2</t>
  </si>
  <si>
    <t>69220988.0</t>
  </si>
  <si>
    <t>510130.0</t>
  </si>
  <si>
    <t>1026.683</t>
  </si>
  <si>
    <t>380719.0</t>
  </si>
  <si>
    <t>14622366.0</t>
  </si>
  <si>
    <t>10946642.0</t>
  </si>
  <si>
    <t>3675477.0</t>
  </si>
  <si>
    <t>527124.0</t>
  </si>
  <si>
    <t>290997.0</t>
  </si>
  <si>
    <t>69517360.0</t>
  </si>
  <si>
    <t>296372.0</t>
  </si>
  <si>
    <t>1031.078</t>
  </si>
  <si>
    <t>14917889.0</t>
  </si>
  <si>
    <t>11159299.0</t>
  </si>
  <si>
    <t>3758328.0</t>
  </si>
  <si>
    <t>295523.0</t>
  </si>
  <si>
    <t>304122.0</t>
  </si>
  <si>
    <t>221180.0</t>
  </si>
  <si>
    <t>69576793.0</t>
  </si>
  <si>
    <t>1031.96</t>
  </si>
  <si>
    <t>363991.0</t>
  </si>
  <si>
    <t>15008235.0</t>
  </si>
  <si>
    <t>11215457.0</t>
  </si>
  <si>
    <t>3792509.0</t>
  </si>
  <si>
    <t>90346.0</t>
  </si>
  <si>
    <t>307663.0</t>
  </si>
  <si>
    <t>222553.0</t>
  </si>
  <si>
    <t>57108.2</t>
  </si>
  <si>
    <t>842.142362083966</t>
  </si>
  <si>
    <t>51.126</t>
  </si>
  <si>
    <t>70057224.0</t>
  </si>
  <si>
    <t>480431.0</t>
  </si>
  <si>
    <t>1039.086</t>
  </si>
  <si>
    <t>417898.0</t>
  </si>
  <si>
    <t>15361198.0</t>
  </si>
  <si>
    <t>11452572.0</t>
  </si>
  <si>
    <t>3908311.0</t>
  </si>
  <si>
    <t>352963.0</t>
  </si>
  <si>
    <t>347543.0</t>
  </si>
  <si>
    <t>247375.0</t>
  </si>
  <si>
    <t>15034.0</t>
  </si>
  <si>
    <t>70449147.0</t>
  </si>
  <si>
    <t>391923.0</t>
  </si>
  <si>
    <t>1044.899</t>
  </si>
  <si>
    <t>383776.0</t>
  </si>
  <si>
    <t>15815019.0</t>
  </si>
  <si>
    <t>11762108.0</t>
  </si>
  <si>
    <t>4052497.0</t>
  </si>
  <si>
    <t>453821.0</t>
  </si>
  <si>
    <t>365201.0</t>
  </si>
  <si>
    <t>260557.0</t>
  </si>
  <si>
    <t>30868.0</t>
  </si>
  <si>
    <t>70819787.0</t>
  </si>
  <si>
    <t>370640.0</t>
  </si>
  <si>
    <t>1050.396</t>
  </si>
  <si>
    <t>368393.0</t>
  </si>
  <si>
    <t>16249581.0</t>
  </si>
  <si>
    <t>12056688.0</t>
  </si>
  <si>
    <t>4192264.0</t>
  </si>
  <si>
    <t>434562.0</t>
  </si>
  <si>
    <t>373623.0</t>
  </si>
  <si>
    <t>265453.0</t>
  </si>
  <si>
    <t>30668.0</t>
  </si>
  <si>
    <t>71196274.0</t>
  </si>
  <si>
    <t>376487.0</t>
  </si>
  <si>
    <t>1055.98</t>
  </si>
  <si>
    <t>355059.0</t>
  </si>
  <si>
    <t>5.266</t>
  </si>
  <si>
    <t>16737485.0</t>
  </si>
  <si>
    <t>12393863.0</t>
  </si>
  <si>
    <t>4342653.0</t>
  </si>
  <si>
    <t>487904.0</t>
  </si>
  <si>
    <t>377463.0</t>
  </si>
  <si>
    <t>265348.0</t>
  </si>
  <si>
    <t>71614320.0</t>
  </si>
  <si>
    <t>418046.0</t>
  </si>
  <si>
    <t>1062.18</t>
  </si>
  <si>
    <t>341905.0</t>
  </si>
  <si>
    <t>5.071</t>
  </si>
  <si>
    <t>17224190.0</t>
  </si>
  <si>
    <t>12733218.0</t>
  </si>
  <si>
    <t>4489649.0</t>
  </si>
  <si>
    <t>486705.0</t>
  </si>
  <si>
    <t>371689.0</t>
  </si>
  <si>
    <t>255225.0</t>
  </si>
  <si>
    <t>200.95</t>
  </si>
  <si>
    <t>71863083.0</t>
  </si>
  <si>
    <t>248763.0</t>
  </si>
  <si>
    <t>1065.87</t>
  </si>
  <si>
    <t>335103.0</t>
  </si>
  <si>
    <t>17502967.0</t>
  </si>
  <si>
    <t>12921906.0</t>
  </si>
  <si>
    <t>4579629.0</t>
  </si>
  <si>
    <t>278777.0</t>
  </si>
  <si>
    <t>369297.0</t>
  </si>
  <si>
    <t>251801.0</t>
  </si>
  <si>
    <t>71915474.0</t>
  </si>
  <si>
    <t>52391.0</t>
  </si>
  <si>
    <t>1066.647</t>
  </si>
  <si>
    <t>334097.0</t>
  </si>
  <si>
    <t>17590107.0</t>
  </si>
  <si>
    <t>12973544.0</t>
  </si>
  <si>
    <t>4615083.0</t>
  </si>
  <si>
    <t>87140.0</t>
  </si>
  <si>
    <t>368839.0</t>
  </si>
  <si>
    <t>251155.0</t>
  </si>
  <si>
    <t>58629.4</t>
  </si>
  <si>
    <t>864.574639081002</t>
  </si>
  <si>
    <t>13327.0</t>
  </si>
  <si>
    <t>72334556.0</t>
  </si>
  <si>
    <t>419082.0</t>
  </si>
  <si>
    <t>1072.863</t>
  </si>
  <si>
    <t>6.216</t>
  </si>
  <si>
    <t>325333.0</t>
  </si>
  <si>
    <t>17934577.0</t>
  </si>
  <si>
    <t>13179285.0</t>
  </si>
  <si>
    <t>4753356.0</t>
  </si>
  <si>
    <t>344470.0</t>
  </si>
  <si>
    <t>367626.0</t>
  </si>
  <si>
    <t>246673.0</t>
  </si>
  <si>
    <t>31086.0</t>
  </si>
  <si>
    <t>72678638.0</t>
  </si>
  <si>
    <t>344082.0</t>
  </si>
  <si>
    <t>1077.966</t>
  </si>
  <si>
    <t>5.103</t>
  </si>
  <si>
    <t>318499.0</t>
  </si>
  <si>
    <t>18361532.0</t>
  </si>
  <si>
    <t>13433763.0</t>
  </si>
  <si>
    <t>4925264.0</t>
  </si>
  <si>
    <t>426955.0</t>
  </si>
  <si>
    <t>363788.0</t>
  </si>
  <si>
    <t>238808.0</t>
  </si>
  <si>
    <t>73005531.0</t>
  </si>
  <si>
    <t>326893.0</t>
  </si>
  <si>
    <t>1082.815</t>
  </si>
  <si>
    <t>312249.0</t>
  </si>
  <si>
    <t>18785779.0</t>
  </si>
  <si>
    <t>13687081.0</t>
  </si>
  <si>
    <t>5095357.0</t>
  </si>
  <si>
    <t>424247.0</t>
  </si>
  <si>
    <t>362314.0</t>
  </si>
  <si>
    <t>232913.0</t>
  </si>
  <si>
    <t>45.891</t>
  </si>
  <si>
    <t>73337036.0</t>
  </si>
  <si>
    <t>331505.0</t>
  </si>
  <si>
    <t>1087.732</t>
  </si>
  <si>
    <t>305823.0</t>
  </si>
  <si>
    <t>19264520.0</t>
  </si>
  <si>
    <t>13974700.0</t>
  </si>
  <si>
    <t>5285660.0</t>
  </si>
  <si>
    <t>478741.0</t>
  </si>
  <si>
    <t>361005.0</t>
  </si>
  <si>
    <t>225834.0</t>
  </si>
  <si>
    <t>191.07</t>
  </si>
  <si>
    <t>73715517.0</t>
  </si>
  <si>
    <t>378481.0</t>
  </si>
  <si>
    <t>1093.345</t>
  </si>
  <si>
    <t>5.614</t>
  </si>
  <si>
    <t>300171.0</t>
  </si>
  <si>
    <t>19747567.0</t>
  </si>
  <si>
    <t>14272396.0</t>
  </si>
  <si>
    <t>5473949.0</t>
  </si>
  <si>
    <t>483047.0</t>
  </si>
  <si>
    <t>360482.0</t>
  </si>
  <si>
    <t>219883.0</t>
  </si>
  <si>
    <t>45.331</t>
  </si>
  <si>
    <t>73939714.0</t>
  </si>
  <si>
    <t>224197.0</t>
  </si>
  <si>
    <t>1096.67</t>
  </si>
  <si>
    <t>296662.0</t>
  </si>
  <si>
    <t>20050313.0</t>
  </si>
  <si>
    <t>14462874.0</t>
  </si>
  <si>
    <t>5587533.0</t>
  </si>
  <si>
    <t>302746.0</t>
  </si>
  <si>
    <t>363907.0</t>
  </si>
  <si>
    <t>220138.0</t>
  </si>
  <si>
    <t>30287.0</t>
  </si>
  <si>
    <t>73989095.0</t>
  </si>
  <si>
    <t>49381.0</t>
  </si>
  <si>
    <t>1097.403</t>
  </si>
  <si>
    <t>296232.0</t>
  </si>
  <si>
    <t>20158787.0</t>
  </si>
  <si>
    <t>14532448.0</t>
  </si>
  <si>
    <t>5626507.0</t>
  </si>
  <si>
    <t>108474.0</t>
  </si>
  <si>
    <t>366954.0</t>
  </si>
  <si>
    <t>222701.0</t>
  </si>
  <si>
    <t>60431.4</t>
  </si>
  <si>
    <t>891.147715039889</t>
  </si>
  <si>
    <t>184.36</t>
  </si>
  <si>
    <t>74396947.0</t>
  </si>
  <si>
    <t>407852.0</t>
  </si>
  <si>
    <t>1103.452</t>
  </si>
  <si>
    <t>6.049</t>
  </si>
  <si>
    <t>294627.0</t>
  </si>
  <si>
    <t>20538882.0</t>
  </si>
  <si>
    <t>14753445.0</t>
  </si>
  <si>
    <t>5787912.0</t>
  </si>
  <si>
    <t>380095.0</t>
  </si>
  <si>
    <t>372044.0</t>
  </si>
  <si>
    <t>87.638</t>
  </si>
  <si>
    <t>30281.0</t>
  </si>
  <si>
    <t>180.01</t>
  </si>
  <si>
    <t>74757370.0</t>
  </si>
  <si>
    <t>360423.0</t>
  </si>
  <si>
    <t>1108.798</t>
  </si>
  <si>
    <t>5.346</t>
  </si>
  <si>
    <t>296962.0</t>
  </si>
  <si>
    <t>4.405</t>
  </si>
  <si>
    <t>21012468.0</t>
  </si>
  <si>
    <t>15038093.0</t>
  </si>
  <si>
    <t>5985426.0</t>
  </si>
  <si>
    <t>473586.0</t>
  </si>
  <si>
    <t>378705.0</t>
  </si>
  <si>
    <t>229190.0</t>
  </si>
  <si>
    <t>75073101.0</t>
  </si>
  <si>
    <t>315731.0</t>
  </si>
  <si>
    <t>1113.481</t>
  </si>
  <si>
    <t>295367.0</t>
  </si>
  <si>
    <t>21498065.0</t>
  </si>
  <si>
    <t>15337657.0</t>
  </si>
  <si>
    <t>6179935.0</t>
  </si>
  <si>
    <t>485597.0</t>
  </si>
  <si>
    <t>387469.0</t>
  </si>
  <si>
    <t>235797.0</t>
  </si>
  <si>
    <t>171.84</t>
  </si>
  <si>
    <t>75460605.0</t>
  </si>
  <si>
    <t>387504.0</t>
  </si>
  <si>
    <t>1119.228</t>
  </si>
  <si>
    <t>303367.0</t>
  </si>
  <si>
    <t>22054674.0</t>
  </si>
  <si>
    <t>15694856.0</t>
  </si>
  <si>
    <t>6394052.0</t>
  </si>
  <si>
    <t>9441.0</t>
  </si>
  <si>
    <t>556609.0</t>
  </si>
  <si>
    <t>398593.0</t>
  </si>
  <si>
    <t>245737.0</t>
  </si>
  <si>
    <t>75931809.0</t>
  </si>
  <si>
    <t>471204.0</t>
  </si>
  <si>
    <t>1126.217</t>
  </si>
  <si>
    <t>316613.0</t>
  </si>
  <si>
    <t>22614074.0</t>
  </si>
  <si>
    <t>16067110.0</t>
  </si>
  <si>
    <t>6599298.0</t>
  </si>
  <si>
    <t>559400.0</t>
  </si>
  <si>
    <t>409501.0</t>
  </si>
  <si>
    <t>256388.0</t>
  </si>
  <si>
    <t>28603.0</t>
  </si>
  <si>
    <t>11032.0</t>
  </si>
  <si>
    <t>76001412.0</t>
  </si>
  <si>
    <t>69603.0</t>
  </si>
  <si>
    <t>1127.249</t>
  </si>
  <si>
    <t>294528.0</t>
  </si>
  <si>
    <t>22834449.0</t>
  </si>
  <si>
    <t>16234786.0</t>
  </si>
  <si>
    <t>6653806.0</t>
  </si>
  <si>
    <t>220375.0</t>
  </si>
  <si>
    <t>397734.0</t>
  </si>
  <si>
    <t>253130.0</t>
  </si>
  <si>
    <t>28818.0</t>
  </si>
  <si>
    <t>76059665.0</t>
  </si>
  <si>
    <t>58253.0</t>
  </si>
  <si>
    <t>1128.113</t>
  </si>
  <si>
    <t>295796.0</t>
  </si>
  <si>
    <t>22964154.0</t>
  </si>
  <si>
    <t>16326552.0</t>
  </si>
  <si>
    <t>6692146.0</t>
  </si>
  <si>
    <t>129705.0</t>
  </si>
  <si>
    <t>400767.0</t>
  </si>
  <si>
    <t>256301.0</t>
  </si>
  <si>
    <t>61870.8</t>
  </si>
  <si>
    <t>912.37373364989</t>
  </si>
  <si>
    <t>76533701.0</t>
  </si>
  <si>
    <t>474036.0</t>
  </si>
  <si>
    <t>1135.144</t>
  </si>
  <si>
    <t>7.031</t>
  </si>
  <si>
    <t>305251.0</t>
  </si>
  <si>
    <t>23419403.0</t>
  </si>
  <si>
    <t>16615516.0</t>
  </si>
  <si>
    <t>6862653.0</t>
  </si>
  <si>
    <t>11688.0</t>
  </si>
  <si>
    <t>455249.0</t>
  </si>
  <si>
    <t>411503.0</t>
  </si>
  <si>
    <t>266010.0</t>
  </si>
  <si>
    <t>76939926.0</t>
  </si>
  <si>
    <t>406225.0</t>
  </si>
  <si>
    <t>1141.169</t>
  </si>
  <si>
    <t>311794.0</t>
  </si>
  <si>
    <t>23961875.0</t>
  </si>
  <si>
    <t>16931257.0</t>
  </si>
  <si>
    <t>7096549.0</t>
  </si>
  <si>
    <t>542472.0</t>
  </si>
  <si>
    <t>421344.0</t>
  </si>
  <si>
    <t>270452.0</t>
  </si>
  <si>
    <t>9733.0</t>
  </si>
  <si>
    <t>77294632.0</t>
  </si>
  <si>
    <t>354706.0</t>
  </si>
  <si>
    <t>1146.43</t>
  </si>
  <si>
    <t>24516934.0</t>
  </si>
  <si>
    <t>17258533.0</t>
  </si>
  <si>
    <t>7329200.0</t>
  </si>
  <si>
    <t>555059.0</t>
  </si>
  <si>
    <t>431267.0</t>
  </si>
  <si>
    <t>274411.0</t>
  </si>
  <si>
    <t>26985.0</t>
  </si>
  <si>
    <t>77739432.0</t>
  </si>
  <si>
    <t>444800.0</t>
  </si>
  <si>
    <t>1153.028</t>
  </si>
  <si>
    <t>325547.0</t>
  </si>
  <si>
    <t>25139197.0</t>
  </si>
  <si>
    <t>17638120.0</t>
  </si>
  <si>
    <t>7581619.0</t>
  </si>
  <si>
    <t>622263.0</t>
  </si>
  <si>
    <t>440646.0</t>
  </si>
  <si>
    <t>277609.0</t>
  </si>
  <si>
    <t>26331.0</t>
  </si>
  <si>
    <t>78248621.0</t>
  </si>
  <si>
    <t>509189.0</t>
  </si>
  <si>
    <t>1160.58</t>
  </si>
  <si>
    <t>7.552</t>
  </si>
  <si>
    <t>330973.0</t>
  </si>
  <si>
    <t>25771997.0</t>
  </si>
  <si>
    <t>18010934.0</t>
  </si>
  <si>
    <t>7859498.0</t>
  </si>
  <si>
    <t>632800.0</t>
  </si>
  <si>
    <t>451132.0</t>
  </si>
  <si>
    <t>277689.0</t>
  </si>
  <si>
    <t>25800.0</t>
  </si>
  <si>
    <t>125.02</t>
  </si>
  <si>
    <t>78335784.0</t>
  </si>
  <si>
    <t>87163.0</t>
  </si>
  <si>
    <t>1161.873</t>
  </si>
  <si>
    <t>333482.0</t>
  </si>
  <si>
    <t>26065669.0</t>
  </si>
  <si>
    <t>18233116.0</t>
  </si>
  <si>
    <t>7933060.0</t>
  </si>
  <si>
    <t>293672.0</t>
  </si>
  <si>
    <t>461603.0</t>
  </si>
  <si>
    <t>285476.0</t>
  </si>
  <si>
    <t>28.166</t>
  </si>
  <si>
    <t>78393799.0</t>
  </si>
  <si>
    <t>58015.0</t>
  </si>
  <si>
    <t>1162.733</t>
  </si>
  <si>
    <t>333448.0</t>
  </si>
  <si>
    <t>26240310.0</t>
  </si>
  <si>
    <t>18362841.0</t>
  </si>
  <si>
    <t>7978420.0</t>
  </si>
  <si>
    <t>17687.0</t>
  </si>
  <si>
    <t>174641.0</t>
  </si>
  <si>
    <t>468022.0</t>
  </si>
  <si>
    <t>290898.0</t>
  </si>
  <si>
    <t>63206.6</t>
  </si>
  <si>
    <t>932.072021588781</t>
  </si>
  <si>
    <t>26.381</t>
  </si>
  <si>
    <t>78916169.0</t>
  </si>
  <si>
    <t>522370.0</t>
  </si>
  <si>
    <t>1170.481</t>
  </si>
  <si>
    <t>7.748</t>
  </si>
  <si>
    <t>340353.0</t>
  </si>
  <si>
    <t>26784625.0</t>
  </si>
  <si>
    <t>18676263.0</t>
  </si>
  <si>
    <t>8215315.0</t>
  </si>
  <si>
    <t>544315.0</t>
  </si>
  <si>
    <t>480746.0</t>
  </si>
  <si>
    <t>294392.0</t>
  </si>
  <si>
    <t>69.942</t>
  </si>
  <si>
    <t>79397825.0</t>
  </si>
  <si>
    <t>481656.0</t>
  </si>
  <si>
    <t>1177.625</t>
  </si>
  <si>
    <t>351128.0</t>
  </si>
  <si>
    <t>5.208</t>
  </si>
  <si>
    <t>27448496.0</t>
  </si>
  <si>
    <t>19080228.0</t>
  </si>
  <si>
    <t>8487968.0</t>
  </si>
  <si>
    <t>663871.0</t>
  </si>
  <si>
    <t>498089.0</t>
  </si>
  <si>
    <t>24254.0</t>
  </si>
  <si>
    <t>23.948</t>
  </si>
  <si>
    <t>79848005.0</t>
  </si>
  <si>
    <t>1184.302</t>
  </si>
  <si>
    <t>6.677</t>
  </si>
  <si>
    <t>364768.0</t>
  </si>
  <si>
    <t>28118013.0</t>
  </si>
  <si>
    <t>19514412.0</t>
  </si>
  <si>
    <t>8731918.0</t>
  </si>
  <si>
    <t>669517.0</t>
  </si>
  <si>
    <t>514440.0</t>
  </si>
  <si>
    <t>322268.0</t>
  </si>
  <si>
    <t>79926693.0</t>
  </si>
  <si>
    <t>78688.0</t>
  </si>
  <si>
    <t>1185.469</t>
  </si>
  <si>
    <t>312466.0</t>
  </si>
  <si>
    <t>28513554.0</t>
  </si>
  <si>
    <t>19853044.0</t>
  </si>
  <si>
    <t>8789974.0</t>
  </si>
  <si>
    <t>395541.0</t>
  </si>
  <si>
    <t>482051.0</t>
  </si>
  <si>
    <t>316418.0</t>
  </si>
  <si>
    <t>80379970.0</t>
  </si>
  <si>
    <t>453277.0</t>
  </si>
  <si>
    <t>1192.192</t>
  </si>
  <si>
    <t>6.723</t>
  </si>
  <si>
    <t>304478.0</t>
  </si>
  <si>
    <t>29136345.0</t>
  </si>
  <si>
    <t>20307223.0</t>
  </si>
  <si>
    <t>8965221.0</t>
  </si>
  <si>
    <t>622791.0</t>
  </si>
  <si>
    <t>480621.0</t>
  </si>
  <si>
    <t>42.97</t>
  </si>
  <si>
    <t>328041.0</t>
  </si>
  <si>
    <t>62.982</t>
  </si>
  <si>
    <t>22950.0</t>
  </si>
  <si>
    <t>19.406</t>
  </si>
  <si>
    <t>80607765.0</t>
  </si>
  <si>
    <t>227795.0</t>
  </si>
  <si>
    <t>1195.571</t>
  </si>
  <si>
    <t>324569.0</t>
  </si>
  <si>
    <t>29606157.0</t>
  </si>
  <si>
    <t>20682228.0</t>
  </si>
  <si>
    <t>9063297.0</t>
  </si>
  <si>
    <t>24089.0</t>
  </si>
  <si>
    <t>469812.0</t>
  </si>
  <si>
    <t>505784.0</t>
  </si>
  <si>
    <t>349873.0</t>
  </si>
  <si>
    <t>80661982.0</t>
  </si>
  <si>
    <t>1196.375</t>
  </si>
  <si>
    <t>324026.0</t>
  </si>
  <si>
    <t>29829791.0</t>
  </si>
  <si>
    <t>20884998.0</t>
  </si>
  <si>
    <t>9084409.0</t>
  </si>
  <si>
    <t>223634.0</t>
  </si>
  <si>
    <t>512783.0</t>
  </si>
  <si>
    <t>360308.0</t>
  </si>
  <si>
    <t>63681.2</t>
  </si>
  <si>
    <t>939.070679663192</t>
  </si>
  <si>
    <t>81136008.0</t>
  </si>
  <si>
    <t>474026.0</t>
  </si>
  <si>
    <t>1203.406</t>
  </si>
  <si>
    <t>317120.0</t>
  </si>
  <si>
    <t>30356350.0</t>
  </si>
  <si>
    <t>21261146.0</t>
  </si>
  <si>
    <t>9237739.0</t>
  </si>
  <si>
    <t>25820.0</t>
  </si>
  <si>
    <t>510246.0</t>
  </si>
  <si>
    <t>369269.0</t>
  </si>
  <si>
    <t>81573803.0</t>
  </si>
  <si>
    <t>437795.0</t>
  </si>
  <si>
    <t>1209.899</t>
  </si>
  <si>
    <t>310854.0</t>
  </si>
  <si>
    <t>4.611</t>
  </si>
  <si>
    <t>30972580.0</t>
  </si>
  <si>
    <t>21721344.0</t>
  </si>
  <si>
    <t>9400539.0</t>
  </si>
  <si>
    <t>616230.0</t>
  </si>
  <si>
    <t>503441.0</t>
  </si>
  <si>
    <t>32.03</t>
  </si>
  <si>
    <t>377302.0</t>
  </si>
  <si>
    <t>16.899</t>
  </si>
  <si>
    <t>81962063.0</t>
  </si>
  <si>
    <t>388260.0</t>
  </si>
  <si>
    <t>1215.658</t>
  </si>
  <si>
    <t>302008.0</t>
  </si>
  <si>
    <t>31585156.0</t>
  </si>
  <si>
    <t>22188796.0</t>
  </si>
  <si>
    <t>9548890.0</t>
  </si>
  <si>
    <t>612576.0</t>
  </si>
  <si>
    <t>495306.0</t>
  </si>
  <si>
    <t>382055.0</t>
  </si>
  <si>
    <t>20750.0</t>
  </si>
  <si>
    <t>82392500.0</t>
  </si>
  <si>
    <t>430437.0</t>
  </si>
  <si>
    <t>1222.042</t>
  </si>
  <si>
    <t>352258.0</t>
  </si>
  <si>
    <t>32255361.0</t>
  </si>
  <si>
    <t>22696376.0</t>
  </si>
  <si>
    <t>9718654.0</t>
  </si>
  <si>
    <t>32641.0</t>
  </si>
  <si>
    <t>670205.0</t>
  </si>
  <si>
    <t>534544.0</t>
  </si>
  <si>
    <t>406190.0</t>
  </si>
  <si>
    <t>20209.0</t>
  </si>
  <si>
    <t>298.011</t>
  </si>
  <si>
    <t>82846947.0</t>
  </si>
  <si>
    <t>454447.0</t>
  </si>
  <si>
    <t>1228.782</t>
  </si>
  <si>
    <t>352425.0</t>
  </si>
  <si>
    <t>32922261.0</t>
  </si>
  <si>
    <t>23186095.0</t>
  </si>
  <si>
    <t>9906623.0</t>
  </si>
  <si>
    <t>666900.0</t>
  </si>
  <si>
    <t>540845.0</t>
  </si>
  <si>
    <t>411267.0</t>
  </si>
  <si>
    <t>19765.0</t>
  </si>
  <si>
    <t>17.357</t>
  </si>
  <si>
    <t>83092288.0</t>
  </si>
  <si>
    <t>245341.0</t>
  </si>
  <si>
    <t>1232.421</t>
  </si>
  <si>
    <t>354932.0</t>
  </si>
  <si>
    <t>33350355.0</t>
  </si>
  <si>
    <t>23533317.0</t>
  </si>
  <si>
    <t>9991871.0</t>
  </si>
  <si>
    <t>35352.0</t>
  </si>
  <si>
    <t>428094.0</t>
  </si>
  <si>
    <t>534885.0</t>
  </si>
  <si>
    <t>407298.0</t>
  </si>
  <si>
    <t>290.8</t>
  </si>
  <si>
    <t>83144915.0</t>
  </si>
  <si>
    <t>1233.202</t>
  </si>
  <si>
    <t>354705.0</t>
  </si>
  <si>
    <t>33526535.0</t>
  </si>
  <si>
    <t>23695029.0</t>
  </si>
  <si>
    <t>10006587.0</t>
  </si>
  <si>
    <t>176180.0</t>
  </si>
  <si>
    <t>528106.0</t>
  </si>
  <si>
    <t>63997.8</t>
  </si>
  <si>
    <t>943.739400999808</t>
  </si>
  <si>
    <t>19701.0</t>
  </si>
  <si>
    <t>83241924.0</t>
  </si>
  <si>
    <t>97009.0</t>
  </si>
  <si>
    <t>1234.64</t>
  </si>
  <si>
    <t>300845.0</t>
  </si>
  <si>
    <t>33823452.0</t>
  </si>
  <si>
    <t>23958241.0</t>
  </si>
  <si>
    <t>10040740.0</t>
  </si>
  <si>
    <t>296917.0</t>
  </si>
  <si>
    <t>495300.0</t>
  </si>
  <si>
    <t>385299.0</t>
  </si>
  <si>
    <t>83727701.0</t>
  </si>
  <si>
    <t>485777.0</t>
  </si>
  <si>
    <t>1241.845</t>
  </si>
  <si>
    <t>307700.0</t>
  </si>
  <si>
    <t>34416550.0</t>
  </si>
  <si>
    <t>24358545.0</t>
  </si>
  <si>
    <t>10238794.0</t>
  </si>
  <si>
    <t>38587.0</t>
  </si>
  <si>
    <t>593098.0</t>
  </si>
  <si>
    <t>491996.0</t>
  </si>
  <si>
    <t>376743.0</t>
  </si>
  <si>
    <t>18593.0</t>
  </si>
  <si>
    <t>14.466</t>
  </si>
  <si>
    <t>84085111.0</t>
  </si>
  <si>
    <t>357410.0</t>
  </si>
  <si>
    <t>1247.146</t>
  </si>
  <si>
    <t>303293.0</t>
  </si>
  <si>
    <t>35023281.0</t>
  </si>
  <si>
    <t>24772033.0</t>
  </si>
  <si>
    <t>10437524.0</t>
  </si>
  <si>
    <t>40830.0</t>
  </si>
  <si>
    <t>606731.0</t>
  </si>
  <si>
    <t>491161.0</t>
  </si>
  <si>
    <t>369034.0</t>
  </si>
  <si>
    <t>47.277</t>
  </si>
  <si>
    <t>84493521.0</t>
  </si>
  <si>
    <t>1253.204</t>
  </si>
  <si>
    <t>6.058</t>
  </si>
  <si>
    <t>300146.0</t>
  </si>
  <si>
    <t>35695223.0</t>
  </si>
  <si>
    <t>25221887.0</t>
  </si>
  <si>
    <t>10671751.0</t>
  </si>
  <si>
    <t>671942.0</t>
  </si>
  <si>
    <t>491409.0</t>
  </si>
  <si>
    <t>360787.0</t>
  </si>
  <si>
    <t>84940621.0</t>
  </si>
  <si>
    <t>447100.0</t>
  </si>
  <si>
    <t>1259.835</t>
  </si>
  <si>
    <t>299096.0</t>
  </si>
  <si>
    <t>36387767.0</t>
  </si>
  <si>
    <t>25651473.0</t>
  </si>
  <si>
    <t>10959326.0</t>
  </si>
  <si>
    <t>45004.0</t>
  </si>
  <si>
    <t>692544.0</t>
  </si>
  <si>
    <t>495072.0</t>
  </si>
  <si>
    <t>352197.0</t>
  </si>
  <si>
    <t>85170263.0</t>
  </si>
  <si>
    <t>229642.0</t>
  </si>
  <si>
    <t>1263.241</t>
  </si>
  <si>
    <t>3.406</t>
  </si>
  <si>
    <t>296854.0</t>
  </si>
  <si>
    <t>36837790.0</t>
  </si>
  <si>
    <t>25950475.0</t>
  </si>
  <si>
    <t>11121128.0</t>
  </si>
  <si>
    <t>45608.0</t>
  </si>
  <si>
    <t>450023.0</t>
  </si>
  <si>
    <t>498205.0</t>
  </si>
  <si>
    <t>345308.0</t>
  </si>
  <si>
    <t>12.829</t>
  </si>
  <si>
    <t>85221566.0</t>
  </si>
  <si>
    <t>1264.002</t>
  </si>
  <si>
    <t>296664.0</t>
  </si>
  <si>
    <t>36977625.0</t>
  </si>
  <si>
    <t>26057628.0</t>
  </si>
  <si>
    <t>11154613.0</t>
  </si>
  <si>
    <t>139835.0</t>
  </si>
  <si>
    <t>493013.0</t>
  </si>
  <si>
    <t>64131.6</t>
  </si>
  <si>
    <t>945.712474009408</t>
  </si>
  <si>
    <t>85621956.0</t>
  </si>
  <si>
    <t>400390.0</t>
  </si>
  <si>
    <t>1269.941</t>
  </si>
  <si>
    <t>340005.0</t>
  </si>
  <si>
    <t>37540630.0</t>
  </si>
  <si>
    <t>26415701.0</t>
  </si>
  <si>
    <t>11370750.0</t>
  </si>
  <si>
    <t>47274.0</t>
  </si>
  <si>
    <t>563005.0</t>
  </si>
  <si>
    <t>531025.0</t>
  </si>
  <si>
    <t>351066.0</t>
  </si>
  <si>
    <t>85970692.0</t>
  </si>
  <si>
    <t>348736.0</t>
  </si>
  <si>
    <t>1275.113</t>
  </si>
  <si>
    <t>320427.0</t>
  </si>
  <si>
    <t>38224943.0</t>
  </si>
  <si>
    <t>26846813.0</t>
  </si>
  <si>
    <t>11642214.0</t>
  </si>
  <si>
    <t>49292.0</t>
  </si>
  <si>
    <t>684313.0</t>
  </si>
  <si>
    <t>544056.0</t>
  </si>
  <si>
    <t>355467.0</t>
  </si>
  <si>
    <t>15638.0</t>
  </si>
  <si>
    <t>86285331.0</t>
  </si>
  <si>
    <t>314639.0</t>
  </si>
  <si>
    <t>1279.78</t>
  </si>
  <si>
    <t>314317.0</t>
  </si>
  <si>
    <t>38879639.0</t>
  </si>
  <si>
    <t>27266962.0</t>
  </si>
  <si>
    <t>11889267.0</t>
  </si>
  <si>
    <t>51310.0</t>
  </si>
  <si>
    <t>654696.0</t>
  </si>
  <si>
    <t>550908.0</t>
  </si>
  <si>
    <t>356418.0</t>
  </si>
  <si>
    <t>15283.0</t>
  </si>
  <si>
    <t>86652627.0</t>
  </si>
  <si>
    <t>367296.0</t>
  </si>
  <si>
    <t>1285.228</t>
  </si>
  <si>
    <t>308444.0</t>
  </si>
  <si>
    <t>39604872.0</t>
  </si>
  <si>
    <t>27732632.0</t>
  </si>
  <si>
    <t>12166415.0</t>
  </si>
  <si>
    <t>53160.0</t>
  </si>
  <si>
    <t>725233.0</t>
  </si>
  <si>
    <t>558521.0</t>
  </si>
  <si>
    <t>358678.0</t>
  </si>
  <si>
    <t>14801.0</t>
  </si>
  <si>
    <t>87072509.0</t>
  </si>
  <si>
    <t>419882.0</t>
  </si>
  <si>
    <t>1291.455</t>
  </si>
  <si>
    <t>6.228</t>
  </si>
  <si>
    <t>4.517</t>
  </si>
  <si>
    <t>40368682.0</t>
  </si>
  <si>
    <t>28188917.0</t>
  </si>
  <si>
    <t>12494674.0</t>
  </si>
  <si>
    <t>54944.0</t>
  </si>
  <si>
    <t>763810.0</t>
  </si>
  <si>
    <t>568702.0</t>
  </si>
  <si>
    <t>8386.0</t>
  </si>
  <si>
    <t>362492.0</t>
  </si>
  <si>
    <t>14532.0</t>
  </si>
  <si>
    <t>214.295</t>
  </si>
  <si>
    <t>87285254.0</t>
  </si>
  <si>
    <t>212745.0</t>
  </si>
  <si>
    <t>1294.611</t>
  </si>
  <si>
    <t>302142.0</t>
  </si>
  <si>
    <t>40863682.0</t>
  </si>
  <si>
    <t>28493743.0</t>
  </si>
  <si>
    <t>12693878.0</t>
  </si>
  <si>
    <t>495000.0</t>
  </si>
  <si>
    <t>575127.0</t>
  </si>
  <si>
    <t>363324.0</t>
  </si>
  <si>
    <t>87331353.0</t>
  </si>
  <si>
    <t>46099.0</t>
  </si>
  <si>
    <t>1295.295</t>
  </si>
  <si>
    <t>301398.0</t>
  </si>
  <si>
    <t>41046280.0</t>
  </si>
  <si>
    <t>28627075.0</t>
  </si>
  <si>
    <t>12743958.0</t>
  </si>
  <si>
    <t>55856.0</t>
  </si>
  <si>
    <t>182598.0</t>
  </si>
  <si>
    <t>581236.0</t>
  </si>
  <si>
    <t>367064.0</t>
  </si>
  <si>
    <t>64292.8</t>
  </si>
  <si>
    <t>948.08959933936</t>
  </si>
  <si>
    <t>14323.0</t>
  </si>
  <si>
    <t>87706941.0</t>
  </si>
  <si>
    <t>375588.0</t>
  </si>
  <si>
    <t>1300.865</t>
  </si>
  <si>
    <t>297855.0</t>
  </si>
  <si>
    <t>41649330.0</t>
  </si>
  <si>
    <t>28967086.0</t>
  </si>
  <si>
    <t>13014679.0</t>
  </si>
  <si>
    <t>57404.0</t>
  </si>
  <si>
    <t>603050.0</t>
  </si>
  <si>
    <t>586957.0</t>
  </si>
  <si>
    <t>364484.0</t>
  </si>
  <si>
    <t>13984.0</t>
  </si>
  <si>
    <t>88035125.0</t>
  </si>
  <si>
    <t>328184.0</t>
  </si>
  <si>
    <t>1305.733</t>
  </si>
  <si>
    <t>4.868</t>
  </si>
  <si>
    <t>294919.0</t>
  </si>
  <si>
    <t>42336432.0</t>
  </si>
  <si>
    <t>29361015.0</t>
  </si>
  <si>
    <t>13320628.0</t>
  </si>
  <si>
    <t>59242.0</t>
  </si>
  <si>
    <t>687102.0</t>
  </si>
  <si>
    <t>587356.0</t>
  </si>
  <si>
    <t>359172.0</t>
  </si>
  <si>
    <t>13526.0</t>
  </si>
  <si>
    <t>88315886.0</t>
  </si>
  <si>
    <t>280761.0</t>
  </si>
  <si>
    <t>1309.897</t>
  </si>
  <si>
    <t>290079.0</t>
  </si>
  <si>
    <t>42996941.0</t>
  </si>
  <si>
    <t>29745931.0</t>
  </si>
  <si>
    <t>13606678.0</t>
  </si>
  <si>
    <t>660509.0</t>
  </si>
  <si>
    <t>588186.0</t>
  </si>
  <si>
    <t>354138.0</t>
  </si>
  <si>
    <t>88658036.0</t>
  </si>
  <si>
    <t>342150.0</t>
  </si>
  <si>
    <t>1314.972</t>
  </si>
  <si>
    <t>286487.0</t>
  </si>
  <si>
    <t>43689450.0</t>
  </si>
  <si>
    <t>30150156.0</t>
  </si>
  <si>
    <t>13908610.0</t>
  </si>
  <si>
    <t>62758.0</t>
  </si>
  <si>
    <t>692509.0</t>
  </si>
  <si>
    <t>583511.0</t>
  </si>
  <si>
    <t>345361.0</t>
  </si>
  <si>
    <t>8.125</t>
  </si>
  <si>
    <t>89039987.0</t>
  </si>
  <si>
    <t>381951.0</t>
  </si>
  <si>
    <t>1320.637</t>
  </si>
  <si>
    <t>5.665</t>
  </si>
  <si>
    <t>281068.0</t>
  </si>
  <si>
    <t>44434149.0</t>
  </si>
  <si>
    <t>30536853.0</t>
  </si>
  <si>
    <t>14282074.0</t>
  </si>
  <si>
    <t>64283.0</t>
  </si>
  <si>
    <t>744699.0</t>
  </si>
  <si>
    <t>580781.0</t>
  </si>
  <si>
    <t>335419.0</t>
  </si>
  <si>
    <t>89238728.0</t>
  </si>
  <si>
    <t>198741.0</t>
  </si>
  <si>
    <t>1323.585</t>
  </si>
  <si>
    <t>279068.0</t>
  </si>
  <si>
    <t>44928926.0</t>
  </si>
  <si>
    <t>30820142.0</t>
  </si>
  <si>
    <t>14500490.0</t>
  </si>
  <si>
    <t>64807.0</t>
  </si>
  <si>
    <t>494777.0</t>
  </si>
  <si>
    <t>580749.0</t>
  </si>
  <si>
    <t>45.45</t>
  </si>
  <si>
    <t>332343.0</t>
  </si>
  <si>
    <t>184.036</t>
  </si>
  <si>
    <t>30.938</t>
  </si>
  <si>
    <t>89285382.0</t>
  </si>
  <si>
    <t>1324.277</t>
  </si>
  <si>
    <t>279147.0</t>
  </si>
  <si>
    <t>45107875.0</t>
  </si>
  <si>
    <t>30925041.0</t>
  </si>
  <si>
    <t>14575241.0</t>
  </si>
  <si>
    <t>65014.0</t>
  </si>
  <si>
    <t>178949.0</t>
  </si>
  <si>
    <t>328281.0</t>
  </si>
  <si>
    <t>64369.0</t>
  </si>
  <si>
    <t>949.213277690119</t>
  </si>
  <si>
    <t>7.152</t>
  </si>
  <si>
    <t>89626836.0</t>
  </si>
  <si>
    <t>341454.0</t>
  </si>
  <si>
    <t>1329.341</t>
  </si>
  <si>
    <t>5.064</t>
  </si>
  <si>
    <t>274271.0</t>
  </si>
  <si>
    <t>45704298.0</t>
  </si>
  <si>
    <t>31165906.0</t>
  </si>
  <si>
    <t>14935993.0</t>
  </si>
  <si>
    <t>66471.0</t>
  </si>
  <si>
    <t>596423.0</t>
  </si>
  <si>
    <t>579281.0</t>
  </si>
  <si>
    <t>314117.0</t>
  </si>
  <si>
    <t>89910721.0</t>
  </si>
  <si>
    <t>283885.0</t>
  </si>
  <si>
    <t>1333.552</t>
  </si>
  <si>
    <t>267942.0</t>
  </si>
  <si>
    <t>46398487.0</t>
  </si>
  <si>
    <t>31474112.0</t>
  </si>
  <si>
    <t>15331256.0</t>
  </si>
  <si>
    <t>694189.0</t>
  </si>
  <si>
    <t>580294.0</t>
  </si>
  <si>
    <t>301871.0</t>
  </si>
  <si>
    <t>90161744.0</t>
  </si>
  <si>
    <t>251023.0</t>
  </si>
  <si>
    <t>1337.275</t>
  </si>
  <si>
    <t>263694.0</t>
  </si>
  <si>
    <t>47071448.0</t>
  </si>
  <si>
    <t>31788119.0</t>
  </si>
  <si>
    <t>15697683.0</t>
  </si>
  <si>
    <t>69521.0</t>
  </si>
  <si>
    <t>672961.0</t>
  </si>
  <si>
    <t>582072.0</t>
  </si>
  <si>
    <t>291741.0</t>
  </si>
  <si>
    <t>90481090.0</t>
  </si>
  <si>
    <t>319346.0</t>
  </si>
  <si>
    <t>1342.011</t>
  </si>
  <si>
    <t>260436.0</t>
  </si>
  <si>
    <t>47763664.0</t>
  </si>
  <si>
    <t>32105839.0</t>
  </si>
  <si>
    <t>16081612.0</t>
  </si>
  <si>
    <t>692216.0</t>
  </si>
  <si>
    <t>582031.0</t>
  </si>
  <si>
    <t>279383.0</t>
  </si>
  <si>
    <t>10738.0</t>
  </si>
  <si>
    <t>90868126.0</t>
  </si>
  <si>
    <t>387036.0</t>
  </si>
  <si>
    <t>1347.752</t>
  </si>
  <si>
    <t>5.741</t>
  </si>
  <si>
    <t>261163.0</t>
  </si>
  <si>
    <t>48529397.0</t>
  </si>
  <si>
    <t>32427619.0</t>
  </si>
  <si>
    <t>16536605.0</t>
  </si>
  <si>
    <t>72378.0</t>
  </si>
  <si>
    <t>765733.0</t>
  </si>
  <si>
    <t>585035.0</t>
  </si>
  <si>
    <t>10531.0</t>
  </si>
  <si>
    <t>91073082.0</t>
  </si>
  <si>
    <t>204956.0</t>
  </si>
  <si>
    <t>1350.792</t>
  </si>
  <si>
    <t>262051.0</t>
  </si>
  <si>
    <t>49028201.0</t>
  </si>
  <si>
    <t>32651975.0</t>
  </si>
  <si>
    <t>16816146.0</t>
  </si>
  <si>
    <t>72852.0</t>
  </si>
  <si>
    <t>498804.0</t>
  </si>
  <si>
    <t>585611.0</t>
  </si>
  <si>
    <t>261690.0</t>
  </si>
  <si>
    <t>4.675</t>
  </si>
  <si>
    <t>91123106.0</t>
  </si>
  <si>
    <t>50024.0</t>
  </si>
  <si>
    <t>1351.534</t>
  </si>
  <si>
    <t>262532.0</t>
  </si>
  <si>
    <t>49205084.0</t>
  </si>
  <si>
    <t>32726429.0</t>
  </si>
  <si>
    <t>16919267.0</t>
  </si>
  <si>
    <t>72987.0</t>
  </si>
  <si>
    <t>176883.0</t>
  </si>
  <si>
    <t>585316.0</t>
  </si>
  <si>
    <t>257341.0</t>
  </si>
  <si>
    <t>64743.6</t>
  </si>
  <si>
    <t>954.737292259596</t>
  </si>
  <si>
    <t>10386.0</t>
  </si>
  <si>
    <t>91438302.0</t>
  </si>
  <si>
    <t>315196.0</t>
  </si>
  <si>
    <t>1356.209</t>
  </si>
  <si>
    <t>258781.0</t>
  </si>
  <si>
    <t>49803647.0</t>
  </si>
  <si>
    <t>32922234.0</t>
  </si>
  <si>
    <t>17326068.0</t>
  </si>
  <si>
    <t>598563.0</t>
  </si>
  <si>
    <t>585621.0</t>
  </si>
  <si>
    <t>250904.0</t>
  </si>
  <si>
    <t>91695990.0</t>
  </si>
  <si>
    <t>257688.0</t>
  </si>
  <si>
    <t>1360.031</t>
  </si>
  <si>
    <t>255038.0</t>
  </si>
  <si>
    <t>50495831.0</t>
  </si>
  <si>
    <t>33145462.0</t>
  </si>
  <si>
    <t>17801633.0</t>
  </si>
  <si>
    <t>75352.0</t>
  </si>
  <si>
    <t>692184.0</t>
  </si>
  <si>
    <t>585335.0</t>
  </si>
  <si>
    <t>238764.0</t>
  </si>
  <si>
    <t>91929110.0</t>
  </si>
  <si>
    <t>233120.0</t>
  </si>
  <si>
    <t>1363.488</t>
  </si>
  <si>
    <t>252481.0</t>
  </si>
  <si>
    <t>51171114.0</t>
  </si>
  <si>
    <t>33379527.0</t>
  </si>
  <si>
    <t>18248714.0</t>
  </si>
  <si>
    <t>76593.0</t>
  </si>
  <si>
    <t>675283.0</t>
  </si>
  <si>
    <t>585667.0</t>
  </si>
  <si>
    <t>227344.0</t>
  </si>
  <si>
    <t>9392.0</t>
  </si>
  <si>
    <t>15.159</t>
  </si>
  <si>
    <t>92220396.0</t>
  </si>
  <si>
    <t>1367.809</t>
  </si>
  <si>
    <t>248472.0</t>
  </si>
  <si>
    <t>51824020.0</t>
  </si>
  <si>
    <t>33621418.0</t>
  </si>
  <si>
    <t>18666979.0</t>
  </si>
  <si>
    <t>652906.0</t>
  </si>
  <si>
    <t>580051.0</t>
  </si>
  <si>
    <t>216511.0</t>
  </si>
  <si>
    <t>20.483</t>
  </si>
  <si>
    <t>92575168.0</t>
  </si>
  <si>
    <t>354772.0</t>
  </si>
  <si>
    <t>1373.071</t>
  </si>
  <si>
    <t>5.262</t>
  </si>
  <si>
    <t>243863.0</t>
  </si>
  <si>
    <t>52576058.0</t>
  </si>
  <si>
    <t>33849081.0</t>
  </si>
  <si>
    <t>19200087.0</t>
  </si>
  <si>
    <t>752038.0</t>
  </si>
  <si>
    <t>578094.0</t>
  </si>
  <si>
    <t>203066.0</t>
  </si>
  <si>
    <t>92783805.0</t>
  </si>
  <si>
    <t>208637.0</t>
  </si>
  <si>
    <t>1376.165</t>
  </si>
  <si>
    <t>244389.0</t>
  </si>
  <si>
    <t>53100950.0</t>
  </si>
  <si>
    <t>34002363.0</t>
  </si>
  <si>
    <t>19575941.0</t>
  </si>
  <si>
    <t>80051.0</t>
  </si>
  <si>
    <t>524892.0</t>
  </si>
  <si>
    <t>581821.0</t>
  </si>
  <si>
    <t>92836281.0</t>
  </si>
  <si>
    <t>52476.0</t>
  </si>
  <si>
    <t>1376.943</t>
  </si>
  <si>
    <t>244739.0</t>
  </si>
  <si>
    <t>53313000.0</t>
  </si>
  <si>
    <t>34058280.0</t>
  </si>
  <si>
    <t>19732668.0</t>
  </si>
  <si>
    <t>80225.0</t>
  </si>
  <si>
    <t>212050.0</t>
  </si>
  <si>
    <t>190264.0</t>
  </si>
  <si>
    <t>-8.33</t>
  </si>
  <si>
    <t>941.530385029419</t>
  </si>
  <si>
    <t>13.788</t>
  </si>
  <si>
    <t>93156851.0</t>
  </si>
  <si>
    <t>320570.0</t>
  </si>
  <si>
    <t>1381.698</t>
  </si>
  <si>
    <t>4.755</t>
  </si>
  <si>
    <t>245507.0</t>
  </si>
  <si>
    <t>53921507.0</t>
  </si>
  <si>
    <t>34213082.0</t>
  </si>
  <si>
    <t>20190015.0</t>
  </si>
  <si>
    <t>81417.0</t>
  </si>
  <si>
    <t>608507.0</t>
  </si>
  <si>
    <t>588266.0</t>
  </si>
  <si>
    <t>184407.0</t>
  </si>
  <si>
    <t>18.433</t>
  </si>
  <si>
    <t>93420312.0</t>
  </si>
  <si>
    <t>263461.0</t>
  </si>
  <si>
    <t>1385.606</t>
  </si>
  <si>
    <t>246332.0</t>
  </si>
  <si>
    <t>54614061.0</t>
  </si>
  <si>
    <t>34395813.0</t>
  </si>
  <si>
    <t>20704797.0</t>
  </si>
  <si>
    <t>83568.0</t>
  </si>
  <si>
    <t>692554.0</t>
  </si>
  <si>
    <t>588319.0</t>
  </si>
  <si>
    <t>178622.0</t>
  </si>
  <si>
    <t>93688931.0</t>
  </si>
  <si>
    <t>268619.0</t>
  </si>
  <si>
    <t>1389.59</t>
  </si>
  <si>
    <t>251403.0</t>
  </si>
  <si>
    <t>55305279.0</t>
  </si>
  <si>
    <t>34599848.0</t>
  </si>
  <si>
    <t>21196630.0</t>
  </si>
  <si>
    <t>691218.0</t>
  </si>
  <si>
    <t>590595.0</t>
  </si>
  <si>
    <t>174332.0</t>
  </si>
  <si>
    <t>94013293.0</t>
  </si>
  <si>
    <t>324362.0</t>
  </si>
  <si>
    <t>1394.401</t>
  </si>
  <si>
    <t>256128.0</t>
  </si>
  <si>
    <t>55997373.0</t>
  </si>
  <si>
    <t>34831286.0</t>
  </si>
  <si>
    <t>21663225.0</t>
  </si>
  <si>
    <t>692094.0</t>
  </si>
  <si>
    <t>596193.0</t>
  </si>
  <si>
    <t>172838.0</t>
  </si>
  <si>
    <t>94410869.0</t>
  </si>
  <si>
    <t>397576.0</t>
  </si>
  <si>
    <t>1400.298</t>
  </si>
  <si>
    <t>5.897</t>
  </si>
  <si>
    <t>262243.0</t>
  </si>
  <si>
    <t>56748191.0</t>
  </si>
  <si>
    <t>35059988.0</t>
  </si>
  <si>
    <t>22192592.0</t>
  </si>
  <si>
    <t>90095.0</t>
  </si>
  <si>
    <t>750818.0</t>
  </si>
  <si>
    <t>596019.0</t>
  </si>
  <si>
    <t>172987.0</t>
  </si>
  <si>
    <t>94679216.0</t>
  </si>
  <si>
    <t>268347.0</t>
  </si>
  <si>
    <t>1404.278</t>
  </si>
  <si>
    <t>270773.0</t>
  </si>
  <si>
    <t>57259914.0</t>
  </si>
  <si>
    <t>22566177.0</t>
  </si>
  <si>
    <t>91026.0</t>
  </si>
  <si>
    <t>511723.0</t>
  </si>
  <si>
    <t>594138.0</t>
  </si>
  <si>
    <t>33.28</t>
  </si>
  <si>
    <t>171383.0</t>
  </si>
  <si>
    <t>94746660.0</t>
  </si>
  <si>
    <t>1405.278</t>
  </si>
  <si>
    <t>272911.0</t>
  </si>
  <si>
    <t>57457951.0</t>
  </si>
  <si>
    <t>35258802.0</t>
  </si>
  <si>
    <t>22707874.0</t>
  </si>
  <si>
    <t>91296.0</t>
  </si>
  <si>
    <t>198037.0</t>
  </si>
  <si>
    <t>592136.0</t>
  </si>
  <si>
    <t>171503.0</t>
  </si>
  <si>
    <t>63205.6</t>
  </si>
  <si>
    <t>-5.96</t>
  </si>
  <si>
    <t>932.057275153732</t>
  </si>
  <si>
    <t>95121022.0</t>
  </si>
  <si>
    <t>1410.831</t>
  </si>
  <si>
    <t>5.553</t>
  </si>
  <si>
    <t>280596.0</t>
  </si>
  <si>
    <t>58046833.0</t>
  </si>
  <si>
    <t>35427336.0</t>
  </si>
  <si>
    <t>23131298.0</t>
  </si>
  <si>
    <t>92991.0</t>
  </si>
  <si>
    <t>588882.0</t>
  </si>
  <si>
    <t>589332.0</t>
  </si>
  <si>
    <t>173465.0</t>
  </si>
  <si>
    <t>95415437.0</t>
  </si>
  <si>
    <t>294415.0</t>
  </si>
  <si>
    <t>1415.197</t>
  </si>
  <si>
    <t>285018.0</t>
  </si>
  <si>
    <t>4.227</t>
  </si>
  <si>
    <t>58720008.0</t>
  </si>
  <si>
    <t>35624131.0</t>
  </si>
  <si>
    <t>23613502.0</t>
  </si>
  <si>
    <t>94895.0</t>
  </si>
  <si>
    <t>673175.0</t>
  </si>
  <si>
    <t>586564.0</t>
  </si>
  <si>
    <t>175474.0</t>
  </si>
  <si>
    <t>95725143.0</t>
  </si>
  <si>
    <t>309706.0</t>
  </si>
  <si>
    <t>1419.791</t>
  </si>
  <si>
    <t>290887.0</t>
  </si>
  <si>
    <t>59374107.0</t>
  </si>
  <si>
    <t>35837363.0</t>
  </si>
  <si>
    <t>24059515.0</t>
  </si>
  <si>
    <t>96835.0</t>
  </si>
  <si>
    <t>654099.0</t>
  </si>
  <si>
    <t>581261.0</t>
  </si>
  <si>
    <t>176788.0</t>
  </si>
  <si>
    <t>14.319</t>
  </si>
  <si>
    <t>96084070.0</t>
  </si>
  <si>
    <t>358927.0</t>
  </si>
  <si>
    <t>1425.115</t>
  </si>
  <si>
    <t>60031987.0</t>
  </si>
  <si>
    <t>36069026.0</t>
  </si>
  <si>
    <t>24492815.0</t>
  </si>
  <si>
    <t>98984.0</t>
  </si>
  <si>
    <t>657880.0</t>
  </si>
  <si>
    <t>576373.0</t>
  </si>
  <si>
    <t>176820.0</t>
  </si>
  <si>
    <t>107.28</t>
  </si>
  <si>
    <t>96549067.0</t>
  </si>
  <si>
    <t>464997.0</t>
  </si>
  <si>
    <t>1432.011</t>
  </si>
  <si>
    <t>305457.0</t>
  </si>
  <si>
    <t>60773871.0</t>
  </si>
  <si>
    <t>36297661.0</t>
  </si>
  <si>
    <t>25014122.0</t>
  </si>
  <si>
    <t>101207.0</t>
  </si>
  <si>
    <t>741884.0</t>
  </si>
  <si>
    <t>575097.0</t>
  </si>
  <si>
    <t>176810.0</t>
  </si>
  <si>
    <t>96893484.0</t>
  </si>
  <si>
    <t>344417.0</t>
  </si>
  <si>
    <t>1437.12</t>
  </si>
  <si>
    <t>61263401.0</t>
  </si>
  <si>
    <t>36446290.0</t>
  </si>
  <si>
    <t>25358661.0</t>
  </si>
  <si>
    <t>102208.0</t>
  </si>
  <si>
    <t>489530.0</t>
  </si>
  <si>
    <t>571927.0</t>
  </si>
  <si>
    <t>177750.0</t>
  </si>
  <si>
    <t>96983957.0</t>
  </si>
  <si>
    <t>90473.0</t>
  </si>
  <si>
    <t>1438.462</t>
  </si>
  <si>
    <t>319614.0</t>
  </si>
  <si>
    <t>4.741</t>
  </si>
  <si>
    <t>61433944.0</t>
  </si>
  <si>
    <t>36506500.0</t>
  </si>
  <si>
    <t>25469290.0</t>
  </si>
  <si>
    <t>102495.0</t>
  </si>
  <si>
    <t>170543.0</t>
  </si>
  <si>
    <t>567999.0</t>
  </si>
  <si>
    <t>62561.8</t>
  </si>
  <si>
    <t>922.563520268975</t>
  </si>
  <si>
    <t>97377041.0</t>
  </si>
  <si>
    <t>393084.0</t>
  </si>
  <si>
    <t>1444.292</t>
  </si>
  <si>
    <t>322288.0</t>
  </si>
  <si>
    <t>62082900.0</t>
  </si>
  <si>
    <t>36675935.0</t>
  </si>
  <si>
    <t>25952890.0</t>
  </si>
  <si>
    <t>104293.0</t>
  </si>
  <si>
    <t>648956.0</t>
  </si>
  <si>
    <t>576581.0</t>
  </si>
  <si>
    <t>97782847.0</t>
  </si>
  <si>
    <t>405806.0</t>
  </si>
  <si>
    <t>1450.311</t>
  </si>
  <si>
    <t>338201.0</t>
  </si>
  <si>
    <t>62898918.0</t>
  </si>
  <si>
    <t>36963226.0</t>
  </si>
  <si>
    <t>26493761.0</t>
  </si>
  <si>
    <t>106380.0</t>
  </si>
  <si>
    <t>816018.0</t>
  </si>
  <si>
    <t>596987.0</t>
  </si>
  <si>
    <t>191299.0</t>
  </si>
  <si>
    <t>13.729</t>
  </si>
  <si>
    <t>97896444.0</t>
  </si>
  <si>
    <t>113597.0</t>
  </si>
  <si>
    <t>1451.996</t>
  </si>
  <si>
    <t>310186.0</t>
  </si>
  <si>
    <t>63237839.0</t>
  </si>
  <si>
    <t>37144345.0</t>
  </si>
  <si>
    <t>26653404.0</t>
  </si>
  <si>
    <t>106830.0</t>
  </si>
  <si>
    <t>338921.0</t>
  </si>
  <si>
    <t>551962.0</t>
  </si>
  <si>
    <t>186712.0</t>
  </si>
  <si>
    <t>98340719.0</t>
  </si>
  <si>
    <t>444275.0</t>
  </si>
  <si>
    <t>1458.585</t>
  </si>
  <si>
    <t>6.589</t>
  </si>
  <si>
    <t>322378.0</t>
  </si>
  <si>
    <t>64088694.0</t>
  </si>
  <si>
    <t>37491463.0</t>
  </si>
  <si>
    <t>27173241.0</t>
  </si>
  <si>
    <t>108968.0</t>
  </si>
  <si>
    <t>850855.0</t>
  </si>
  <si>
    <t>579530.0</t>
  </si>
  <si>
    <t>94.51</t>
  </si>
  <si>
    <t>203205.0</t>
  </si>
  <si>
    <t>98833004.0</t>
  </si>
  <si>
    <t>492285.0</t>
  </si>
  <si>
    <t>1465.887</t>
  </si>
  <si>
    <t>326277.0</t>
  </si>
  <si>
    <t>64965896.0</t>
  </si>
  <si>
    <t>37871584.0</t>
  </si>
  <si>
    <t>27691062.0</t>
  </si>
  <si>
    <t>111065.0</t>
  </si>
  <si>
    <t>877202.0</t>
  </si>
  <si>
    <t>598861.0</t>
  </si>
  <si>
    <t>13.124</t>
  </si>
  <si>
    <t>99201043.0</t>
  </si>
  <si>
    <t>368039.0</t>
  </si>
  <si>
    <t>1471.345</t>
  </si>
  <si>
    <t>329651.0</t>
  </si>
  <si>
    <t>65546144.0</t>
  </si>
  <si>
    <t>38131329.0</t>
  </si>
  <si>
    <t>28020407.0</t>
  </si>
  <si>
    <t>111963.0</t>
  </si>
  <si>
    <t>580248.0</t>
  </si>
  <si>
    <t>611820.0</t>
  </si>
  <si>
    <t>240720.0</t>
  </si>
  <si>
    <t>99301621.0</t>
  </si>
  <si>
    <t>1472.837</t>
  </si>
  <si>
    <t>331095.0</t>
  </si>
  <si>
    <t>4.911</t>
  </si>
  <si>
    <t>65770762.0</t>
  </si>
  <si>
    <t>38241066.0</t>
  </si>
  <si>
    <t>28136331.0</t>
  </si>
  <si>
    <t>112278.0</t>
  </si>
  <si>
    <t>224618.0</t>
  </si>
  <si>
    <t>619545.0</t>
  </si>
  <si>
    <t>96.99</t>
  </si>
  <si>
    <t>247795.0</t>
  </si>
  <si>
    <t>62282.0</t>
  </si>
  <si>
    <t>918.437467742173</t>
  </si>
  <si>
    <t>99744643.0</t>
  </si>
  <si>
    <t>443022.0</t>
  </si>
  <si>
    <t>1479.408</t>
  </si>
  <si>
    <t>338229.0</t>
  </si>
  <si>
    <t>66481868.0</t>
  </si>
  <si>
    <t>38526581.0</t>
  </si>
  <si>
    <t>28573249.0</t>
  </si>
  <si>
    <t>113942.0</t>
  </si>
  <si>
    <t>711106.0</t>
  </si>
  <si>
    <t>628424.0</t>
  </si>
  <si>
    <t>98.04</t>
  </si>
  <si>
    <t>264378.0</t>
  </si>
  <si>
    <t>12.918</t>
  </si>
  <si>
    <t>100162858.0</t>
  </si>
  <si>
    <t>418215.0</t>
  </si>
  <si>
    <t>1485.611</t>
  </si>
  <si>
    <t>340002.0</t>
  </si>
  <si>
    <t>67311804.0</t>
  </si>
  <si>
    <t>38903514.0</t>
  </si>
  <si>
    <t>29041845.0</t>
  </si>
  <si>
    <t>115692.0</t>
  </si>
  <si>
    <t>829936.0</t>
  </si>
  <si>
    <t>630412.0</t>
  </si>
  <si>
    <t>42.83</t>
  </si>
  <si>
    <t>277184.0</t>
  </si>
  <si>
    <t>100677777.0</t>
  </si>
  <si>
    <t>514919.0</t>
  </si>
  <si>
    <t>1493.248</t>
  </si>
  <si>
    <t>7.637</t>
  </si>
  <si>
    <t>397333.0</t>
  </si>
  <si>
    <t>68116125.0</t>
  </si>
  <si>
    <t>39299344.0</t>
  </si>
  <si>
    <t>29464372.0</t>
  </si>
  <si>
    <t>117278.0</t>
  </si>
  <si>
    <t>804321.0</t>
  </si>
  <si>
    <t>696898.0</t>
  </si>
  <si>
    <t>101175349.0</t>
  </si>
  <si>
    <t>497572.0</t>
  </si>
  <si>
    <t>1500.628</t>
  </si>
  <si>
    <t>404947.0</t>
  </si>
  <si>
    <t>68946261.0</t>
  </si>
  <si>
    <t>39740418.0</t>
  </si>
  <si>
    <t>29869918.0</t>
  </si>
  <si>
    <t>119041.0</t>
  </si>
  <si>
    <t>830136.0</t>
  </si>
  <si>
    <t>693938.0</t>
  </si>
  <si>
    <t>321279.0</t>
  </si>
  <si>
    <t>101900722.0</t>
  </si>
  <si>
    <t>725373.0</t>
  </si>
  <si>
    <t>1511.387</t>
  </si>
  <si>
    <t>438245.0</t>
  </si>
  <si>
    <t>69810563.0</t>
  </si>
  <si>
    <t>40180759.0</t>
  </si>
  <si>
    <t>30312353.0</t>
  </si>
  <si>
    <t>120985.0</t>
  </si>
  <si>
    <t>864302.0</t>
  </si>
  <si>
    <t>692095.0</t>
  </si>
  <si>
    <t>329882.0</t>
  </si>
  <si>
    <t>102467041.0</t>
  </si>
  <si>
    <t>566319.0</t>
  </si>
  <si>
    <t>1519.786</t>
  </si>
  <si>
    <t>466571.0</t>
  </si>
  <si>
    <t>70365936.0</t>
  </si>
  <si>
    <t>40466020.0</t>
  </si>
  <si>
    <t>30590916.0</t>
  </si>
  <si>
    <t>121823.0</t>
  </si>
  <si>
    <t>555373.0</t>
  </si>
  <si>
    <t>688542.0</t>
  </si>
  <si>
    <t>333527.0</t>
  </si>
  <si>
    <t>102609982.0</t>
  </si>
  <si>
    <t>1521.907</t>
  </si>
  <si>
    <t>472623.0</t>
  </si>
  <si>
    <t>70567216.0</t>
  </si>
  <si>
    <t>40587143.0</t>
  </si>
  <si>
    <t>30672182.0</t>
  </si>
  <si>
    <t>122068.0</t>
  </si>
  <si>
    <t>201280.0</t>
  </si>
  <si>
    <t>335154.0</t>
  </si>
  <si>
    <t>62946.2</t>
  </si>
  <si>
    <t>928.232049901936</t>
  </si>
  <si>
    <t>6.474</t>
  </si>
  <si>
    <t>103241027.0</t>
  </si>
  <si>
    <t>631045.0</t>
  </si>
  <si>
    <t>1531.266</t>
  </si>
  <si>
    <t>499483.0</t>
  </si>
  <si>
    <t>7.408</t>
  </si>
  <si>
    <t>71238468.0</t>
  </si>
  <si>
    <t>40934581.0</t>
  </si>
  <si>
    <t>31005399.0</t>
  </si>
  <si>
    <t>671252.0</t>
  </si>
  <si>
    <t>679514.0</t>
  </si>
  <si>
    <t>344000.0</t>
  </si>
  <si>
    <t>7.358</t>
  </si>
  <si>
    <t>103772517.0</t>
  </si>
  <si>
    <t>531490.0</t>
  </si>
  <si>
    <t>1539.149</t>
  </si>
  <si>
    <t>515666.0</t>
  </si>
  <si>
    <t>7.648</t>
  </si>
  <si>
    <t>72023588.0</t>
  </si>
  <si>
    <t>41398678.0</t>
  </si>
  <si>
    <t>31339371.0</t>
  </si>
  <si>
    <t>125445.0</t>
  </si>
  <si>
    <t>785120.0</t>
  </si>
  <si>
    <t>673112.0</t>
  </si>
  <si>
    <t>106.21</t>
  </si>
  <si>
    <t>37.603</t>
  </si>
  <si>
    <t>104309980.0</t>
  </si>
  <si>
    <t>537463.0</t>
  </si>
  <si>
    <t>1547.121</t>
  </si>
  <si>
    <t>7.972</t>
  </si>
  <si>
    <t>518886.0</t>
  </si>
  <si>
    <t>7.696</t>
  </si>
  <si>
    <t>72774047.0</t>
  </si>
  <si>
    <t>41858137.0</t>
  </si>
  <si>
    <t>31641637.0</t>
  </si>
  <si>
    <t>127112.0</t>
  </si>
  <si>
    <t>750459.0</t>
  </si>
  <si>
    <t>665417.0</t>
  </si>
  <si>
    <t>365542.0</t>
  </si>
  <si>
    <t>14.968</t>
  </si>
  <si>
    <t>106.705</t>
  </si>
  <si>
    <t>104915063.0</t>
  </si>
  <si>
    <t>605083.0</t>
  </si>
  <si>
    <t>1556.095</t>
  </si>
  <si>
    <t>8.975</t>
  </si>
  <si>
    <t>534245.0</t>
  </si>
  <si>
    <t>7.924</t>
  </si>
  <si>
    <t>73541835.0</t>
  </si>
  <si>
    <t>42347987.0</t>
  </si>
  <si>
    <t>31931815.0</t>
  </si>
  <si>
    <t>128965.0</t>
  </si>
  <si>
    <t>767788.0</t>
  </si>
  <si>
    <t>656511.0</t>
  </si>
  <si>
    <t>108.45</t>
  </si>
  <si>
    <t>372510.0</t>
  </si>
  <si>
    <t>105757631.0</t>
  </si>
  <si>
    <t>842568.0</t>
  </si>
  <si>
    <t>1568.592</t>
  </si>
  <si>
    <t>550987.0</t>
  </si>
  <si>
    <t>8.172</t>
  </si>
  <si>
    <t>74308025.0</t>
  </si>
  <si>
    <t>42809834.0</t>
  </si>
  <si>
    <t>32249667.0</t>
  </si>
  <si>
    <t>130957.0</t>
  </si>
  <si>
    <t>766190.0</t>
  </si>
  <si>
    <t>642495.0</t>
  </si>
  <si>
    <t>375582.0</t>
  </si>
  <si>
    <t>106379973.0</t>
  </si>
  <si>
    <t>622342.0</t>
  </si>
  <si>
    <t>1577.823</t>
  </si>
  <si>
    <t>558990.0</t>
  </si>
  <si>
    <t>74779369.0</t>
  </si>
  <si>
    <t>43095248.0</t>
  </si>
  <si>
    <t>32441511.0</t>
  </si>
  <si>
    <t>131888.0</t>
  </si>
  <si>
    <t>471344.0</t>
  </si>
  <si>
    <t>630490.0</t>
  </si>
  <si>
    <t>375604.0</t>
  </si>
  <si>
    <t>106538724.0</t>
  </si>
  <si>
    <t>158751.0</t>
  </si>
  <si>
    <t>1580.177</t>
  </si>
  <si>
    <t>561249.0</t>
  </si>
  <si>
    <t>74941581.0</t>
  </si>
  <si>
    <t>43207285.0</t>
  </si>
  <si>
    <t>32492335.0</t>
  </si>
  <si>
    <t>132145.0</t>
  </si>
  <si>
    <t>162212.0</t>
  </si>
  <si>
    <t>624909.0</t>
  </si>
  <si>
    <t>374306.0</t>
  </si>
  <si>
    <t>62793.4</t>
  </si>
  <si>
    <t>-1.41</t>
  </si>
  <si>
    <t>925.978794626399</t>
  </si>
  <si>
    <t>107208952.0</t>
  </si>
  <si>
    <t>670228.0</t>
  </si>
  <si>
    <t>1590.118</t>
  </si>
  <si>
    <t>9.941</t>
  </si>
  <si>
    <t>566846.0</t>
  </si>
  <si>
    <t>8.407</t>
  </si>
  <si>
    <t>75518885.0</t>
  </si>
  <si>
    <t>43548944.0</t>
  </si>
  <si>
    <t>32734263.0</t>
  </si>
  <si>
    <t>133780.0</t>
  </si>
  <si>
    <t>577304.0</t>
  </si>
  <si>
    <t>611488.0</t>
  </si>
  <si>
    <t>373480.0</t>
  </si>
  <si>
    <t>19.628</t>
  </si>
  <si>
    <t>13.198</t>
  </si>
  <si>
    <t>107759927.0</t>
  </si>
  <si>
    <t>550975.0</t>
  </si>
  <si>
    <t>1598.29</t>
  </si>
  <si>
    <t>569630.0</t>
  </si>
  <si>
    <t>8.449</t>
  </si>
  <si>
    <t>76163726.0</t>
  </si>
  <si>
    <t>43947577.0</t>
  </si>
  <si>
    <t>32989512.0</t>
  </si>
  <si>
    <t>135541.0</t>
  </si>
  <si>
    <t>644841.0</t>
  </si>
  <si>
    <t>591448.0</t>
  </si>
  <si>
    <t>364128.0</t>
  </si>
  <si>
    <t>14.171</t>
  </si>
  <si>
    <t>108310289.0</t>
  </si>
  <si>
    <t>550362.0</t>
  </si>
  <si>
    <t>1606.453</t>
  </si>
  <si>
    <t>8.163</t>
  </si>
  <si>
    <t>571473.0</t>
  </si>
  <si>
    <t>8.476</t>
  </si>
  <si>
    <t>76759739.0</t>
  </si>
  <si>
    <t>44332453.0</t>
  </si>
  <si>
    <t>33208769.0</t>
  </si>
  <si>
    <t>137169.0</t>
  </si>
  <si>
    <t>596013.0</t>
  </si>
  <si>
    <t>569385.0</t>
  </si>
  <si>
    <t>353474.0</t>
  </si>
  <si>
    <t>108910164.0</t>
  </si>
  <si>
    <t>599875.0</t>
  </si>
  <si>
    <t>1615.351</t>
  </si>
  <si>
    <t>8.897</t>
  </si>
  <si>
    <t>570729.0</t>
  </si>
  <si>
    <t>77355990.0</t>
  </si>
  <si>
    <t>44698641.0</t>
  </si>
  <si>
    <t>33446906.0</t>
  </si>
  <si>
    <t>596251.0</t>
  </si>
  <si>
    <t>544879.0</t>
  </si>
  <si>
    <t>335808.0</t>
  </si>
  <si>
    <t>109722320.0</t>
  </si>
  <si>
    <t>812156.0</t>
  </si>
  <si>
    <t>1627.396</t>
  </si>
  <si>
    <t>566384.0</t>
  </si>
  <si>
    <t>77988807.0</t>
  </si>
  <si>
    <t>45058387.0</t>
  </si>
  <si>
    <t>33728309.0</t>
  </si>
  <si>
    <t>140791.0</t>
  </si>
  <si>
    <t>632817.0</t>
  </si>
  <si>
    <t>525826.0</t>
  </si>
  <si>
    <t>115.01</t>
  </si>
  <si>
    <t>321222.0</t>
  </si>
  <si>
    <t>8425.0</t>
  </si>
  <si>
    <t>110346043.0</t>
  </si>
  <si>
    <t>623723.0</t>
  </si>
  <si>
    <t>1636.647</t>
  </si>
  <si>
    <t>566581.0</t>
  </si>
  <si>
    <t>8.404</t>
  </si>
  <si>
    <t>78381030.0</t>
  </si>
  <si>
    <t>45271527.0</t>
  </si>
  <si>
    <t>33911701.0</t>
  </si>
  <si>
    <t>141582.0</t>
  </si>
  <si>
    <t>392223.0</t>
  </si>
  <si>
    <t>514523.0</t>
  </si>
  <si>
    <t>310897.0</t>
  </si>
  <si>
    <t>110527582.0</t>
  </si>
  <si>
    <t>181539.0</t>
  </si>
  <si>
    <t>1639.34</t>
  </si>
  <si>
    <t>569837.0</t>
  </si>
  <si>
    <t>78518691.0</t>
  </si>
  <si>
    <t>45345729.0</t>
  </si>
  <si>
    <t>33976094.0</t>
  </si>
  <si>
    <t>141871.0</t>
  </si>
  <si>
    <t>137661.0</t>
  </si>
  <si>
    <t>511016.0</t>
  </si>
  <si>
    <t>115.79</t>
  </si>
  <si>
    <t>305492.0</t>
  </si>
  <si>
    <t>62790.6</t>
  </si>
  <si>
    <t>-0.03</t>
  </si>
  <si>
    <t>925.937504608261</t>
  </si>
  <si>
    <t>111472576.0</t>
  </si>
  <si>
    <t>944994.0</t>
  </si>
  <si>
    <t>1653.356</t>
  </si>
  <si>
    <t>609089.0</t>
  </si>
  <si>
    <t>79037630.0</t>
  </si>
  <si>
    <t>45604498.0</t>
  </si>
  <si>
    <t>34241031.0</t>
  </si>
  <si>
    <t>143454.0</t>
  </si>
  <si>
    <t>518939.0</t>
  </si>
  <si>
    <t>502678.0</t>
  </si>
  <si>
    <t>116.55</t>
  </si>
  <si>
    <t>293651.0</t>
  </si>
  <si>
    <t>112295600.0</t>
  </si>
  <si>
    <t>823024.0</t>
  </si>
  <si>
    <t>1665.563</t>
  </si>
  <si>
    <t>647953.0</t>
  </si>
  <si>
    <t>79623268.0</t>
  </si>
  <si>
    <t>45911386.0</t>
  </si>
  <si>
    <t>34526851.0</t>
  </si>
  <si>
    <t>145137.0</t>
  </si>
  <si>
    <t>585638.0</t>
  </si>
  <si>
    <t>494220.0</t>
  </si>
  <si>
    <t>117.42</t>
  </si>
  <si>
    <t>280544.0</t>
  </si>
  <si>
    <t>113069740.0</t>
  </si>
  <si>
    <t>774140.0</t>
  </si>
  <si>
    <t>1677.045</t>
  </si>
  <si>
    <t>11.482</t>
  </si>
  <si>
    <t>679922.0</t>
  </si>
  <si>
    <t>80164054.0</t>
  </si>
  <si>
    <t>46191144.0</t>
  </si>
  <si>
    <t>34794343.0</t>
  </si>
  <si>
    <t>146617.0</t>
  </si>
  <si>
    <t>540786.0</t>
  </si>
  <si>
    <t>486331.0</t>
  </si>
  <si>
    <t>265527.0</t>
  </si>
  <si>
    <t>113932923.0</t>
  </si>
  <si>
    <t>863183.0</t>
  </si>
  <si>
    <t>1689.848</t>
  </si>
  <si>
    <t>717537.0</t>
  </si>
  <si>
    <t>10.642</t>
  </si>
  <si>
    <t>80715337.0</t>
  </si>
  <si>
    <t>46462702.0</t>
  </si>
  <si>
    <t>35080951.0</t>
  </si>
  <si>
    <t>148319.0</t>
  </si>
  <si>
    <t>551283.0</t>
  </si>
  <si>
    <t>479907.0</t>
  </si>
  <si>
    <t>252009.0</t>
  </si>
  <si>
    <t>114935777.0</t>
  </si>
  <si>
    <t>1002854.0</t>
  </si>
  <si>
    <t>1704.722</t>
  </si>
  <si>
    <t>14.874</t>
  </si>
  <si>
    <t>744780.0</t>
  </si>
  <si>
    <t>11.047</t>
  </si>
  <si>
    <t>81247183.0</t>
  </si>
  <si>
    <t>46714868.0</t>
  </si>
  <si>
    <t>35366568.0</t>
  </si>
  <si>
    <t>149941.0</t>
  </si>
  <si>
    <t>465482.0</t>
  </si>
  <si>
    <t>236640.0</t>
  </si>
  <si>
    <t>115775981.0</t>
  </si>
  <si>
    <t>840204.0</t>
  </si>
  <si>
    <t>1717.184</t>
  </si>
  <si>
    <t>775705.0</t>
  </si>
  <si>
    <t>81590362.0</t>
  </si>
  <si>
    <t>46860224.0</t>
  </si>
  <si>
    <t>35567423.0</t>
  </si>
  <si>
    <t>150701.0</t>
  </si>
  <si>
    <t>343179.0</t>
  </si>
  <si>
    <t>458476.0</t>
  </si>
  <si>
    <t>120.32</t>
  </si>
  <si>
    <t>115973575.0</t>
  </si>
  <si>
    <t>197594.0</t>
  </si>
  <si>
    <t>1720.115</t>
  </si>
  <si>
    <t>777999.0</t>
  </si>
  <si>
    <t>81680073.0</t>
  </si>
  <si>
    <t>46899620.0</t>
  </si>
  <si>
    <t>35618285.0</t>
  </si>
  <si>
    <t>150925.0</t>
  </si>
  <si>
    <t>89711.0</t>
  </si>
  <si>
    <t>451626.0</t>
  </si>
  <si>
    <t>120.45</t>
  </si>
  <si>
    <t>221984.0</t>
  </si>
  <si>
    <t>63721.8</t>
  </si>
  <si>
    <t>939.669384926194</t>
  </si>
  <si>
    <t>116948865.0</t>
  </si>
  <si>
    <t>975290.0</t>
  </si>
  <si>
    <t>1734.58</t>
  </si>
  <si>
    <t>782327.0</t>
  </si>
  <si>
    <t>11.603</t>
  </si>
  <si>
    <t>82185324.0</t>
  </si>
  <si>
    <t>47085816.0</t>
  </si>
  <si>
    <t>35939790.0</t>
  </si>
  <si>
    <t>505251.0</t>
  </si>
  <si>
    <t>449671.0</t>
  </si>
  <si>
    <t>121.19</t>
  </si>
  <si>
    <t>211617.0</t>
  </si>
  <si>
    <t>10219.0</t>
  </si>
  <si>
    <t>117769831.0</t>
  </si>
  <si>
    <t>820966.0</t>
  </si>
  <si>
    <t>1746.757</t>
  </si>
  <si>
    <t>12.177</t>
  </si>
  <si>
    <t>782033.0</t>
  </si>
  <si>
    <t>11.599</t>
  </si>
  <si>
    <t>82738502.0</t>
  </si>
  <si>
    <t>47301520.0</t>
  </si>
  <si>
    <t>36281232.0</t>
  </si>
  <si>
    <t>154146.0</t>
  </si>
  <si>
    <t>553178.0</t>
  </si>
  <si>
    <t>445033.0</t>
  </si>
  <si>
    <t>198591.0</t>
  </si>
  <si>
    <t>30.289</t>
  </si>
  <si>
    <t>19.052</t>
  </si>
  <si>
    <t>118523583.0</t>
  </si>
  <si>
    <t>753752.0</t>
  </si>
  <si>
    <t>1757.936</t>
  </si>
  <si>
    <t>779120.0</t>
  </si>
  <si>
    <t>83263549.0</t>
  </si>
  <si>
    <t>47500586.0</t>
  </si>
  <si>
    <t>36610740.0</t>
  </si>
  <si>
    <t>155789.0</t>
  </si>
  <si>
    <t>525047.0</t>
  </si>
  <si>
    <t>442785.0</t>
  </si>
  <si>
    <t>187063.0</t>
  </si>
  <si>
    <t>119379740.0</t>
  </si>
  <si>
    <t>856157.0</t>
  </si>
  <si>
    <t>1770.635</t>
  </si>
  <si>
    <t>12.698</t>
  </si>
  <si>
    <t>778117.0</t>
  </si>
  <si>
    <t>11.541</t>
  </si>
  <si>
    <t>83782647.0</t>
  </si>
  <si>
    <t>47692630.0</t>
  </si>
  <si>
    <t>36941604.0</t>
  </si>
  <si>
    <t>519098.0</t>
  </si>
  <si>
    <t>438187.0</t>
  </si>
  <si>
    <t>123.55</t>
  </si>
  <si>
    <t>175704.0</t>
  </si>
  <si>
    <t>120444284.0</t>
  </si>
  <si>
    <t>1064544.0</t>
  </si>
  <si>
    <t>1786.424</t>
  </si>
  <si>
    <t>786930.0</t>
  </si>
  <si>
    <t>84337145.0</t>
  </si>
  <si>
    <t>47879114.0</t>
  </si>
  <si>
    <t>37312995.0</t>
  </si>
  <si>
    <t>554498.0</t>
  </si>
  <si>
    <t>441423.0</t>
  </si>
  <si>
    <t>166321.0</t>
  </si>
  <si>
    <t>154.292</t>
  </si>
  <si>
    <t>121213670.0</t>
  </si>
  <si>
    <t>769386.0</t>
  </si>
  <si>
    <t>1797.836</t>
  </si>
  <si>
    <t>11.411</t>
  </si>
  <si>
    <t>776813.0</t>
  </si>
  <si>
    <t>84680786.0</t>
  </si>
  <si>
    <t>47983920.0</t>
  </si>
  <si>
    <t>37553410.0</t>
  </si>
  <si>
    <t>343641.0</t>
  </si>
  <si>
    <t>441489.0</t>
  </si>
  <si>
    <t>124.87</t>
  </si>
  <si>
    <t>160528.0</t>
  </si>
  <si>
    <t>121395939.0</t>
  </si>
  <si>
    <t>1800.539</t>
  </si>
  <si>
    <t>774623.0</t>
  </si>
  <si>
    <t>11.489</t>
  </si>
  <si>
    <t>84800201.0</t>
  </si>
  <si>
    <t>48015866.0</t>
  </si>
  <si>
    <t>37641034.0</t>
  </si>
  <si>
    <t>160304.0</t>
  </si>
  <si>
    <t>119415.0</t>
  </si>
  <si>
    <t>445733.0</t>
  </si>
  <si>
    <t>125.05</t>
  </si>
  <si>
    <t>64526.6</t>
  </si>
  <si>
    <t>951.537315853892</t>
  </si>
  <si>
    <t>32.663</t>
  </si>
  <si>
    <t>122292662.0</t>
  </si>
  <si>
    <t>1813.839</t>
  </si>
  <si>
    <t>763400.0</t>
  </si>
  <si>
    <t>11.323</t>
  </si>
  <si>
    <t>85299755.0</t>
  </si>
  <si>
    <t>48156858.0</t>
  </si>
  <si>
    <t>38000946.0</t>
  </si>
  <si>
    <t>161889.0</t>
  </si>
  <si>
    <t>499554.0</t>
  </si>
  <si>
    <t>444919.0</t>
  </si>
  <si>
    <t>125.79</t>
  </si>
  <si>
    <t>153006.0</t>
  </si>
  <si>
    <t>32.752</t>
  </si>
  <si>
    <t>20.881</t>
  </si>
  <si>
    <t>123030615.0</t>
  </si>
  <si>
    <t>737953.0</t>
  </si>
  <si>
    <t>1824.784</t>
  </si>
  <si>
    <t>10.945</t>
  </si>
  <si>
    <t>751541.0</t>
  </si>
  <si>
    <t>11.147</t>
  </si>
  <si>
    <t>85840735.0</t>
  </si>
  <si>
    <t>48319370.0</t>
  </si>
  <si>
    <t>38381301.0</t>
  </si>
  <si>
    <t>163760.0</t>
  </si>
  <si>
    <t>540980.0</t>
  </si>
  <si>
    <t>443176.0</t>
  </si>
  <si>
    <t>126.58</t>
  </si>
  <si>
    <t>123704741.0</t>
  </si>
  <si>
    <t>674126.0</t>
  </si>
  <si>
    <t>1834.783</t>
  </si>
  <si>
    <t>9.999</t>
  </si>
  <si>
    <t>740165.0</t>
  </si>
  <si>
    <t>86344672.0</t>
  </si>
  <si>
    <t>48470529.0</t>
  </si>
  <si>
    <t>38735555.0</t>
  </si>
  <si>
    <t>165829.0</t>
  </si>
  <si>
    <t>503937.0</t>
  </si>
  <si>
    <t>440160.0</t>
  </si>
  <si>
    <t>138563.0</t>
  </si>
  <si>
    <t>124461108.0</t>
  </si>
  <si>
    <t>756367.0</t>
  </si>
  <si>
    <t>1846.001</t>
  </si>
  <si>
    <t>11.218</t>
  </si>
  <si>
    <t>725910.0</t>
  </si>
  <si>
    <t>10.767</t>
  </si>
  <si>
    <t>86832871.0</t>
  </si>
  <si>
    <t>48613415.0</t>
  </si>
  <si>
    <t>39081991.0</t>
  </si>
  <si>
    <t>168421.0</t>
  </si>
  <si>
    <t>488199.0</t>
  </si>
  <si>
    <t>435746.0</t>
  </si>
  <si>
    <t>131541.0</t>
  </si>
  <si>
    <t>164.6</t>
  </si>
  <si>
    <t>125440252.0</t>
  </si>
  <si>
    <t>979144.0</t>
  </si>
  <si>
    <t>1860.524</t>
  </si>
  <si>
    <t>14.523</t>
  </si>
  <si>
    <t>713710.0</t>
  </si>
  <si>
    <t>10.586</t>
  </si>
  <si>
    <t>87372380.0</t>
  </si>
  <si>
    <t>48761872.0</t>
  </si>
  <si>
    <t>39473827.0</t>
  </si>
  <si>
    <t>171254.0</t>
  </si>
  <si>
    <t>539509.0</t>
  </si>
  <si>
    <t>433605.0</t>
  </si>
  <si>
    <t>126108.0</t>
  </si>
  <si>
    <t>82.978</t>
  </si>
  <si>
    <t>126166287.0</t>
  </si>
  <si>
    <t>726035.0</t>
  </si>
  <si>
    <t>1871.293</t>
  </si>
  <si>
    <t>10.769</t>
  </si>
  <si>
    <t>707517.0</t>
  </si>
  <si>
    <t>10.494</t>
  </si>
  <si>
    <t>87714091.0</t>
  </si>
  <si>
    <t>48852549.0</t>
  </si>
  <si>
    <t>39725174.0</t>
  </si>
  <si>
    <t>172671.0</t>
  </si>
  <si>
    <t>341711.0</t>
  </si>
  <si>
    <t>433329.0</t>
  </si>
  <si>
    <t>124090.0</t>
  </si>
  <si>
    <t>79.572</t>
  </si>
  <si>
    <t>126336373.0</t>
  </si>
  <si>
    <t>170086.0</t>
  </si>
  <si>
    <t>1873.815</t>
  </si>
  <si>
    <t>705776.0</t>
  </si>
  <si>
    <t>87825275.0</t>
  </si>
  <si>
    <t>48879872.0</t>
  </si>
  <si>
    <t>39808894.0</t>
  </si>
  <si>
    <t>432153.0</t>
  </si>
  <si>
    <t>123429.0</t>
  </si>
  <si>
    <t>64763.4</t>
  </si>
  <si>
    <t>955.029271673573</t>
  </si>
  <si>
    <t>127159780.0</t>
  </si>
  <si>
    <t>823407.0</t>
  </si>
  <si>
    <t>1886.028</t>
  </si>
  <si>
    <t>12.213</t>
  </si>
  <si>
    <t>695303.0</t>
  </si>
  <si>
    <t>88272013.0</t>
  </si>
  <si>
    <t>48997300.0</t>
  </si>
  <si>
    <t>40135469.0</t>
  </si>
  <si>
    <t>177942.0</t>
  </si>
  <si>
    <t>446738.0</t>
  </si>
  <si>
    <t>424608.0</t>
  </si>
  <si>
    <t>130.17</t>
  </si>
  <si>
    <t>120063.0</t>
  </si>
  <si>
    <t>163.98</t>
  </si>
  <si>
    <t>16.722</t>
  </si>
  <si>
    <t>127803160.0</t>
  </si>
  <si>
    <t>643380.0</t>
  </si>
  <si>
    <t>1895.571</t>
  </si>
  <si>
    <t>9.543</t>
  </si>
  <si>
    <t>681792.0</t>
  </si>
  <si>
    <t>88745505.0</t>
  </si>
  <si>
    <t>49126125.0</t>
  </si>
  <si>
    <t>40472393.0</t>
  </si>
  <si>
    <t>188171.0</t>
  </si>
  <si>
    <t>473492.0</t>
  </si>
  <si>
    <t>414967.0</t>
  </si>
  <si>
    <t>130.87</t>
  </si>
  <si>
    <t>128375400.0</t>
  </si>
  <si>
    <t>572240.0</t>
  </si>
  <si>
    <t>1904.058</t>
  </si>
  <si>
    <t>8.487</t>
  </si>
  <si>
    <t>667237.0</t>
  </si>
  <si>
    <t>89189781.0</t>
  </si>
  <si>
    <t>49262286.0</t>
  </si>
  <si>
    <t>40760111.0</t>
  </si>
  <si>
    <t>210653.0</t>
  </si>
  <si>
    <t>444276.0</t>
  </si>
  <si>
    <t>406444.0</t>
  </si>
  <si>
    <t>113108.0</t>
  </si>
  <si>
    <t>128994241.0</t>
  </si>
  <si>
    <t>618841.0</t>
  </si>
  <si>
    <t>1913.237</t>
  </si>
  <si>
    <t>9.179</t>
  </si>
  <si>
    <t>647590.0</t>
  </si>
  <si>
    <t>9.605</t>
  </si>
  <si>
    <t>89578179.0</t>
  </si>
  <si>
    <t>49376945.0</t>
  </si>
  <si>
    <t>41009584.0</t>
  </si>
  <si>
    <t>237226.0</t>
  </si>
  <si>
    <t>388398.0</t>
  </si>
  <si>
    <t>392187.0</t>
  </si>
  <si>
    <t>109076.0</t>
  </si>
  <si>
    <t>129840110.0</t>
  </si>
  <si>
    <t>845869.0</t>
  </si>
  <si>
    <t>1925.783</t>
  </si>
  <si>
    <t>12.546</t>
  </si>
  <si>
    <t>628551.0</t>
  </si>
  <si>
    <t>90019150.0</t>
  </si>
  <si>
    <t>49495268.0</t>
  </si>
  <si>
    <t>41304561.0</t>
  </si>
  <si>
    <t>267261.0</t>
  </si>
  <si>
    <t>440971.0</t>
  </si>
  <si>
    <t>378110.0</t>
  </si>
  <si>
    <t>104771.0</t>
  </si>
  <si>
    <t>15.646</t>
  </si>
  <si>
    <t>130498215.0</t>
  </si>
  <si>
    <t>658105.0</t>
  </si>
  <si>
    <t>1935.544</t>
  </si>
  <si>
    <t>618847.0</t>
  </si>
  <si>
    <t>90339427.0</t>
  </si>
  <si>
    <t>49585159.0</t>
  </si>
  <si>
    <t>41523704.0</t>
  </si>
  <si>
    <t>279878.0</t>
  </si>
  <si>
    <t>320277.0</t>
  </si>
  <si>
    <t>375048.0</t>
  </si>
  <si>
    <t>104659.0</t>
  </si>
  <si>
    <t>130638541.0</t>
  </si>
  <si>
    <t>140326.0</t>
  </si>
  <si>
    <t>1937.625</t>
  </si>
  <si>
    <t>614595.0</t>
  </si>
  <si>
    <t>9.116</t>
  </si>
  <si>
    <t>90409990.0</t>
  </si>
  <si>
    <t>49606521.0</t>
  </si>
  <si>
    <t>41568937.0</t>
  </si>
  <si>
    <t>284279.0</t>
  </si>
  <si>
    <t>70563.0</t>
  </si>
  <si>
    <t>369245.0</t>
  </si>
  <si>
    <t>103807.0</t>
  </si>
  <si>
    <t>966.791028268916</t>
  </si>
  <si>
    <t>15.897</t>
  </si>
  <si>
    <t>131327893.0</t>
  </si>
  <si>
    <t>689352.0</t>
  </si>
  <si>
    <t>1947.849</t>
  </si>
  <si>
    <t>10.224</t>
  </si>
  <si>
    <t>595445.0</t>
  </si>
  <si>
    <t>8.832</t>
  </si>
  <si>
    <t>90698182.0</t>
  </si>
  <si>
    <t>49682219.0</t>
  </si>
  <si>
    <t>41751110.0</t>
  </si>
  <si>
    <t>316313.0</t>
  </si>
  <si>
    <t>288192.0</t>
  </si>
  <si>
    <t>346596.0</t>
  </si>
  <si>
    <t>131878456.0</t>
  </si>
  <si>
    <t>550563.0</t>
  </si>
  <si>
    <t>1956.015</t>
  </si>
  <si>
    <t>582185.0</t>
  </si>
  <si>
    <t>90992968.0</t>
  </si>
  <si>
    <t>49762532.0</t>
  </si>
  <si>
    <t>41933955.0</t>
  </si>
  <si>
    <t>349622.0</t>
  </si>
  <si>
    <t>294786.0</t>
  </si>
  <si>
    <t>321066.0</t>
  </si>
  <si>
    <t>90915.0</t>
  </si>
  <si>
    <t>132396595.0</t>
  </si>
  <si>
    <t>518139.0</t>
  </si>
  <si>
    <t>1963.7</t>
  </si>
  <si>
    <t>574456.0</t>
  </si>
  <si>
    <t>91319749.0</t>
  </si>
  <si>
    <t>49853537.0</t>
  </si>
  <si>
    <t>42141296.0</t>
  </si>
  <si>
    <t>379343.0</t>
  </si>
  <si>
    <t>326781.0</t>
  </si>
  <si>
    <t>304281.0</t>
  </si>
  <si>
    <t>134.66</t>
  </si>
  <si>
    <t>84464.0</t>
  </si>
  <si>
    <t>10323.0</t>
  </si>
  <si>
    <t>133010211.0</t>
  </si>
  <si>
    <t>613616.0</t>
  </si>
  <si>
    <t>1972.801</t>
  </si>
  <si>
    <t>573710.0</t>
  </si>
  <si>
    <t>8.509</t>
  </si>
  <si>
    <t>91595116.0</t>
  </si>
  <si>
    <t>49930495.0</t>
  </si>
  <si>
    <t>42307966.0</t>
  </si>
  <si>
    <t>412474.0</t>
  </si>
  <si>
    <t>275367.0</t>
  </si>
  <si>
    <t>288134.0</t>
  </si>
  <si>
    <t>133846943.0</t>
  </si>
  <si>
    <t>836732.0</t>
  </si>
  <si>
    <t>1985.212</t>
  </si>
  <si>
    <t>572405.0</t>
  </si>
  <si>
    <t>91930733.0</t>
  </si>
  <si>
    <t>50026537.0</t>
  </si>
  <si>
    <t>42513260.0</t>
  </si>
  <si>
    <t>448276.0</t>
  </si>
  <si>
    <t>335617.0</t>
  </si>
  <si>
    <t>273083.0</t>
  </si>
  <si>
    <t>75896.0</t>
  </si>
  <si>
    <t>147.73</t>
  </si>
  <si>
    <t>134484309.0</t>
  </si>
  <si>
    <t>637366.0</t>
  </si>
  <si>
    <t>1994.665</t>
  </si>
  <si>
    <t>569442.0</t>
  </si>
  <si>
    <t>92179376.0</t>
  </si>
  <si>
    <t>50093704.0</t>
  </si>
  <si>
    <t>42683311.0</t>
  </si>
  <si>
    <t>460446.0</t>
  </si>
  <si>
    <t>262850.0</t>
  </si>
  <si>
    <t>135.93</t>
  </si>
  <si>
    <t>72649.0</t>
  </si>
  <si>
    <t>31.395</t>
  </si>
  <si>
    <t>14.157</t>
  </si>
  <si>
    <t>134621827.0</t>
  </si>
  <si>
    <t>137518.0</t>
  </si>
  <si>
    <t>1996.705</t>
  </si>
  <si>
    <t>569041.0</t>
  </si>
  <si>
    <t>92227081.0</t>
  </si>
  <si>
    <t>50106531.0</t>
  </si>
  <si>
    <t>42715571.0</t>
  </si>
  <si>
    <t>463233.0</t>
  </si>
  <si>
    <t>47705.0</t>
  </si>
  <si>
    <t>259584.0</t>
  </si>
  <si>
    <t>71430.0</t>
  </si>
  <si>
    <t>66823.4</t>
  </si>
  <si>
    <t>985.406927875186</t>
  </si>
  <si>
    <t>135287452.0</t>
  </si>
  <si>
    <t>665625.0</t>
  </si>
  <si>
    <t>2006.577</t>
  </si>
  <si>
    <t>565651.0</t>
  </si>
  <si>
    <t>92459125.0</t>
  </si>
  <si>
    <t>50171107.0</t>
  </si>
  <si>
    <t>42843060.0</t>
  </si>
  <si>
    <t>504536.0</t>
  </si>
  <si>
    <t>232044.0</t>
  </si>
  <si>
    <t>136.34</t>
  </si>
  <si>
    <t>135837446.0</t>
  </si>
  <si>
    <t>549994.0</t>
  </si>
  <si>
    <t>2014.735</t>
  </si>
  <si>
    <t>8.157</t>
  </si>
  <si>
    <t>565570.0</t>
  </si>
  <si>
    <t>8.389</t>
  </si>
  <si>
    <t>92718094.0</t>
  </si>
  <si>
    <t>50244604.0</t>
  </si>
  <si>
    <t>42973563.0</t>
  </si>
  <si>
    <t>561008.0</t>
  </si>
  <si>
    <t>258969.0</t>
  </si>
  <si>
    <t>246447.0</t>
  </si>
  <si>
    <t>136.73</t>
  </si>
  <si>
    <t>136334858.0</t>
  </si>
  <si>
    <t>2022.112</t>
  </si>
  <si>
    <t>562609.0</t>
  </si>
  <si>
    <t>8.345</t>
  </si>
  <si>
    <t>93018222.0</t>
  </si>
  <si>
    <t>50321256.0</t>
  </si>
  <si>
    <t>43142379.0</t>
  </si>
  <si>
    <t>616763.0</t>
  </si>
  <si>
    <t>300128.0</t>
  </si>
  <si>
    <t>242639.0</t>
  </si>
  <si>
    <t>66817.0</t>
  </si>
  <si>
    <t>136899340.0</t>
  </si>
  <si>
    <t>564482.0</t>
  </si>
  <si>
    <t>2030.485</t>
  </si>
  <si>
    <t>93256789.0</t>
  </si>
  <si>
    <t>50385144.0</t>
  </si>
  <si>
    <t>43257959.0</t>
  </si>
  <si>
    <t>676967.0</t>
  </si>
  <si>
    <t>238567.0</t>
  </si>
  <si>
    <t>237382.0</t>
  </si>
  <si>
    <t>137.52</t>
  </si>
  <si>
    <t>64950.0</t>
  </si>
  <si>
    <t>137691414.0</t>
  </si>
  <si>
    <t>792074.0</t>
  </si>
  <si>
    <t>2042.233</t>
  </si>
  <si>
    <t>11.748</t>
  </si>
  <si>
    <t>549210.0</t>
  </si>
  <si>
    <t>93542651.0</t>
  </si>
  <si>
    <t>50460233.0</t>
  </si>
  <si>
    <t>43415680.0</t>
  </si>
  <si>
    <t>730916.0</t>
  </si>
  <si>
    <t>285862.0</t>
  </si>
  <si>
    <t>230274.0</t>
  </si>
  <si>
    <t>137.94</t>
  </si>
  <si>
    <t>61957.0</t>
  </si>
  <si>
    <t>9.703</t>
  </si>
  <si>
    <t>138269492.0</t>
  </si>
  <si>
    <t>578078.0</t>
  </si>
  <si>
    <t>2050.807</t>
  </si>
  <si>
    <t>8.574</t>
  </si>
  <si>
    <t>540740.0</t>
  </si>
  <si>
    <t>93746145.0</t>
  </si>
  <si>
    <t>50508474.0</t>
  </si>
  <si>
    <t>43555763.0</t>
  </si>
  <si>
    <t>746550.0</t>
  </si>
  <si>
    <t>203494.0</t>
  </si>
  <si>
    <t>223824.0</t>
  </si>
  <si>
    <t>138.24</t>
  </si>
  <si>
    <t>138389591.0</t>
  </si>
  <si>
    <t>120099.0</t>
  </si>
  <si>
    <t>2052.588</t>
  </si>
  <si>
    <t>538252.0</t>
  </si>
  <si>
    <t>93780151.0</t>
  </si>
  <si>
    <t>50516382.0</t>
  </si>
  <si>
    <t>43579599.0</t>
  </si>
  <si>
    <t>748994.0</t>
  </si>
  <si>
    <t>34006.0</t>
  </si>
  <si>
    <t>221867.0</t>
  </si>
  <si>
    <t>58550.0</t>
  </si>
  <si>
    <t>67025.0</t>
  </si>
  <si>
    <t>988.37980918113</t>
  </si>
  <si>
    <t>37.028</t>
  </si>
  <si>
    <t>139003657.0</t>
  </si>
  <si>
    <t>614066.0</t>
  </si>
  <si>
    <t>2061.696</t>
  </si>
  <si>
    <t>9.108</t>
  </si>
  <si>
    <t>530886.0</t>
  </si>
  <si>
    <t>7.874</t>
  </si>
  <si>
    <t>93968636.0</t>
  </si>
  <si>
    <t>50560959.0</t>
  </si>
  <si>
    <t>43673780.0</t>
  </si>
  <si>
    <t>799173.0</t>
  </si>
  <si>
    <t>188485.0</t>
  </si>
  <si>
    <t>215644.0</t>
  </si>
  <si>
    <t>138.57</t>
  </si>
  <si>
    <t>55693.0</t>
  </si>
  <si>
    <t>139512632.0</t>
  </si>
  <si>
    <t>508975.0</t>
  </si>
  <si>
    <t>2069.245</t>
  </si>
  <si>
    <t>7.549</t>
  </si>
  <si>
    <t>525027.0</t>
  </si>
  <si>
    <t>7.787</t>
  </si>
  <si>
    <t>94175775.0</t>
  </si>
  <si>
    <t>50606869.0</t>
  </si>
  <si>
    <t>43772585.0</t>
  </si>
  <si>
    <t>862030.0</t>
  </si>
  <si>
    <t>207139.0</t>
  </si>
  <si>
    <t>208240.0</t>
  </si>
  <si>
    <t>51752.0</t>
  </si>
  <si>
    <t>139967005.0</t>
  </si>
  <si>
    <t>454373.0</t>
  </si>
  <si>
    <t>2075.984</t>
  </si>
  <si>
    <t>518878.0</t>
  </si>
  <si>
    <t>94422333.0</t>
  </si>
  <si>
    <t>50655567.0</t>
  </si>
  <si>
    <t>43915341.0</t>
  </si>
  <si>
    <t>917510.0</t>
  </si>
  <si>
    <t>246558.0</t>
  </si>
  <si>
    <t>200587.0</t>
  </si>
  <si>
    <t>47759.0</t>
  </si>
  <si>
    <t>121.466</t>
  </si>
  <si>
    <t>140499097.0</t>
  </si>
  <si>
    <t>532092.0</t>
  </si>
  <si>
    <t>2083.876</t>
  </si>
  <si>
    <t>7.892</t>
  </si>
  <si>
    <t>514251.0</t>
  </si>
  <si>
    <t>94620193.0</t>
  </si>
  <si>
    <t>50698858.0</t>
  </si>
  <si>
    <t>44007881.0</t>
  </si>
  <si>
    <t>980024.0</t>
  </si>
  <si>
    <t>197860.0</t>
  </si>
  <si>
    <t>194772.0</t>
  </si>
  <si>
    <t>44816.0</t>
  </si>
  <si>
    <t>8.287</t>
  </si>
  <si>
    <t>141233011.0</t>
  </si>
  <si>
    <t>733914.0</t>
  </si>
  <si>
    <t>2094.762</t>
  </si>
  <si>
    <t>10.885</t>
  </si>
  <si>
    <t>505942.0</t>
  </si>
  <si>
    <t>94860477.0</t>
  </si>
  <si>
    <t>50751174.0</t>
  </si>
  <si>
    <t>44141580.0</t>
  </si>
  <si>
    <t>1034707.0</t>
  </si>
  <si>
    <t>240284.0</t>
  </si>
  <si>
    <t>188261.0</t>
  </si>
  <si>
    <t>41563.0</t>
  </si>
  <si>
    <t>141765224.0</t>
  </si>
  <si>
    <t>532213.0</t>
  </si>
  <si>
    <t>2102.655</t>
  </si>
  <si>
    <t>499390.0</t>
  </si>
  <si>
    <t>95027667.0</t>
  </si>
  <si>
    <t>50786395.0</t>
  </si>
  <si>
    <t>44257507.0</t>
  </si>
  <si>
    <t>1051029.0</t>
  </si>
  <si>
    <t>167190.0</t>
  </si>
  <si>
    <t>183075.0</t>
  </si>
  <si>
    <t>140.13</t>
  </si>
  <si>
    <t>141871761.0</t>
  </si>
  <si>
    <t>106537.0</t>
  </si>
  <si>
    <t>2104.235</t>
  </si>
  <si>
    <t>497453.0</t>
  </si>
  <si>
    <t>95053304.0</t>
  </si>
  <si>
    <t>50791951.0</t>
  </si>
  <si>
    <t>44275382.0</t>
  </si>
  <si>
    <t>1053309.0</t>
  </si>
  <si>
    <t>25637.0</t>
  </si>
  <si>
    <t>181879.0</t>
  </si>
  <si>
    <t>66932.2</t>
  </si>
  <si>
    <t>-0.84</t>
  </si>
  <si>
    <t>987.011340008553</t>
  </si>
  <si>
    <t>7.816</t>
  </si>
  <si>
    <t>142445196.0</t>
  </si>
  <si>
    <t>573435.0</t>
  </si>
  <si>
    <t>2112.741</t>
  </si>
  <si>
    <t>491648.0</t>
  </si>
  <si>
    <t>95211499.0</t>
  </si>
  <si>
    <t>50825933.0</t>
  </si>
  <si>
    <t>44352553.0</t>
  </si>
  <si>
    <t>1100620.0</t>
  </si>
  <si>
    <t>158195.0</t>
  </si>
  <si>
    <t>177552.0</t>
  </si>
  <si>
    <t>140.4</t>
  </si>
  <si>
    <t>37853.0</t>
  </si>
  <si>
    <t>142931303.0</t>
  </si>
  <si>
    <t>486107.0</t>
  </si>
  <si>
    <t>2119.951</t>
  </si>
  <si>
    <t>488382.0</t>
  </si>
  <si>
    <t>95378334.0</t>
  </si>
  <si>
    <t>50862455.0</t>
  </si>
  <si>
    <t>44428111.0</t>
  </si>
  <si>
    <t>1155694.0</t>
  </si>
  <si>
    <t>166835.0</t>
  </si>
  <si>
    <t>171794.0</t>
  </si>
  <si>
    <t>143367209.0</t>
  </si>
  <si>
    <t>435906.0</t>
  </si>
  <si>
    <t>2126.416</t>
  </si>
  <si>
    <t>485743.0</t>
  </si>
  <si>
    <t>95576944.0</t>
  </si>
  <si>
    <t>50906878.0</t>
  </si>
  <si>
    <t>44529175.0</t>
  </si>
  <si>
    <t>1209195.0</t>
  </si>
  <si>
    <t>164944.0</t>
  </si>
  <si>
    <t>35902.0</t>
  </si>
  <si>
    <t>111.557</t>
  </si>
  <si>
    <t>6.547</t>
  </si>
  <si>
    <t>143895621.0</t>
  </si>
  <si>
    <t>528412.0</t>
  </si>
  <si>
    <t>2134.253</t>
  </si>
  <si>
    <t>485218.0</t>
  </si>
  <si>
    <t>95743404.0</t>
  </si>
  <si>
    <t>50943223.0</t>
  </si>
  <si>
    <t>44602474.0</t>
  </si>
  <si>
    <t>1266376.0</t>
  </si>
  <si>
    <t>166460.0</t>
  </si>
  <si>
    <t>160459.0</t>
  </si>
  <si>
    <t>144603023.0</t>
  </si>
  <si>
    <t>707402.0</t>
  </si>
  <si>
    <t>2144.745</t>
  </si>
  <si>
    <t>10.492</t>
  </si>
  <si>
    <t>481430.0</t>
  </si>
  <si>
    <t>95965924.0</t>
  </si>
  <si>
    <t>51004939.0</t>
  </si>
  <si>
    <t>44705695.0</t>
  </si>
  <si>
    <t>1324370.0</t>
  </si>
  <si>
    <t>222520.0</t>
  </si>
  <si>
    <t>157921.0</t>
  </si>
  <si>
    <t>141.52</t>
  </si>
  <si>
    <t>36252.0</t>
  </si>
  <si>
    <t>19.539</t>
  </si>
  <si>
    <t>107.56</t>
  </si>
  <si>
    <t>5.884</t>
  </si>
  <si>
    <t>145131267.0</t>
  </si>
  <si>
    <t>528244.0</t>
  </si>
  <si>
    <t>2152.58</t>
  </si>
  <si>
    <t>480863.0</t>
  </si>
  <si>
    <t>7.132</t>
  </si>
  <si>
    <t>96104842.0</t>
  </si>
  <si>
    <t>51044409.0</t>
  </si>
  <si>
    <t>44784314.0</t>
  </si>
  <si>
    <t>1345395.0</t>
  </si>
  <si>
    <t>138918.0</t>
  </si>
  <si>
    <t>153882.0</t>
  </si>
  <si>
    <t>141.72</t>
  </si>
  <si>
    <t>5.648</t>
  </si>
  <si>
    <t>145230749.0</t>
  </si>
  <si>
    <t>99482.0</t>
  </si>
  <si>
    <t>2154.056</t>
  </si>
  <si>
    <t>479855.0</t>
  </si>
  <si>
    <t>96123164.0</t>
  </si>
  <si>
    <t>51049698.0</t>
  </si>
  <si>
    <t>44794893.0</t>
  </si>
  <si>
    <t>1347935.0</t>
  </si>
  <si>
    <t>152837.0</t>
  </si>
  <si>
    <t>141.75</t>
  </si>
  <si>
    <t>36821.0</t>
  </si>
  <si>
    <t>67224.6</t>
  </si>
  <si>
    <t>991.323197616976</t>
  </si>
  <si>
    <t>145743519.0</t>
  </si>
  <si>
    <t>512770.0</t>
  </si>
  <si>
    <t>2161.661</t>
  </si>
  <si>
    <t>7.605</t>
  </si>
  <si>
    <t>471189.0</t>
  </si>
  <si>
    <t>96269579.0</t>
  </si>
  <si>
    <t>51084897.0</t>
  </si>
  <si>
    <t>44853734.0</t>
  </si>
  <si>
    <t>1400673.0</t>
  </si>
  <si>
    <t>146415.0</t>
  </si>
  <si>
    <t>151154.0</t>
  </si>
  <si>
    <t>141.96</t>
  </si>
  <si>
    <t>36995.0</t>
  </si>
  <si>
    <t>146200141.0</t>
  </si>
  <si>
    <t>456622.0</t>
  </si>
  <si>
    <t>2168.434</t>
  </si>
  <si>
    <t>6.773</t>
  </si>
  <si>
    <t>466977.0</t>
  </si>
  <si>
    <t>96429029.0</t>
  </si>
  <si>
    <t>51118825.0</t>
  </si>
  <si>
    <t>44918360.0</t>
  </si>
  <si>
    <t>1461855.0</t>
  </si>
  <si>
    <t>159450.0</t>
  </si>
  <si>
    <t>150099.0</t>
  </si>
  <si>
    <t>146603540.0</t>
  </si>
  <si>
    <t>403399.0</t>
  </si>
  <si>
    <t>2174.417</t>
  </si>
  <si>
    <t>462333.0</t>
  </si>
  <si>
    <t>96616910.0</t>
  </si>
  <si>
    <t>51161550.0</t>
  </si>
  <si>
    <t>44997870.0</t>
  </si>
  <si>
    <t>1527750.0</t>
  </si>
  <si>
    <t>187881.0</t>
  </si>
  <si>
    <t>148567.0</t>
  </si>
  <si>
    <t>36382.0</t>
  </si>
  <si>
    <t>101.795</t>
  </si>
  <si>
    <t>20.645</t>
  </si>
  <si>
    <t>147075654.0</t>
  </si>
  <si>
    <t>472114.0</t>
  </si>
  <si>
    <t>2181.419</t>
  </si>
  <si>
    <t>454290.0</t>
  </si>
  <si>
    <t>96775287.0</t>
  </si>
  <si>
    <t>51192122.0</t>
  </si>
  <si>
    <t>45060384.0</t>
  </si>
  <si>
    <t>1593308.0</t>
  </si>
  <si>
    <t>158377.0</t>
  </si>
  <si>
    <t>147412.0</t>
  </si>
  <si>
    <t>142.71</t>
  </si>
  <si>
    <t>20.704</t>
  </si>
  <si>
    <t>147750853.0</t>
  </si>
  <si>
    <t>675199.0</t>
  </si>
  <si>
    <t>2191.434</t>
  </si>
  <si>
    <t>10.015</t>
  </si>
  <si>
    <t>449690.0</t>
  </si>
  <si>
    <t>96994588.0</t>
  </si>
  <si>
    <t>51241605.0</t>
  </si>
  <si>
    <t>45152655.0</t>
  </si>
  <si>
    <t>1671212.0</t>
  </si>
  <si>
    <t>219301.0</t>
  </si>
  <si>
    <t>146952.0</t>
  </si>
  <si>
    <t>143.03</t>
  </si>
  <si>
    <t>98.89</t>
  </si>
  <si>
    <t>148264456.0</t>
  </si>
  <si>
    <t>513603.0</t>
  </si>
  <si>
    <t>2199.052</t>
  </si>
  <si>
    <t>447598.0</t>
  </si>
  <si>
    <t>97120787.0</t>
  </si>
  <si>
    <t>51275282.0</t>
  </si>
  <si>
    <t>45213782.0</t>
  </si>
  <si>
    <t>1702801.0</t>
  </si>
  <si>
    <t>126199.0</t>
  </si>
  <si>
    <t>145135.0</t>
  </si>
  <si>
    <t>143.22</t>
  </si>
  <si>
    <t>32982.0</t>
  </si>
  <si>
    <t>148356775.0</t>
  </si>
  <si>
    <t>92319.0</t>
  </si>
  <si>
    <t>2200.421</t>
  </si>
  <si>
    <t>446575.0</t>
  </si>
  <si>
    <t>97136143.0</t>
  </si>
  <si>
    <t>51280002.0</t>
  </si>
  <si>
    <t>45221305.0</t>
  </si>
  <si>
    <t>1706011.0</t>
  </si>
  <si>
    <t>144711.0</t>
  </si>
  <si>
    <t>143.24</t>
  </si>
  <si>
    <t>67366.0</t>
  </si>
  <si>
    <t>993.408343532951</t>
  </si>
  <si>
    <t>148863991.0</t>
  </si>
  <si>
    <t>507216.0</t>
  </si>
  <si>
    <t>2207.944</t>
  </si>
  <si>
    <t>445782.0</t>
  </si>
  <si>
    <t>97277922.0</t>
  </si>
  <si>
    <t>51310734.0</t>
  </si>
  <si>
    <t>45271436.0</t>
  </si>
  <si>
    <t>1767178.0</t>
  </si>
  <si>
    <t>141779.0</t>
  </si>
  <si>
    <t>144049.0</t>
  </si>
  <si>
    <t>143.45</t>
  </si>
  <si>
    <t>4.542</t>
  </si>
  <si>
    <t>149308932.0</t>
  </si>
  <si>
    <t>444941.0</t>
  </si>
  <si>
    <t>2214.543</t>
  </si>
  <si>
    <t>444113.0</t>
  </si>
  <si>
    <t>97434824.0</t>
  </si>
  <si>
    <t>51342377.0</t>
  </si>
  <si>
    <t>45326120.0</t>
  </si>
  <si>
    <t>1837964.0</t>
  </si>
  <si>
    <t>156902.0</t>
  </si>
  <si>
    <t>143685.0</t>
  </si>
  <si>
    <t>149722715.0</t>
  </si>
  <si>
    <t>413783.0</t>
  </si>
  <si>
    <t>2220.68</t>
  </si>
  <si>
    <t>445596.0</t>
  </si>
  <si>
    <t>97612398.0</t>
  </si>
  <si>
    <t>51382542.0</t>
  </si>
  <si>
    <t>45389144.0</t>
  </si>
  <si>
    <t>1912570.0</t>
  </si>
  <si>
    <t>177574.0</t>
  </si>
  <si>
    <t>31570.0</t>
  </si>
  <si>
    <t>19.79</t>
  </si>
  <si>
    <t>150530499.0</t>
  </si>
  <si>
    <t>807784.0</t>
  </si>
  <si>
    <t>2232.661</t>
  </si>
  <si>
    <t>493549.0</t>
  </si>
  <si>
    <t>97764517.0</t>
  </si>
  <si>
    <t>51412902.0</t>
  </si>
  <si>
    <t>45442306.0</t>
  </si>
  <si>
    <t>1981482.0</t>
  </si>
  <si>
    <t>152119.0</t>
  </si>
  <si>
    <t>141319.0</t>
  </si>
  <si>
    <t>31540.0</t>
  </si>
  <si>
    <t>150903756.0</t>
  </si>
  <si>
    <t>373257.0</t>
  </si>
  <si>
    <t>2238.198</t>
  </si>
  <si>
    <t>5.536</t>
  </si>
  <si>
    <t>450415.0</t>
  </si>
  <si>
    <t>97978142.0</t>
  </si>
  <si>
    <t>51457854.0</t>
  </si>
  <si>
    <t>45517842.0</t>
  </si>
  <si>
    <t>2074941.0</t>
  </si>
  <si>
    <t>213625.0</t>
  </si>
  <si>
    <t>140508.0</t>
  </si>
  <si>
    <t>144.48</t>
  </si>
  <si>
    <t>4.616</t>
  </si>
  <si>
    <t>19.465</t>
  </si>
  <si>
    <t>151187440.0</t>
  </si>
  <si>
    <t>283684.0</t>
  </si>
  <si>
    <t>2242.405</t>
  </si>
  <si>
    <t>417569.0</t>
  </si>
  <si>
    <t>98090313.0</t>
  </si>
  <si>
    <t>51489186.0</t>
  </si>
  <si>
    <t>45562098.0</t>
  </si>
  <si>
    <t>2111690.0</t>
  </si>
  <si>
    <t>112171.0</t>
  </si>
  <si>
    <t>138504.0</t>
  </si>
  <si>
    <t>30558.0</t>
  </si>
  <si>
    <t>151248131.0</t>
  </si>
  <si>
    <t>60691.0</t>
  </si>
  <si>
    <t>2243.305</t>
  </si>
  <si>
    <t>413051.0</t>
  </si>
  <si>
    <t>98103035.0</t>
  </si>
  <si>
    <t>51493078.0</t>
  </si>
  <si>
    <t>45567392.0</t>
  </si>
  <si>
    <t>2115296.0</t>
  </si>
  <si>
    <t>144.67</t>
  </si>
  <si>
    <t>1001.194461239</t>
  </si>
  <si>
    <t>151639125.0</t>
  </si>
  <si>
    <t>390994.0</t>
  </si>
  <si>
    <t>2249.105</t>
  </si>
  <si>
    <t>396448.0</t>
  </si>
  <si>
    <t>98242244.0</t>
  </si>
  <si>
    <t>51522286.0</t>
  </si>
  <si>
    <t>45610009.0</t>
  </si>
  <si>
    <t>2182961.0</t>
  </si>
  <si>
    <t>139209.0</t>
  </si>
  <si>
    <t>137760.0</t>
  </si>
  <si>
    <t>144.87</t>
  </si>
  <si>
    <t>151986499.0</t>
  </si>
  <si>
    <t>347374.0</t>
  </si>
  <si>
    <t>2254.257</t>
  </si>
  <si>
    <t>382510.0</t>
  </si>
  <si>
    <t>98391552.0</t>
  </si>
  <si>
    <t>51549481.0</t>
  </si>
  <si>
    <t>45655758.0</t>
  </si>
  <si>
    <t>2259541.0</t>
  </si>
  <si>
    <t>149308.0</t>
  </si>
  <si>
    <t>136675.0</t>
  </si>
  <si>
    <t>152301145.0</t>
  </si>
  <si>
    <t>314646.0</t>
  </si>
  <si>
    <t>2258.924</t>
  </si>
  <si>
    <t>368347.0</t>
  </si>
  <si>
    <t>98576436.0</t>
  </si>
  <si>
    <t>51584823.0</t>
  </si>
  <si>
    <t>45708368.0</t>
  </si>
  <si>
    <t>2356704.0</t>
  </si>
  <si>
    <t>184884.0</t>
  </si>
  <si>
    <t>137720.0</t>
  </si>
  <si>
    <t>145.37</t>
  </si>
  <si>
    <t>152643105.0</t>
  </si>
  <si>
    <t>341960.0</t>
  </si>
  <si>
    <t>2263.996</t>
  </si>
  <si>
    <t>301801.0</t>
  </si>
  <si>
    <t>98731862.0</t>
  </si>
  <si>
    <t>51610987.0</t>
  </si>
  <si>
    <t>45753754.0</t>
  </si>
  <si>
    <t>2440823.0</t>
  </si>
  <si>
    <t>155426.0</t>
  </si>
  <si>
    <t>138192.0</t>
  </si>
  <si>
    <t>28298.0</t>
  </si>
  <si>
    <t>4.925</t>
  </si>
  <si>
    <t>153079673.0</t>
  </si>
  <si>
    <t>436568.0</t>
  </si>
  <si>
    <t>2270.471</t>
  </si>
  <si>
    <t>98937920.0</t>
  </si>
  <si>
    <t>51649437.0</t>
  </si>
  <si>
    <t>45816431.0</t>
  </si>
  <si>
    <t>2545971.0</t>
  </si>
  <si>
    <t>206058.0</t>
  </si>
  <si>
    <t>153415351.0</t>
  </si>
  <si>
    <t>335678.0</t>
  </si>
  <si>
    <t>2275.449</t>
  </si>
  <si>
    <t>318273.0</t>
  </si>
  <si>
    <t>99051682.0</t>
  </si>
  <si>
    <t>51676471.0</t>
  </si>
  <si>
    <t>45857738.0</t>
  </si>
  <si>
    <t>2591509.0</t>
  </si>
  <si>
    <t>113762.0</t>
  </si>
  <si>
    <t>137338.0</t>
  </si>
  <si>
    <t>26755.0</t>
  </si>
  <si>
    <t>15.012</t>
  </si>
  <si>
    <t>153480129.0</t>
  </si>
  <si>
    <t>2276.41</t>
  </si>
  <si>
    <t>318857.0</t>
  </si>
  <si>
    <t>99063083.0</t>
  </si>
  <si>
    <t>51679417.0</t>
  </si>
  <si>
    <t>45862537.0</t>
  </si>
  <si>
    <t>2595204.0</t>
  </si>
  <si>
    <t>68472.4</t>
  </si>
  <si>
    <t>1009.72379927153</t>
  </si>
  <si>
    <t>22.724</t>
  </si>
  <si>
    <t>153830878.0</t>
  </si>
  <si>
    <t>350749.0</t>
  </si>
  <si>
    <t>2281.613</t>
  </si>
  <si>
    <t>5.202</t>
  </si>
  <si>
    <t>313108.0</t>
  </si>
  <si>
    <t>99207903.0</t>
  </si>
  <si>
    <t>51705519.0</t>
  </si>
  <si>
    <t>45898977.0</t>
  </si>
  <si>
    <t>2677700.0</t>
  </si>
  <si>
    <t>144820.0</t>
  </si>
  <si>
    <t>137951.0</t>
  </si>
  <si>
    <t>26176.0</t>
  </si>
  <si>
    <t>6.046</t>
  </si>
  <si>
    <t>154123704.0</t>
  </si>
  <si>
    <t>292826.0</t>
  </si>
  <si>
    <t>2285.956</t>
  </si>
  <si>
    <t>305315.0</t>
  </si>
  <si>
    <t>99354109.0</t>
  </si>
  <si>
    <t>51729286.0</t>
  </si>
  <si>
    <t>45934157.0</t>
  </si>
  <si>
    <t>2765159.0</t>
  </si>
  <si>
    <t>146206.0</t>
  </si>
  <si>
    <t>137508.0</t>
  </si>
  <si>
    <t>146.51</t>
  </si>
  <si>
    <t>23.462</t>
  </si>
  <si>
    <t>154407841.0</t>
  </si>
  <si>
    <t>284137.0</t>
  </si>
  <si>
    <t>2290.17</t>
  </si>
  <si>
    <t>300957.0</t>
  </si>
  <si>
    <t>99539823.0</t>
  </si>
  <si>
    <t>51759399.0</t>
  </si>
  <si>
    <t>45980657.0</t>
  </si>
  <si>
    <t>2874456.0</t>
  </si>
  <si>
    <t>185714.0</t>
  </si>
  <si>
    <t>137627.0</t>
  </si>
  <si>
    <t>24939.0</t>
  </si>
  <si>
    <t>6.282</t>
  </si>
  <si>
    <t>23.432</t>
  </si>
  <si>
    <t>154695332.0</t>
  </si>
  <si>
    <t>287491.0</t>
  </si>
  <si>
    <t>2294.434</t>
  </si>
  <si>
    <t>293175.0</t>
  </si>
  <si>
    <t>4.348</t>
  </si>
  <si>
    <t>99687250.0</t>
  </si>
  <si>
    <t>51783007.0</t>
  </si>
  <si>
    <t>46015751.0</t>
  </si>
  <si>
    <t>2963367.0</t>
  </si>
  <si>
    <t>147427.0</t>
  </si>
  <si>
    <t>136484.0</t>
  </si>
  <si>
    <t>24574.0</t>
  </si>
  <si>
    <t>155072412.0</t>
  </si>
  <si>
    <t>377080.0</t>
  </si>
  <si>
    <t>2300.027</t>
  </si>
  <si>
    <t>284677.0</t>
  </si>
  <si>
    <t>99887837.0</t>
  </si>
  <si>
    <t>51814588.0</t>
  </si>
  <si>
    <t>46067416.0</t>
  </si>
  <si>
    <t>3080933.0</t>
  </si>
  <si>
    <t>135702.0</t>
  </si>
  <si>
    <t>155404281.0</t>
  </si>
  <si>
    <t>331869.0</t>
  </si>
  <si>
    <t>2304.949</t>
  </si>
  <si>
    <t>284133.0</t>
  </si>
  <si>
    <t>99992079.0</t>
  </si>
  <si>
    <t>51835163.0</t>
  </si>
  <si>
    <t>46100748.0</t>
  </si>
  <si>
    <t>3131371.0</t>
  </si>
  <si>
    <t>104242.0</t>
  </si>
  <si>
    <t>134342.0</t>
  </si>
  <si>
    <t>6.429</t>
  </si>
  <si>
    <t>155479432.0</t>
  </si>
  <si>
    <t>75151.0</t>
  </si>
  <si>
    <t>2306.064</t>
  </si>
  <si>
    <t>285615.0</t>
  </si>
  <si>
    <t>100001928.0</t>
  </si>
  <si>
    <t>51837680.0</t>
  </si>
  <si>
    <t>46104539.0</t>
  </si>
  <si>
    <t>3134971.0</t>
  </si>
  <si>
    <t>134121.0</t>
  </si>
  <si>
    <t>147.47</t>
  </si>
  <si>
    <t>69176.0</t>
  </si>
  <si>
    <t>1020.09939097223</t>
  </si>
  <si>
    <t>15.764</t>
  </si>
  <si>
    <t>155565322.0</t>
  </si>
  <si>
    <t>85890.0</t>
  </si>
  <si>
    <t>2307.338</t>
  </si>
  <si>
    <t>247778.0</t>
  </si>
  <si>
    <t>100018551.0</t>
  </si>
  <si>
    <t>51846210.0</t>
  </si>
  <si>
    <t>46109455.0</t>
  </si>
  <si>
    <t>3138223.0</t>
  </si>
  <si>
    <t>115807.0</t>
  </si>
  <si>
    <t>147.49</t>
  </si>
  <si>
    <t>20099.0</t>
  </si>
  <si>
    <t>98.506</t>
  </si>
  <si>
    <t>155935705.0</t>
  </si>
  <si>
    <t>370383.0</t>
  </si>
  <si>
    <t>2312.831</t>
  </si>
  <si>
    <t>5.494</t>
  </si>
  <si>
    <t>258857.0</t>
  </si>
  <si>
    <t>100178795.0</t>
  </si>
  <si>
    <t>51872585.0</t>
  </si>
  <si>
    <t>46149703.0</t>
  </si>
  <si>
    <t>3232006.0</t>
  </si>
  <si>
    <t>117812.0</t>
  </si>
  <si>
    <t>6.459</t>
  </si>
  <si>
    <t>156216739.0</t>
  </si>
  <si>
    <t>281034.0</t>
  </si>
  <si>
    <t>2316.999</t>
  </si>
  <si>
    <t>4.168</t>
  </si>
  <si>
    <t>258414.0</t>
  </si>
  <si>
    <t>100375979.0</t>
  </si>
  <si>
    <t>51902713.0</t>
  </si>
  <si>
    <t>46197728.0</t>
  </si>
  <si>
    <t>3351169.0</t>
  </si>
  <si>
    <t>197184.0</t>
  </si>
  <si>
    <t>119451.0</t>
  </si>
  <si>
    <t>148.02</t>
  </si>
  <si>
    <t>20473.0</t>
  </si>
  <si>
    <t>156492394.0</t>
  </si>
  <si>
    <t>275655.0</t>
  </si>
  <si>
    <t>2321.088</t>
  </si>
  <si>
    <t>256723.0</t>
  </si>
  <si>
    <t>100545089.0</t>
  </si>
  <si>
    <t>51926533.0</t>
  </si>
  <si>
    <t>46235377.0</t>
  </si>
  <si>
    <t>3458997.0</t>
  </si>
  <si>
    <t>169110.0</t>
  </si>
  <si>
    <t>122548.0</t>
  </si>
  <si>
    <t>16.059</t>
  </si>
  <si>
    <t>156859663.0</t>
  </si>
  <si>
    <t>367269.0</t>
  </si>
  <si>
    <t>2326.535</t>
  </si>
  <si>
    <t>255322.0</t>
  </si>
  <si>
    <t>100772339.0</t>
  </si>
  <si>
    <t>51958941.0</t>
  </si>
  <si>
    <t>46288427.0</t>
  </si>
  <si>
    <t>3600919.0</t>
  </si>
  <si>
    <t>227250.0</t>
  </si>
  <si>
    <t>126357.0</t>
  </si>
  <si>
    <t>20622.0</t>
  </si>
  <si>
    <t>157162948.0</t>
  </si>
  <si>
    <t>303285.0</t>
  </si>
  <si>
    <t>2331.034</t>
  </si>
  <si>
    <t>251238.0</t>
  </si>
  <si>
    <t>100893466.0</t>
  </si>
  <si>
    <t>51980492.0</t>
  </si>
  <si>
    <t>46323056.0</t>
  </si>
  <si>
    <t>3665947.0</t>
  </si>
  <si>
    <t>128770.0</t>
  </si>
  <si>
    <t>20761.0</t>
  </si>
  <si>
    <t>16.236</t>
  </si>
  <si>
    <t>157227014.0</t>
  </si>
  <si>
    <t>64066.0</t>
  </si>
  <si>
    <t>2331.984</t>
  </si>
  <si>
    <t>249655.0</t>
  </si>
  <si>
    <t>100905276.0</t>
  </si>
  <si>
    <t>51982919.0</t>
  </si>
  <si>
    <t>46327304.0</t>
  </si>
  <si>
    <t>3671163.0</t>
  </si>
  <si>
    <t>129050.0</t>
  </si>
  <si>
    <t>69292.2</t>
  </si>
  <si>
    <t>1021.81292672496</t>
  </si>
  <si>
    <t>157599133.0</t>
  </si>
  <si>
    <t>372119.0</t>
  </si>
  <si>
    <t>2337.503</t>
  </si>
  <si>
    <t>5.519</t>
  </si>
  <si>
    <t>290544.0</t>
  </si>
  <si>
    <t>101091096.0</t>
  </si>
  <si>
    <t>52003546.0</t>
  </si>
  <si>
    <t>46365184.0</t>
  </si>
  <si>
    <t>3798637.0</t>
  </si>
  <si>
    <t>185820.0</t>
  </si>
  <si>
    <t>153221.0</t>
  </si>
  <si>
    <t>16.811</t>
  </si>
  <si>
    <t>157928677.0</t>
  </si>
  <si>
    <t>329544.0</t>
  </si>
  <si>
    <t>2342.391</t>
  </si>
  <si>
    <t>284710.0</t>
  </si>
  <si>
    <t>101320257.0</t>
  </si>
  <si>
    <t>52025988.0</t>
  </si>
  <si>
    <t>46409974.0</t>
  </si>
  <si>
    <t>3960725.0</t>
  </si>
  <si>
    <t>229161.0</t>
  </si>
  <si>
    <t>163066.0</t>
  </si>
  <si>
    <t>149.41</t>
  </si>
  <si>
    <t>158283126.0</t>
  </si>
  <si>
    <t>354449.0</t>
  </si>
  <si>
    <t>2347.648</t>
  </si>
  <si>
    <t>295198.0</t>
  </si>
  <si>
    <t>101594277.0</t>
  </si>
  <si>
    <t>52057603.0</t>
  </si>
  <si>
    <t>46464964.0</t>
  </si>
  <si>
    <t>4148261.0</t>
  </si>
  <si>
    <t>274020.0</t>
  </si>
  <si>
    <t>174043.0</t>
  </si>
  <si>
    <t>149.82</t>
  </si>
  <si>
    <t>31.336</t>
  </si>
  <si>
    <t>158369317.0</t>
  </si>
  <si>
    <t>2348.926</t>
  </si>
  <si>
    <t>268132.0</t>
  </si>
  <si>
    <t>101618797.0</t>
  </si>
  <si>
    <t>52062351.0</t>
  </si>
  <si>
    <t>46471805.0</t>
  </si>
  <si>
    <t>4161292.0</t>
  </si>
  <si>
    <t>24520.0</t>
  </si>
  <si>
    <t>153387.0</t>
  </si>
  <si>
    <t>158850691.0</t>
  </si>
  <si>
    <t>481374.0</t>
  </si>
  <si>
    <t>2356.066</t>
  </si>
  <si>
    <t>284433.0</t>
  </si>
  <si>
    <t>101887044.0</t>
  </si>
  <si>
    <t>52091449.0</t>
  </si>
  <si>
    <t>46526951.0</t>
  </si>
  <si>
    <t>4345401.0</t>
  </si>
  <si>
    <t>268247.0</t>
  </si>
  <si>
    <t>159244.0</t>
  </si>
  <si>
    <t>159182198.0</t>
  </si>
  <si>
    <t>331507.0</t>
  </si>
  <si>
    <t>2360.983</t>
  </si>
  <si>
    <t>288464.0</t>
  </si>
  <si>
    <t>102020851.0</t>
  </si>
  <si>
    <t>52111803.0</t>
  </si>
  <si>
    <t>46559617.0</t>
  </si>
  <si>
    <t>4426262.0</t>
  </si>
  <si>
    <t>133807.0</t>
  </si>
  <si>
    <t>161055.0</t>
  </si>
  <si>
    <t>17.843</t>
  </si>
  <si>
    <t>7.904</t>
  </si>
  <si>
    <t>159250398.0</t>
  </si>
  <si>
    <t>68200.0</t>
  </si>
  <si>
    <t>2361.995</t>
  </si>
  <si>
    <t>289055.0</t>
  </si>
  <si>
    <t>102034265.0</t>
  </si>
  <si>
    <t>52114168.0</t>
  </si>
  <si>
    <t>46563527.0</t>
  </si>
  <si>
    <t>4433456.0</t>
  </si>
  <si>
    <t>161284.0</t>
  </si>
  <si>
    <t>18750.0</t>
  </si>
  <si>
    <t>69745.8</t>
  </si>
  <si>
    <t>1028.50190966334</t>
  </si>
  <si>
    <t>34.949</t>
  </si>
  <si>
    <t>159709411.0</t>
  </si>
  <si>
    <t>459013.0</t>
  </si>
  <si>
    <t>2368.803</t>
  </si>
  <si>
    <t>102254550.0</t>
  </si>
  <si>
    <t>52134682.0</t>
  </si>
  <si>
    <t>46602154.0</t>
  </si>
  <si>
    <t>4594699.0</t>
  </si>
  <si>
    <t>220285.0</t>
  </si>
  <si>
    <t>18.831</t>
  </si>
  <si>
    <t>160142928.0</t>
  </si>
  <si>
    <t>433517.0</t>
  </si>
  <si>
    <t>2375.233</t>
  </si>
  <si>
    <t>316322.0</t>
  </si>
  <si>
    <t>102522944.0</t>
  </si>
  <si>
    <t>52158348.0</t>
  </si>
  <si>
    <t>46646105.0</t>
  </si>
  <si>
    <t>4795584.0</t>
  </si>
  <si>
    <t>268394.0</t>
  </si>
  <si>
    <t>171812.0</t>
  </si>
  <si>
    <t>160548882.0</t>
  </si>
  <si>
    <t>405954.0</t>
  </si>
  <si>
    <t>2381.254</t>
  </si>
  <si>
    <t>102804033.0</t>
  </si>
  <si>
    <t>52188889.0</t>
  </si>
  <si>
    <t>46696440.0</t>
  </si>
  <si>
    <t>4995917.0</t>
  </si>
  <si>
    <t>281089.0</t>
  </si>
  <si>
    <t>172822.0</t>
  </si>
  <si>
    <t>160993951.0</t>
  </si>
  <si>
    <t>445069.0</t>
  </si>
  <si>
    <t>2387.855</t>
  </si>
  <si>
    <t>374948.0</t>
  </si>
  <si>
    <t>5.561</t>
  </si>
  <si>
    <t>103065385.0</t>
  </si>
  <si>
    <t>52212343.0</t>
  </si>
  <si>
    <t>46742199.0</t>
  </si>
  <si>
    <t>5188159.0</t>
  </si>
  <si>
    <t>261352.0</t>
  </si>
  <si>
    <t>206655.0</t>
  </si>
  <si>
    <t>151.98</t>
  </si>
  <si>
    <t>117.087</t>
  </si>
  <si>
    <t>161563256.0</t>
  </si>
  <si>
    <t>569305.0</t>
  </si>
  <si>
    <t>2396.299</t>
  </si>
  <si>
    <t>8.444</t>
  </si>
  <si>
    <t>387509.0</t>
  </si>
  <si>
    <t>103404199.0</t>
  </si>
  <si>
    <t>52246036.0</t>
  </si>
  <si>
    <t>46803552.0</t>
  </si>
  <si>
    <t>5432016.0</t>
  </si>
  <si>
    <t>338814.0</t>
  </si>
  <si>
    <t>216736.0</t>
  </si>
  <si>
    <t>161985683.0</t>
  </si>
  <si>
    <t>422427.0</t>
  </si>
  <si>
    <t>2402.564</t>
  </si>
  <si>
    <t>6.265</t>
  </si>
  <si>
    <t>400498.0</t>
  </si>
  <si>
    <t>103568669.0</t>
  </si>
  <si>
    <t>52271456.0</t>
  </si>
  <si>
    <t>46840279.0</t>
  </si>
  <si>
    <t>5534416.0</t>
  </si>
  <si>
    <t>164470.0</t>
  </si>
  <si>
    <t>221117.0</t>
  </si>
  <si>
    <t>69.07</t>
  </si>
  <si>
    <t>162065135.0</t>
  </si>
  <si>
    <t>79452.0</t>
  </si>
  <si>
    <t>2403.743</t>
  </si>
  <si>
    <t>402105.0</t>
  </si>
  <si>
    <t>5.964</t>
  </si>
  <si>
    <t>103585468.0</t>
  </si>
  <si>
    <t>52274117.0</t>
  </si>
  <si>
    <t>46844785.0</t>
  </si>
  <si>
    <t>5544117.0</t>
  </si>
  <si>
    <t>70307.4</t>
  </si>
  <si>
    <t>1036.78350758704</t>
  </si>
  <si>
    <t>10.986</t>
  </si>
  <si>
    <t>162680252.0</t>
  </si>
  <si>
    <t>615117.0</t>
  </si>
  <si>
    <t>2412.866</t>
  </si>
  <si>
    <t>424406.0</t>
  </si>
  <si>
    <t>103822319.0</t>
  </si>
  <si>
    <t>52296937.0</t>
  </si>
  <si>
    <t>46877992.0</t>
  </si>
  <si>
    <t>5725050.0</t>
  </si>
  <si>
    <t>236851.0</t>
  </si>
  <si>
    <t>223967.0</t>
  </si>
  <si>
    <t>21.456</t>
  </si>
  <si>
    <t>163281057.0</t>
  </si>
  <si>
    <t>600805.0</t>
  </si>
  <si>
    <t>2421.777</t>
  </si>
  <si>
    <t>8.911</t>
  </si>
  <si>
    <t>448304.0</t>
  </si>
  <si>
    <t>104123538.0</t>
  </si>
  <si>
    <t>52322670.0</t>
  </si>
  <si>
    <t>46923502.0</t>
  </si>
  <si>
    <t>5955104.0</t>
  </si>
  <si>
    <t>301219.0</t>
  </si>
  <si>
    <t>228656.0</t>
  </si>
  <si>
    <t>23475.0</t>
  </si>
  <si>
    <t>129.253</t>
  </si>
  <si>
    <t>163870323.0</t>
  </si>
  <si>
    <t>589266.0</t>
  </si>
  <si>
    <t>2430.517</t>
  </si>
  <si>
    <t>474492.0</t>
  </si>
  <si>
    <t>104434586.0</t>
  </si>
  <si>
    <t>52354490.0</t>
  </si>
  <si>
    <t>46977189.0</t>
  </si>
  <si>
    <t>6180735.0</t>
  </si>
  <si>
    <t>311048.0</t>
  </si>
  <si>
    <t>232936.0</t>
  </si>
  <si>
    <t>23657.0</t>
  </si>
  <si>
    <t>12.564</t>
  </si>
  <si>
    <t>164530800.0</t>
  </si>
  <si>
    <t>660477.0</t>
  </si>
  <si>
    <t>2440.313</t>
  </si>
  <si>
    <t>9.796</t>
  </si>
  <si>
    <t>505264.0</t>
  </si>
  <si>
    <t>7.494</t>
  </si>
  <si>
    <t>104766124.0</t>
  </si>
  <si>
    <t>52380140.0</t>
  </si>
  <si>
    <t>47026398.0</t>
  </si>
  <si>
    <t>6437507.0</t>
  </si>
  <si>
    <t>331538.0</t>
  </si>
  <si>
    <t>242963.0</t>
  </si>
  <si>
    <t>23971.0</t>
  </si>
  <si>
    <t>165301298.0</t>
  </si>
  <si>
    <t>770498.0</t>
  </si>
  <si>
    <t>2451.741</t>
  </si>
  <si>
    <t>11.428</t>
  </si>
  <si>
    <t>534006.0</t>
  </si>
  <si>
    <t>105254494.0</t>
  </si>
  <si>
    <t>52413396.0</t>
  </si>
  <si>
    <t>47101135.0</t>
  </si>
  <si>
    <t>6817969.0</t>
  </si>
  <si>
    <t>488370.0</t>
  </si>
  <si>
    <t>264328.0</t>
  </si>
  <si>
    <t>165848318.0</t>
  </si>
  <si>
    <t>547020.0</t>
  </si>
  <si>
    <t>2459.855</t>
  </si>
  <si>
    <t>551805.0</t>
  </si>
  <si>
    <t>8.184</t>
  </si>
  <si>
    <t>105542932.0</t>
  </si>
  <si>
    <t>52436904.0</t>
  </si>
  <si>
    <t>47150727.0</t>
  </si>
  <si>
    <t>7033348.0</t>
  </si>
  <si>
    <t>288438.0</t>
  </si>
  <si>
    <t>282038.0</t>
  </si>
  <si>
    <t>165961482.0</t>
  </si>
  <si>
    <t>113164.0</t>
  </si>
  <si>
    <t>2461.533</t>
  </si>
  <si>
    <t>556621.0</t>
  </si>
  <si>
    <t>105613771.0</t>
  </si>
  <si>
    <t>52440429.0</t>
  </si>
  <si>
    <t>47161235.0</t>
  </si>
  <si>
    <t>7090205.0</t>
  </si>
  <si>
    <t>70839.0</t>
  </si>
  <si>
    <t>289758.0</t>
  </si>
  <si>
    <t>155.74</t>
  </si>
  <si>
    <t>71342.4</t>
  </si>
  <si>
    <t>1052.04606786309</t>
  </si>
  <si>
    <t>166814518.0</t>
  </si>
  <si>
    <t>853036.0</t>
  </si>
  <si>
    <t>2474.185</t>
  </si>
  <si>
    <t>12.652</t>
  </si>
  <si>
    <t>590609.0</t>
  </si>
  <si>
    <t>106029711.0</t>
  </si>
  <si>
    <t>52459873.0</t>
  </si>
  <si>
    <t>47215370.0</t>
  </si>
  <si>
    <t>7432656.0</t>
  </si>
  <si>
    <t>415940.0</t>
  </si>
  <si>
    <t>315342.0</t>
  </si>
  <si>
    <t>156.36</t>
  </si>
  <si>
    <t>16.516</t>
  </si>
  <si>
    <t>75.708</t>
  </si>
  <si>
    <t>167626716.0</t>
  </si>
  <si>
    <t>812198.0</t>
  </si>
  <si>
    <t>2486.232</t>
  </si>
  <si>
    <t>620808.0</t>
  </si>
  <si>
    <t>9.208</t>
  </si>
  <si>
    <t>106584802.0</t>
  </si>
  <si>
    <t>52484661.0</t>
  </si>
  <si>
    <t>47287251.0</t>
  </si>
  <si>
    <t>7891154.0</t>
  </si>
  <si>
    <t>555091.0</t>
  </si>
  <si>
    <t>351609.0</t>
  </si>
  <si>
    <t>157.17</t>
  </si>
  <si>
    <t>168420885.0</t>
  </si>
  <si>
    <t>794169.0</t>
  </si>
  <si>
    <t>2498.011</t>
  </si>
  <si>
    <t>650080.0</t>
  </si>
  <si>
    <t>9.642</t>
  </si>
  <si>
    <t>107158054.0</t>
  </si>
  <si>
    <t>52512048.0</t>
  </si>
  <si>
    <t>47362781.0</t>
  </si>
  <si>
    <t>8361577.0</t>
  </si>
  <si>
    <t>573252.0</t>
  </si>
  <si>
    <t>389067.0</t>
  </si>
  <si>
    <t>22508.0</t>
  </si>
  <si>
    <t>10790.0</t>
  </si>
  <si>
    <t>169266591.0</t>
  </si>
  <si>
    <t>845706.0</t>
  </si>
  <si>
    <t>2510.554</t>
  </si>
  <si>
    <t>12.543</t>
  </si>
  <si>
    <t>676542.0</t>
  </si>
  <si>
    <t>107780233.0</t>
  </si>
  <si>
    <t>52534171.0</t>
  </si>
  <si>
    <t>47434392.0</t>
  </si>
  <si>
    <t>8890133.0</t>
  </si>
  <si>
    <t>622179.0</t>
  </si>
  <si>
    <t>430587.0</t>
  </si>
  <si>
    <t>163.73</t>
  </si>
  <si>
    <t>170187199.0</t>
  </si>
  <si>
    <t>920608.0</t>
  </si>
  <si>
    <t>2524.209</t>
  </si>
  <si>
    <t>697986.0</t>
  </si>
  <si>
    <t>108496574.0</t>
  </si>
  <si>
    <t>52559749.0</t>
  </si>
  <si>
    <t>47527295.0</t>
  </si>
  <si>
    <t>9488096.0</t>
  </si>
  <si>
    <t>716341.0</t>
  </si>
  <si>
    <t>463154.0</t>
  </si>
  <si>
    <t>20908.0</t>
  </si>
  <si>
    <t>170894784.0</t>
  </si>
  <si>
    <t>707585.0</t>
  </si>
  <si>
    <t>2534.704</t>
  </si>
  <si>
    <t>10.495</t>
  </si>
  <si>
    <t>720924.0</t>
  </si>
  <si>
    <t>108912258.0</t>
  </si>
  <si>
    <t>52578091.0</t>
  </si>
  <si>
    <t>47587690.0</t>
  </si>
  <si>
    <t>9825115.0</t>
  </si>
  <si>
    <t>415684.0</t>
  </si>
  <si>
    <t>481332.0</t>
  </si>
  <si>
    <t>11526.0</t>
  </si>
  <si>
    <t>171050793.0</t>
  </si>
  <si>
    <t>156009.0</t>
  </si>
  <si>
    <t>2537.017</t>
  </si>
  <si>
    <t>727044.0</t>
  </si>
  <si>
    <t>10.783</t>
  </si>
  <si>
    <t>109028491.0</t>
  </si>
  <si>
    <t>52582248.0</t>
  </si>
  <si>
    <t>47603849.0</t>
  </si>
  <si>
    <t>9921095.0</t>
  </si>
  <si>
    <t>116233.0</t>
  </si>
  <si>
    <t>487817.0</t>
  </si>
  <si>
    <t>72909.8</t>
  </si>
  <si>
    <t>1075.15963015941</t>
  </si>
  <si>
    <t>172075405.0</t>
  </si>
  <si>
    <t>1024612.0</t>
  </si>
  <si>
    <t>2552.214</t>
  </si>
  <si>
    <t>751555.0</t>
  </si>
  <si>
    <t>109624101.0</t>
  </si>
  <si>
    <t>52610700.0</t>
  </si>
  <si>
    <t>47676644.0</t>
  </si>
  <si>
    <t>10415568.0</t>
  </si>
  <si>
    <t>595610.0</t>
  </si>
  <si>
    <t>513484.0</t>
  </si>
  <si>
    <t>161.66</t>
  </si>
  <si>
    <t>23.491</t>
  </si>
  <si>
    <t>172985168.0</t>
  </si>
  <si>
    <t>909763.0</t>
  </si>
  <si>
    <t>2565.708</t>
  </si>
  <si>
    <t>13.494</t>
  </si>
  <si>
    <t>765493.0</t>
  </si>
  <si>
    <t>110386190.0</t>
  </si>
  <si>
    <t>52634263.0</t>
  </si>
  <si>
    <t>47767911.0</t>
  </si>
  <si>
    <t>11062912.0</t>
  </si>
  <si>
    <t>762089.0</t>
  </si>
  <si>
    <t>543055.0</t>
  </si>
  <si>
    <t>173862294.0</t>
  </si>
  <si>
    <t>877126.0</t>
  </si>
  <si>
    <t>2578.718</t>
  </si>
  <si>
    <t>13.009</t>
  </si>
  <si>
    <t>777344.0</t>
  </si>
  <si>
    <t>111097305.0</t>
  </si>
  <si>
    <t>52659785.0</t>
  </si>
  <si>
    <t>47859906.0</t>
  </si>
  <si>
    <t>11656582.0</t>
  </si>
  <si>
    <t>711115.0</t>
  </si>
  <si>
    <t>562750.0</t>
  </si>
  <si>
    <t>21105.0</t>
  </si>
  <si>
    <t>174777378.0</t>
  </si>
  <si>
    <t>915084.0</t>
  </si>
  <si>
    <t>2592.29</t>
  </si>
  <si>
    <t>13.572</t>
  </si>
  <si>
    <t>787255.0</t>
  </si>
  <si>
    <t>11.677</t>
  </si>
  <si>
    <t>111880944.0</t>
  </si>
  <si>
    <t>52683868.0</t>
  </si>
  <si>
    <t>47954044.0</t>
  </si>
  <si>
    <t>12322065.0</t>
  </si>
  <si>
    <t>783639.0</t>
  </si>
  <si>
    <t>585816.0</t>
  </si>
  <si>
    <t>21385.0</t>
  </si>
  <si>
    <t>24.671</t>
  </si>
  <si>
    <t>175733994.0</t>
  </si>
  <si>
    <t>956616.0</t>
  </si>
  <si>
    <t>2606.479</t>
  </si>
  <si>
    <t>792399.0</t>
  </si>
  <si>
    <t>112758178.0</t>
  </si>
  <si>
    <t>52711942.0</t>
  </si>
  <si>
    <t>48064954.0</t>
  </si>
  <si>
    <t>13060378.0</t>
  </si>
  <si>
    <t>877234.0</t>
  </si>
  <si>
    <t>608801.0</t>
  </si>
  <si>
    <t>21742.0</t>
  </si>
  <si>
    <t>176467911.0</t>
  </si>
  <si>
    <t>733917.0</t>
  </si>
  <si>
    <t>2617.364</t>
  </si>
  <si>
    <t>796161.0</t>
  </si>
  <si>
    <t>113290741.0</t>
  </si>
  <si>
    <t>52732193.0</t>
  </si>
  <si>
    <t>48141030.0</t>
  </si>
  <si>
    <t>13496643.0</t>
  </si>
  <si>
    <t>532563.0</t>
  </si>
  <si>
    <t>625498.0</t>
  </si>
  <si>
    <t>176645955.0</t>
  </si>
  <si>
    <t>178044.0</t>
  </si>
  <si>
    <t>2620.005</t>
  </si>
  <si>
    <t>799309.0</t>
  </si>
  <si>
    <t>11.855</t>
  </si>
  <si>
    <t>113462160.0</t>
  </si>
  <si>
    <t>52737871.0</t>
  </si>
  <si>
    <t>48164177.0</t>
  </si>
  <si>
    <t>13639266.0</t>
  </si>
  <si>
    <t>171419.0</t>
  </si>
  <si>
    <t>633381.0</t>
  </si>
  <si>
    <t>22232.0</t>
  </si>
  <si>
    <t>74829.8</t>
  </si>
  <si>
    <t>1103.47278545412</t>
  </si>
  <si>
    <t>177725236.0</t>
  </si>
  <si>
    <t>1079281.0</t>
  </si>
  <si>
    <t>2636.013</t>
  </si>
  <si>
    <t>16.008</t>
  </si>
  <si>
    <t>807119.0</t>
  </si>
  <si>
    <t>114163807.0</t>
  </si>
  <si>
    <t>52759236.0</t>
  </si>
  <si>
    <t>48254992.0</t>
  </si>
  <si>
    <t>14228808.0</t>
  </si>
  <si>
    <t>701647.0</t>
  </si>
  <si>
    <t>648529.0</t>
  </si>
  <si>
    <t>21219.0</t>
  </si>
  <si>
    <t>178654395.0</t>
  </si>
  <si>
    <t>929159.0</t>
  </si>
  <si>
    <t>2649.794</t>
  </si>
  <si>
    <t>13.781</t>
  </si>
  <si>
    <t>809890.0</t>
  </si>
  <si>
    <t>12.012</t>
  </si>
  <si>
    <t>115078478.0</t>
  </si>
  <si>
    <t>52787222.0</t>
  </si>
  <si>
    <t>48373287.0</t>
  </si>
  <si>
    <t>14997259.0</t>
  </si>
  <si>
    <t>914671.0</t>
  </si>
  <si>
    <t>670327.0</t>
  </si>
  <si>
    <t>179580492.0</t>
  </si>
  <si>
    <t>926097.0</t>
  </si>
  <si>
    <t>2663.53</t>
  </si>
  <si>
    <t>13.736</t>
  </si>
  <si>
    <t>816885.0</t>
  </si>
  <si>
    <t>12.116</t>
  </si>
  <si>
    <t>115917880.0</t>
  </si>
  <si>
    <t>52815674.0</t>
  </si>
  <si>
    <t>48487497.0</t>
  </si>
  <si>
    <t>15694067.0</t>
  </si>
  <si>
    <t>839402.0</t>
  </si>
  <si>
    <t>170.94</t>
  </si>
  <si>
    <t>22270.0</t>
  </si>
  <si>
    <t>125.551</t>
  </si>
  <si>
    <t>180537412.0</t>
  </si>
  <si>
    <t>956920.0</t>
  </si>
  <si>
    <t>2677.723</t>
  </si>
  <si>
    <t>14.193</t>
  </si>
  <si>
    <t>822862.0</t>
  </si>
  <si>
    <t>12.205</t>
  </si>
  <si>
    <t>116828342.0</t>
  </si>
  <si>
    <t>52843728.0</t>
  </si>
  <si>
    <t>48603148.0</t>
  </si>
  <si>
    <t>16460858.0</t>
  </si>
  <si>
    <t>910462.0</t>
  </si>
  <si>
    <t>706771.0</t>
  </si>
  <si>
    <t>181565958.0</t>
  </si>
  <si>
    <t>1028546.0</t>
  </si>
  <si>
    <t>2692.978</t>
  </si>
  <si>
    <t>15.255</t>
  </si>
  <si>
    <t>833138.0</t>
  </si>
  <si>
    <t>117799048.0</t>
  </si>
  <si>
    <t>52875392.0</t>
  </si>
  <si>
    <t>48731468.0</t>
  </si>
  <si>
    <t>17271619.0</t>
  </si>
  <si>
    <t>970706.0</t>
  </si>
  <si>
    <t>173.71</t>
  </si>
  <si>
    <t>23350.0</t>
  </si>
  <si>
    <t>15370.0</t>
  </si>
  <si>
    <t>182373517.0</t>
  </si>
  <si>
    <t>807559.0</t>
  </si>
  <si>
    <t>2704.956</t>
  </si>
  <si>
    <t>843658.0</t>
  </si>
  <si>
    <t>118376742.0</t>
  </si>
  <si>
    <t>52900336.0</t>
  </si>
  <si>
    <t>48813019.0</t>
  </si>
  <si>
    <t>17742867.0</t>
  </si>
  <si>
    <t>577694.0</t>
  </si>
  <si>
    <t>726572.0</t>
  </si>
  <si>
    <t>228.983</t>
  </si>
  <si>
    <t>182583300.0</t>
  </si>
  <si>
    <t>209783.0</t>
  </si>
  <si>
    <t>2708.067</t>
  </si>
  <si>
    <t>848192.0</t>
  </si>
  <si>
    <t>118583884.0</t>
  </si>
  <si>
    <t>52909105.0</t>
  </si>
  <si>
    <t>48841590.0</t>
  </si>
  <si>
    <t>17912685.0</t>
  </si>
  <si>
    <t>207142.0</t>
  </si>
  <si>
    <t>731675.0</t>
  </si>
  <si>
    <t>24462.0</t>
  </si>
  <si>
    <t>76377.6</t>
  </si>
  <si>
    <t>1126.29731762346</t>
  </si>
  <si>
    <t>26.632</t>
  </si>
  <si>
    <t>183594872.0</t>
  </si>
  <si>
    <t>1011572.0</t>
  </si>
  <si>
    <t>2723.071</t>
  </si>
  <si>
    <t>15.004</t>
  </si>
  <si>
    <t>838519.0</t>
  </si>
  <si>
    <t>119306204.0</t>
  </si>
  <si>
    <t>52940882.0</t>
  </si>
  <si>
    <t>48938755.0</t>
  </si>
  <si>
    <t>18506107.0</t>
  </si>
  <si>
    <t>722320.0</t>
  </si>
  <si>
    <t>734628.0</t>
  </si>
  <si>
    <t>10833.0</t>
  </si>
  <si>
    <t>25949.0</t>
  </si>
  <si>
    <t>184574660.0</t>
  </si>
  <si>
    <t>979788.0</t>
  </si>
  <si>
    <t>2737.603</t>
  </si>
  <si>
    <t>845752.0</t>
  </si>
  <si>
    <t>12.544</t>
  </si>
  <si>
    <t>120142525.0</t>
  </si>
  <si>
    <t>52980358.0</t>
  </si>
  <si>
    <t>49050688.0</t>
  </si>
  <si>
    <t>19191050.0</t>
  </si>
  <si>
    <t>723435.0</t>
  </si>
  <si>
    <t>185726867.0</t>
  </si>
  <si>
    <t>1152207.0</t>
  </si>
  <si>
    <t>2754.692</t>
  </si>
  <si>
    <t>878054.0</t>
  </si>
  <si>
    <t>120859330.0</t>
  </si>
  <si>
    <t>53019919.0</t>
  </si>
  <si>
    <t>49149892.0</t>
  </si>
  <si>
    <t>19769127.0</t>
  </si>
  <si>
    <t>716805.0</t>
  </si>
  <si>
    <t>705921.0</t>
  </si>
  <si>
    <t>29178.0</t>
  </si>
  <si>
    <t>187242485.0</t>
  </si>
  <si>
    <t>1515618.0</t>
  </si>
  <si>
    <t>2777.172</t>
  </si>
  <si>
    <t>957868.0</t>
  </si>
  <si>
    <t>121415256.0</t>
  </si>
  <si>
    <t>53053703.0</t>
  </si>
  <si>
    <t>49229295.0</t>
  </si>
  <si>
    <t>20211906.0</t>
  </si>
  <si>
    <t>555926.0</t>
  </si>
  <si>
    <t>655273.0</t>
  </si>
  <si>
    <t>188589889.0</t>
  </si>
  <si>
    <t>1347404.0</t>
  </si>
  <si>
    <t>2797.157</t>
  </si>
  <si>
    <t>19.985</t>
  </si>
  <si>
    <t>1003419.0</t>
  </si>
  <si>
    <t>14.883</t>
  </si>
  <si>
    <t>121563444.0</t>
  </si>
  <si>
    <t>53064401.0</t>
  </si>
  <si>
    <t>49255335.0</t>
  </si>
  <si>
    <t>20323379.0</t>
  </si>
  <si>
    <t>148188.0</t>
  </si>
  <si>
    <t>537771.0</t>
  </si>
  <si>
    <t>179.26</t>
  </si>
  <si>
    <t>188772079.0</t>
  </si>
  <si>
    <t>182190.0</t>
  </si>
  <si>
    <t>2799.859</t>
  </si>
  <si>
    <t>914080.0</t>
  </si>
  <si>
    <t>13.558</t>
  </si>
  <si>
    <t>121575423.0</t>
  </si>
  <si>
    <t>53065177.0</t>
  </si>
  <si>
    <t>49258919.0</t>
  </si>
  <si>
    <t>20331005.0</t>
  </si>
  <si>
    <t>456954.0</t>
  </si>
  <si>
    <t>179.28</t>
  </si>
  <si>
    <t>189034950.0</t>
  </si>
  <si>
    <t>262871.0</t>
  </si>
  <si>
    <t>2803.758</t>
  </si>
  <si>
    <t>921664.0</t>
  </si>
  <si>
    <t>121644269.0</t>
  </si>
  <si>
    <t>53069875.0</t>
  </si>
  <si>
    <t>49270813.0</t>
  </si>
  <si>
    <t>20383264.0</t>
  </si>
  <si>
    <t>68846.0</t>
  </si>
  <si>
    <t>437198.0</t>
  </si>
  <si>
    <t>78277.2</t>
  </si>
  <si>
    <t>1154.30964564317</t>
  </si>
  <si>
    <t>16921.0</t>
  </si>
  <si>
    <t>8710.0</t>
  </si>
  <si>
    <t>128.441</t>
  </si>
  <si>
    <t>190350317.0</t>
  </si>
  <si>
    <t>1315367.0</t>
  </si>
  <si>
    <t>2823.267</t>
  </si>
  <si>
    <t>19.509</t>
  </si>
  <si>
    <t>965064.0</t>
  </si>
  <si>
    <t>14.314</t>
  </si>
  <si>
    <t>122213702.0</t>
  </si>
  <si>
    <t>53100385.0</t>
  </si>
  <si>
    <t>49354748.0</t>
  </si>
  <si>
    <t>20838283.0</t>
  </si>
  <si>
    <t>569433.0</t>
  </si>
  <si>
    <t>415357.0</t>
  </si>
  <si>
    <t>50.374</t>
  </si>
  <si>
    <t>17405.0</t>
  </si>
  <si>
    <t>191585084.0</t>
  </si>
  <si>
    <t>1234767.0</t>
  </si>
  <si>
    <t>2841.581</t>
  </si>
  <si>
    <t>18.314</t>
  </si>
  <si>
    <t>1001489.0</t>
  </si>
  <si>
    <t>122916912.0</t>
  </si>
  <si>
    <t>53138756.0</t>
  </si>
  <si>
    <t>49453606.0</t>
  </si>
  <si>
    <t>21404291.0</t>
  </si>
  <si>
    <t>703210.0</t>
  </si>
  <si>
    <t>396341.0</t>
  </si>
  <si>
    <t>22628.0</t>
  </si>
  <si>
    <t>143.099</t>
  </si>
  <si>
    <t>192914992.0</t>
  </si>
  <si>
    <t>1329908.0</t>
  </si>
  <si>
    <t>2861.306</t>
  </si>
  <si>
    <t>19.725</t>
  </si>
  <si>
    <t>1026875.0</t>
  </si>
  <si>
    <t>15.231</t>
  </si>
  <si>
    <t>123547954.0</t>
  </si>
  <si>
    <t>53178637.0</t>
  </si>
  <si>
    <t>49541853.0</t>
  </si>
  <si>
    <t>21907261.0</t>
  </si>
  <si>
    <t>631042.0</t>
  </si>
  <si>
    <t>384089.0</t>
  </si>
  <si>
    <t>182.19</t>
  </si>
  <si>
    <t>18321.0</t>
  </si>
  <si>
    <t>194514059.0</t>
  </si>
  <si>
    <t>1599067.0</t>
  </si>
  <si>
    <t>2885.024</t>
  </si>
  <si>
    <t>23.717</t>
  </si>
  <si>
    <t>1038796.0</t>
  </si>
  <si>
    <t>15.407</t>
  </si>
  <si>
    <t>124081559.0</t>
  </si>
  <si>
    <t>53214561.0</t>
  </si>
  <si>
    <t>49616978.0</t>
  </si>
  <si>
    <t>22329865.0</t>
  </si>
  <si>
    <t>533605.0</t>
  </si>
  <si>
    <t>380900.0</t>
  </si>
  <si>
    <t>22980.0</t>
  </si>
  <si>
    <t>18715.0</t>
  </si>
  <si>
    <t>196119209.0</t>
  </si>
  <si>
    <t>1605150.0</t>
  </si>
  <si>
    <t>2908.831</t>
  </si>
  <si>
    <t>23.808</t>
  </si>
  <si>
    <t>1075617.0</t>
  </si>
  <si>
    <t>15.954</t>
  </si>
  <si>
    <t>124235987.0</t>
  </si>
  <si>
    <t>53226611.0</t>
  </si>
  <si>
    <t>49642075.0</t>
  </si>
  <si>
    <t>22447165.0</t>
  </si>
  <si>
    <t>154428.0</t>
  </si>
  <si>
    <t>381792.0</t>
  </si>
  <si>
    <t>18811.0</t>
  </si>
  <si>
    <t>196315678.0</t>
  </si>
  <si>
    <t>196469.0</t>
  </si>
  <si>
    <t>2911.745</t>
  </si>
  <si>
    <t>1077657.0</t>
  </si>
  <si>
    <t>15.984</t>
  </si>
  <si>
    <t>124249355.0</t>
  </si>
  <si>
    <t>53228192.0</t>
  </si>
  <si>
    <t>49645296.0</t>
  </si>
  <si>
    <t>22455737.0</t>
  </si>
  <si>
    <t>381990.0</t>
  </si>
  <si>
    <t>183.22</t>
  </si>
  <si>
    <t>23288.0</t>
  </si>
  <si>
    <t>196691279.0</t>
  </si>
  <si>
    <t>375601.0</t>
  </si>
  <si>
    <t>2917.316</t>
  </si>
  <si>
    <t>1093761.0</t>
  </si>
  <si>
    <t>16.223</t>
  </si>
  <si>
    <t>124327047.0</t>
  </si>
  <si>
    <t>53234313.0</t>
  </si>
  <si>
    <t>49658345.0</t>
  </si>
  <si>
    <t>22514301.0</t>
  </si>
  <si>
    <t>77692.0</t>
  </si>
  <si>
    <t>383254.0</t>
  </si>
  <si>
    <t>79997.4</t>
  </si>
  <si>
    <t>1179.67646321502</t>
  </si>
  <si>
    <t>198620158.0</t>
  </si>
  <si>
    <t>1928879.0</t>
  </si>
  <si>
    <t>2945.925</t>
  </si>
  <si>
    <t>28.609</t>
  </si>
  <si>
    <t>1181406.0</t>
  </si>
  <si>
    <t>124952218.0</t>
  </si>
  <si>
    <t>53272808.0</t>
  </si>
  <si>
    <t>49748532.0</t>
  </si>
  <si>
    <t>23010834.0</t>
  </si>
  <si>
    <t>625171.0</t>
  </si>
  <si>
    <t>391217.0</t>
  </si>
  <si>
    <t>184.26</t>
  </si>
  <si>
    <t>24632.0</t>
  </si>
  <si>
    <t>200303810.0</t>
  </si>
  <si>
    <t>1683652.0</t>
  </si>
  <si>
    <t>2970.897</t>
  </si>
  <si>
    <t>24.972</t>
  </si>
  <si>
    <t>1245532.0</t>
  </si>
  <si>
    <t>125749188.0</t>
  </si>
  <si>
    <t>53314953.0</t>
  </si>
  <si>
    <t>49859611.0</t>
  </si>
  <si>
    <t>23654617.0</t>
  </si>
  <si>
    <t>796970.0</t>
  </si>
  <si>
    <t>404611.0</t>
  </si>
  <si>
    <t>20688.0</t>
  </si>
  <si>
    <t>202016682.0</t>
  </si>
  <si>
    <t>1712872.0</t>
  </si>
  <si>
    <t>2996.302</t>
  </si>
  <si>
    <t>25.405</t>
  </si>
  <si>
    <t>1300241.0</t>
  </si>
  <si>
    <t>19.285</t>
  </si>
  <si>
    <t>126485254.0</t>
  </si>
  <si>
    <t>53376158.0</t>
  </si>
  <si>
    <t>49963265.0</t>
  </si>
  <si>
    <t>24225875.0</t>
  </si>
  <si>
    <t>736066.0</t>
  </si>
  <si>
    <t>419614.0</t>
  </si>
  <si>
    <t>28217.0</t>
  </si>
  <si>
    <t>203927103.0</t>
  </si>
  <si>
    <t>1910421.0</t>
  </si>
  <si>
    <t>3024.637</t>
  </si>
  <si>
    <t>28.335</t>
  </si>
  <si>
    <t>1344721.0</t>
  </si>
  <si>
    <t>127281610.0</t>
  </si>
  <si>
    <t>53420457.0</t>
  </si>
  <si>
    <t>50073633.0</t>
  </si>
  <si>
    <t>24867615.0</t>
  </si>
  <si>
    <t>796356.0</t>
  </si>
  <si>
    <t>457150.0</t>
  </si>
  <si>
    <t>13987.0</t>
  </si>
  <si>
    <t>205743342.0</t>
  </si>
  <si>
    <t>1816239.0</t>
  </si>
  <si>
    <t>3051.576</t>
  </si>
  <si>
    <t>26.938</t>
  </si>
  <si>
    <t>1374876.0</t>
  </si>
  <si>
    <t>20.392</t>
  </si>
  <si>
    <t>128169661.0</t>
  </si>
  <si>
    <t>53471293.0</t>
  </si>
  <si>
    <t>50197007.0</t>
  </si>
  <si>
    <t>25581487.0</t>
  </si>
  <si>
    <t>888051.0</t>
  </si>
  <si>
    <t>561953.0</t>
  </si>
  <si>
    <t>14370.0</t>
  </si>
  <si>
    <t>207024926.0</t>
  </si>
  <si>
    <t>1281584.0</t>
  </si>
  <si>
    <t>3070.584</t>
  </si>
  <si>
    <t>1529893.0</t>
  </si>
  <si>
    <t>22.691</t>
  </si>
  <si>
    <t>128720000.0</t>
  </si>
  <si>
    <t>53516306.0</t>
  </si>
  <si>
    <t>50277298.0</t>
  </si>
  <si>
    <t>26006535.0</t>
  </si>
  <si>
    <t>550339.0</t>
  </si>
  <si>
    <t>638664.0</t>
  </si>
  <si>
    <t>21982.0</t>
  </si>
  <si>
    <t>207470524.0</t>
  </si>
  <si>
    <t>445598.0</t>
  </si>
  <si>
    <t>3077.193</t>
  </si>
  <si>
    <t>1539892.0</t>
  </si>
  <si>
    <t>128891115.0</t>
  </si>
  <si>
    <t>53531921.0</t>
  </si>
  <si>
    <t>50303943.0</t>
  </si>
  <si>
    <t>26135410.0</t>
  </si>
  <si>
    <t>171115.0</t>
  </si>
  <si>
    <t>652010.0</t>
  </si>
  <si>
    <t>80624.1</t>
  </si>
  <si>
    <t>1188.91805406043</t>
  </si>
  <si>
    <t>209693099.0</t>
  </si>
  <si>
    <t>2222575.0</t>
  </si>
  <si>
    <t>3110.158</t>
  </si>
  <si>
    <t>32.965</t>
  </si>
  <si>
    <t>1581849.0</t>
  </si>
  <si>
    <t>129490999.0</t>
  </si>
  <si>
    <t>53567322.0</t>
  </si>
  <si>
    <t>50397270.0</t>
  </si>
  <si>
    <t>26606617.0</t>
  </si>
  <si>
    <t>599884.0</t>
  </si>
  <si>
    <t>648397.0</t>
  </si>
  <si>
    <t>42073.0</t>
  </si>
  <si>
    <t>23371.0</t>
  </si>
  <si>
    <t>211327789.0</t>
  </si>
  <si>
    <t>1634690.0</t>
  </si>
  <si>
    <t>3134.404</t>
  </si>
  <si>
    <t>1574854.0</t>
  </si>
  <si>
    <t>130184032.0</t>
  </si>
  <si>
    <t>53609259.0</t>
  </si>
  <si>
    <t>50497759.0</t>
  </si>
  <si>
    <t>27157254.0</t>
  </si>
  <si>
    <t>633549.0</t>
  </si>
  <si>
    <t>191.98</t>
  </si>
  <si>
    <t>42044.0</t>
  </si>
  <si>
    <t>35.613</t>
  </si>
  <si>
    <t>212832945.0</t>
  </si>
  <si>
    <t>1505156.0</t>
  </si>
  <si>
    <t>3156.728</t>
  </si>
  <si>
    <t>1545180.0</t>
  </si>
  <si>
    <t>130794882.0</t>
  </si>
  <si>
    <t>53669675.0</t>
  </si>
  <si>
    <t>50593514.0</t>
  </si>
  <si>
    <t>27611967.0</t>
  </si>
  <si>
    <t>610850.0</t>
  </si>
  <si>
    <t>615661.0</t>
  </si>
  <si>
    <t>41931.0</t>
  </si>
  <si>
    <t>24154.0</t>
  </si>
  <si>
    <t>214245423.0</t>
  </si>
  <si>
    <t>1412478.0</t>
  </si>
  <si>
    <t>3177.678</t>
  </si>
  <si>
    <t>1474046.0</t>
  </si>
  <si>
    <t>21.863</t>
  </si>
  <si>
    <t>131415171.0</t>
  </si>
  <si>
    <t>53707942.0</t>
  </si>
  <si>
    <t>50686109.0</t>
  </si>
  <si>
    <t>28101450.0</t>
  </si>
  <si>
    <t>620289.0</t>
  </si>
  <si>
    <t>590509.0</t>
  </si>
  <si>
    <t>193.79</t>
  </si>
  <si>
    <t>41069.0</t>
  </si>
  <si>
    <t>215666893.0</t>
  </si>
  <si>
    <t>1421470.0</t>
  </si>
  <si>
    <t>3198.761</t>
  </si>
  <si>
    <t>21.083</t>
  </si>
  <si>
    <t>1417650.0</t>
  </si>
  <si>
    <t>132132031.0</t>
  </si>
  <si>
    <t>53750521.0</t>
  </si>
  <si>
    <t>50789453.0</t>
  </si>
  <si>
    <t>28672411.0</t>
  </si>
  <si>
    <t>716860.0</t>
  </si>
  <si>
    <t>566053.0</t>
  </si>
  <si>
    <t>194.85</t>
  </si>
  <si>
    <t>216723198.0</t>
  </si>
  <si>
    <t>1056305.0</t>
  </si>
  <si>
    <t>3214.428</t>
  </si>
  <si>
    <t>15.667</t>
  </si>
  <si>
    <t>1385467.0</t>
  </si>
  <si>
    <t>20.549</t>
  </si>
  <si>
    <t>132578502.0</t>
  </si>
  <si>
    <t>53789948.0</t>
  </si>
  <si>
    <t>50855366.0</t>
  </si>
  <si>
    <t>29013555.0</t>
  </si>
  <si>
    <t>446471.0</t>
  </si>
  <si>
    <t>551215.0</t>
  </si>
  <si>
    <t>195.51</t>
  </si>
  <si>
    <t>217102476.0</t>
  </si>
  <si>
    <t>379278.0</t>
  </si>
  <si>
    <t>3220.054</t>
  </si>
  <si>
    <t>1375993.0</t>
  </si>
  <si>
    <t>20.409</t>
  </si>
  <si>
    <t>132696789.0</t>
  </si>
  <si>
    <t>53801362.0</t>
  </si>
  <si>
    <t>50874587.0</t>
  </si>
  <si>
    <t>29101219.0</t>
  </si>
  <si>
    <t>118287.0</t>
  </si>
  <si>
    <t>543668.0</t>
  </si>
  <si>
    <t>195.68</t>
  </si>
  <si>
    <t>81115.8</t>
  </si>
  <si>
    <t>1196.16887617418</t>
  </si>
  <si>
    <t>25776.0</t>
  </si>
  <si>
    <t>218889319.0</t>
  </si>
  <si>
    <t>1786843.0</t>
  </si>
  <si>
    <t>3246.556</t>
  </si>
  <si>
    <t>26.502</t>
  </si>
  <si>
    <t>1313746.0</t>
  </si>
  <si>
    <t>19.485</t>
  </si>
  <si>
    <t>133103260.0</t>
  </si>
  <si>
    <t>53826102.0</t>
  </si>
  <si>
    <t>50934634.0</t>
  </si>
  <si>
    <t>29422930.0</t>
  </si>
  <si>
    <t>406471.0</t>
  </si>
  <si>
    <t>516037.0</t>
  </si>
  <si>
    <t>196.28</t>
  </si>
  <si>
    <t>26526.0</t>
  </si>
  <si>
    <t>220378710.0</t>
  </si>
  <si>
    <t>1489391.0</t>
  </si>
  <si>
    <t>3268.647</t>
  </si>
  <si>
    <t>22.091</t>
  </si>
  <si>
    <t>1292989.0</t>
  </si>
  <si>
    <t>19.178</t>
  </si>
  <si>
    <t>133563218.0</t>
  </si>
  <si>
    <t>53854428.0</t>
  </si>
  <si>
    <t>51003346.0</t>
  </si>
  <si>
    <t>29785867.0</t>
  </si>
  <si>
    <t>459958.0</t>
  </si>
  <si>
    <t>482741.0</t>
  </si>
  <si>
    <t>17229.0</t>
  </si>
  <si>
    <t>221888384.0</t>
  </si>
  <si>
    <t>1509674.0</t>
  </si>
  <si>
    <t>3291.038</t>
  </si>
  <si>
    <t>22.391</t>
  </si>
  <si>
    <t>1293634.0</t>
  </si>
  <si>
    <t>19.187</t>
  </si>
  <si>
    <t>133956276.0</t>
  </si>
  <si>
    <t>53897649.0</t>
  </si>
  <si>
    <t>51070417.0</t>
  </si>
  <si>
    <t>30068665.0</t>
  </si>
  <si>
    <t>393058.0</t>
  </si>
  <si>
    <t>451628.0</t>
  </si>
  <si>
    <t>197.54</t>
  </si>
  <si>
    <t>223286697.0</t>
  </si>
  <si>
    <t>1398313.0</t>
  </si>
  <si>
    <t>3311.778</t>
  </si>
  <si>
    <t>1291611.0</t>
  </si>
  <si>
    <t>19.157</t>
  </si>
  <si>
    <t>134340359.0</t>
  </si>
  <si>
    <t>53921318.0</t>
  </si>
  <si>
    <t>51130032.0</t>
  </si>
  <si>
    <t>30369497.0</t>
  </si>
  <si>
    <t>384083.0</t>
  </si>
  <si>
    <t>417884.0</t>
  </si>
  <si>
    <t>28457.0</t>
  </si>
  <si>
    <t>224652892.0</t>
  </si>
  <si>
    <t>1366195.0</t>
  </si>
  <si>
    <t>3332.041</t>
  </si>
  <si>
    <t>20.263</t>
  </si>
  <si>
    <t>1283714.0</t>
  </si>
  <si>
    <t>134805858.0</t>
  </si>
  <si>
    <t>53949525.0</t>
  </si>
  <si>
    <t>51198840.0</t>
  </si>
  <si>
    <t>30737992.0</t>
  </si>
  <si>
    <t>465499.0</t>
  </si>
  <si>
    <t>381975.0</t>
  </si>
  <si>
    <t>225678397.0</t>
  </si>
  <si>
    <t>1025505.0</t>
  </si>
  <si>
    <t>3347.252</t>
  </si>
  <si>
    <t>1279314.0</t>
  </si>
  <si>
    <t>18.975</t>
  </si>
  <si>
    <t>135101111.0</t>
  </si>
  <si>
    <t>53977155.0</t>
  </si>
  <si>
    <t>51246843.0</t>
  </si>
  <si>
    <t>30957642.0</t>
  </si>
  <si>
    <t>295253.0</t>
  </si>
  <si>
    <t>360373.0</t>
  </si>
  <si>
    <t>199.23</t>
  </si>
  <si>
    <t>26744.0</t>
  </si>
  <si>
    <t>18729.0</t>
  </si>
  <si>
    <t>226029171.0</t>
  </si>
  <si>
    <t>350774.0</t>
  </si>
  <si>
    <t>3352.454</t>
  </si>
  <si>
    <t>1275242.0</t>
  </si>
  <si>
    <t>18.914</t>
  </si>
  <si>
    <t>135169677.0</t>
  </si>
  <si>
    <t>53983893.0</t>
  </si>
  <si>
    <t>51259820.0</t>
  </si>
  <si>
    <t>31006501.0</t>
  </si>
  <si>
    <t>68566.0</t>
  </si>
  <si>
    <t>353270.0</t>
  </si>
  <si>
    <t>26076.0</t>
  </si>
  <si>
    <t>81877.5</t>
  </si>
  <si>
    <t>1207.40123575126</t>
  </si>
  <si>
    <t>29748.0</t>
  </si>
  <si>
    <t>29.803</t>
  </si>
  <si>
    <t>227726846.0</t>
  </si>
  <si>
    <t>1697675.0</t>
  </si>
  <si>
    <t>3377.634</t>
  </si>
  <si>
    <t>1262504.0</t>
  </si>
  <si>
    <t>18.725</t>
  </si>
  <si>
    <t>135451913.0</t>
  </si>
  <si>
    <t>54000172.0</t>
  </si>
  <si>
    <t>51307282.0</t>
  </si>
  <si>
    <t>31225010.0</t>
  </si>
  <si>
    <t>335522.0</t>
  </si>
  <si>
    <t>229024729.0</t>
  </si>
  <si>
    <t>1297883.0</t>
  </si>
  <si>
    <t>3396.884</t>
  </si>
  <si>
    <t>1235146.0</t>
  </si>
  <si>
    <t>135769921.0</t>
  </si>
  <si>
    <t>54019202.0</t>
  </si>
  <si>
    <t>51361620.0</t>
  </si>
  <si>
    <t>31469672.0</t>
  </si>
  <si>
    <t>318008.0</t>
  </si>
  <si>
    <t>315243.0</t>
  </si>
  <si>
    <t>200.21</t>
  </si>
  <si>
    <t>23539.0</t>
  </si>
  <si>
    <t>230289748.0</t>
  </si>
  <si>
    <t>1265019.0</t>
  </si>
  <si>
    <t>3415.647</t>
  </si>
  <si>
    <t>1200195.0</t>
  </si>
  <si>
    <t>17.801</t>
  </si>
  <si>
    <t>136069217.0</t>
  </si>
  <si>
    <t>54047350.0</t>
  </si>
  <si>
    <t>51422172.0</t>
  </si>
  <si>
    <t>31680288.0</t>
  </si>
  <si>
    <t>299296.0</t>
  </si>
  <si>
    <t>301849.0</t>
  </si>
  <si>
    <t>21386.0</t>
  </si>
  <si>
    <t>231423452.0</t>
  </si>
  <si>
    <t>1133704.0</t>
  </si>
  <si>
    <t>3432.462</t>
  </si>
  <si>
    <t>1162394.0</t>
  </si>
  <si>
    <t>17.241</t>
  </si>
  <si>
    <t>136340965.0</t>
  </si>
  <si>
    <t>54063685.0</t>
  </si>
  <si>
    <t>51468641.0</t>
  </si>
  <si>
    <t>31889253.0</t>
  </si>
  <si>
    <t>285801.0</t>
  </si>
  <si>
    <t>201.05</t>
  </si>
  <si>
    <t>53.913</t>
  </si>
  <si>
    <t>232522367.0</t>
  </si>
  <si>
    <t>1098915.0</t>
  </si>
  <si>
    <t>3448.761</t>
  </si>
  <si>
    <t>1124211.0</t>
  </si>
  <si>
    <t>16.674</t>
  </si>
  <si>
    <t>136732883.0</t>
  </si>
  <si>
    <t>54085277.0</t>
  </si>
  <si>
    <t>51547310.0</t>
  </si>
  <si>
    <t>32180923.0</t>
  </si>
  <si>
    <t>391918.0</t>
  </si>
  <si>
    <t>275289.0</t>
  </si>
  <si>
    <t>53.589</t>
  </si>
  <si>
    <t>19690.0</t>
  </si>
  <si>
    <t>233328435.0</t>
  </si>
  <si>
    <t>806068.0</t>
  </si>
  <si>
    <t>3460.717</t>
  </si>
  <si>
    <t>1092863.0</t>
  </si>
  <si>
    <t>16.209</t>
  </si>
  <si>
    <t>136988990.0</t>
  </si>
  <si>
    <t>54103697.0</t>
  </si>
  <si>
    <t>51600183.0</t>
  </si>
  <si>
    <t>32365754.0</t>
  </si>
  <si>
    <t>256107.0</t>
  </si>
  <si>
    <t>269697.0</t>
  </si>
  <si>
    <t>202.01</t>
  </si>
  <si>
    <t>29.478</t>
  </si>
  <si>
    <t>19686.0</t>
  </si>
  <si>
    <t>233596527.0</t>
  </si>
  <si>
    <t>268092.0</t>
  </si>
  <si>
    <t>3464.693</t>
  </si>
  <si>
    <t>3.976</t>
  </si>
  <si>
    <t>1081051.0</t>
  </si>
  <si>
    <t>137047213.0</t>
  </si>
  <si>
    <t>54108174.0</t>
  </si>
  <si>
    <t>51614674.0</t>
  </si>
  <si>
    <t>32405028.0</t>
  </si>
  <si>
    <t>58223.0</t>
  </si>
  <si>
    <t>268219.0</t>
  </si>
  <si>
    <t>83388.4</t>
  </si>
  <si>
    <t>1229.68162446728</t>
  </si>
  <si>
    <t>32374.0</t>
  </si>
  <si>
    <t>234930897.0</t>
  </si>
  <si>
    <t>1334370.0</t>
  </si>
  <si>
    <t>3484.484</t>
  </si>
  <si>
    <t>1029150.0</t>
  </si>
  <si>
    <t>15.264</t>
  </si>
  <si>
    <t>137251368.0</t>
  </si>
  <si>
    <t>54119433.0</t>
  </si>
  <si>
    <t>51658608.0</t>
  </si>
  <si>
    <t>32554012.0</t>
  </si>
  <si>
    <t>204155.0</t>
  </si>
  <si>
    <t>257065.0</t>
  </si>
  <si>
    <t>19555.0</t>
  </si>
  <si>
    <t>235898256.0</t>
  </si>
  <si>
    <t>967359.0</t>
  </si>
  <si>
    <t>3498.832</t>
  </si>
  <si>
    <t>14.348</t>
  </si>
  <si>
    <t>981932.0</t>
  </si>
  <si>
    <t>137488604.0</t>
  </si>
  <si>
    <t>54133070.0</t>
  </si>
  <si>
    <t>51706914.0</t>
  </si>
  <si>
    <t>32729318.0</t>
  </si>
  <si>
    <t>237236.0</t>
  </si>
  <si>
    <t>245526.0</t>
  </si>
  <si>
    <t>16267.0</t>
  </si>
  <si>
    <t>236822420.0</t>
  </si>
  <si>
    <t>924164.0</t>
  </si>
  <si>
    <t>3512.539</t>
  </si>
  <si>
    <t>13.707</t>
  </si>
  <si>
    <t>933239.0</t>
  </si>
  <si>
    <t>13.842</t>
  </si>
  <si>
    <t>137748150.0</t>
  </si>
  <si>
    <t>54153715.0</t>
  </si>
  <si>
    <t>51773239.0</t>
  </si>
  <si>
    <t>32901912.0</t>
  </si>
  <si>
    <t>259546.0</t>
  </si>
  <si>
    <t>239848.0</t>
  </si>
  <si>
    <t>15195.0</t>
  </si>
  <si>
    <t>237628819.0</t>
  </si>
  <si>
    <t>806399.0</t>
  </si>
  <si>
    <t>3524.5</t>
  </si>
  <si>
    <t>886481.0</t>
  </si>
  <si>
    <t>13.148</t>
  </si>
  <si>
    <t>137963084.0</t>
  </si>
  <si>
    <t>54165295.0</t>
  </si>
  <si>
    <t>51818025.0</t>
  </si>
  <si>
    <t>33060495.0</t>
  </si>
  <si>
    <t>214934.0</t>
  </si>
  <si>
    <t>231731.0</t>
  </si>
  <si>
    <t>203.45</t>
  </si>
  <si>
    <t>53.353</t>
  </si>
  <si>
    <t>32988.0</t>
  </si>
  <si>
    <t>238398322.0</t>
  </si>
  <si>
    <t>769503.0</t>
  </si>
  <si>
    <t>3535.913</t>
  </si>
  <si>
    <t>839422.0</t>
  </si>
  <si>
    <t>138285296.0</t>
  </si>
  <si>
    <t>54179932.0</t>
  </si>
  <si>
    <t>51885077.0</t>
  </si>
  <si>
    <t>33301025.0</t>
  </si>
  <si>
    <t>322212.0</t>
  </si>
  <si>
    <t>221773.0</t>
  </si>
  <si>
    <t>13522.0</t>
  </si>
  <si>
    <t>32.531</t>
  </si>
  <si>
    <t>238965815.0</t>
  </si>
  <si>
    <t>567493.0</t>
  </si>
  <si>
    <t>3544.33</t>
  </si>
  <si>
    <t>805340.0</t>
  </si>
  <si>
    <t>11.945</t>
  </si>
  <si>
    <t>138503733.0</t>
  </si>
  <si>
    <t>54192832.0</t>
  </si>
  <si>
    <t>51936524.0</t>
  </si>
  <si>
    <t>33455122.0</t>
  </si>
  <si>
    <t>218437.0</t>
  </si>
  <si>
    <t>216392.0</t>
  </si>
  <si>
    <t>20136.0</t>
  </si>
  <si>
    <t>239140287.0</t>
  </si>
  <si>
    <t>174472.0</t>
  </si>
  <si>
    <t>3546.918</t>
  </si>
  <si>
    <t>791966.0</t>
  </si>
  <si>
    <t>11.746</t>
  </si>
  <si>
    <t>138547628.0</t>
  </si>
  <si>
    <t>54195557.0</t>
  </si>
  <si>
    <t>51948701.0</t>
  </si>
  <si>
    <t>33484122.0</t>
  </si>
  <si>
    <t>214345.0</t>
  </si>
  <si>
    <t>84936.9</t>
  </si>
  <si>
    <t>1252.51647914117</t>
  </si>
  <si>
    <t>33447.0</t>
  </si>
  <si>
    <t>19819.0</t>
  </si>
  <si>
    <t>239997714.0</t>
  </si>
  <si>
    <t>857427.0</t>
  </si>
  <si>
    <t>3559.635</t>
  </si>
  <si>
    <t>12.717</t>
  </si>
  <si>
    <t>723831.0</t>
  </si>
  <si>
    <t>138761368.0</t>
  </si>
  <si>
    <t>54205152.0</t>
  </si>
  <si>
    <t>51995351.0</t>
  </si>
  <si>
    <t>33641632.0</t>
  </si>
  <si>
    <t>213740.0</t>
  </si>
  <si>
    <t>215714.0</t>
  </si>
  <si>
    <t>204.62</t>
  </si>
  <si>
    <t>18962.0</t>
  </si>
  <si>
    <t>240603247.0</t>
  </si>
  <si>
    <t>605533.0</t>
  </si>
  <si>
    <t>3568.616</t>
  </si>
  <si>
    <t>672142.0</t>
  </si>
  <si>
    <t>138981789.0</t>
  </si>
  <si>
    <t>54214959.0</t>
  </si>
  <si>
    <t>52038445.0</t>
  </si>
  <si>
    <t>33809171.0</t>
  </si>
  <si>
    <t>220421.0</t>
  </si>
  <si>
    <t>213312.0</t>
  </si>
  <si>
    <t>32878.0</t>
  </si>
  <si>
    <t>241180373.0</t>
  </si>
  <si>
    <t>577126.0</t>
  </si>
  <si>
    <t>3577.176</t>
  </si>
  <si>
    <t>622565.0</t>
  </si>
  <si>
    <t>139227641.0</t>
  </si>
  <si>
    <t>54229331.0</t>
  </si>
  <si>
    <t>52096704.0</t>
  </si>
  <si>
    <t>33982409.0</t>
  </si>
  <si>
    <t>245852.0</t>
  </si>
  <si>
    <t>211356.0</t>
  </si>
  <si>
    <t>32415.0</t>
  </si>
  <si>
    <t>17675.0</t>
  </si>
  <si>
    <t>241696993.0</t>
  </si>
  <si>
    <t>516620.0</t>
  </si>
  <si>
    <t>3584.839</t>
  </si>
  <si>
    <t>581168.0</t>
  </si>
  <si>
    <t>139426687.0</t>
  </si>
  <si>
    <t>54238050.0</t>
  </si>
  <si>
    <t>52135913.0</t>
  </si>
  <si>
    <t>34133550.0</t>
  </si>
  <si>
    <t>199046.0</t>
  </si>
  <si>
    <t>209086.0</t>
  </si>
  <si>
    <t>242201264.0</t>
  </si>
  <si>
    <t>504271.0</t>
  </si>
  <si>
    <t>3592.318</t>
  </si>
  <si>
    <t>7.479</t>
  </si>
  <si>
    <t>543277.0</t>
  </si>
  <si>
    <t>8.058</t>
  </si>
  <si>
    <t>139712846.0</t>
  </si>
  <si>
    <t>54248908.0</t>
  </si>
  <si>
    <t>52191600.0</t>
  </si>
  <si>
    <t>34353182.0</t>
  </si>
  <si>
    <t>286159.0</t>
  </si>
  <si>
    <t>203936.0</t>
  </si>
  <si>
    <t>242585101.0</t>
  </si>
  <si>
    <t>383837.0</t>
  </si>
  <si>
    <t>3598.011</t>
  </si>
  <si>
    <t>517041.0</t>
  </si>
  <si>
    <t>7.669</t>
  </si>
  <si>
    <t>139897418.0</t>
  </si>
  <si>
    <t>54257314.0</t>
  </si>
  <si>
    <t>52232583.0</t>
  </si>
  <si>
    <t>34488389.0</t>
  </si>
  <si>
    <t>184572.0</t>
  </si>
  <si>
    <t>199098.0</t>
  </si>
  <si>
    <t>242707934.0</t>
  </si>
  <si>
    <t>122833.0</t>
  </si>
  <si>
    <t>3599.833</t>
  </si>
  <si>
    <t>509664.0</t>
  </si>
  <si>
    <t>139934608.0</t>
  </si>
  <si>
    <t>54259250.0</t>
  </si>
  <si>
    <t>52241190.0</t>
  </si>
  <si>
    <t>34515043.0</t>
  </si>
  <si>
    <t>37190.0</t>
  </si>
  <si>
    <t>198140.0</t>
  </si>
  <si>
    <t>85555.0</t>
  </si>
  <si>
    <t>1261.63125064516</t>
  </si>
  <si>
    <t>31532.0</t>
  </si>
  <si>
    <t>243279374.0</t>
  </si>
  <si>
    <t>571440.0</t>
  </si>
  <si>
    <t>3608.308</t>
  </si>
  <si>
    <t>468809.0</t>
  </si>
  <si>
    <t>140125723.0</t>
  </si>
  <si>
    <t>54266241.0</t>
  </si>
  <si>
    <t>52276454.0</t>
  </si>
  <si>
    <t>34663923.0</t>
  </si>
  <si>
    <t>194908.0</t>
  </si>
  <si>
    <t>31091.0</t>
  </si>
  <si>
    <t>243697545.0</t>
  </si>
  <si>
    <t>418171.0</t>
  </si>
  <si>
    <t>3614.511</t>
  </si>
  <si>
    <t>6.202</t>
  </si>
  <si>
    <t>442043.0</t>
  </si>
  <si>
    <t>140316761.0</t>
  </si>
  <si>
    <t>54273306.0</t>
  </si>
  <si>
    <t>52312693.0</t>
  </si>
  <si>
    <t>34811675.0</t>
  </si>
  <si>
    <t>191038.0</t>
  </si>
  <si>
    <t>190710.0</t>
  </si>
  <si>
    <t>244108207.0</t>
  </si>
  <si>
    <t>410662.0</t>
  </si>
  <si>
    <t>3620.602</t>
  </si>
  <si>
    <t>418262.0</t>
  </si>
  <si>
    <t>140502421.0</t>
  </si>
  <si>
    <t>54282718.0</t>
  </si>
  <si>
    <t>52355685.0</t>
  </si>
  <si>
    <t>34944947.0</t>
  </si>
  <si>
    <t>185660.0</t>
  </si>
  <si>
    <t>182111.0</t>
  </si>
  <si>
    <t>244475858.0</t>
  </si>
  <si>
    <t>367651.0</t>
  </si>
  <si>
    <t>3626.055</t>
  </si>
  <si>
    <t>396981.0</t>
  </si>
  <si>
    <t>5.888</t>
  </si>
  <si>
    <t>140620234.0</t>
  </si>
  <si>
    <t>54288295.0</t>
  </si>
  <si>
    <t>52380031.0</t>
  </si>
  <si>
    <t>35032848.0</t>
  </si>
  <si>
    <t>117813.0</t>
  </si>
  <si>
    <t>170507.0</t>
  </si>
  <si>
    <t>244847846.0</t>
  </si>
  <si>
    <t>371988.0</t>
  </si>
  <si>
    <t>3631.572</t>
  </si>
  <si>
    <t>378083.0</t>
  </si>
  <si>
    <t>5.608</t>
  </si>
  <si>
    <t>140781286.0</t>
  </si>
  <si>
    <t>54295292.0</t>
  </si>
  <si>
    <t>52413613.0</t>
  </si>
  <si>
    <t>35153337.0</t>
  </si>
  <si>
    <t>161052.0</t>
  </si>
  <si>
    <t>152634.0</t>
  </si>
  <si>
    <t>245157007.0</t>
  </si>
  <si>
    <t>309161.0</t>
  </si>
  <si>
    <t>3636.157</t>
  </si>
  <si>
    <t>4.585</t>
  </si>
  <si>
    <t>367415.0</t>
  </si>
  <si>
    <t>5.449</t>
  </si>
  <si>
    <t>140881615.0</t>
  </si>
  <si>
    <t>54300662.0</t>
  </si>
  <si>
    <t>52438183.0</t>
  </si>
  <si>
    <t>35223742.0</t>
  </si>
  <si>
    <t>100329.0</t>
  </si>
  <si>
    <t>140600.0</t>
  </si>
  <si>
    <t>207.75</t>
  </si>
  <si>
    <t>28643.0</t>
  </si>
  <si>
    <t>245257809.0</t>
  </si>
  <si>
    <t>3637.653</t>
  </si>
  <si>
    <t>364268.0</t>
  </si>
  <si>
    <t>140899634.0</t>
  </si>
  <si>
    <t>54301810.0</t>
  </si>
  <si>
    <t>52442845.0</t>
  </si>
  <si>
    <t>35235959.0</t>
  </si>
  <si>
    <t>137861.0</t>
  </si>
  <si>
    <t>207.78</t>
  </si>
  <si>
    <t>85753.7</t>
  </si>
  <si>
    <t>1264.56136728946</t>
  </si>
  <si>
    <t>28383.0</t>
  </si>
  <si>
    <t>164.408</t>
  </si>
  <si>
    <t>245703010.0</t>
  </si>
  <si>
    <t>445201.0</t>
  </si>
  <si>
    <t>3644.256</t>
  </si>
  <si>
    <t>346234.0</t>
  </si>
  <si>
    <t>140983931.0</t>
  </si>
  <si>
    <t>54305909.0</t>
  </si>
  <si>
    <t>52460754.0</t>
  </si>
  <si>
    <t>35298272.0</t>
  </si>
  <si>
    <t>84297.0</t>
  </si>
  <si>
    <t>122601.0</t>
  </si>
  <si>
    <t>246044525.0</t>
  </si>
  <si>
    <t>341515.0</t>
  </si>
  <si>
    <t>3649.321</t>
  </si>
  <si>
    <t>5.065</t>
  </si>
  <si>
    <t>335283.0</t>
  </si>
  <si>
    <t>141068465.0</t>
  </si>
  <si>
    <t>54310371.0</t>
  </si>
  <si>
    <t>52479414.0</t>
  </si>
  <si>
    <t>35359692.0</t>
  </si>
  <si>
    <t>84534.0</t>
  </si>
  <si>
    <t>107386.0</t>
  </si>
  <si>
    <t>208.03</t>
  </si>
  <si>
    <t>246373257.0</t>
  </si>
  <si>
    <t>328732.0</t>
  </si>
  <si>
    <t>3654.197</t>
  </si>
  <si>
    <t>323579.0</t>
  </si>
  <si>
    <t>141169512.0</t>
  </si>
  <si>
    <t>54316962.0</t>
  </si>
  <si>
    <t>52506783.0</t>
  </si>
  <si>
    <t>35426796.0</t>
  </si>
  <si>
    <t>101047.0</t>
  </si>
  <si>
    <t>95299.0</t>
  </si>
  <si>
    <t>246676863.0</t>
  </si>
  <si>
    <t>303606.0</t>
  </si>
  <si>
    <t>3658.7</t>
  </si>
  <si>
    <t>314429.0</t>
  </si>
  <si>
    <t>141239862.0</t>
  </si>
  <si>
    <t>54320812.0</t>
  </si>
  <si>
    <t>52522340.0</t>
  </si>
  <si>
    <t>35477750.0</t>
  </si>
  <si>
    <t>70350.0</t>
  </si>
  <si>
    <t>88518.0</t>
  </si>
  <si>
    <t>208.28</t>
  </si>
  <si>
    <t>246981908.0</t>
  </si>
  <si>
    <t>305045.0</t>
  </si>
  <si>
    <t>3663.224</t>
  </si>
  <si>
    <t>304866.0</t>
  </si>
  <si>
    <t>141346445.0</t>
  </si>
  <si>
    <t>54326096.0</t>
  </si>
  <si>
    <t>52546484.0</t>
  </si>
  <si>
    <t>35554921.0</t>
  </si>
  <si>
    <t>106583.0</t>
  </si>
  <si>
    <t>80737.0</t>
  </si>
  <si>
    <t>247240419.0</t>
  </si>
  <si>
    <t>258511.0</t>
  </si>
  <si>
    <t>3667.059</t>
  </si>
  <si>
    <t>297630.0</t>
  </si>
  <si>
    <t>141415983.0</t>
  </si>
  <si>
    <t>54330087.0</t>
  </si>
  <si>
    <t>52564276.0</t>
  </si>
  <si>
    <t>35602703.0</t>
  </si>
  <si>
    <t>76338.0</t>
  </si>
  <si>
    <t>208.54</t>
  </si>
  <si>
    <t>25277.0</t>
  </si>
  <si>
    <t>247329422.0</t>
  </si>
  <si>
    <t>89003.0</t>
  </si>
  <si>
    <t>3668.379</t>
  </si>
  <si>
    <t>295945.0</t>
  </si>
  <si>
    <t>141427956.0</t>
  </si>
  <si>
    <t>54330967.0</t>
  </si>
  <si>
    <t>52567294.0</t>
  </si>
  <si>
    <t>35610787.0</t>
  </si>
  <si>
    <t>208.56</t>
  </si>
  <si>
    <t>85112.4</t>
  </si>
  <si>
    <t>1255.10447849232</t>
  </si>
  <si>
    <t>25079.0</t>
  </si>
  <si>
    <t>247722907.0</t>
  </si>
  <si>
    <t>393485.0</t>
  </si>
  <si>
    <t>3674.215</t>
  </si>
  <si>
    <t>288557.0</t>
  </si>
  <si>
    <t>141484483.0</t>
  </si>
  <si>
    <t>54334090.0</t>
  </si>
  <si>
    <t>52579862.0</t>
  </si>
  <si>
    <t>35651641.0</t>
  </si>
  <si>
    <t>56527.0</t>
  </si>
  <si>
    <t>208.64</t>
  </si>
  <si>
    <t>24437.0</t>
  </si>
  <si>
    <t>13.862</t>
  </si>
  <si>
    <t>248026438.0</t>
  </si>
  <si>
    <t>303531.0</t>
  </si>
  <si>
    <t>3678.717</t>
  </si>
  <si>
    <t>283130.0</t>
  </si>
  <si>
    <t>141545731.0</t>
  </si>
  <si>
    <t>54338094.0</t>
  </si>
  <si>
    <t>52592472.0</t>
  </si>
  <si>
    <t>35696283.0</t>
  </si>
  <si>
    <t>61248.0</t>
  </si>
  <si>
    <t>68181.0</t>
  </si>
  <si>
    <t>208.73</t>
  </si>
  <si>
    <t>248326591.0</t>
  </si>
  <si>
    <t>300153.0</t>
  </si>
  <si>
    <t>3683.169</t>
  </si>
  <si>
    <t>279048.0</t>
  </si>
  <si>
    <t>141616451.0</t>
  </si>
  <si>
    <t>54343425.0</t>
  </si>
  <si>
    <t>52610283.0</t>
  </si>
  <si>
    <t>35743877.0</t>
  </si>
  <si>
    <t>70720.0</t>
  </si>
  <si>
    <t>23175.0</t>
  </si>
  <si>
    <t>248612974.0</t>
  </si>
  <si>
    <t>286383.0</t>
  </si>
  <si>
    <t>3687.416</t>
  </si>
  <si>
    <t>4.248</t>
  </si>
  <si>
    <t>276587.0</t>
  </si>
  <si>
    <t>141658898.0</t>
  </si>
  <si>
    <t>54346251.0</t>
  </si>
  <si>
    <t>52619648.0</t>
  </si>
  <si>
    <t>35774150.0</t>
  </si>
  <si>
    <t>59862.0</t>
  </si>
  <si>
    <t>248900175.0</t>
  </si>
  <si>
    <t>287201.0</t>
  </si>
  <si>
    <t>3691.676</t>
  </si>
  <si>
    <t>274038.0</t>
  </si>
  <si>
    <t>141715589.0</t>
  </si>
  <si>
    <t>54349475.0</t>
  </si>
  <si>
    <t>52632124.0</t>
  </si>
  <si>
    <t>35815148.0</t>
  </si>
  <si>
    <t>208.98</t>
  </si>
  <si>
    <t>249152913.0</t>
  </si>
  <si>
    <t>252738.0</t>
  </si>
  <si>
    <t>3695.425</t>
  </si>
  <si>
    <t>273213.0</t>
  </si>
  <si>
    <t>141753218.0</t>
  </si>
  <si>
    <t>54352548.0</t>
  </si>
  <si>
    <t>52641415.0</t>
  </si>
  <si>
    <t>35840422.0</t>
  </si>
  <si>
    <t>37629.0</t>
  </si>
  <si>
    <t>48176.0</t>
  </si>
  <si>
    <t>22253.0</t>
  </si>
  <si>
    <t>249239027.0</t>
  </si>
  <si>
    <t>86114.0</t>
  </si>
  <si>
    <t>3696.702</t>
  </si>
  <si>
    <t>272801.0</t>
  </si>
  <si>
    <t>141758380.0</t>
  </si>
  <si>
    <t>54353069.0</t>
  </si>
  <si>
    <t>52642819.0</t>
  </si>
  <si>
    <t>35843663.0</t>
  </si>
  <si>
    <t>84485.9</t>
  </si>
  <si>
    <t>1245.86583693392</t>
  </si>
  <si>
    <t>22208.0</t>
  </si>
  <si>
    <t>249654245.0</t>
  </si>
  <si>
    <t>415218.0</t>
  </si>
  <si>
    <t>3702.86</t>
  </si>
  <si>
    <t>6.158</t>
  </si>
  <si>
    <t>275905.0</t>
  </si>
  <si>
    <t>141785138.0</t>
  </si>
  <si>
    <t>54355448.0</t>
  </si>
  <si>
    <t>52648454.0</t>
  </si>
  <si>
    <t>35862417.0</t>
  </si>
  <si>
    <t>42951.0</t>
  </si>
  <si>
    <t>249981532.0</t>
  </si>
  <si>
    <t>327287.0</t>
  </si>
  <si>
    <t>3707.715</t>
  </si>
  <si>
    <t>279299.0</t>
  </si>
  <si>
    <t>141813173.0</t>
  </si>
  <si>
    <t>54357596.0</t>
  </si>
  <si>
    <t>52654543.0</t>
  </si>
  <si>
    <t>35882230.0</t>
  </si>
  <si>
    <t>28035.0</t>
  </si>
  <si>
    <t>209.12</t>
  </si>
  <si>
    <t>250313436.0</t>
  </si>
  <si>
    <t>331904.0</t>
  </si>
  <si>
    <t>3712.637</t>
  </si>
  <si>
    <t>283835.0</t>
  </si>
  <si>
    <t>141849850.0</t>
  </si>
  <si>
    <t>54361178.0</t>
  </si>
  <si>
    <t>52665043.0</t>
  </si>
  <si>
    <t>35904834.0</t>
  </si>
  <si>
    <t>36677.0</t>
  </si>
  <si>
    <t>209.18</t>
  </si>
  <si>
    <t>10.411</t>
  </si>
  <si>
    <t>250635764.0</t>
  </si>
  <si>
    <t>322328.0</t>
  </si>
  <si>
    <t>3717.418</t>
  </si>
  <si>
    <t>288970.0</t>
  </si>
  <si>
    <t>141874862.0</t>
  </si>
  <si>
    <t>54363006.0</t>
  </si>
  <si>
    <t>52670882.0</t>
  </si>
  <si>
    <t>35922184.0</t>
  </si>
  <si>
    <t>209.21</t>
  </si>
  <si>
    <t>250973311.0</t>
  </si>
  <si>
    <t>337547.0</t>
  </si>
  <si>
    <t>3722.425</t>
  </si>
  <si>
    <t>296162.0</t>
  </si>
  <si>
    <t>141909888.0</t>
  </si>
  <si>
    <t>54365425.0</t>
  </si>
  <si>
    <t>52678447.0</t>
  </si>
  <si>
    <t>35947236.0</t>
  </si>
  <si>
    <t>35026.0</t>
  </si>
  <si>
    <t>27757.0</t>
  </si>
  <si>
    <t>209.27</t>
  </si>
  <si>
    <t>20860.0</t>
  </si>
  <si>
    <t>251260899.0</t>
  </si>
  <si>
    <t>287588.0</t>
  </si>
  <si>
    <t>3726.69</t>
  </si>
  <si>
    <t>301141.0</t>
  </si>
  <si>
    <t>4.467</t>
  </si>
  <si>
    <t>141936837.0</t>
  </si>
  <si>
    <t>54368121.0</t>
  </si>
  <si>
    <t>52685232.0</t>
  </si>
  <si>
    <t>35964714.0</t>
  </si>
  <si>
    <t>26231.0</t>
  </si>
  <si>
    <t>209.31</t>
  </si>
  <si>
    <t>27.355</t>
  </si>
  <si>
    <t>251353153.0</t>
  </si>
  <si>
    <t>3728.058</t>
  </si>
  <si>
    <t>302018.0</t>
  </si>
  <si>
    <t>141940506.0</t>
  </si>
  <si>
    <t>54368526.0</t>
  </si>
  <si>
    <t>52686027.0</t>
  </si>
  <si>
    <t>35967189.0</t>
  </si>
  <si>
    <t>26018.0</t>
  </si>
  <si>
    <t>83940.0</t>
  </si>
  <si>
    <t>1237.81575804049</t>
  </si>
  <si>
    <t>251847896.0</t>
  </si>
  <si>
    <t>494743.0</t>
  </si>
  <si>
    <t>3735.396</t>
  </si>
  <si>
    <t>313379.0</t>
  </si>
  <si>
    <t>141965733.0</t>
  </si>
  <si>
    <t>54370080.0</t>
  </si>
  <si>
    <t>52690302.0</t>
  </si>
  <si>
    <t>35986591.0</t>
  </si>
  <si>
    <t>25799.0</t>
  </si>
  <si>
    <t>209.35</t>
  </si>
  <si>
    <t>252238784.0</t>
  </si>
  <si>
    <t>390888.0</t>
  </si>
  <si>
    <t>3741.194</t>
  </si>
  <si>
    <t>322465.0</t>
  </si>
  <si>
    <t>4.783</t>
  </si>
  <si>
    <t>141997716.0</t>
  </si>
  <si>
    <t>54371829.0</t>
  </si>
  <si>
    <t>52696599.0</t>
  </si>
  <si>
    <t>36010536.0</t>
  </si>
  <si>
    <t>31983.0</t>
  </si>
  <si>
    <t>26363.0</t>
  </si>
  <si>
    <t>25.482</t>
  </si>
  <si>
    <t>20757.0</t>
  </si>
  <si>
    <t>252638807.0</t>
  </si>
  <si>
    <t>400023.0</t>
  </si>
  <si>
    <t>3747.127</t>
  </si>
  <si>
    <t>332196.0</t>
  </si>
  <si>
    <t>142040726.0</t>
  </si>
  <si>
    <t>54374864.0</t>
  </si>
  <si>
    <t>52704011.0</t>
  </si>
  <si>
    <t>36043106.0</t>
  </si>
  <si>
    <t>27268.0</t>
  </si>
  <si>
    <t>209.46</t>
  </si>
  <si>
    <t>253025915.0</t>
  </si>
  <si>
    <t>387108.0</t>
  </si>
  <si>
    <t>3752.869</t>
  </si>
  <si>
    <t>5.742</t>
  </si>
  <si>
    <t>341450.0</t>
  </si>
  <si>
    <t>142070166.0</t>
  </si>
  <si>
    <t>54376321.0</t>
  </si>
  <si>
    <t>52707995.0</t>
  </si>
  <si>
    <t>36067108.0</t>
  </si>
  <si>
    <t>20519.0</t>
  </si>
  <si>
    <t>253419345.0</t>
  </si>
  <si>
    <t>393430.0</t>
  </si>
  <si>
    <t>3758.704</t>
  </si>
  <si>
    <t>5.835</t>
  </si>
  <si>
    <t>349433.0</t>
  </si>
  <si>
    <t>5.183</t>
  </si>
  <si>
    <t>142116511.0</t>
  </si>
  <si>
    <t>54378590.0</t>
  </si>
  <si>
    <t>52713758.0</t>
  </si>
  <si>
    <t>36105430.0</t>
  </si>
  <si>
    <t>46345.0</t>
  </si>
  <si>
    <t>29518.0</t>
  </si>
  <si>
    <t>209.57</t>
  </si>
  <si>
    <t>253744241.0</t>
  </si>
  <si>
    <t>324896.0</t>
  </si>
  <si>
    <t>3763.523</t>
  </si>
  <si>
    <t>354763.0</t>
  </si>
  <si>
    <t>142146129.0</t>
  </si>
  <si>
    <t>54380884.0</t>
  </si>
  <si>
    <t>52718561.0</t>
  </si>
  <si>
    <t>36127952.0</t>
  </si>
  <si>
    <t>29618.0</t>
  </si>
  <si>
    <t>29899.0</t>
  </si>
  <si>
    <t>253848125.0</t>
  </si>
  <si>
    <t>103884.0</t>
  </si>
  <si>
    <t>3765.064</t>
  </si>
  <si>
    <t>356425.0</t>
  </si>
  <si>
    <t>142150155.0</t>
  </si>
  <si>
    <t>54381184.0</t>
  </si>
  <si>
    <t>52719297.0</t>
  </si>
  <si>
    <t>36130944.0</t>
  </si>
  <si>
    <t>29950.0</t>
  </si>
  <si>
    <t>83794.9</t>
  </si>
  <si>
    <t>1235.67605031484</t>
  </si>
  <si>
    <t>254491103.0</t>
  </si>
  <si>
    <t>642978.0</t>
  </si>
  <si>
    <t>3774.6</t>
  </si>
  <si>
    <t>9.537</t>
  </si>
  <si>
    <t>377601.0</t>
  </si>
  <si>
    <t>142182448.0</t>
  </si>
  <si>
    <t>54382576.0</t>
  </si>
  <si>
    <t>52722519.0</t>
  </si>
  <si>
    <t>36158629.0</t>
  </si>
  <si>
    <t>30959.0</t>
  </si>
  <si>
    <t>209.67</t>
  </si>
  <si>
    <t>254993453.0</t>
  </si>
  <si>
    <t>502350.0</t>
  </si>
  <si>
    <t>3782.051</t>
  </si>
  <si>
    <t>393524.0</t>
  </si>
  <si>
    <t>142222093.0</t>
  </si>
  <si>
    <t>54384130.0</t>
  </si>
  <si>
    <t>52726259.0</t>
  </si>
  <si>
    <t>36192984.0</t>
  </si>
  <si>
    <t>39645.0</t>
  </si>
  <si>
    <t>32054.0</t>
  </si>
  <si>
    <t>209.73</t>
  </si>
  <si>
    <t>10.013</t>
  </si>
  <si>
    <t>255516226.0</t>
  </si>
  <si>
    <t>522773.0</t>
  </si>
  <si>
    <t>3789.805</t>
  </si>
  <si>
    <t>411060.0</t>
  </si>
  <si>
    <t>6.097</t>
  </si>
  <si>
    <t>142271950.0</t>
  </si>
  <si>
    <t>54386816.0</t>
  </si>
  <si>
    <t>52732552.0</t>
  </si>
  <si>
    <t>36233868.0</t>
  </si>
  <si>
    <t>33032.0</t>
  </si>
  <si>
    <t>209.8</t>
  </si>
  <si>
    <t>20654.0</t>
  </si>
  <si>
    <t>256013416.0</t>
  </si>
  <si>
    <t>497190.0</t>
  </si>
  <si>
    <t>3797.179</t>
  </si>
  <si>
    <t>7.374</t>
  </si>
  <si>
    <t>426786.0</t>
  </si>
  <si>
    <t>142305729.0</t>
  </si>
  <si>
    <t>54388223.0</t>
  </si>
  <si>
    <t>52735708.0</t>
  </si>
  <si>
    <t>36263086.0</t>
  </si>
  <si>
    <t>33779.0</t>
  </si>
  <si>
    <t>304.013</t>
  </si>
  <si>
    <t>119.52</t>
  </si>
  <si>
    <t>256512477.0</t>
  </si>
  <si>
    <t>499061.0</t>
  </si>
  <si>
    <t>3804.581</t>
  </si>
  <si>
    <t>441876.0</t>
  </si>
  <si>
    <t>142359318.0</t>
  </si>
  <si>
    <t>54390307.0</t>
  </si>
  <si>
    <t>52740867.0</t>
  </si>
  <si>
    <t>36309435.0</t>
  </si>
  <si>
    <t>53589.0</t>
  </si>
  <si>
    <t>209.93</t>
  </si>
  <si>
    <t>20532.0</t>
  </si>
  <si>
    <t>256907789.0</t>
  </si>
  <si>
    <t>395312.0</t>
  </si>
  <si>
    <t>3810.444</t>
  </si>
  <si>
    <t>451935.0</t>
  </si>
  <si>
    <t>142390721.0</t>
  </si>
  <si>
    <t>54392539.0</t>
  </si>
  <si>
    <t>52745281.0</t>
  </si>
  <si>
    <t>36334197.0</t>
  </si>
  <si>
    <t>34942.0</t>
  </si>
  <si>
    <t>10.087</t>
  </si>
  <si>
    <t>257022374.0</t>
  </si>
  <si>
    <t>114585.0</t>
  </si>
  <si>
    <t>3812.144</t>
  </si>
  <si>
    <t>453464.0</t>
  </si>
  <si>
    <t>6.726</t>
  </si>
  <si>
    <t>142395166.0</t>
  </si>
  <si>
    <t>54392900.0</t>
  </si>
  <si>
    <t>52745975.0</t>
  </si>
  <si>
    <t>36337588.0</t>
  </si>
  <si>
    <t>35002.0</t>
  </si>
  <si>
    <t>83982.6</t>
  </si>
  <si>
    <t>1238.44395617359</t>
  </si>
  <si>
    <t>21073.0</t>
  </si>
  <si>
    <t>257764942.0</t>
  </si>
  <si>
    <t>742568.0</t>
  </si>
  <si>
    <t>3823.158</t>
  </si>
  <si>
    <t>11.014</t>
  </si>
  <si>
    <t>467691.0</t>
  </si>
  <si>
    <t>142428327.0</t>
  </si>
  <si>
    <t>54394364.0</t>
  </si>
  <si>
    <t>52749059.0</t>
  </si>
  <si>
    <t>36366207.0</t>
  </si>
  <si>
    <t>35126.0</t>
  </si>
  <si>
    <t>10.927</t>
  </si>
  <si>
    <t>8696.0</t>
  </si>
  <si>
    <t>258345869.0</t>
  </si>
  <si>
    <t>580927.0</t>
  </si>
  <si>
    <t>3831.774</t>
  </si>
  <si>
    <t>8.616</t>
  </si>
  <si>
    <t>478917.0</t>
  </si>
  <si>
    <t>142473549.0</t>
  </si>
  <si>
    <t>54395818.0</t>
  </si>
  <si>
    <t>52752343.0</t>
  </si>
  <si>
    <t>36406700.0</t>
  </si>
  <si>
    <t>35922.0</t>
  </si>
  <si>
    <t>258917333.0</t>
  </si>
  <si>
    <t>571464.0</t>
  </si>
  <si>
    <t>3840.25</t>
  </si>
  <si>
    <t>485872.0</t>
  </si>
  <si>
    <t>142525032.0</t>
  </si>
  <si>
    <t>54398671.0</t>
  </si>
  <si>
    <t>52757859.0</t>
  </si>
  <si>
    <t>36449817.0</t>
  </si>
  <si>
    <t>51483.0</t>
  </si>
  <si>
    <t>36155.0</t>
  </si>
  <si>
    <t>259422810.0</t>
  </si>
  <si>
    <t>505477.0</t>
  </si>
  <si>
    <t>3847.747</t>
  </si>
  <si>
    <t>7.497</t>
  </si>
  <si>
    <t>487056.0</t>
  </si>
  <si>
    <t>142568220.0</t>
  </si>
  <si>
    <t>54400282.0</t>
  </si>
  <si>
    <t>52761426.0</t>
  </si>
  <si>
    <t>36487830.0</t>
  </si>
  <si>
    <t>43188.0</t>
  </si>
  <si>
    <t>210.24</t>
  </si>
  <si>
    <t>259885392.0</t>
  </si>
  <si>
    <t>462582.0</t>
  </si>
  <si>
    <t>3854.608</t>
  </si>
  <si>
    <t>481845.0</t>
  </si>
  <si>
    <t>142626455.0</t>
  </si>
  <si>
    <t>54402962.0</t>
  </si>
  <si>
    <t>52766022.0</t>
  </si>
  <si>
    <t>36538804.0</t>
  </si>
  <si>
    <t>58235.0</t>
  </si>
  <si>
    <t>38162.0</t>
  </si>
  <si>
    <t>210.32</t>
  </si>
  <si>
    <t>22113.0</t>
  </si>
  <si>
    <t>260248604.0</t>
  </si>
  <si>
    <t>363212.0</t>
  </si>
  <si>
    <t>3859.995</t>
  </si>
  <si>
    <t>477259.0</t>
  </si>
  <si>
    <t>7.079</t>
  </si>
  <si>
    <t>142649815.0</t>
  </si>
  <si>
    <t>54404493.0</t>
  </si>
  <si>
    <t>52768666.0</t>
  </si>
  <si>
    <t>36557993.0</t>
  </si>
  <si>
    <t>37013.0</t>
  </si>
  <si>
    <t>260354568.0</t>
  </si>
  <si>
    <t>105964.0</t>
  </si>
  <si>
    <t>3861.567</t>
  </si>
  <si>
    <t>476028.0</t>
  </si>
  <si>
    <t>142653352.0</t>
  </si>
  <si>
    <t>54404783.0</t>
  </si>
  <si>
    <t>52769180.0</t>
  </si>
  <si>
    <t>36560726.0</t>
  </si>
  <si>
    <t>84689.9</t>
  </si>
  <si>
    <t>1248.87410968398</t>
  </si>
  <si>
    <t>13.346</t>
  </si>
  <si>
    <t>261028853.0</t>
  </si>
  <si>
    <t>674285.0</t>
  </si>
  <si>
    <t>3871.568</t>
  </si>
  <si>
    <t>10.001</t>
  </si>
  <si>
    <t>466273.0</t>
  </si>
  <si>
    <t>6.916</t>
  </si>
  <si>
    <t>142690635.0</t>
  </si>
  <si>
    <t>54407659.0</t>
  </si>
  <si>
    <t>52772083.0</t>
  </si>
  <si>
    <t>36592234.0</t>
  </si>
  <si>
    <t>37283.0</t>
  </si>
  <si>
    <t>22.886</t>
  </si>
  <si>
    <t>158.17</t>
  </si>
  <si>
    <t>261553447.0</t>
  </si>
  <si>
    <t>524594.0</t>
  </si>
  <si>
    <t>3879.349</t>
  </si>
  <si>
    <t>458225.0</t>
  </si>
  <si>
    <t>142744750.0</t>
  </si>
  <si>
    <t>54410132.0</t>
  </si>
  <si>
    <t>52775242.0</t>
  </si>
  <si>
    <t>36640721.0</t>
  </si>
  <si>
    <t>54115.0</t>
  </si>
  <si>
    <t>262081967.0</t>
  </si>
  <si>
    <t>528520.0</t>
  </si>
  <si>
    <t>3887.188</t>
  </si>
  <si>
    <t>142791293.0</t>
  </si>
  <si>
    <t>54412681.0</t>
  </si>
  <si>
    <t>52779197.0</t>
  </si>
  <si>
    <t>36680766.0</t>
  </si>
  <si>
    <t>210.57</t>
  </si>
  <si>
    <t>23272.0</t>
  </si>
  <si>
    <t>262570173.0</t>
  </si>
  <si>
    <t>488206.0</t>
  </si>
  <si>
    <t>3894.429</t>
  </si>
  <si>
    <t>449623.0</t>
  </si>
  <si>
    <t>142843774.0</t>
  </si>
  <si>
    <t>54414565.0</t>
  </si>
  <si>
    <t>52782333.0</t>
  </si>
  <si>
    <t>36728230.0</t>
  </si>
  <si>
    <t>52481.0</t>
  </si>
  <si>
    <t>39365.0</t>
  </si>
  <si>
    <t>210.64</t>
  </si>
  <si>
    <t>263036310.0</t>
  </si>
  <si>
    <t>466137.0</t>
  </si>
  <si>
    <t>3901.342</t>
  </si>
  <si>
    <t>450131.0</t>
  </si>
  <si>
    <t>142913488.0</t>
  </si>
  <si>
    <t>54416785.0</t>
  </si>
  <si>
    <t>52786620.0</t>
  </si>
  <si>
    <t>36791441.0</t>
  </si>
  <si>
    <t>69714.0</t>
  </si>
  <si>
    <t>41005.0</t>
  </si>
  <si>
    <t>23474.0</t>
  </si>
  <si>
    <t>13.876</t>
  </si>
  <si>
    <t>263399067.0</t>
  </si>
  <si>
    <t>362757.0</t>
  </si>
  <si>
    <t>3906.723</t>
  </si>
  <si>
    <t>450066.0</t>
  </si>
  <si>
    <t>142940414.0</t>
  </si>
  <si>
    <t>54418153.0</t>
  </si>
  <si>
    <t>52789299.0</t>
  </si>
  <si>
    <t>36814320.0</t>
  </si>
  <si>
    <t>26926.0</t>
  </si>
  <si>
    <t>41514.0</t>
  </si>
  <si>
    <t>263498565.0</t>
  </si>
  <si>
    <t>99498.0</t>
  </si>
  <si>
    <t>3908.199</t>
  </si>
  <si>
    <t>449142.0</t>
  </si>
  <si>
    <t>142945461.0</t>
  </si>
  <si>
    <t>54418447.0</t>
  </si>
  <si>
    <t>52790051.0</t>
  </si>
  <si>
    <t>36818323.0</t>
  </si>
  <si>
    <t>41730.0</t>
  </si>
  <si>
    <t>85904.4</t>
  </si>
  <si>
    <t>1266.78365505139</t>
  </si>
  <si>
    <t>264113429.0</t>
  </si>
  <si>
    <t>614864.0</t>
  </si>
  <si>
    <t>3917.318</t>
  </si>
  <si>
    <t>440654.0</t>
  </si>
  <si>
    <t>6.536</t>
  </si>
  <si>
    <t>142985193.0</t>
  </si>
  <si>
    <t>54419777.0</t>
  </si>
  <si>
    <t>52792672.0</t>
  </si>
  <si>
    <t>36854108.0</t>
  </si>
  <si>
    <t>39732.0</t>
  </si>
  <si>
    <t>42080.0</t>
  </si>
  <si>
    <t>24693.0</t>
  </si>
  <si>
    <t>264581030.0</t>
  </si>
  <si>
    <t>467601.0</t>
  </si>
  <si>
    <t>3924.254</t>
  </si>
  <si>
    <t>432512.0</t>
  </si>
  <si>
    <t>143044910.0</t>
  </si>
  <si>
    <t>54421493.0</t>
  </si>
  <si>
    <t>52795748.0</t>
  </si>
  <si>
    <t>36909038.0</t>
  </si>
  <si>
    <t>59717.0</t>
  </si>
  <si>
    <t>210.94</t>
  </si>
  <si>
    <t>11954.0</t>
  </si>
  <si>
    <t>265038757.0</t>
  </si>
  <si>
    <t>457727.0</t>
  </si>
  <si>
    <t>3931.043</t>
  </si>
  <si>
    <t>6.789</t>
  </si>
  <si>
    <t>422399.0</t>
  </si>
  <si>
    <t>143097119.0</t>
  </si>
  <si>
    <t>54423466.0</t>
  </si>
  <si>
    <t>52799464.0</t>
  </si>
  <si>
    <t>36955563.0</t>
  </si>
  <si>
    <t>52209.0</t>
  </si>
  <si>
    <t>43689.0</t>
  </si>
  <si>
    <t>24828.0</t>
  </si>
  <si>
    <t>15.985</t>
  </si>
  <si>
    <t>12030.0</t>
  </si>
  <si>
    <t>177.4</t>
  </si>
  <si>
    <t>265454237.0</t>
  </si>
  <si>
    <t>415480.0</t>
  </si>
  <si>
    <t>3937.205</t>
  </si>
  <si>
    <t>412009.0</t>
  </si>
  <si>
    <t>143151128.0</t>
  </si>
  <si>
    <t>54424964.0</t>
  </si>
  <si>
    <t>52802440.0</t>
  </si>
  <si>
    <t>37005104.0</t>
  </si>
  <si>
    <t>54009.0</t>
  </si>
  <si>
    <t>43908.0</t>
  </si>
  <si>
    <t>24.361</t>
  </si>
  <si>
    <t>12080.0</t>
  </si>
  <si>
    <t>265837012.0</t>
  </si>
  <si>
    <t>382775.0</t>
  </si>
  <si>
    <t>3942.882</t>
  </si>
  <si>
    <t>400100.0</t>
  </si>
  <si>
    <t>143207986.0</t>
  </si>
  <si>
    <t>54426834.0</t>
  </si>
  <si>
    <t>52806219.0</t>
  </si>
  <si>
    <t>37056320.0</t>
  </si>
  <si>
    <t>56858.0</t>
  </si>
  <si>
    <t>211.18</t>
  </si>
  <si>
    <t>11862.0</t>
  </si>
  <si>
    <t>266145045.0</t>
  </si>
  <si>
    <t>308033.0</t>
  </si>
  <si>
    <t>3947.451</t>
  </si>
  <si>
    <t>392283.0</t>
  </si>
  <si>
    <t>143225812.0</t>
  </si>
  <si>
    <t>54427877.0</t>
  </si>
  <si>
    <t>52808050.0</t>
  </si>
  <si>
    <t>37071273.0</t>
  </si>
  <si>
    <t>24922.0</t>
  </si>
  <si>
    <t>266225969.0</t>
  </si>
  <si>
    <t>3948.651</t>
  </si>
  <si>
    <t>389629.0</t>
  </si>
  <si>
    <t>143228510.0</t>
  </si>
  <si>
    <t>54428071.0</t>
  </si>
  <si>
    <t>52808388.0</t>
  </si>
  <si>
    <t>37073442.0</t>
  </si>
  <si>
    <t>40436.0</t>
  </si>
  <si>
    <t>87463.5</t>
  </si>
  <si>
    <t>1289.7748219368</t>
  </si>
  <si>
    <t>266336550.0</t>
  </si>
  <si>
    <t>110581.0</t>
  </si>
  <si>
    <t>3950.291</t>
  </si>
  <si>
    <t>317589.0</t>
  </si>
  <si>
    <t>143233088.0</t>
  </si>
  <si>
    <t>54428268.0</t>
  </si>
  <si>
    <t>52808929.0</t>
  </si>
  <si>
    <t>37077284.0</t>
  </si>
  <si>
    <t>13.493</t>
  </si>
  <si>
    <t>266844800.0</t>
  </si>
  <si>
    <t>508250.0</t>
  </si>
  <si>
    <t>3957.83</t>
  </si>
  <si>
    <t>7.538</t>
  </si>
  <si>
    <t>323396.0</t>
  </si>
  <si>
    <t>4.797</t>
  </si>
  <si>
    <t>143280244.0</t>
  </si>
  <si>
    <t>54429812.0</t>
  </si>
  <si>
    <t>52811960.0</t>
  </si>
  <si>
    <t>37119867.0</t>
  </si>
  <si>
    <t>33619.0</t>
  </si>
  <si>
    <t>211.29</t>
  </si>
  <si>
    <t>371.3</t>
  </si>
  <si>
    <t>267194592.0</t>
  </si>
  <si>
    <t>349792.0</t>
  </si>
  <si>
    <t>3963.018</t>
  </si>
  <si>
    <t>307976.0</t>
  </si>
  <si>
    <t>143328101.0</t>
  </si>
  <si>
    <t>54431811.0</t>
  </si>
  <si>
    <t>52815461.0</t>
  </si>
  <si>
    <t>37162239.0</t>
  </si>
  <si>
    <t>47857.0</t>
  </si>
  <si>
    <t>32997.0</t>
  </si>
  <si>
    <t>211.36</t>
  </si>
  <si>
    <t>267511566.0</t>
  </si>
  <si>
    <t>3967.719</t>
  </si>
  <si>
    <t>293904.0</t>
  </si>
  <si>
    <t>143380190.0</t>
  </si>
  <si>
    <t>54433324.0</t>
  </si>
  <si>
    <t>52818317.0</t>
  </si>
  <si>
    <t>37209966.0</t>
  </si>
  <si>
    <t>52089.0</t>
  </si>
  <si>
    <t>32723.0</t>
  </si>
  <si>
    <t>267824494.0</t>
  </si>
  <si>
    <t>312928.0</t>
  </si>
  <si>
    <t>3972.361</t>
  </si>
  <si>
    <t>283926.0</t>
  </si>
  <si>
    <t>143439770.0</t>
  </si>
  <si>
    <t>54435200.0</t>
  </si>
  <si>
    <t>52821933.0</t>
  </si>
  <si>
    <t>37264055.0</t>
  </si>
  <si>
    <t>24840.0</t>
  </si>
  <si>
    <t>268080940.0</t>
  </si>
  <si>
    <t>256446.0</t>
  </si>
  <si>
    <t>3976.164</t>
  </si>
  <si>
    <t>276556.0</t>
  </si>
  <si>
    <t>143461027.0</t>
  </si>
  <si>
    <t>54436348.0</t>
  </si>
  <si>
    <t>52823994.0</t>
  </si>
  <si>
    <t>37282105.0</t>
  </si>
  <si>
    <t>21257.0</t>
  </si>
  <si>
    <t>33602.0</t>
  </si>
  <si>
    <t>268157396.0</t>
  </si>
  <si>
    <t>76456.0</t>
  </si>
  <si>
    <t>3977.298</t>
  </si>
  <si>
    <t>275918.0</t>
  </si>
  <si>
    <t>143464803.0</t>
  </si>
  <si>
    <t>54436598.0</t>
  </si>
  <si>
    <t>52824453.0</t>
  </si>
  <si>
    <t>37285172.0</t>
  </si>
  <si>
    <t>211.56</t>
  </si>
  <si>
    <t>88657.4</t>
  </si>
  <si>
    <t>1307.38059074219</t>
  </si>
  <si>
    <t>268539795.0</t>
  </si>
  <si>
    <t>382399.0</t>
  </si>
  <si>
    <t>3982.97</t>
  </si>
  <si>
    <t>314749.0</t>
  </si>
  <si>
    <t>143500380.0</t>
  </si>
  <si>
    <t>54437904.0</t>
  </si>
  <si>
    <t>52826982.0</t>
  </si>
  <si>
    <t>37316917.0</t>
  </si>
  <si>
    <t>35577.0</t>
  </si>
  <si>
    <t>38185.0</t>
  </si>
  <si>
    <t>211.61</t>
  </si>
  <si>
    <t>268821438.0</t>
  </si>
  <si>
    <t>281643.0</t>
  </si>
  <si>
    <t>3987.147</t>
  </si>
  <si>
    <t>282377.0</t>
  </si>
  <si>
    <t>143557287.0</t>
  </si>
  <si>
    <t>54439527.0</t>
  </si>
  <si>
    <t>52829985.0</t>
  </si>
  <si>
    <t>37369203.0</t>
  </si>
  <si>
    <t>56907.0</t>
  </si>
  <si>
    <t>269083919.0</t>
  </si>
  <si>
    <t>262481.0</t>
  </si>
  <si>
    <t>3991.04</t>
  </si>
  <si>
    <t>269904.0</t>
  </si>
  <si>
    <t>143604890.0</t>
  </si>
  <si>
    <t>54441491.0</t>
  </si>
  <si>
    <t>52833051.0</t>
  </si>
  <si>
    <t>37411780.0</t>
  </si>
  <si>
    <t>39541.0</t>
  </si>
  <si>
    <t>211.77</t>
  </si>
  <si>
    <t>24130.0</t>
  </si>
  <si>
    <t>269318791.0</t>
  </si>
  <si>
    <t>234872.0</t>
  </si>
  <si>
    <t>3994.524</t>
  </si>
  <si>
    <t>258175.0</t>
  </si>
  <si>
    <t>143657986.0</t>
  </si>
  <si>
    <t>54443061.0</t>
  </si>
  <si>
    <t>52835819.0</t>
  </si>
  <si>
    <t>37460541.0</t>
  </si>
  <si>
    <t>211.84</t>
  </si>
  <si>
    <t>269553935.0</t>
  </si>
  <si>
    <t>235144.0</t>
  </si>
  <si>
    <t>3998.012</t>
  </si>
  <si>
    <t>247063.0</t>
  </si>
  <si>
    <t>143717636.0</t>
  </si>
  <si>
    <t>54445069.0</t>
  </si>
  <si>
    <t>52840633.0</t>
  </si>
  <si>
    <t>37513375.0</t>
  </si>
  <si>
    <t>211.93</t>
  </si>
  <si>
    <t>269748985.0</t>
  </si>
  <si>
    <t>195050.0</t>
  </si>
  <si>
    <t>4000.905</t>
  </si>
  <si>
    <t>238292.0</t>
  </si>
  <si>
    <t>3.534</t>
  </si>
  <si>
    <t>143738444.0</t>
  </si>
  <si>
    <t>54446285.0</t>
  </si>
  <si>
    <t>52843582.0</t>
  </si>
  <si>
    <t>37530020.0</t>
  </si>
  <si>
    <t>20808.0</t>
  </si>
  <si>
    <t>39631.0</t>
  </si>
  <si>
    <t>269804752.0</t>
  </si>
  <si>
    <t>55767.0</t>
  </si>
  <si>
    <t>4001.732</t>
  </si>
  <si>
    <t>235337.0</t>
  </si>
  <si>
    <t>143740901.0</t>
  </si>
  <si>
    <t>54446503.0</t>
  </si>
  <si>
    <t>52843907.0</t>
  </si>
  <si>
    <t>37531934.0</t>
  </si>
  <si>
    <t>39443.0</t>
  </si>
  <si>
    <t>89361.7</t>
  </si>
  <si>
    <t>1317.76650494743</t>
  </si>
  <si>
    <t>270121686.0</t>
  </si>
  <si>
    <t>316934.0</t>
  </si>
  <si>
    <t>4006.432</t>
  </si>
  <si>
    <t>143775329.0</t>
  </si>
  <si>
    <t>54448657.0</t>
  </si>
  <si>
    <t>52846844.0</t>
  </si>
  <si>
    <t>37561276.0</t>
  </si>
  <si>
    <t>212.02</t>
  </si>
  <si>
    <t>270357434.0</t>
  </si>
  <si>
    <t>235748.0</t>
  </si>
  <si>
    <t>4009.929</t>
  </si>
  <si>
    <t>219428.0</t>
  </si>
  <si>
    <t>143829003.0</t>
  </si>
  <si>
    <t>54450668.0</t>
  </si>
  <si>
    <t>52850102.0</t>
  </si>
  <si>
    <t>37609683.0</t>
  </si>
  <si>
    <t>53674.0</t>
  </si>
  <si>
    <t>38817.0</t>
  </si>
  <si>
    <t>212.1</t>
  </si>
  <si>
    <t>21.604</t>
  </si>
  <si>
    <t>22319.0</t>
  </si>
  <si>
    <t>270583611.0</t>
  </si>
  <si>
    <t>226177.0</t>
  </si>
  <si>
    <t>4013.284</t>
  </si>
  <si>
    <t>214242.0</t>
  </si>
  <si>
    <t>143872036.0</t>
  </si>
  <si>
    <t>54452581.0</t>
  </si>
  <si>
    <t>52853402.0</t>
  </si>
  <si>
    <t>37647510.0</t>
  </si>
  <si>
    <t>43033.0</t>
  </si>
  <si>
    <t>38164.0</t>
  </si>
  <si>
    <t>270786651.0</t>
  </si>
  <si>
    <t>203040.0</t>
  </si>
  <si>
    <t>4016.295</t>
  </si>
  <si>
    <t>209694.0</t>
  </si>
  <si>
    <t>143923472.0</t>
  </si>
  <si>
    <t>54454351.0</t>
  </si>
  <si>
    <t>52856409.0</t>
  </si>
  <si>
    <t>37694173.0</t>
  </si>
  <si>
    <t>51436.0</t>
  </si>
  <si>
    <t>37927.0</t>
  </si>
  <si>
    <t>212.24</t>
  </si>
  <si>
    <t>21277.0</t>
  </si>
  <si>
    <t>270989812.0</t>
  </si>
  <si>
    <t>203161.0</t>
  </si>
  <si>
    <t>4019.308</t>
  </si>
  <si>
    <t>205125.0</t>
  </si>
  <si>
    <t>143981489.0</t>
  </si>
  <si>
    <t>54456565.0</t>
  </si>
  <si>
    <t>52860066.0</t>
  </si>
  <si>
    <t>37746324.0</t>
  </si>
  <si>
    <t>58017.0</t>
  </si>
  <si>
    <t>37693.0</t>
  </si>
  <si>
    <t>212.32</t>
  </si>
  <si>
    <t>20.601</t>
  </si>
  <si>
    <t>271167032.0</t>
  </si>
  <si>
    <t>177220.0</t>
  </si>
  <si>
    <t>4021.937</t>
  </si>
  <si>
    <t>202578.0</t>
  </si>
  <si>
    <t>144000556.0</t>
  </si>
  <si>
    <t>54457773.0</t>
  </si>
  <si>
    <t>52861847.0</t>
  </si>
  <si>
    <t>37762402.0</t>
  </si>
  <si>
    <t>37445.0</t>
  </si>
  <si>
    <t>20939.0</t>
  </si>
  <si>
    <t>271222300.0</t>
  </si>
  <si>
    <t>55268.0</t>
  </si>
  <si>
    <t>4022.757</t>
  </si>
  <si>
    <t>202507.0</t>
  </si>
  <si>
    <t>3.004</t>
  </si>
  <si>
    <t>144003943.0</t>
  </si>
  <si>
    <t>54458040.0</t>
  </si>
  <si>
    <t>52862247.0</t>
  </si>
  <si>
    <t>37765123.0</t>
  </si>
  <si>
    <t>37577.0</t>
  </si>
  <si>
    <t>90141.4</t>
  </si>
  <si>
    <t>1329.26430035539</t>
  </si>
  <si>
    <t>271522026.0</t>
  </si>
  <si>
    <t>299726.0</t>
  </si>
  <si>
    <t>4027.202</t>
  </si>
  <si>
    <t>200049.0</t>
  </si>
  <si>
    <t>144037814.0</t>
  </si>
  <si>
    <t>54459426.0</t>
  </si>
  <si>
    <t>52864551.0</t>
  </si>
  <si>
    <t>37795309.0</t>
  </si>
  <si>
    <t>20.114</t>
  </si>
  <si>
    <t>10.514</t>
  </si>
  <si>
    <t>271746429.0</t>
  </si>
  <si>
    <t>4030.531</t>
  </si>
  <si>
    <t>198428.0</t>
  </si>
  <si>
    <t>144095582.0</t>
  </si>
  <si>
    <t>54461209.0</t>
  </si>
  <si>
    <t>52867963.0</t>
  </si>
  <si>
    <t>37847885.0</t>
  </si>
  <si>
    <t>57768.0</t>
  </si>
  <si>
    <t>38083.0</t>
  </si>
  <si>
    <t>10.455</t>
  </si>
  <si>
    <t>271957980.0</t>
  </si>
  <si>
    <t>211551.0</t>
  </si>
  <si>
    <t>4033.668</t>
  </si>
  <si>
    <t>196338.0</t>
  </si>
  <si>
    <t>144139273.0</t>
  </si>
  <si>
    <t>54463207.0</t>
  </si>
  <si>
    <t>52870977.0</t>
  </si>
  <si>
    <t>37886567.0</t>
  </si>
  <si>
    <t>43691.0</t>
  </si>
  <si>
    <t>38177.0</t>
  </si>
  <si>
    <t>212.55</t>
  </si>
  <si>
    <t>19762.0</t>
  </si>
  <si>
    <t>10.072</t>
  </si>
  <si>
    <t>272149243.0</t>
  </si>
  <si>
    <t>191263.0</t>
  </si>
  <si>
    <t>4036.505</t>
  </si>
  <si>
    <t>194656.0</t>
  </si>
  <si>
    <t>144190698.0</t>
  </si>
  <si>
    <t>54464796.0</t>
  </si>
  <si>
    <t>52873702.0</t>
  </si>
  <si>
    <t>37933685.0</t>
  </si>
  <si>
    <t>38175.0</t>
  </si>
  <si>
    <t>212.63</t>
  </si>
  <si>
    <t>19272.0</t>
  </si>
  <si>
    <t>272343434.0</t>
  </si>
  <si>
    <t>194191.0</t>
  </si>
  <si>
    <t>4039.385</t>
  </si>
  <si>
    <t>193375.0</t>
  </si>
  <si>
    <t>144247626.0</t>
  </si>
  <si>
    <t>54466772.0</t>
  </si>
  <si>
    <t>52876924.0</t>
  </si>
  <si>
    <t>37985416.0</t>
  </si>
  <si>
    <t>212.71</t>
  </si>
  <si>
    <t>18901.0</t>
  </si>
  <si>
    <t>8.612</t>
  </si>
  <si>
    <t>272507721.0</t>
  </si>
  <si>
    <t>164287.0</t>
  </si>
  <si>
    <t>4041.822</t>
  </si>
  <si>
    <t>191527.0</t>
  </si>
  <si>
    <t>144267125.0</t>
  </si>
  <si>
    <t>54467920.0</t>
  </si>
  <si>
    <t>52878560.0</t>
  </si>
  <si>
    <t>38002131.0</t>
  </si>
  <si>
    <t>19499.0</t>
  </si>
  <si>
    <t>38081.0</t>
  </si>
  <si>
    <t>18935.0</t>
  </si>
  <si>
    <t>272561974.0</t>
  </si>
  <si>
    <t>54253.0</t>
  </si>
  <si>
    <t>4042.627</t>
  </si>
  <si>
    <t>191382.0</t>
  </si>
  <si>
    <t>144270599.0</t>
  </si>
  <si>
    <t>54468203.0</t>
  </si>
  <si>
    <t>52879035.0</t>
  </si>
  <si>
    <t>38004849.0</t>
  </si>
  <si>
    <t>38094.0</t>
  </si>
  <si>
    <t>90536.9</t>
  </si>
  <si>
    <t>1335.0965154174</t>
  </si>
  <si>
    <t>17.681</t>
  </si>
  <si>
    <t>18742.0</t>
  </si>
  <si>
    <t>272836856.0</t>
  </si>
  <si>
    <t>274882.0</t>
  </si>
  <si>
    <t>4046.704</t>
  </si>
  <si>
    <t>187833.0</t>
  </si>
  <si>
    <t>144303597.0</t>
  </si>
  <si>
    <t>54469398.0</t>
  </si>
  <si>
    <t>52881081.0</t>
  </si>
  <si>
    <t>38034611.0</t>
  </si>
  <si>
    <t>32998.0</t>
  </si>
  <si>
    <t>18290.0</t>
  </si>
  <si>
    <t>273040279.0</t>
  </si>
  <si>
    <t>203423.0</t>
  </si>
  <si>
    <t>4049.721</t>
  </si>
  <si>
    <t>144357483.0</t>
  </si>
  <si>
    <t>54470986.0</t>
  </si>
  <si>
    <t>52883684.0</t>
  </si>
  <si>
    <t>38084311.0</t>
  </si>
  <si>
    <t>37414.0</t>
  </si>
  <si>
    <t>212.88</t>
  </si>
  <si>
    <t>16.944</t>
  </si>
  <si>
    <t>273227526.0</t>
  </si>
  <si>
    <t>187247.0</t>
  </si>
  <si>
    <t>4052.498</t>
  </si>
  <si>
    <t>181364.0</t>
  </si>
  <si>
    <t>144398798.0</t>
  </si>
  <si>
    <t>54472801.0</t>
  </si>
  <si>
    <t>52886331.0</t>
  </si>
  <si>
    <t>38121167.0</t>
  </si>
  <si>
    <t>41315.0</t>
  </si>
  <si>
    <t>37075.0</t>
  </si>
  <si>
    <t>212.94</t>
  </si>
  <si>
    <t>16.442</t>
  </si>
  <si>
    <t>258.52</t>
  </si>
  <si>
    <t>6.901</t>
  </si>
  <si>
    <t>63.955</t>
  </si>
  <si>
    <t>273391935.0</t>
  </si>
  <si>
    <t>164409.0</t>
  </si>
  <si>
    <t>4054.937</t>
  </si>
  <si>
    <t>177527.0</t>
  </si>
  <si>
    <t>144449313.0</t>
  </si>
  <si>
    <t>54474248.0</t>
  </si>
  <si>
    <t>52888985.0</t>
  </si>
  <si>
    <t>38167583.0</t>
  </si>
  <si>
    <t>36945.0</t>
  </si>
  <si>
    <t>273553282.0</t>
  </si>
  <si>
    <t>161347.0</t>
  </si>
  <si>
    <t>4057.33</t>
  </si>
  <si>
    <t>172835.0</t>
  </si>
  <si>
    <t>144507086.0</t>
  </si>
  <si>
    <t>54476121.0</t>
  </si>
  <si>
    <t>52892099.0</t>
  </si>
  <si>
    <t>38220373.0</t>
  </si>
  <si>
    <t>37066.0</t>
  </si>
  <si>
    <t>273693246.0</t>
  </si>
  <si>
    <t>139964.0</t>
  </si>
  <si>
    <t>4059.406</t>
  </si>
  <si>
    <t>169361.0</t>
  </si>
  <si>
    <t>144525509.0</t>
  </si>
  <si>
    <t>54477279.0</t>
  </si>
  <si>
    <t>52893807.0</t>
  </si>
  <si>
    <t>38235932.0</t>
  </si>
  <si>
    <t>213.12</t>
  </si>
  <si>
    <t>273739949.0</t>
  </si>
  <si>
    <t>4060.098</t>
  </si>
  <si>
    <t>168282.0</t>
  </si>
  <si>
    <t>144528556.0</t>
  </si>
  <si>
    <t>54477518.0</t>
  </si>
  <si>
    <t>52894148.0</t>
  </si>
  <si>
    <t>38238399.0</t>
  </si>
  <si>
    <t>36851.0</t>
  </si>
  <si>
    <t>213.13</t>
  </si>
  <si>
    <t>90803.4</t>
  </si>
  <si>
    <t>1339.02644035804</t>
  </si>
  <si>
    <t>273968595.0</t>
  </si>
  <si>
    <t>228646.0</t>
  </si>
  <si>
    <t>4063.49</t>
  </si>
  <si>
    <t>144561074.0</t>
  </si>
  <si>
    <t>54478693.0</t>
  </si>
  <si>
    <t>52896268.0</t>
  </si>
  <si>
    <t>38267622.0</t>
  </si>
  <si>
    <t>32518.0</t>
  </si>
  <si>
    <t>36782.0</t>
  </si>
  <si>
    <t>274124250.0</t>
  </si>
  <si>
    <t>155655.0</t>
  </si>
  <si>
    <t>4065.798</t>
  </si>
  <si>
    <t>154853.0</t>
  </si>
  <si>
    <t>144615613.0</t>
  </si>
  <si>
    <t>54480234.0</t>
  </si>
  <si>
    <t>52899024.0</t>
  </si>
  <si>
    <t>38317866.0</t>
  </si>
  <si>
    <t>54539.0</t>
  </si>
  <si>
    <t>213.26</t>
  </si>
  <si>
    <t>274274012.0</t>
  </si>
  <si>
    <t>149762.0</t>
  </si>
  <si>
    <t>4068.02</t>
  </si>
  <si>
    <t>149498.0</t>
  </si>
  <si>
    <t>144654447.0</t>
  </si>
  <si>
    <t>54482048.0</t>
  </si>
  <si>
    <t>52901854.0</t>
  </si>
  <si>
    <t>38352057.0</t>
  </si>
  <si>
    <t>38834.0</t>
  </si>
  <si>
    <t>213.31</t>
  </si>
  <si>
    <t>15.233</t>
  </si>
  <si>
    <t>16015.0</t>
  </si>
  <si>
    <t>274318480.0</t>
  </si>
  <si>
    <t>44468.0</t>
  </si>
  <si>
    <t>4068.679</t>
  </si>
  <si>
    <t>132364.0</t>
  </si>
  <si>
    <t>144657951.0</t>
  </si>
  <si>
    <t>54482261.0</t>
  </si>
  <si>
    <t>52902283.0</t>
  </si>
  <si>
    <t>38354924.0</t>
  </si>
  <si>
    <t>29805.0</t>
  </si>
  <si>
    <t>274468858.0</t>
  </si>
  <si>
    <t>150378.0</t>
  </si>
  <si>
    <t>4070.909</t>
  </si>
  <si>
    <t>130797.0</t>
  </si>
  <si>
    <t>144692360.0</t>
  </si>
  <si>
    <t>54483647.0</t>
  </si>
  <si>
    <t>52904751.0</t>
  </si>
  <si>
    <t>38385479.0</t>
  </si>
  <si>
    <t>34409.0</t>
  </si>
  <si>
    <t>26468.0</t>
  </si>
  <si>
    <t>274597237.0</t>
  </si>
  <si>
    <t>128379.0</t>
  </si>
  <si>
    <t>4072.814</t>
  </si>
  <si>
    <t>129142.0</t>
  </si>
  <si>
    <t>144705003.0</t>
  </si>
  <si>
    <t>54484316.0</t>
  </si>
  <si>
    <t>52906018.0</t>
  </si>
  <si>
    <t>38396187.0</t>
  </si>
  <si>
    <t>213.39</t>
  </si>
  <si>
    <t>274643959.0</t>
  </si>
  <si>
    <t>4073.507</t>
  </si>
  <si>
    <t>129144.0</t>
  </si>
  <si>
    <t>144707148.0</t>
  </si>
  <si>
    <t>54484473.0</t>
  </si>
  <si>
    <t>52906334.0</t>
  </si>
  <si>
    <t>38397860.0</t>
  </si>
  <si>
    <t>25513.0</t>
  </si>
  <si>
    <t>90151.1</t>
  </si>
  <si>
    <t>1329.40734077537</t>
  </si>
  <si>
    <t>274881488.0</t>
  </si>
  <si>
    <t>237529.0</t>
  </si>
  <si>
    <t>4077.03</t>
  </si>
  <si>
    <t>144736423.0</t>
  </si>
  <si>
    <t>54485498.0</t>
  </si>
  <si>
    <t>52908295.0</t>
  </si>
  <si>
    <t>38424152.0</t>
  </si>
  <si>
    <t>25050.0</t>
  </si>
  <si>
    <t>275065759.0</t>
  </si>
  <si>
    <t>184271.0</t>
  </si>
  <si>
    <t>4079.763</t>
  </si>
  <si>
    <t>134501.0</t>
  </si>
  <si>
    <t>144785896.0</t>
  </si>
  <si>
    <t>54486987.0</t>
  </si>
  <si>
    <t>52910805.0</t>
  </si>
  <si>
    <t>38469628.0</t>
  </si>
  <si>
    <t>49473.0</t>
  </si>
  <si>
    <t>213.51</t>
  </si>
  <si>
    <t>275242454.0</t>
  </si>
  <si>
    <t>176695.0</t>
  </si>
  <si>
    <t>4082.383</t>
  </si>
  <si>
    <t>138349.0</t>
  </si>
  <si>
    <t>144826289.0</t>
  </si>
  <si>
    <t>54488724.0</t>
  </si>
  <si>
    <t>52913894.0</t>
  </si>
  <si>
    <t>38505198.0</t>
  </si>
  <si>
    <t>40393.0</t>
  </si>
  <si>
    <t>24549.0</t>
  </si>
  <si>
    <t>14640.0</t>
  </si>
  <si>
    <t>275397936.0</t>
  </si>
  <si>
    <t>155482.0</t>
  </si>
  <si>
    <t>4084.69</t>
  </si>
  <si>
    <t>144877249.0</t>
  </si>
  <si>
    <t>54490200.0</t>
  </si>
  <si>
    <t>52916504.0</t>
  </si>
  <si>
    <t>38552078.0</t>
  </si>
  <si>
    <t>50960.0</t>
  </si>
  <si>
    <t>213.64</t>
  </si>
  <si>
    <t>275545102.0</t>
  </si>
  <si>
    <t>4086.872</t>
  </si>
  <si>
    <t>153749.0</t>
  </si>
  <si>
    <t>144934167.0</t>
  </si>
  <si>
    <t>54491927.0</t>
  </si>
  <si>
    <t>52919569.0</t>
  </si>
  <si>
    <t>38604206.0</t>
  </si>
  <si>
    <t>56918.0</t>
  </si>
  <si>
    <t>275682874.0</t>
  </si>
  <si>
    <t>4088.916</t>
  </si>
  <si>
    <t>155091.0</t>
  </si>
  <si>
    <t>144950811.0</t>
  </si>
  <si>
    <t>54492898.0</t>
  </si>
  <si>
    <t>52921084.0</t>
  </si>
  <si>
    <t>38618364.0</t>
  </si>
  <si>
    <t>35115.0</t>
  </si>
  <si>
    <t>213.75</t>
  </si>
  <si>
    <t>275728776.0</t>
  </si>
  <si>
    <t>4089.597</t>
  </si>
  <si>
    <t>154974.0</t>
  </si>
  <si>
    <t>144953305.0</t>
  </si>
  <si>
    <t>54493076.0</t>
  </si>
  <si>
    <t>52921419.0</t>
  </si>
  <si>
    <t>38620345.0</t>
  </si>
  <si>
    <t>35165.0</t>
  </si>
  <si>
    <t>90441.2</t>
  </si>
  <si>
    <t>1333.68528158318</t>
  </si>
  <si>
    <t>275806229.0</t>
  </si>
  <si>
    <t>4090.745</t>
  </si>
  <si>
    <t>132106.0</t>
  </si>
  <si>
    <t>144958588.0</t>
  </si>
  <si>
    <t>54493699.0</t>
  </si>
  <si>
    <t>52922638.0</t>
  </si>
  <si>
    <t>38623793.0</t>
  </si>
  <si>
    <t>31738.0</t>
  </si>
  <si>
    <t>35.259</t>
  </si>
  <si>
    <t>276085175.0</t>
  </si>
  <si>
    <t>278946.0</t>
  </si>
  <si>
    <t>4094.883</t>
  </si>
  <si>
    <t>145631.0</t>
  </si>
  <si>
    <t>145008144.0</t>
  </si>
  <si>
    <t>54495116.0</t>
  </si>
  <si>
    <t>52925349.0</t>
  </si>
  <si>
    <t>38669227.0</t>
  </si>
  <si>
    <t>213.84</t>
  </si>
  <si>
    <t>276289898.0</t>
  </si>
  <si>
    <t>204723.0</t>
  </si>
  <si>
    <t>4097.919</t>
  </si>
  <si>
    <t>149635.0</t>
  </si>
  <si>
    <t>145050319.0</t>
  </si>
  <si>
    <t>54496679.0</t>
  </si>
  <si>
    <t>52928037.0</t>
  </si>
  <si>
    <t>38707151.0</t>
  </si>
  <si>
    <t>213.9</t>
  </si>
  <si>
    <t>208.78</t>
  </si>
  <si>
    <t>276473785.0</t>
  </si>
  <si>
    <t>183887.0</t>
  </si>
  <si>
    <t>4100.646</t>
  </si>
  <si>
    <t>145104162.0</t>
  </si>
  <si>
    <t>54497968.0</t>
  </si>
  <si>
    <t>52930474.0</t>
  </si>
  <si>
    <t>38757269.0</t>
  </si>
  <si>
    <t>213.98</t>
  </si>
  <si>
    <t>276657985.0</t>
  </si>
  <si>
    <t>184200.0</t>
  </si>
  <si>
    <t>4103.378</t>
  </si>
  <si>
    <t>158983.0</t>
  </si>
  <si>
    <t>145166803.0</t>
  </si>
  <si>
    <t>54499595.0</t>
  </si>
  <si>
    <t>52933591.0</t>
  </si>
  <si>
    <t>38815169.0</t>
  </si>
  <si>
    <t>62641.0</t>
  </si>
  <si>
    <t>276822166.0</t>
  </si>
  <si>
    <t>164181.0</t>
  </si>
  <si>
    <t>4105.814</t>
  </si>
  <si>
    <t>162756.0</t>
  </si>
  <si>
    <t>145186562.0</t>
  </si>
  <si>
    <t>54500555.0</t>
  </si>
  <si>
    <t>52935329.0</t>
  </si>
  <si>
    <t>38832231.0</t>
  </si>
  <si>
    <t>19759.0</t>
  </si>
  <si>
    <t>33679.0</t>
  </si>
  <si>
    <t>12.844</t>
  </si>
  <si>
    <t>207.63</t>
  </si>
  <si>
    <t>276871529.0</t>
  </si>
  <si>
    <t>49363.0</t>
  </si>
  <si>
    <t>4106.546</t>
  </si>
  <si>
    <t>163250.0</t>
  </si>
  <si>
    <t>145190043.0</t>
  </si>
  <si>
    <t>54500753.0</t>
  </si>
  <si>
    <t>52935776.0</t>
  </si>
  <si>
    <t>38835071.0</t>
  </si>
  <si>
    <t>33820.0</t>
  </si>
  <si>
    <t>90316.3</t>
  </si>
  <si>
    <t>1331.84345184552</t>
  </si>
  <si>
    <t>12.756</t>
  </si>
  <si>
    <t>14125.0</t>
  </si>
  <si>
    <t>277171424.0</t>
  </si>
  <si>
    <t>299895.0</t>
  </si>
  <si>
    <t>4110.994</t>
  </si>
  <si>
    <t>195028.0</t>
  </si>
  <si>
    <t>145223822.0</t>
  </si>
  <si>
    <t>54501849.0</t>
  </si>
  <si>
    <t>52937841.0</t>
  </si>
  <si>
    <t>38865694.0</t>
  </si>
  <si>
    <t>214.15</t>
  </si>
  <si>
    <t>277407756.0</t>
  </si>
  <si>
    <t>236332.0</t>
  </si>
  <si>
    <t>4114.499</t>
  </si>
  <si>
    <t>188940.0</t>
  </si>
  <si>
    <t>145283073.0</t>
  </si>
  <si>
    <t>54503171.0</t>
  </si>
  <si>
    <t>52940380.0</t>
  </si>
  <si>
    <t>38921088.0</t>
  </si>
  <si>
    <t>59251.0</t>
  </si>
  <si>
    <t>214.24</t>
  </si>
  <si>
    <t>50.448</t>
  </si>
  <si>
    <t>277640344.0</t>
  </si>
  <si>
    <t>232588.0</t>
  </si>
  <si>
    <t>4117.949</t>
  </si>
  <si>
    <t>192921.0</t>
  </si>
  <si>
    <t>145327250.0</t>
  </si>
  <si>
    <t>54504683.0</t>
  </si>
  <si>
    <t>52942838.0</t>
  </si>
  <si>
    <t>38961303.0</t>
  </si>
  <si>
    <t>44177.0</t>
  </si>
  <si>
    <t>39562.0</t>
  </si>
  <si>
    <t>214.31</t>
  </si>
  <si>
    <t>277846936.0</t>
  </si>
  <si>
    <t>206592.0</t>
  </si>
  <si>
    <t>4121.013</t>
  </si>
  <si>
    <t>196164.0</t>
  </si>
  <si>
    <t>145380305.0</t>
  </si>
  <si>
    <t>54505864.0</t>
  </si>
  <si>
    <t>52944872.0</t>
  </si>
  <si>
    <t>39011145.0</t>
  </si>
  <si>
    <t>53055.0</t>
  </si>
  <si>
    <t>39449.0</t>
  </si>
  <si>
    <t>214.38</t>
  </si>
  <si>
    <t>13895.0</t>
  </si>
  <si>
    <t>278054573.0</t>
  </si>
  <si>
    <t>207637.0</t>
  </si>
  <si>
    <t>4124.093</t>
  </si>
  <si>
    <t>199513.0</t>
  </si>
  <si>
    <t>145443823.0</t>
  </si>
  <si>
    <t>54507353.0</t>
  </si>
  <si>
    <t>52947725.0</t>
  </si>
  <si>
    <t>39070327.0</t>
  </si>
  <si>
    <t>63518.0</t>
  </si>
  <si>
    <t>39574.0</t>
  </si>
  <si>
    <t>278234000.0</t>
  </si>
  <si>
    <t>179427.0</t>
  </si>
  <si>
    <t>4126.754</t>
  </si>
  <si>
    <t>201691.0</t>
  </si>
  <si>
    <t>145461892.0</t>
  </si>
  <si>
    <t>54508208.0</t>
  </si>
  <si>
    <t>52949250.0</t>
  </si>
  <si>
    <t>39086016.0</t>
  </si>
  <si>
    <t>39333.0</t>
  </si>
  <si>
    <t>145465111.0</t>
  </si>
  <si>
    <t>54508391.0</t>
  </si>
  <si>
    <t>52949616.0</t>
  </si>
  <si>
    <t>39088689.0</t>
  </si>
  <si>
    <t>91080.8</t>
  </si>
  <si>
    <t>1343.11710144073</t>
  </si>
  <si>
    <t>209.252</t>
  </si>
  <si>
    <t>145503037.0</t>
  </si>
  <si>
    <t>54509416.0</t>
  </si>
  <si>
    <t>52951537.0</t>
  </si>
  <si>
    <t>39123674.0</t>
  </si>
  <si>
    <t>39888.0</t>
  </si>
  <si>
    <t>214.57</t>
  </si>
  <si>
    <t>6.252</t>
  </si>
  <si>
    <t>145566963.0</t>
  </si>
  <si>
    <t>54510740.0</t>
  </si>
  <si>
    <t>52953940.0</t>
  </si>
  <si>
    <t>39183878.0</t>
  </si>
  <si>
    <t>40556.0</t>
  </si>
  <si>
    <t>214.66</t>
  </si>
  <si>
    <t>145618830.0</t>
  </si>
  <si>
    <t>54512130.0</t>
  </si>
  <si>
    <t>52956449.0</t>
  </si>
  <si>
    <t>39231849.0</t>
  </si>
  <si>
    <t>51867.0</t>
  </si>
  <si>
    <t>41654.0</t>
  </si>
  <si>
    <t>214.74</t>
  </si>
  <si>
    <t>14499.0</t>
  </si>
  <si>
    <t>6.356</t>
  </si>
  <si>
    <t>145688201.0</t>
  </si>
  <si>
    <t>54513359.0</t>
  </si>
  <si>
    <t>52958812.0</t>
  </si>
  <si>
    <t>39297631.0</t>
  </si>
  <si>
    <t>69371.0</t>
  </si>
  <si>
    <t>43985.0</t>
  </si>
  <si>
    <t>145775502.0</t>
  </si>
  <si>
    <t>54514846.0</t>
  </si>
  <si>
    <t>52961806.0</t>
  </si>
  <si>
    <t>39380454.0</t>
  </si>
  <si>
    <t>87301.0</t>
  </si>
  <si>
    <t>47383.0</t>
  </si>
  <si>
    <t>214.97</t>
  </si>
  <si>
    <t>14566.0</t>
  </si>
  <si>
    <t>145804372.0</t>
  </si>
  <si>
    <t>54515783.0</t>
  </si>
  <si>
    <t>52963587.0</t>
  </si>
  <si>
    <t>39406608.0</t>
  </si>
  <si>
    <t>48926.0</t>
  </si>
  <si>
    <t>215.01</t>
  </si>
  <si>
    <t>12.122</t>
  </si>
  <si>
    <t>14636.0</t>
  </si>
  <si>
    <t>145810699.0</t>
  </si>
  <si>
    <t>54516012.0</t>
  </si>
  <si>
    <t>52964045.0</t>
  </si>
  <si>
    <t>39412248.0</t>
  </si>
  <si>
    <t>91212.1</t>
  </si>
  <si>
    <t>1345.0533083627</t>
  </si>
  <si>
    <t>15099.0</t>
  </si>
  <si>
    <t>145872825.0</t>
  </si>
  <si>
    <t>54517140.0</t>
  </si>
  <si>
    <t>52966064.0</t>
  </si>
  <si>
    <t>39471229.0</t>
  </si>
  <si>
    <t>62126.0</t>
  </si>
  <si>
    <t>52827.0</t>
  </si>
  <si>
    <t>87.373</t>
  </si>
  <si>
    <t>145983139.0</t>
  </si>
  <si>
    <t>54518598.0</t>
  </si>
  <si>
    <t>52968871.0</t>
  </si>
  <si>
    <t>39577278.0</t>
  </si>
  <si>
    <t>59454.0</t>
  </si>
  <si>
    <t>7.948</t>
  </si>
  <si>
    <t>146071855.0</t>
  </si>
  <si>
    <t>54520309.0</t>
  </si>
  <si>
    <t>52971696.0</t>
  </si>
  <si>
    <t>39661459.0</t>
  </si>
  <si>
    <t>64718.0</t>
  </si>
  <si>
    <t>15836.0</t>
  </si>
  <si>
    <t>146185660.0</t>
  </si>
  <si>
    <t>54521843.0</t>
  </si>
  <si>
    <t>52974416.0</t>
  </si>
  <si>
    <t>39771012.0</t>
  </si>
  <si>
    <t>113805.0</t>
  </si>
  <si>
    <t>71066.0</t>
  </si>
  <si>
    <t>215.57</t>
  </si>
  <si>
    <t>146328886.0</t>
  </si>
  <si>
    <t>54523849.0</t>
  </si>
  <si>
    <t>52978211.0</t>
  </si>
  <si>
    <t>39908439.0</t>
  </si>
  <si>
    <t>143226.0</t>
  </si>
  <si>
    <t>79055.0</t>
  </si>
  <si>
    <t>215.78</t>
  </si>
  <si>
    <t>146376098.0</t>
  </si>
  <si>
    <t>54524934.0</t>
  </si>
  <si>
    <t>52980066.0</t>
  </si>
  <si>
    <t>39952711.0</t>
  </si>
  <si>
    <t>81675.0</t>
  </si>
  <si>
    <t>215.85</t>
  </si>
  <si>
    <t>146385476.0</t>
  </si>
  <si>
    <t>54525226.0</t>
  </si>
  <si>
    <t>52980605.0</t>
  </si>
  <si>
    <t>39961258.0</t>
  </si>
  <si>
    <t>82111.0</t>
  </si>
  <si>
    <t>90804.6</t>
  </si>
  <si>
    <t>-3.75</t>
  </si>
  <si>
    <t>1339.0441360801</t>
  </si>
  <si>
    <t>146484450.0</t>
  </si>
  <si>
    <t>54526931.0</t>
  </si>
  <si>
    <t>52983946.0</t>
  </si>
  <si>
    <t>40055189.0</t>
  </si>
  <si>
    <t>98974.0</t>
  </si>
  <si>
    <t>87375.0</t>
  </si>
  <si>
    <t>146641395.0</t>
  </si>
  <si>
    <t>54528651.0</t>
  </si>
  <si>
    <t>52987093.0</t>
  </si>
  <si>
    <t>40207269.0</t>
  </si>
  <si>
    <t>156945.0</t>
  </si>
  <si>
    <t>94037.0</t>
  </si>
  <si>
    <t>216.24</t>
  </si>
  <si>
    <t>8147.0</t>
  </si>
  <si>
    <t>146761409.0</t>
  </si>
  <si>
    <t>54530469.0</t>
  </si>
  <si>
    <t>52989870.0</t>
  </si>
  <si>
    <t>40322693.0</t>
  </si>
  <si>
    <t>120014.0</t>
  </si>
  <si>
    <t>98508.0</t>
  </si>
  <si>
    <t>15.263</t>
  </si>
  <si>
    <t>17719.0</t>
  </si>
  <si>
    <t>146910016.0</t>
  </si>
  <si>
    <t>54532176.0</t>
  </si>
  <si>
    <t>52992738.0</t>
  </si>
  <si>
    <t>40466727.0</t>
  </si>
  <si>
    <t>148607.0</t>
  </si>
  <si>
    <t>10.912</t>
  </si>
  <si>
    <t>147072880.0</t>
  </si>
  <si>
    <t>54534065.0</t>
  </si>
  <si>
    <t>52995888.0</t>
  </si>
  <si>
    <t>40624555.0</t>
  </si>
  <si>
    <t>162864.0</t>
  </si>
  <si>
    <t>106285.0</t>
  </si>
  <si>
    <t>216.88</t>
  </si>
  <si>
    <t>147120866.0</t>
  </si>
  <si>
    <t>54534931.0</t>
  </si>
  <si>
    <t>52997344.0</t>
  </si>
  <si>
    <t>40670221.0</t>
  </si>
  <si>
    <t>47986.0</t>
  </si>
  <si>
    <t>9221.0</t>
  </si>
  <si>
    <t>147131064.0</t>
  </si>
  <si>
    <t>54535196.0</t>
  </si>
  <si>
    <t>52997929.0</t>
  </si>
  <si>
    <t>40679571.0</t>
  </si>
  <si>
    <t>106513.0</t>
  </si>
  <si>
    <t>216.97</t>
  </si>
  <si>
    <t>91037.7</t>
  </si>
  <si>
    <t>1342.4815300901</t>
  </si>
  <si>
    <t>18605.0</t>
  </si>
  <si>
    <t>9409.0</t>
  </si>
  <si>
    <t>147238247.0</t>
  </si>
  <si>
    <t>54536628.0</t>
  </si>
  <si>
    <t>53000395.0</t>
  </si>
  <si>
    <t>40782859.0</t>
  </si>
  <si>
    <t>107183.0</t>
  </si>
  <si>
    <t>19160.0</t>
  </si>
  <si>
    <t>147407635.0</t>
  </si>
  <si>
    <t>54538426.0</t>
  </si>
  <si>
    <t>53003499.0</t>
  </si>
  <si>
    <t>40947345.0</t>
  </si>
  <si>
    <t>169388.0</t>
  </si>
  <si>
    <t>109463.0</t>
  </si>
  <si>
    <t>147522349.0</t>
  </si>
  <si>
    <t>54540166.0</t>
  </si>
  <si>
    <t>53006242.0</t>
  </si>
  <si>
    <t>41057578.0</t>
  </si>
  <si>
    <t>114714.0</t>
  </si>
  <si>
    <t>108706.0</t>
  </si>
  <si>
    <t>147530389.0</t>
  </si>
  <si>
    <t>54540351.0</t>
  </si>
  <si>
    <t>53006616.0</t>
  </si>
  <si>
    <t>41065065.0</t>
  </si>
  <si>
    <t>88625.0</t>
  </si>
  <si>
    <t>19935.0</t>
  </si>
  <si>
    <t>147633994.0</t>
  </si>
  <si>
    <t>54541830.0</t>
  </si>
  <si>
    <t>53009183.0</t>
  </si>
  <si>
    <t>41164635.0</t>
  </si>
  <si>
    <t>80159.0</t>
  </si>
  <si>
    <t>147666719.0</t>
  </si>
  <si>
    <t>54542450.0</t>
  </si>
  <si>
    <t>53010368.0</t>
  </si>
  <si>
    <t>41195559.0</t>
  </si>
  <si>
    <t>77979.0</t>
  </si>
  <si>
    <t>217.76</t>
  </si>
  <si>
    <t>18.064</t>
  </si>
  <si>
    <t>147673687.0</t>
  </si>
  <si>
    <t>54542628.0</t>
  </si>
  <si>
    <t>53010759.0</t>
  </si>
  <si>
    <t>41201959.0</t>
  </si>
  <si>
    <t>217.77</t>
  </si>
  <si>
    <t>92824.8</t>
  </si>
  <si>
    <t>1368.83488416675</t>
  </si>
  <si>
    <t>20530.0</t>
  </si>
  <si>
    <t>147750685.0</t>
  </si>
  <si>
    <t>54543758.0</t>
  </si>
  <si>
    <t>53013005.0</t>
  </si>
  <si>
    <t>41275584.0</t>
  </si>
  <si>
    <t>76998.0</t>
  </si>
  <si>
    <t>73205.0</t>
  </si>
  <si>
    <t>147873616.0</t>
  </si>
  <si>
    <t>54545172.0</t>
  </si>
  <si>
    <t>53015358.0</t>
  </si>
  <si>
    <t>41394752.0</t>
  </si>
  <si>
    <t>66569.0</t>
  </si>
  <si>
    <t>147967854.0</t>
  </si>
  <si>
    <t>54546590.0</t>
  </si>
  <si>
    <t>53017657.0</t>
  </si>
  <si>
    <t>41485283.0</t>
  </si>
  <si>
    <t>94238.0</t>
  </si>
  <si>
    <t>63644.0</t>
  </si>
  <si>
    <t>20877.0</t>
  </si>
  <si>
    <t>14.083</t>
  </si>
  <si>
    <t>148072632.0</t>
  </si>
  <si>
    <t>54547874.0</t>
  </si>
  <si>
    <t>53019823.0</t>
  </si>
  <si>
    <t>41586613.0</t>
  </si>
  <si>
    <t>104778.0</t>
  </si>
  <si>
    <t>77463.0</t>
  </si>
  <si>
    <t>20769.0</t>
  </si>
  <si>
    <t>148180825.0</t>
  </si>
  <si>
    <t>54549275.0</t>
  </si>
  <si>
    <t>53022285.0</t>
  </si>
  <si>
    <t>41690947.0</t>
  </si>
  <si>
    <t>108193.0</t>
  </si>
  <si>
    <t>78119.0</t>
  </si>
  <si>
    <t>148210811.0</t>
  </si>
  <si>
    <t>54549947.0</t>
  </si>
  <si>
    <t>53023590.0</t>
  </si>
  <si>
    <t>41718957.0</t>
  </si>
  <si>
    <t>77727.0</t>
  </si>
  <si>
    <t>218.56</t>
  </si>
  <si>
    <t>20782.0</t>
  </si>
  <si>
    <t>148216649.0</t>
  </si>
  <si>
    <t>54550131.0</t>
  </si>
  <si>
    <t>53023942.0</t>
  </si>
  <si>
    <t>41724259.0</t>
  </si>
  <si>
    <t>77566.0</t>
  </si>
  <si>
    <t>94927.9</t>
  </si>
  <si>
    <t>1399.84811171899</t>
  </si>
  <si>
    <t>18.949</t>
  </si>
  <si>
    <t>148277052.0</t>
  </si>
  <si>
    <t>54551189.0</t>
  </si>
  <si>
    <t>53025738.0</t>
  </si>
  <si>
    <t>41781814.0</t>
  </si>
  <si>
    <t>60403.0</t>
  </si>
  <si>
    <t>75195.0</t>
  </si>
  <si>
    <t>218.66</t>
  </si>
  <si>
    <t>148379289.0</t>
  </si>
  <si>
    <t>54552482.0</t>
  </si>
  <si>
    <t>53027949.0</t>
  </si>
  <si>
    <t>41880549.0</t>
  </si>
  <si>
    <t>102237.0</t>
  </si>
  <si>
    <t>148454062.0</t>
  </si>
  <si>
    <t>54553703.0</t>
  </si>
  <si>
    <t>53029954.0</t>
  </si>
  <si>
    <t>41952099.0</t>
  </si>
  <si>
    <t>74773.0</t>
  </si>
  <si>
    <t>69458.0</t>
  </si>
  <si>
    <t>218.92</t>
  </si>
  <si>
    <t>148531710.0</t>
  </si>
  <si>
    <t>54554791.0</t>
  </si>
  <si>
    <t>53031826.0</t>
  </si>
  <si>
    <t>42026798.0</t>
  </si>
  <si>
    <t>77648.0</t>
  </si>
  <si>
    <t>65583.0</t>
  </si>
  <si>
    <t>219.03</t>
  </si>
  <si>
    <t>20214.0</t>
  </si>
  <si>
    <t>148611927.0</t>
  </si>
  <si>
    <t>54556072.0</t>
  </si>
  <si>
    <t>53033897.0</t>
  </si>
  <si>
    <t>42103666.0</t>
  </si>
  <si>
    <t>80217.0</t>
  </si>
  <si>
    <t>61586.0</t>
  </si>
  <si>
    <t>20068.0</t>
  </si>
  <si>
    <t>148632086.0</t>
  </si>
  <si>
    <t>54556571.0</t>
  </si>
  <si>
    <t>53034757.0</t>
  </si>
  <si>
    <t>42122470.0</t>
  </si>
  <si>
    <t>20159.0</t>
  </si>
  <si>
    <t>148635895.0</t>
  </si>
  <si>
    <t>54556724.0</t>
  </si>
  <si>
    <t>53035045.0</t>
  </si>
  <si>
    <t>42125838.0</t>
  </si>
  <si>
    <t>59892.0</t>
  </si>
  <si>
    <t>95660.0</t>
  </si>
  <si>
    <t>1410.6439768186</t>
  </si>
  <si>
    <t>148676133.0</t>
  </si>
  <si>
    <t>54557570.0</t>
  </si>
  <si>
    <t>53036613.0</t>
  </si>
  <si>
    <t>42163664.0</t>
  </si>
  <si>
    <t>40238.0</t>
  </si>
  <si>
    <t>57012.0</t>
  </si>
  <si>
    <t>219.24</t>
  </si>
  <si>
    <t>148743470.0</t>
  </si>
  <si>
    <t>54558591.0</t>
  </si>
  <si>
    <t>53038256.0</t>
  </si>
  <si>
    <t>42228343.0</t>
  </si>
  <si>
    <t>67337.0</t>
  </si>
  <si>
    <t>52026.0</t>
  </si>
  <si>
    <t>148790658.0</t>
  </si>
  <si>
    <t>54559428.0</t>
  </si>
  <si>
    <t>53039516.0</t>
  </si>
  <si>
    <t>42273436.0</t>
  </si>
  <si>
    <t>47188.0</t>
  </si>
  <si>
    <t>148842289.0</t>
  </si>
  <si>
    <t>54560160.0</t>
  </si>
  <si>
    <t>53040698.0</t>
  </si>
  <si>
    <t>42323157.0</t>
  </si>
  <si>
    <t>51631.0</t>
  </si>
  <si>
    <t>44368.0</t>
  </si>
  <si>
    <t>148896545.0</t>
  </si>
  <si>
    <t>54561013.0</t>
  </si>
  <si>
    <t>53042055.0</t>
  </si>
  <si>
    <t>42375205.0</t>
  </si>
  <si>
    <t>219.57</t>
  </si>
  <si>
    <t>9.349</t>
  </si>
  <si>
    <t>148908903.0</t>
  </si>
  <si>
    <t>54561351.0</t>
  </si>
  <si>
    <t>53042612.0</t>
  </si>
  <si>
    <t>42386670.0</t>
  </si>
  <si>
    <t>39545.0</t>
  </si>
  <si>
    <t>16.914</t>
  </si>
  <si>
    <t>148911320.0</t>
  </si>
  <si>
    <t>54561455.0</t>
  </si>
  <si>
    <t>53042773.0</t>
  </si>
  <si>
    <t>42388827.0</t>
  </si>
  <si>
    <t>39346.0</t>
  </si>
  <si>
    <t>96915.1</t>
  </si>
  <si>
    <t>1429.15222744901</t>
  </si>
  <si>
    <t>148939028.0</t>
  </si>
  <si>
    <t>54562018.0</t>
  </si>
  <si>
    <t>53043804.0</t>
  </si>
  <si>
    <t>42414942.0</t>
  </si>
  <si>
    <t>27708.0</t>
  </si>
  <si>
    <t>219.63</t>
  </si>
  <si>
    <t>18171.0</t>
  </si>
  <si>
    <t>8.214</t>
  </si>
  <si>
    <t>148986778.0</t>
  </si>
  <si>
    <t>54562705.0</t>
  </si>
  <si>
    <t>53044948.0</t>
  </si>
  <si>
    <t>42460862.0</t>
  </si>
  <si>
    <t>47750.0</t>
  </si>
  <si>
    <t>34758.0</t>
  </si>
  <si>
    <t>261.44</t>
  </si>
  <si>
    <t>149021256.0</t>
  </si>
  <si>
    <t>54563343.0</t>
  </si>
  <si>
    <t>53046085.0</t>
  </si>
  <si>
    <t>42493571.0</t>
  </si>
  <si>
    <t>34478.0</t>
  </si>
  <si>
    <t>32943.0</t>
  </si>
  <si>
    <t>219.75</t>
  </si>
  <si>
    <t>149056619.0</t>
  </si>
  <si>
    <t>54563956.0</t>
  </si>
  <si>
    <t>53047109.0</t>
  </si>
  <si>
    <t>42527299.0</t>
  </si>
  <si>
    <t>35363.0</t>
  </si>
  <si>
    <t>30619.0</t>
  </si>
  <si>
    <t>219.81</t>
  </si>
  <si>
    <t>254.641</t>
  </si>
  <si>
    <t>7.108</t>
  </si>
  <si>
    <t>149091429.0</t>
  </si>
  <si>
    <t>54564670.0</t>
  </si>
  <si>
    <t>53048259.0</t>
  </si>
  <si>
    <t>42560249.0</t>
  </si>
  <si>
    <t>27841.0</t>
  </si>
  <si>
    <t>219.86</t>
  </si>
  <si>
    <t>149098607.0</t>
  </si>
  <si>
    <t>54564885.0</t>
  </si>
  <si>
    <t>53048673.0</t>
  </si>
  <si>
    <t>42566799.0</t>
  </si>
  <si>
    <t>219.87</t>
  </si>
  <si>
    <t>14.923</t>
  </si>
  <si>
    <t>17106.0</t>
  </si>
  <si>
    <t>149100010.0</t>
  </si>
  <si>
    <t>54564956.0</t>
  </si>
  <si>
    <t>53048794.0</t>
  </si>
  <si>
    <t>42568010.0</t>
  </si>
  <si>
    <t>98230.2</t>
  </si>
  <si>
    <t>1448.54526418238</t>
  </si>
  <si>
    <t>17138.0</t>
  </si>
  <si>
    <t>149101448.0</t>
  </si>
  <si>
    <t>54565039.0</t>
  </si>
  <si>
    <t>53048978.0</t>
  </si>
  <si>
    <t>42569182.0</t>
  </si>
  <si>
    <t>149129254.0</t>
  </si>
  <si>
    <t>54565656.0</t>
  </si>
  <si>
    <t>53050037.0</t>
  </si>
  <si>
    <t>42595312.0</t>
  </si>
  <si>
    <t>27806.0</t>
  </si>
  <si>
    <t>149157683.0</t>
  </si>
  <si>
    <t>54566289.0</t>
  </si>
  <si>
    <t>53051054.0</t>
  </si>
  <si>
    <t>42622094.0</t>
  </si>
  <si>
    <t>19490.0</t>
  </si>
  <si>
    <t>16427.0</t>
  </si>
  <si>
    <t>149189677.0</t>
  </si>
  <si>
    <t>54566904.0</t>
  </si>
  <si>
    <t>53052037.0</t>
  </si>
  <si>
    <t>42652493.0</t>
  </si>
  <si>
    <t>31994.0</t>
  </si>
  <si>
    <t>149223165.0</t>
  </si>
  <si>
    <t>54567505.0</t>
  </si>
  <si>
    <t>53053196.0</t>
  </si>
  <si>
    <t>42684226.0</t>
  </si>
  <si>
    <t>33488.0</t>
  </si>
  <si>
    <t>57.113</t>
  </si>
  <si>
    <t>149230874.0</t>
  </si>
  <si>
    <t>54567796.0</t>
  </si>
  <si>
    <t>53053690.0</t>
  </si>
  <si>
    <t>42691151.0</t>
  </si>
  <si>
    <t>18895.0</t>
  </si>
  <si>
    <t>149232411.0</t>
  </si>
  <si>
    <t>54567891.0</t>
  </si>
  <si>
    <t>53053824.0</t>
  </si>
  <si>
    <t>42692460.0</t>
  </si>
  <si>
    <t>99026.9</t>
  </si>
  <si>
    <t>1460.29374898618</t>
  </si>
  <si>
    <t>149252566.0</t>
  </si>
  <si>
    <t>54568439.0</t>
  </si>
  <si>
    <t>53054807.0</t>
  </si>
  <si>
    <t>42711088.0</t>
  </si>
  <si>
    <t>231.224</t>
  </si>
  <si>
    <t>149287735.0</t>
  </si>
  <si>
    <t>54569150.0</t>
  </si>
  <si>
    <t>53055979.0</t>
  </si>
  <si>
    <t>42744377.0</t>
  </si>
  <si>
    <t>22640.0</t>
  </si>
  <si>
    <t>220.15</t>
  </si>
  <si>
    <t>149312346.0</t>
  </si>
  <si>
    <t>54569807.0</t>
  </si>
  <si>
    <t>53056915.0</t>
  </si>
  <si>
    <t>42767401.0</t>
  </si>
  <si>
    <t>24611.0</t>
  </si>
  <si>
    <t>22095.0</t>
  </si>
  <si>
    <t>220.18</t>
  </si>
  <si>
    <t>149341319.0</t>
  </si>
  <si>
    <t>54570430.0</t>
  </si>
  <si>
    <t>53057924.0</t>
  </si>
  <si>
    <t>42794743.0</t>
  </si>
  <si>
    <t>220.23</t>
  </si>
  <si>
    <t>149373780.0</t>
  </si>
  <si>
    <t>54571280.0</t>
  </si>
  <si>
    <t>53059182.0</t>
  </si>
  <si>
    <t>42825098.0</t>
  </si>
  <si>
    <t>32461.0</t>
  </si>
  <si>
    <t>149381411.0</t>
  </si>
  <si>
    <t>54571574.0</t>
  </si>
  <si>
    <t>53059681.0</t>
  </si>
  <si>
    <t>42831937.0</t>
  </si>
  <si>
    <t>21505.0</t>
  </si>
  <si>
    <t>149382916.0</t>
  </si>
  <si>
    <t>54571697.0</t>
  </si>
  <si>
    <t>53059840.0</t>
  </si>
  <si>
    <t>42833160.0</t>
  </si>
  <si>
    <t>220.29</t>
  </si>
  <si>
    <t>99365.6</t>
  </si>
  <si>
    <t>1465.28836653739</t>
  </si>
  <si>
    <t>149402227.0</t>
  </si>
  <si>
    <t>54572316.0</t>
  </si>
  <si>
    <t>53060813.0</t>
  </si>
  <si>
    <t>42850887.0</t>
  </si>
  <si>
    <t>14694.0</t>
  </si>
  <si>
    <t>149437616.0</t>
  </si>
  <si>
    <t>54573164.0</t>
  </si>
  <si>
    <t>53062025.0</t>
  </si>
  <si>
    <t>42884221.0</t>
  </si>
  <si>
    <t>35389.0</t>
  </si>
  <si>
    <t>149460089.0</t>
  </si>
  <si>
    <t>54573852.0</t>
  </si>
  <si>
    <t>53062974.0</t>
  </si>
  <si>
    <t>42905059.0</t>
  </si>
  <si>
    <t>220.4</t>
  </si>
  <si>
    <t>149488748.0</t>
  </si>
  <si>
    <t>54574581.0</t>
  </si>
  <si>
    <t>53063951.0</t>
  </si>
  <si>
    <t>42932015.0</t>
  </si>
  <si>
    <t>11.782</t>
  </si>
  <si>
    <t>149524399.0</t>
  </si>
  <si>
    <t>54575450.0</t>
  </si>
  <si>
    <t>53065089.0</t>
  </si>
  <si>
    <t>42965661.0</t>
  </si>
  <si>
    <t>21517.0</t>
  </si>
  <si>
    <t>149533378.0</t>
  </si>
  <si>
    <t>54575866.0</t>
  </si>
  <si>
    <t>53065654.0</t>
  </si>
  <si>
    <t>42973662.0</t>
  </si>
  <si>
    <t>149534884.0</t>
  </si>
  <si>
    <t>54575998.0</t>
  </si>
  <si>
    <t>53065805.0</t>
  </si>
  <si>
    <t>42974886.0</t>
  </si>
  <si>
    <t>99645.1</t>
  </si>
  <si>
    <t>1469.40999513368</t>
  </si>
  <si>
    <t>13953.0</t>
  </si>
  <si>
    <t>149555422.0</t>
  </si>
  <si>
    <t>54576619.0</t>
  </si>
  <si>
    <t>53066519.0</t>
  </si>
  <si>
    <t>42994092.0</t>
  </si>
  <si>
    <t>21885.0</t>
  </si>
  <si>
    <t>220.54</t>
  </si>
  <si>
    <t>11.517</t>
  </si>
  <si>
    <t>149593804.0</t>
  </si>
  <si>
    <t>54577414.0</t>
  </si>
  <si>
    <t>53067533.0</t>
  </si>
  <si>
    <t>43030666.0</t>
  </si>
  <si>
    <t>38382.0</t>
  </si>
  <si>
    <t>201.481</t>
  </si>
  <si>
    <t>149615026.0</t>
  </si>
  <si>
    <t>54578057.0</t>
  </si>
  <si>
    <t>53068299.0</t>
  </si>
  <si>
    <t>43050480.0</t>
  </si>
  <si>
    <t>21222.0</t>
  </si>
  <si>
    <t>22134.0</t>
  </si>
  <si>
    <t>197.971</t>
  </si>
  <si>
    <t>149645142.0</t>
  </si>
  <si>
    <t>54578673.0</t>
  </si>
  <si>
    <t>53069152.0</t>
  </si>
  <si>
    <t>43079130.0</t>
  </si>
  <si>
    <t>30116.0</t>
  </si>
  <si>
    <t>22342.0</t>
  </si>
  <si>
    <t>220.67</t>
  </si>
  <si>
    <t>149679072.0</t>
  </si>
  <si>
    <t>54579509.0</t>
  </si>
  <si>
    <t>53070165.0</t>
  </si>
  <si>
    <t>43111213.0</t>
  </si>
  <si>
    <t>22096.0</t>
  </si>
  <si>
    <t>149687433.0</t>
  </si>
  <si>
    <t>54579894.0</t>
  </si>
  <si>
    <t>53070701.0</t>
  </si>
  <si>
    <t>43118653.0</t>
  </si>
  <si>
    <t>37.692</t>
  </si>
  <si>
    <t>149688665.0</t>
  </si>
  <si>
    <t>54580017.0</t>
  </si>
  <si>
    <t>53070834.0</t>
  </si>
  <si>
    <t>43119631.0</t>
  </si>
  <si>
    <t>99868.4</t>
  </si>
  <si>
    <t>1472.70287408019</t>
  </si>
  <si>
    <t>149705749.0</t>
  </si>
  <si>
    <t>54580503.0</t>
  </si>
  <si>
    <t>53071460.0</t>
  </si>
  <si>
    <t>43135604.0</t>
  </si>
  <si>
    <t>149737696.0</t>
  </si>
  <si>
    <t>54581115.0</t>
  </si>
  <si>
    <t>53072297.0</t>
  </si>
  <si>
    <t>43166103.0</t>
  </si>
  <si>
    <t>31947.0</t>
  </si>
  <si>
    <t>20556.0</t>
  </si>
  <si>
    <t>149758251.0</t>
  </si>
  <si>
    <t>54581767.0</t>
  </si>
  <si>
    <t>53073068.0</t>
  </si>
  <si>
    <t>43185237.0</t>
  </si>
  <si>
    <t>20555.0</t>
  </si>
  <si>
    <t>149786626.0</t>
  </si>
  <si>
    <t>54582321.0</t>
  </si>
  <si>
    <t>53073851.0</t>
  </si>
  <si>
    <t>43212279.0</t>
  </si>
  <si>
    <t>220.88</t>
  </si>
  <si>
    <t>10.735</t>
  </si>
  <si>
    <t>149818477.0</t>
  </si>
  <si>
    <t>54583106.0</t>
  </si>
  <si>
    <t>53074882.0</t>
  </si>
  <si>
    <t>43242314.0</t>
  </si>
  <si>
    <t>31851.0</t>
  </si>
  <si>
    <t>149826949.0</t>
  </si>
  <si>
    <t>54583492.0</t>
  </si>
  <si>
    <t>53075377.0</t>
  </si>
  <si>
    <t>43249907.0</t>
  </si>
  <si>
    <t>19931.0</t>
  </si>
  <si>
    <t>149828489.0</t>
  </si>
  <si>
    <t>54583607.0</t>
  </si>
  <si>
    <t>53075517.0</t>
  </si>
  <si>
    <t>43251192.0</t>
  </si>
  <si>
    <t>99876.9</t>
  </si>
  <si>
    <t>1472.82821877811</t>
  </si>
  <si>
    <t>3.982</t>
  </si>
  <si>
    <t>149845027.0</t>
  </si>
  <si>
    <t>54584053.0</t>
  </si>
  <si>
    <t>53076158.0</t>
  </si>
  <si>
    <t>43266645.0</t>
  </si>
  <si>
    <t>19897.0</t>
  </si>
  <si>
    <t>220.97</t>
  </si>
  <si>
    <t>190.17</t>
  </si>
  <si>
    <t>149876764.0</t>
  </si>
  <si>
    <t>54584687.0</t>
  </si>
  <si>
    <t>53077028.0</t>
  </si>
  <si>
    <t>43296882.0</t>
  </si>
  <si>
    <t>19867.0</t>
  </si>
  <si>
    <t>12857.0</t>
  </si>
  <si>
    <t>149897096.0</t>
  </si>
  <si>
    <t>54585262.0</t>
  </si>
  <si>
    <t>53077793.0</t>
  </si>
  <si>
    <t>43315876.0</t>
  </si>
  <si>
    <t>19835.0</t>
  </si>
  <si>
    <t>221.04</t>
  </si>
  <si>
    <t>10.426</t>
  </si>
  <si>
    <t>149925498.0</t>
  </si>
  <si>
    <t>54585844.0</t>
  </si>
  <si>
    <t>53078622.0</t>
  </si>
  <si>
    <t>43342868.0</t>
  </si>
  <si>
    <t>12961.0</t>
  </si>
  <si>
    <t>149960561.0</t>
  </si>
  <si>
    <t>54586675.0</t>
  </si>
  <si>
    <t>53079661.0</t>
  </si>
  <si>
    <t>43376063.0</t>
  </si>
  <si>
    <t>35063.0</t>
  </si>
  <si>
    <t>20298.0</t>
  </si>
  <si>
    <t>149970126.0</t>
  </si>
  <si>
    <t>54587098.0</t>
  </si>
  <si>
    <t>53080271.0</t>
  </si>
  <si>
    <t>43384596.0</t>
  </si>
  <si>
    <t>149971848.0</t>
  </si>
  <si>
    <t>54587196.0</t>
  </si>
  <si>
    <t>53080460.0</t>
  </si>
  <si>
    <t>43386031.0</t>
  </si>
  <si>
    <t>100254.0</t>
  </si>
  <si>
    <t>1478.38909943521</t>
  </si>
  <si>
    <t>149988798.0</t>
  </si>
  <si>
    <t>54587633.0</t>
  </si>
  <si>
    <t>53081162.0</t>
  </si>
  <si>
    <t>43401844.0</t>
  </si>
  <si>
    <t>20539.0</t>
  </si>
  <si>
    <t>13768.0</t>
  </si>
  <si>
    <t>150019815.0</t>
  </si>
  <si>
    <t>54588243.0</t>
  </si>
  <si>
    <t>53082004.0</t>
  </si>
  <si>
    <t>43431410.0</t>
  </si>
  <si>
    <t>31017.0</t>
  </si>
  <si>
    <t>20436.0</t>
  </si>
  <si>
    <t>221.23</t>
  </si>
  <si>
    <t>14014.0</t>
  </si>
  <si>
    <t>61.566</t>
  </si>
  <si>
    <t>150039197.0</t>
  </si>
  <si>
    <t>54588869.0</t>
  </si>
  <si>
    <t>53082824.0</t>
  </si>
  <si>
    <t>43449349.0</t>
  </si>
  <si>
    <t>19382.0</t>
  </si>
  <si>
    <t>20300.0</t>
  </si>
  <si>
    <t>150064667.0</t>
  </si>
  <si>
    <t>54589433.0</t>
  </si>
  <si>
    <t>53083588.0</t>
  </si>
  <si>
    <t>43473494.0</t>
  </si>
  <si>
    <t>19881.0</t>
  </si>
  <si>
    <t>214.62</t>
  </si>
  <si>
    <t>150096032.0</t>
  </si>
  <si>
    <t>54590204.0</t>
  </si>
  <si>
    <t>53084682.0</t>
  </si>
  <si>
    <t>43502995.0</t>
  </si>
  <si>
    <t>14651.0</t>
  </si>
  <si>
    <t>216.05</t>
  </si>
  <si>
    <t>6.076</t>
  </si>
  <si>
    <t>150105036.0</t>
  </si>
  <si>
    <t>54590624.0</t>
  </si>
  <si>
    <t>53085294.0</t>
  </si>
  <si>
    <t>43510968.0</t>
  </si>
  <si>
    <t>150106083.0</t>
  </si>
  <si>
    <t>54590682.0</t>
  </si>
  <si>
    <t>53085426.0</t>
  </si>
  <si>
    <t>43511825.0</t>
  </si>
  <si>
    <t>19176.0</t>
  </si>
  <si>
    <t>101165.3</t>
  </si>
  <si>
    <t>1491.82752569566</t>
  </si>
  <si>
    <t>15166.0</t>
  </si>
  <si>
    <t>150121737.0</t>
  </si>
  <si>
    <t>54591149.0</t>
  </si>
  <si>
    <t>53086155.0</t>
  </si>
  <si>
    <t>43526285.0</t>
  </si>
  <si>
    <t>15654.0</t>
  </si>
  <si>
    <t>18991.0</t>
  </si>
  <si>
    <t>221.38</t>
  </si>
  <si>
    <t>150150030.0</t>
  </si>
  <si>
    <t>54591763.0</t>
  </si>
  <si>
    <t>53086944.0</t>
  </si>
  <si>
    <t>43553177.0</t>
  </si>
  <si>
    <t>150168400.0</t>
  </si>
  <si>
    <t>54592307.0</t>
  </si>
  <si>
    <t>53087746.0</t>
  </si>
  <si>
    <t>43570201.0</t>
  </si>
  <si>
    <t>221.44</t>
  </si>
  <si>
    <t>242.254</t>
  </si>
  <si>
    <t>150194403.0</t>
  </si>
  <si>
    <t>54592842.0</t>
  </si>
  <si>
    <t>53088452.0</t>
  </si>
  <si>
    <t>43594965.0</t>
  </si>
  <si>
    <t>26003.0</t>
  </si>
  <si>
    <t>18534.0</t>
  </si>
  <si>
    <t>150230518.0</t>
  </si>
  <si>
    <t>54593564.0</t>
  </si>
  <si>
    <t>53089428.0</t>
  </si>
  <si>
    <t>43629385.0</t>
  </si>
  <si>
    <t>150241452.0</t>
  </si>
  <si>
    <t>54593909.0</t>
  </si>
  <si>
    <t>53089942.0</t>
  </si>
  <si>
    <t>43639463.0</t>
  </si>
  <si>
    <t>16929.0</t>
  </si>
  <si>
    <t>7.727</t>
  </si>
  <si>
    <t>150243620.0</t>
  </si>
  <si>
    <t>54594017.0</t>
  </si>
  <si>
    <t>53090079.0</t>
  </si>
  <si>
    <t>43641386.0</t>
  </si>
  <si>
    <t>102128.6</t>
  </si>
  <si>
    <t>1506.03276657868</t>
  </si>
  <si>
    <t>7.934</t>
  </si>
  <si>
    <t>104.08</t>
  </si>
  <si>
    <t>150268203.0</t>
  </si>
  <si>
    <t>54594492.0</t>
  </si>
  <si>
    <t>53090784.0</t>
  </si>
  <si>
    <t>43664793.0</t>
  </si>
  <si>
    <t>24583.0</t>
  </si>
  <si>
    <t>150314129.0</t>
  </si>
  <si>
    <t>54595063.0</t>
  </si>
  <si>
    <t>53091568.0</t>
  </si>
  <si>
    <t>43709365.0</t>
  </si>
  <si>
    <t>23443.0</t>
  </si>
  <si>
    <t>7441.0</t>
  </si>
  <si>
    <t>150345442.0</t>
  </si>
  <si>
    <t>54595628.0</t>
  </si>
  <si>
    <t>53092361.0</t>
  </si>
  <si>
    <t>43739320.0</t>
  </si>
  <si>
    <t>25292.0</t>
  </si>
  <si>
    <t>18590.0</t>
  </si>
  <si>
    <t>150389230.0</t>
  </si>
  <si>
    <t>54596238.0</t>
  </si>
  <si>
    <t>53093117.0</t>
  </si>
  <si>
    <t>43781747.0</t>
  </si>
  <si>
    <t>43788.0</t>
  </si>
  <si>
    <t>8.022</t>
  </si>
  <si>
    <t>150443539.0</t>
  </si>
  <si>
    <t>54596990.0</t>
  </si>
  <si>
    <t>53094167.0</t>
  </si>
  <si>
    <t>43834255.0</t>
  </si>
  <si>
    <t>54309.0</t>
  </si>
  <si>
    <t>30432.0</t>
  </si>
  <si>
    <t>221.85</t>
  </si>
  <si>
    <t>150458087.0</t>
  </si>
  <si>
    <t>54597344.0</t>
  </si>
  <si>
    <t>53094660.0</t>
  </si>
  <si>
    <t>43847956.0</t>
  </si>
  <si>
    <t>14548.0</t>
  </si>
  <si>
    <t>30948.0</t>
  </si>
  <si>
    <t>19032.0</t>
  </si>
  <si>
    <t>8.568</t>
  </si>
  <si>
    <t>150460635.0</t>
  </si>
  <si>
    <t>54597436.0</t>
  </si>
  <si>
    <t>53094785.0</t>
  </si>
  <si>
    <t>43850287.0</t>
  </si>
  <si>
    <t>31002.0</t>
  </si>
  <si>
    <t>102768.5</t>
  </si>
  <si>
    <t>1515.46901036674</t>
  </si>
  <si>
    <t>19493.0</t>
  </si>
  <si>
    <t>150491216.0</t>
  </si>
  <si>
    <t>54597871.0</t>
  </si>
  <si>
    <t>53095476.0</t>
  </si>
  <si>
    <t>43879744.0</t>
  </si>
  <si>
    <t>30581.0</t>
  </si>
  <si>
    <t>31859.0</t>
  </si>
  <si>
    <t>19948.0</t>
  </si>
  <si>
    <t>150543302.0</t>
  </si>
  <si>
    <t>54598470.0</t>
  </si>
  <si>
    <t>53096200.0</t>
  </si>
  <si>
    <t>43930508.0</t>
  </si>
  <si>
    <t>52086.0</t>
  </si>
  <si>
    <t>20072.0</t>
  </si>
  <si>
    <t>150582610.0</t>
  </si>
  <si>
    <t>54599017.0</t>
  </si>
  <si>
    <t>53096973.0</t>
  </si>
  <si>
    <t>43968497.0</t>
  </si>
  <si>
    <t>39308.0</t>
  </si>
  <si>
    <t>150638208.0</t>
  </si>
  <si>
    <t>54599616.0</t>
  </si>
  <si>
    <t>53097734.0</t>
  </si>
  <si>
    <t>44022739.0</t>
  </si>
  <si>
    <t>35568.0</t>
  </si>
  <si>
    <t>150702529.0</t>
  </si>
  <si>
    <t>54600299.0</t>
  </si>
  <si>
    <t>53098706.0</t>
  </si>
  <si>
    <t>44085406.0</t>
  </si>
  <si>
    <t>64321.0</t>
  </si>
  <si>
    <t>36999.0</t>
  </si>
  <si>
    <t>222.23</t>
  </si>
  <si>
    <t>15.366</t>
  </si>
  <si>
    <t>20082.0</t>
  </si>
  <si>
    <t>150717846.0</t>
  </si>
  <si>
    <t>54600630.0</t>
  </si>
  <si>
    <t>53099105.0</t>
  </si>
  <si>
    <t>44099994.0</t>
  </si>
  <si>
    <t>150720454.0</t>
  </si>
  <si>
    <t>54600723.0</t>
  </si>
  <si>
    <t>53099209.0</t>
  </si>
  <si>
    <t>44102405.0</t>
  </si>
  <si>
    <t>37117.0</t>
  </si>
  <si>
    <t>103641.8</t>
  </si>
  <si>
    <t>1528.34707209532</t>
  </si>
  <si>
    <t>20194.0</t>
  </si>
  <si>
    <t>8.951</t>
  </si>
  <si>
    <t>150751839.0</t>
  </si>
  <si>
    <t>54601271.0</t>
  </si>
  <si>
    <t>53099802.0</t>
  </si>
  <si>
    <t>44132650.0</t>
  </si>
  <si>
    <t>37232.0</t>
  </si>
  <si>
    <t>19965.0</t>
  </si>
  <si>
    <t>150807046.0</t>
  </si>
  <si>
    <t>54601855.0</t>
  </si>
  <si>
    <t>53100518.0</t>
  </si>
  <si>
    <t>44186558.0</t>
  </si>
  <si>
    <t>55207.0</t>
  </si>
  <si>
    <t>295.135</t>
  </si>
  <si>
    <t>150844150.0</t>
  </si>
  <si>
    <t>54602383.0</t>
  </si>
  <si>
    <t>53101153.0</t>
  </si>
  <si>
    <t>44222501.0</t>
  </si>
  <si>
    <t>37104.0</t>
  </si>
  <si>
    <t>37363.0</t>
  </si>
  <si>
    <t>150890210.0</t>
  </si>
  <si>
    <t>54602969.0</t>
  </si>
  <si>
    <t>53101837.0</t>
  </si>
  <si>
    <t>44267294.0</t>
  </si>
  <si>
    <t>46060.0</t>
  </si>
  <si>
    <t>150940482.0</t>
  </si>
  <si>
    <t>54603665.0</t>
  </si>
  <si>
    <t>53102682.0</t>
  </si>
  <si>
    <t>44316025.0</t>
  </si>
  <si>
    <t>50272.0</t>
  </si>
  <si>
    <t>33993.0</t>
  </si>
  <si>
    <t>222.58</t>
  </si>
  <si>
    <t>8.435</t>
  </si>
  <si>
    <t>150951903.0</t>
  </si>
  <si>
    <t>54603920.0</t>
  </si>
  <si>
    <t>53103037.0</t>
  </si>
  <si>
    <t>44326837.0</t>
  </si>
  <si>
    <t>33437.0</t>
  </si>
  <si>
    <t>150953969.0</t>
  </si>
  <si>
    <t>54604006.0</t>
  </si>
  <si>
    <t>53103149.0</t>
  </si>
  <si>
    <t>44328706.0</t>
  </si>
  <si>
    <t>33359.0</t>
  </si>
  <si>
    <t>103797.3</t>
  </si>
  <si>
    <t>1530.64014274549</t>
  </si>
  <si>
    <t>15.395</t>
  </si>
  <si>
    <t>150972932.0</t>
  </si>
  <si>
    <t>54604386.0</t>
  </si>
  <si>
    <t>53103626.0</t>
  </si>
  <si>
    <t>44346813.0</t>
  </si>
  <si>
    <t>31585.0</t>
  </si>
  <si>
    <t>150975185.0</t>
  </si>
  <si>
    <t>54604457.0</t>
  </si>
  <si>
    <t>53103779.0</t>
  </si>
  <si>
    <t>44348843.0</t>
  </si>
  <si>
    <t>19263.0</t>
  </si>
  <si>
    <t>151004713.0</t>
  </si>
  <si>
    <t>54604957.0</t>
  </si>
  <si>
    <t>53104430.0</t>
  </si>
  <si>
    <t>44377220.0</t>
  </si>
  <si>
    <t>15.557</t>
  </si>
  <si>
    <t>151050078.0</t>
  </si>
  <si>
    <t>54605593.0</t>
  </si>
  <si>
    <t>53105113.0</t>
  </si>
  <si>
    <t>44421267.0</t>
  </si>
  <si>
    <t>22838.0</t>
  </si>
  <si>
    <t>151099594.0</t>
  </si>
  <si>
    <t>54606246.0</t>
  </si>
  <si>
    <t>53105932.0</t>
  </si>
  <si>
    <t>44469315.0</t>
  </si>
  <si>
    <t>49516.0</t>
  </si>
  <si>
    <t>22730.0</t>
  </si>
  <si>
    <t>18596.0</t>
  </si>
  <si>
    <t>151111343.0</t>
  </si>
  <si>
    <t>54606496.0</t>
  </si>
  <si>
    <t>53106285.0</t>
  </si>
  <si>
    <t>44480461.0</t>
  </si>
  <si>
    <t>22777.0</t>
  </si>
  <si>
    <t>151113403.0</t>
  </si>
  <si>
    <t>54606585.0</t>
  </si>
  <si>
    <t>53106399.0</t>
  </si>
  <si>
    <t>44482320.0</t>
  </si>
  <si>
    <t>102993.4</t>
  </si>
  <si>
    <t>1518.78548360934</t>
  </si>
  <si>
    <t>151143704.0</t>
  </si>
  <si>
    <t>54607046.0</t>
  </si>
  <si>
    <t>53106915.0</t>
  </si>
  <si>
    <t>44511646.0</t>
  </si>
  <si>
    <t>151201890.0</t>
  </si>
  <si>
    <t>54607637.0</t>
  </si>
  <si>
    <t>53107694.0</t>
  </si>
  <si>
    <t>44568469.0</t>
  </si>
  <si>
    <t>222.97</t>
  </si>
  <si>
    <t>6.621</t>
  </si>
  <si>
    <t>151237961.0</t>
  </si>
  <si>
    <t>54608140.0</t>
  </si>
  <si>
    <t>53108337.0</t>
  </si>
  <si>
    <t>44603394.0</t>
  </si>
  <si>
    <t>36071.0</t>
  </si>
  <si>
    <t>33321.0</t>
  </si>
  <si>
    <t>6.311</t>
  </si>
  <si>
    <t>151287531.0</t>
  </si>
  <si>
    <t>54608750.0</t>
  </si>
  <si>
    <t>53109184.0</t>
  </si>
  <si>
    <t>44651507.0</t>
  </si>
  <si>
    <t>49570.0</t>
  </si>
  <si>
    <t>33922.0</t>
  </si>
  <si>
    <t>151289731.0</t>
  </si>
  <si>
    <t>54608824.0</t>
  </si>
  <si>
    <t>53109290.0</t>
  </si>
  <si>
    <t>44653528.0</t>
  </si>
  <si>
    <t>151298531.0</t>
  </si>
  <si>
    <t>54609023.0</t>
  </si>
  <si>
    <t>53109603.0</t>
  </si>
  <si>
    <t>44661819.0</t>
  </si>
  <si>
    <t>151300127.0</t>
  </si>
  <si>
    <t>54609086.0</t>
  </si>
  <si>
    <t>53109685.0</t>
  </si>
  <si>
    <t>44663270.0</t>
  </si>
  <si>
    <t>101971.9</t>
  </si>
  <si>
    <t>-8.67</t>
  </si>
  <si>
    <t>1503.72200020645</t>
  </si>
  <si>
    <t>18098.0</t>
  </si>
  <si>
    <t>151327530.0</t>
  </si>
  <si>
    <t>54609513.0</t>
  </si>
  <si>
    <t>53110195.0</t>
  </si>
  <si>
    <t>44689736.0</t>
  </si>
  <si>
    <t>18038.0</t>
  </si>
  <si>
    <t>64.265</t>
  </si>
  <si>
    <t>151378039.0</t>
  </si>
  <si>
    <t>54610095.0</t>
  </si>
  <si>
    <t>53110895.0</t>
  </si>
  <si>
    <t>44738966.0</t>
  </si>
  <si>
    <t>18115.0</t>
  </si>
  <si>
    <t>151410718.0</t>
  </si>
  <si>
    <t>54610633.0</t>
  </si>
  <si>
    <t>53111506.0</t>
  </si>
  <si>
    <t>44770497.0</t>
  </si>
  <si>
    <t>32679.0</t>
  </si>
  <si>
    <t>24680.0</t>
  </si>
  <si>
    <t>17965.0</t>
  </si>
  <si>
    <t>151454840.0</t>
  </si>
  <si>
    <t>54611182.0</t>
  </si>
  <si>
    <t>53112155.0</t>
  </si>
  <si>
    <t>44813421.0</t>
  </si>
  <si>
    <t>44122.0</t>
  </si>
  <si>
    <t>151505846.0</t>
  </si>
  <si>
    <t>54611797.0</t>
  </si>
  <si>
    <t>53112918.0</t>
  </si>
  <si>
    <t>44863054.0</t>
  </si>
  <si>
    <t>51006.0</t>
  </si>
  <si>
    <t>30874.0</t>
  </si>
  <si>
    <t>151517708.0</t>
  </si>
  <si>
    <t>54612065.0</t>
  </si>
  <si>
    <t>53113243.0</t>
  </si>
  <si>
    <t>44874323.0</t>
  </si>
  <si>
    <t>31311.0</t>
  </si>
  <si>
    <t>17927.0</t>
  </si>
  <si>
    <t>151519854.0</t>
  </si>
  <si>
    <t>54612128.0</t>
  </si>
  <si>
    <t>53113330.0</t>
  </si>
  <si>
    <t>44876319.0</t>
  </si>
  <si>
    <t>31390.0</t>
  </si>
  <si>
    <t>7.049</t>
  </si>
  <si>
    <t>151544537.0</t>
  </si>
  <si>
    <t>54612558.0</t>
  </si>
  <si>
    <t>53113833.0</t>
  </si>
  <si>
    <t>44900069.0</t>
  </si>
  <si>
    <t>223.47</t>
  </si>
  <si>
    <t>151589365.0</t>
  </si>
  <si>
    <t>54613090.0</t>
  </si>
  <si>
    <t>53114411.0</t>
  </si>
  <si>
    <t>44943787.0</t>
  </si>
  <si>
    <t>44828.0</t>
  </si>
  <si>
    <t>18351.0</t>
  </si>
  <si>
    <t>151619063.0</t>
  </si>
  <si>
    <t>54613555.0</t>
  </si>
  <si>
    <t>53114945.0</t>
  </si>
  <si>
    <t>44972487.0</t>
  </si>
  <si>
    <t>29698.0</t>
  </si>
  <si>
    <t>151660914.0</t>
  </si>
  <si>
    <t>54614057.0</t>
  </si>
  <si>
    <t>53115527.0</t>
  </si>
  <si>
    <t>45013254.0</t>
  </si>
  <si>
    <t>41851.0</t>
  </si>
  <si>
    <t>29439.0</t>
  </si>
  <si>
    <t>18384.0</t>
  </si>
  <si>
    <t>7.712</t>
  </si>
  <si>
    <t>151706414.0</t>
  </si>
  <si>
    <t>54614619.0</t>
  </si>
  <si>
    <t>53116225.0</t>
  </si>
  <si>
    <t>45057497.0</t>
  </si>
  <si>
    <t>45500.0</t>
  </si>
  <si>
    <t>28653.0</t>
  </si>
  <si>
    <t>18352.0</t>
  </si>
  <si>
    <t>85.559</t>
  </si>
  <si>
    <t>151717713.0</t>
  </si>
  <si>
    <t>54614913.0</t>
  </si>
  <si>
    <t>53116558.0</t>
  </si>
  <si>
    <t>45068170.0</t>
  </si>
  <si>
    <t>28572.0</t>
  </si>
  <si>
    <t>151719776.0</t>
  </si>
  <si>
    <t>54614982.0</t>
  </si>
  <si>
    <t>53116633.0</t>
  </si>
  <si>
    <t>45070089.0</t>
  </si>
  <si>
    <t>151747918.0</t>
  </si>
  <si>
    <t>54615384.0</t>
  </si>
  <si>
    <t>53117096.0</t>
  </si>
  <si>
    <t>45097369.0</t>
  </si>
  <si>
    <t>29054.0</t>
  </si>
  <si>
    <t>19061.0</t>
  </si>
  <si>
    <t>151799650.0</t>
  </si>
  <si>
    <t>54615876.0</t>
  </si>
  <si>
    <t>53117697.0</t>
  </si>
  <si>
    <t>45148011.0</t>
  </si>
  <si>
    <t>9.246</t>
  </si>
  <si>
    <t>151841316.0</t>
  </si>
  <si>
    <t>54616376.0</t>
  </si>
  <si>
    <t>53118370.0</t>
  </si>
  <si>
    <t>45188504.0</t>
  </si>
  <si>
    <t>151899235.0</t>
  </si>
  <si>
    <t>54616867.0</t>
  </si>
  <si>
    <t>53119005.0</t>
  </si>
  <si>
    <t>45245298.0</t>
  </si>
  <si>
    <t>57919.0</t>
  </si>
  <si>
    <t>151968045.0</t>
  </si>
  <si>
    <t>54617487.0</t>
  </si>
  <si>
    <t>53119734.0</t>
  </si>
  <si>
    <t>45312761.0</t>
  </si>
  <si>
    <t>68810.0</t>
  </si>
  <si>
    <t>151988908.0</t>
  </si>
  <si>
    <t>54617785.0</t>
  </si>
  <si>
    <t>53120069.0</t>
  </si>
  <si>
    <t>45332992.0</t>
  </si>
  <si>
    <t>151993931.0</t>
  </si>
  <si>
    <t>54617877.0</t>
  </si>
  <si>
    <t>53120191.0</t>
  </si>
  <si>
    <t>45337801.0</t>
  </si>
  <si>
    <t>224.14</t>
  </si>
  <si>
    <t>152043727.0</t>
  </si>
  <si>
    <t>54618313.0</t>
  </si>
  <si>
    <t>53120737.0</t>
  </si>
  <si>
    <t>45386616.0</t>
  </si>
  <si>
    <t>49796.0</t>
  </si>
  <si>
    <t>42258.0</t>
  </si>
  <si>
    <t>20614.0</t>
  </si>
  <si>
    <t>152129895.0</t>
  </si>
  <si>
    <t>54618917.0</t>
  </si>
  <si>
    <t>53121455.0</t>
  </si>
  <si>
    <t>45471463.0</t>
  </si>
  <si>
    <t>86168.0</t>
  </si>
  <si>
    <t>47178.0</t>
  </si>
  <si>
    <t>21098.0</t>
  </si>
  <si>
    <t>152194327.0</t>
  </si>
  <si>
    <t>54619449.0</t>
  </si>
  <si>
    <t>53122059.0</t>
  </si>
  <si>
    <t>45534761.0</t>
  </si>
  <si>
    <t>50430.0</t>
  </si>
  <si>
    <t>21619.0</t>
  </si>
  <si>
    <t>152281844.0</t>
  </si>
  <si>
    <t>54620046.0</t>
  </si>
  <si>
    <t>53122754.0</t>
  </si>
  <si>
    <t>45620987.0</t>
  </si>
  <si>
    <t>54658.0</t>
  </si>
  <si>
    <t>132.954</t>
  </si>
  <si>
    <t>152387446.0</t>
  </si>
  <si>
    <t>54620810.0</t>
  </si>
  <si>
    <t>53123582.0</t>
  </si>
  <si>
    <t>45724998.0</t>
  </si>
  <si>
    <t>105602.0</t>
  </si>
  <si>
    <t>224.72</t>
  </si>
  <si>
    <t>152425749.0</t>
  </si>
  <si>
    <t>54621204.0</t>
  </si>
  <si>
    <t>53124004.0</t>
  </si>
  <si>
    <t>45762486.0</t>
  </si>
  <si>
    <t>38303.0</t>
  </si>
  <si>
    <t>62406.0</t>
  </si>
  <si>
    <t>152435335.0</t>
  </si>
  <si>
    <t>54621333.0</t>
  </si>
  <si>
    <t>53124141.0</t>
  </si>
  <si>
    <t>45771806.0</t>
  </si>
  <si>
    <t>224.79</t>
  </si>
  <si>
    <t>11.812</t>
  </si>
  <si>
    <t>152509951.0</t>
  </si>
  <si>
    <t>54621833.0</t>
  </si>
  <si>
    <t>53124700.0</t>
  </si>
  <si>
    <t>45845363.0</t>
  </si>
  <si>
    <t>74616.0</t>
  </si>
  <si>
    <t>66603.0</t>
  </si>
  <si>
    <t>23217.0</t>
  </si>
  <si>
    <t>152623603.0</t>
  </si>
  <si>
    <t>54622517.0</t>
  </si>
  <si>
    <t>53125462.0</t>
  </si>
  <si>
    <t>45957570.0</t>
  </si>
  <si>
    <t>113652.0</t>
  </si>
  <si>
    <t>70530.0</t>
  </si>
  <si>
    <t>152704618.0</t>
  </si>
  <si>
    <t>54623086.0</t>
  </si>
  <si>
    <t>53126141.0</t>
  </si>
  <si>
    <t>46037337.0</t>
  </si>
  <si>
    <t>81015.0</t>
  </si>
  <si>
    <t>72899.0</t>
  </si>
  <si>
    <t>225.18</t>
  </si>
  <si>
    <t>24125.0</t>
  </si>
  <si>
    <t>152810047.0</t>
  </si>
  <si>
    <t>54623723.0</t>
  </si>
  <si>
    <t>53126941.0</t>
  </si>
  <si>
    <t>46141330.0</t>
  </si>
  <si>
    <t>105429.0</t>
  </si>
  <si>
    <t>75458.0</t>
  </si>
  <si>
    <t>155.885</t>
  </si>
  <si>
    <t>152925501.0</t>
  </si>
  <si>
    <t>54624520.0</t>
  </si>
  <si>
    <t>53127878.0</t>
  </si>
  <si>
    <t>46255051.0</t>
  </si>
  <si>
    <t>115454.0</t>
  </si>
  <si>
    <t>152961251.0</t>
  </si>
  <si>
    <t>54624857.0</t>
  </si>
  <si>
    <t>53128288.0</t>
  </si>
  <si>
    <t>46290054.0</t>
  </si>
  <si>
    <t>35750.0</t>
  </si>
  <si>
    <t>76500.0</t>
  </si>
  <si>
    <t>225.56</t>
  </si>
  <si>
    <t>24357.0</t>
  </si>
  <si>
    <t>152968512.0</t>
  </si>
  <si>
    <t>54624950.0</t>
  </si>
  <si>
    <t>53128407.0</t>
  </si>
  <si>
    <t>46297103.0</t>
  </si>
  <si>
    <t>76168.0</t>
  </si>
  <si>
    <t>225.57</t>
  </si>
  <si>
    <t>10526.0</t>
  </si>
  <si>
    <t>153031313.0</t>
  </si>
  <si>
    <t>54625523.0</t>
  </si>
  <si>
    <t>53129003.0</t>
  </si>
  <si>
    <t>46358736.0</t>
  </si>
  <si>
    <t>62801.0</t>
  </si>
  <si>
    <t>74480.0</t>
  </si>
  <si>
    <t>25002.0</t>
  </si>
  <si>
    <t>153119877.0</t>
  </si>
  <si>
    <t>54626245.0</t>
  </si>
  <si>
    <t>53129747.0</t>
  </si>
  <si>
    <t>46445837.0</t>
  </si>
  <si>
    <t>88564.0</t>
  </si>
  <si>
    <t>70896.0</t>
  </si>
  <si>
    <t>25225.0</t>
  </si>
  <si>
    <t>13.287</t>
  </si>
  <si>
    <t>153176733.0</t>
  </si>
  <si>
    <t>54626808.0</t>
  </si>
  <si>
    <t>53130351.0</t>
  </si>
  <si>
    <t>46501528.0</t>
  </si>
  <si>
    <t>56856.0</t>
  </si>
  <si>
    <t>153228469.0</t>
  </si>
  <si>
    <t>54627423.0</t>
  </si>
  <si>
    <t>53130978.0</t>
  </si>
  <si>
    <t>46552022.0</t>
  </si>
  <si>
    <t>225.96</t>
  </si>
  <si>
    <t>153258448.0</t>
  </si>
  <si>
    <t>54627871.0</t>
  </si>
  <si>
    <t>53131499.0</t>
  </si>
  <si>
    <t>46581035.0</t>
  </si>
  <si>
    <t>29979.0</t>
  </si>
  <si>
    <t>47564.0</t>
  </si>
  <si>
    <t>25119.0</t>
  </si>
  <si>
    <t>153261739.0</t>
  </si>
  <si>
    <t>54627971.0</t>
  </si>
  <si>
    <t>53131594.0</t>
  </si>
  <si>
    <t>46584131.0</t>
  </si>
  <si>
    <t>42927.0</t>
  </si>
  <si>
    <t>226.01</t>
  </si>
  <si>
    <t>25088.0</t>
  </si>
  <si>
    <t>153262461.0</t>
  </si>
  <si>
    <t>54628002.0</t>
  </si>
  <si>
    <t>53131626.0</t>
  </si>
  <si>
    <t>46584790.0</t>
  </si>
  <si>
    <t>25043.0</t>
  </si>
  <si>
    <t>369.295</t>
  </si>
  <si>
    <t>153282193.0</t>
  </si>
  <si>
    <t>54628353.0</t>
  </si>
  <si>
    <t>53131976.0</t>
  </si>
  <si>
    <t>46603822.0</t>
  </si>
  <si>
    <t>35840.0</t>
  </si>
  <si>
    <t>226.04</t>
  </si>
  <si>
    <t>11.723</t>
  </si>
  <si>
    <t>153320758.0</t>
  </si>
  <si>
    <t>54628862.0</t>
  </si>
  <si>
    <t>53132599.0</t>
  </si>
  <si>
    <t>46641256.0</t>
  </si>
  <si>
    <t>28697.0</t>
  </si>
  <si>
    <t>226.09</t>
  </si>
  <si>
    <t>24993.0</t>
  </si>
  <si>
    <t>153350224.0</t>
  </si>
  <si>
    <t>54629317.0</t>
  </si>
  <si>
    <t>53133076.0</t>
  </si>
  <si>
    <t>46669790.0</t>
  </si>
  <si>
    <t>29466.0</t>
  </si>
  <si>
    <t>24653.0</t>
  </si>
  <si>
    <t>119.697</t>
  </si>
  <si>
    <t>153380782.0</t>
  </si>
  <si>
    <t>54629729.0</t>
  </si>
  <si>
    <t>53133587.0</t>
  </si>
  <si>
    <t>46699425.0</t>
  </si>
  <si>
    <t>21759.0</t>
  </si>
  <si>
    <t>226.18</t>
  </si>
  <si>
    <t>153403594.0</t>
  </si>
  <si>
    <t>54630161.0</t>
  </si>
  <si>
    <t>53134062.0</t>
  </si>
  <si>
    <t>46721331.0</t>
  </si>
  <si>
    <t>226.22</t>
  </si>
  <si>
    <t>24148.0</t>
  </si>
  <si>
    <t>153407499.0</t>
  </si>
  <si>
    <t>54630289.0</t>
  </si>
  <si>
    <t>53134213.0</t>
  </si>
  <si>
    <t>46724957.0</t>
  </si>
  <si>
    <t>20823.0</t>
  </si>
  <si>
    <t>24157.0</t>
  </si>
  <si>
    <t>11.119</t>
  </si>
  <si>
    <t>153408350.0</t>
  </si>
  <si>
    <t>54630309.0</t>
  </si>
  <si>
    <t>53134250.0</t>
  </si>
  <si>
    <t>46725751.0</t>
  </si>
  <si>
    <t>153430178.0</t>
  </si>
  <si>
    <t>54630634.0</t>
  </si>
  <si>
    <t>53134699.0</t>
  </si>
  <si>
    <t>46746806.0</t>
  </si>
  <si>
    <t>21828.0</t>
  </si>
  <si>
    <t>226.25</t>
  </si>
  <si>
    <t>153479179.0</t>
  </si>
  <si>
    <t>54631237.0</t>
  </si>
  <si>
    <t>53135322.0</t>
  </si>
  <si>
    <t>46794581.0</t>
  </si>
  <si>
    <t>49001.0</t>
  </si>
  <si>
    <t>226.33</t>
  </si>
  <si>
    <t>23167.0</t>
  </si>
  <si>
    <t>153513647.0</t>
  </si>
  <si>
    <t>54631719.0</t>
  </si>
  <si>
    <t>53135838.0</t>
  </si>
  <si>
    <t>46828051.0</t>
  </si>
  <si>
    <t>23346.0</t>
  </si>
  <si>
    <t>PYF</t>
  </si>
  <si>
    <t>French Polynesia</t>
  </si>
  <si>
    <t>-10.2</t>
  </si>
  <si>
    <t>-33.3015553785277</t>
  </si>
  <si>
    <t>-19.6</t>
  </si>
  <si>
    <t>-63.9912240607002</t>
  </si>
  <si>
    <t>-32.2</t>
  </si>
  <si>
    <t>-9.16</t>
  </si>
  <si>
    <t>-105.128439528293</t>
  </si>
  <si>
    <t>-3.81</t>
  </si>
  <si>
    <t>-59.6</t>
  </si>
  <si>
    <t>-19.38</t>
  </si>
  <si>
    <t>-194.585558878456</t>
  </si>
  <si>
    <t>-89.8</t>
  </si>
  <si>
    <t>-20.66</t>
  </si>
  <si>
    <t>-293.184281665861</t>
  </si>
  <si>
    <t>-80.2</t>
  </si>
  <si>
    <t>-261.8416413096</t>
  </si>
  <si>
    <t>-74.8</t>
  </si>
  <si>
    <t>-244.211406109203</t>
  </si>
  <si>
    <t>-35.4</t>
  </si>
  <si>
    <t>-115.575986313714</t>
  </si>
  <si>
    <t>8.48863176315412</t>
  </si>
  <si>
    <t>38.8518146082823</t>
  </si>
  <si>
    <t>65.2971674088778</t>
  </si>
  <si>
    <t>17563.0</t>
  </si>
  <si>
    <t>-18.18</t>
  </si>
  <si>
    <t>-23.1804944301516</t>
  </si>
  <si>
    <t>34889.0</t>
  </si>
  <si>
    <t>44378.0</t>
  </si>
  <si>
    <t>30082.0</t>
  </si>
  <si>
    <t>51521.0</t>
  </si>
  <si>
    <t>62185.0</t>
  </si>
  <si>
    <t>-37.0</t>
  </si>
  <si>
    <t>-19.06</t>
  </si>
  <si>
    <t>-120.799759706424</t>
  </si>
  <si>
    <t>71638.0</t>
  </si>
  <si>
    <t>27097.0</t>
  </si>
  <si>
    <t>81202.0</t>
  </si>
  <si>
    <t>49707.0</t>
  </si>
  <si>
    <t>31495.0</t>
  </si>
  <si>
    <t>85747.0</t>
  </si>
  <si>
    <t>51856.0</t>
  </si>
  <si>
    <t>33891.0</t>
  </si>
  <si>
    <t>95556.0</t>
  </si>
  <si>
    <t>55606.0</t>
  </si>
  <si>
    <t>39950.0</t>
  </si>
  <si>
    <t>-64.1</t>
  </si>
  <si>
    <t>-19.07</t>
  </si>
  <si>
    <t>-209.277421545453</t>
  </si>
  <si>
    <t>103252.0</t>
  </si>
  <si>
    <t>45509.0</t>
  </si>
  <si>
    <t>115739.0</t>
  </si>
  <si>
    <t>63204.0</t>
  </si>
  <si>
    <t>119393.0</t>
  </si>
  <si>
    <t>64749.0</t>
  </si>
  <si>
    <t>54644.0</t>
  </si>
  <si>
    <t>125484.0</t>
  </si>
  <si>
    <t>57571.0</t>
  </si>
  <si>
    <t>132540.0</t>
  </si>
  <si>
    <t>71242.0</t>
  </si>
  <si>
    <t>61298.0</t>
  </si>
  <si>
    <t>-2.93</t>
  </si>
  <si>
    <t>-7.87</t>
  </si>
  <si>
    <t>-243.558434435114</t>
  </si>
  <si>
    <t>141523.0</t>
  </si>
  <si>
    <t>75504.0</t>
  </si>
  <si>
    <t>66019.0</t>
  </si>
  <si>
    <t>148329.0</t>
  </si>
  <si>
    <t>79201.0</t>
  </si>
  <si>
    <t>154037.0</t>
  </si>
  <si>
    <t>83210.0</t>
  </si>
  <si>
    <t>70827.0</t>
  </si>
  <si>
    <t>-82.5</t>
  </si>
  <si>
    <t>-3.06</t>
  </si>
  <si>
    <t>-269.350815561621</t>
  </si>
  <si>
    <t>161482.0</t>
  </si>
  <si>
    <t>87758.0</t>
  </si>
  <si>
    <t>73724.0</t>
  </si>
  <si>
    <t>174127.0</t>
  </si>
  <si>
    <t>96949.0</t>
  </si>
  <si>
    <t>77178.0</t>
  </si>
  <si>
    <t>190080.0</t>
  </si>
  <si>
    <t>108287.0</t>
  </si>
  <si>
    <t>81793.0</t>
  </si>
  <si>
    <t>209386.0</t>
  </si>
  <si>
    <t>119413.0</t>
  </si>
  <si>
    <t>89973.0</t>
  </si>
  <si>
    <t>235114.0</t>
  </si>
  <si>
    <t>133302.0</t>
  </si>
  <si>
    <t>101812.0</t>
  </si>
  <si>
    <t>333.8</t>
  </si>
  <si>
    <t>276.24</t>
  </si>
  <si>
    <t>1089.80972405417</t>
  </si>
  <si>
    <t>257265.0</t>
  </si>
  <si>
    <t>142109.0</t>
  </si>
  <si>
    <t>115156.0</t>
  </si>
  <si>
    <t>271181.0</t>
  </si>
  <si>
    <t>146890.0</t>
  </si>
  <si>
    <t>124291.0</t>
  </si>
  <si>
    <t>282180.0</t>
  </si>
  <si>
    <t>150277.0</t>
  </si>
  <si>
    <t>131903.0</t>
  </si>
  <si>
    <t>152157.0</t>
  </si>
  <si>
    <t>138619.0</t>
  </si>
  <si>
    <t>558.9</t>
  </si>
  <si>
    <t>171.96</t>
  </si>
  <si>
    <t>1824.72934324109</t>
  </si>
  <si>
    <t>294961.0</t>
  </si>
  <si>
    <t>141882.0</t>
  </si>
  <si>
    <t>298182.0</t>
  </si>
  <si>
    <t>154058.0</t>
  </si>
  <si>
    <t>144124.0</t>
  </si>
  <si>
    <t>302475.0</t>
  </si>
  <si>
    <t>155290.0</t>
  </si>
  <si>
    <t>147185.0</t>
  </si>
  <si>
    <t>303630.0</t>
  </si>
  <si>
    <t>156445.0</t>
  </si>
  <si>
    <t>559.8</t>
  </si>
  <si>
    <t>1827.66771577449</t>
  </si>
  <si>
    <t>304528.0</t>
  </si>
  <si>
    <t>157343.0</t>
  </si>
  <si>
    <t>99.42</t>
  </si>
  <si>
    <t>312817.0</t>
  </si>
  <si>
    <t>159343.0</t>
  </si>
  <si>
    <t>153474.0</t>
  </si>
  <si>
    <t>314576.0</t>
  </si>
  <si>
    <t>318790.0</t>
  </si>
  <si>
    <t>162831.0</t>
  </si>
  <si>
    <t>155959.0</t>
  </si>
  <si>
    <t>560.7</t>
  </si>
  <si>
    <t>1830.60608830789</t>
  </si>
  <si>
    <t>165041.0</t>
  </si>
  <si>
    <t>324631.0</t>
  </si>
  <si>
    <t>167068.0</t>
  </si>
  <si>
    <t>157563.0</t>
  </si>
  <si>
    <t>329095.0</t>
  </si>
  <si>
    <t>169995.0</t>
  </si>
  <si>
    <t>159100.0</t>
  </si>
  <si>
    <t>107.44</t>
  </si>
  <si>
    <t>-9.97</t>
  </si>
  <si>
    <t>1783.26564193645</t>
  </si>
  <si>
    <t>332873.0</t>
  </si>
  <si>
    <t>108.68</t>
  </si>
  <si>
    <t>342983.0</t>
  </si>
  <si>
    <t>176934.0</t>
  </si>
  <si>
    <t>166049.0</t>
  </si>
  <si>
    <t>347320.0</t>
  </si>
  <si>
    <t>181271.0</t>
  </si>
  <si>
    <t>182726.0</t>
  </si>
  <si>
    <t>113.87</t>
  </si>
  <si>
    <t>349369.0</t>
  </si>
  <si>
    <t>183320.0</t>
  </si>
  <si>
    <t>363898.0</t>
  </si>
  <si>
    <t>183875.0</t>
  </si>
  <si>
    <t>180023.0</t>
  </si>
  <si>
    <t>364797.0</t>
  </si>
  <si>
    <t>183990.0</t>
  </si>
  <si>
    <t>180807.0</t>
  </si>
  <si>
    <t>366827.0</t>
  </si>
  <si>
    <t>186020.0</t>
  </si>
  <si>
    <t>366984.0</t>
  </si>
  <si>
    <t>186177.0</t>
  </si>
  <si>
    <t>119.82</t>
  </si>
  <si>
    <t>367057.0</t>
  </si>
  <si>
    <t>119.84</t>
  </si>
  <si>
    <t>451410.0</t>
  </si>
  <si>
    <t>186503.0</t>
  </si>
  <si>
    <t>147.38</t>
  </si>
  <si>
    <t>39342.0</t>
  </si>
  <si>
    <t>33729.0</t>
  </si>
  <si>
    <t>451489.0</t>
  </si>
  <si>
    <t>186582.0</t>
  </si>
  <si>
    <t>451581.0</t>
  </si>
  <si>
    <t>186674.0</t>
  </si>
  <si>
    <t>186801.0</t>
  </si>
  <si>
    <t>451811.0</t>
  </si>
  <si>
    <t>186904.0</t>
  </si>
  <si>
    <t>451950.0</t>
  </si>
  <si>
    <t>147.56</t>
  </si>
  <si>
    <t>452385.0</t>
  </si>
  <si>
    <t>187478.0</t>
  </si>
  <si>
    <t>453259.0</t>
  </si>
  <si>
    <t>188352.0</t>
  </si>
  <si>
    <t>456943.0</t>
  </si>
  <si>
    <t>184491.0</t>
  </si>
  <si>
    <t>465418.0</t>
  </si>
  <si>
    <t>151.95</t>
  </si>
  <si>
    <t>495746.0</t>
  </si>
  <si>
    <t>190155.0</t>
  </si>
  <si>
    <t>185643.0</t>
  </si>
  <si>
    <t>111840.0</t>
  </si>
  <si>
    <t>497169.0</t>
  </si>
  <si>
    <t>190765.0</t>
  </si>
  <si>
    <t>186059.0</t>
  </si>
  <si>
    <t>112237.0</t>
  </si>
  <si>
    <t>GAB</t>
  </si>
  <si>
    <t>Gabon</t>
  </si>
  <si>
    <t>49346.0</t>
  </si>
  <si>
    <t>18272.0</t>
  </si>
  <si>
    <t>64161.0</t>
  </si>
  <si>
    <t>42022.0</t>
  </si>
  <si>
    <t>22139.0</t>
  </si>
  <si>
    <t>72351.0</t>
  </si>
  <si>
    <t>45968.0</t>
  </si>
  <si>
    <t>26383.0</t>
  </si>
  <si>
    <t>873543.0</t>
  </si>
  <si>
    <t>373.121</t>
  </si>
  <si>
    <t>929974.0</t>
  </si>
  <si>
    <t>397.225</t>
  </si>
  <si>
    <t>936707.0</t>
  </si>
  <si>
    <t>400.101</t>
  </si>
  <si>
    <t>50227.0</t>
  </si>
  <si>
    <t>817.2</t>
  </si>
  <si>
    <t>677.2</t>
  </si>
  <si>
    <t>949301.0</t>
  </si>
  <si>
    <t>405.48</t>
  </si>
  <si>
    <t>245.5</t>
  </si>
  <si>
    <t>87181.0</t>
  </si>
  <si>
    <t>280.5</t>
  </si>
  <si>
    <t>964779.0</t>
  </si>
  <si>
    <t>412.091</t>
  </si>
  <si>
    <t>394.8</t>
  </si>
  <si>
    <t>974535.0</t>
  </si>
  <si>
    <t>416.258</t>
  </si>
  <si>
    <t>427.7</t>
  </si>
  <si>
    <t>416.2</t>
  </si>
  <si>
    <t>404.8</t>
  </si>
  <si>
    <t>380.4</t>
  </si>
  <si>
    <t>987311.0</t>
  </si>
  <si>
    <t>421.715</t>
  </si>
  <si>
    <t>369.4</t>
  </si>
  <si>
    <t>59315.0</t>
  </si>
  <si>
    <t>40925.0</t>
  </si>
  <si>
    <t>321.8</t>
  </si>
  <si>
    <t>103820.0</t>
  </si>
  <si>
    <t>61457.0</t>
  </si>
  <si>
    <t>997059.0</t>
  </si>
  <si>
    <t>425.879</t>
  </si>
  <si>
    <t>288.8</t>
  </si>
  <si>
    <t>1005057.0</t>
  </si>
  <si>
    <t>429.295</t>
  </si>
  <si>
    <t>350.4</t>
  </si>
  <si>
    <t>340.2</t>
  </si>
  <si>
    <t>314.1</t>
  </si>
  <si>
    <t>111546.0</t>
  </si>
  <si>
    <t>65709.0</t>
  </si>
  <si>
    <t>45837.0</t>
  </si>
  <si>
    <t>1012275.0</t>
  </si>
  <si>
    <t>432.378</t>
  </si>
  <si>
    <t>304.4</t>
  </si>
  <si>
    <t>314.2</t>
  </si>
  <si>
    <t>1024782.0</t>
  </si>
  <si>
    <t>437.72</t>
  </si>
  <si>
    <t>120627.0</t>
  </si>
  <si>
    <t>48760.0</t>
  </si>
  <si>
    <t>1035943.0</t>
  </si>
  <si>
    <t>442.488</t>
  </si>
  <si>
    <t>1046805.0</t>
  </si>
  <si>
    <t>447.127</t>
  </si>
  <si>
    <t>127757.0</t>
  </si>
  <si>
    <t>74720.0</t>
  </si>
  <si>
    <t>53037.0</t>
  </si>
  <si>
    <t>1054727.0</t>
  </si>
  <si>
    <t>450.511</t>
  </si>
  <si>
    <t>1061767.0</t>
  </si>
  <si>
    <t>453.518</t>
  </si>
  <si>
    <t>130798.0</t>
  </si>
  <si>
    <t>1071634.0</t>
  </si>
  <si>
    <t>457.733</t>
  </si>
  <si>
    <t>1078893.0</t>
  </si>
  <si>
    <t>460.833</t>
  </si>
  <si>
    <t>1085170.0</t>
  </si>
  <si>
    <t>463.514</t>
  </si>
  <si>
    <t>1087337.0</t>
  </si>
  <si>
    <t>464.44</t>
  </si>
  <si>
    <t>1102217.0</t>
  </si>
  <si>
    <t>470.796</t>
  </si>
  <si>
    <t>146464.0</t>
  </si>
  <si>
    <t>84214.0</t>
  </si>
  <si>
    <t>1108619.0</t>
  </si>
  <si>
    <t>474.601</t>
  </si>
  <si>
    <t>1122977.0</t>
  </si>
  <si>
    <t>479.663</t>
  </si>
  <si>
    <t>1127524.0</t>
  </si>
  <si>
    <t>481.605</t>
  </si>
  <si>
    <t>171339.0</t>
  </si>
  <si>
    <t>100263.0</t>
  </si>
  <si>
    <t>71076.0</t>
  </si>
  <si>
    <t>0.2947</t>
  </si>
  <si>
    <t>0.5608</t>
  </si>
  <si>
    <t>1130000.0</t>
  </si>
  <si>
    <t>482.663</t>
  </si>
  <si>
    <t>0.6613</t>
  </si>
  <si>
    <t>177392.0</t>
  </si>
  <si>
    <t>100884.0</t>
  </si>
  <si>
    <t>1170115.0</t>
  </si>
  <si>
    <t>499.797</t>
  </si>
  <si>
    <t>1188832.0</t>
  </si>
  <si>
    <t>507.792</t>
  </si>
  <si>
    <t>180320.0</t>
  </si>
  <si>
    <t>78064.0</t>
  </si>
  <si>
    <t>186365.0</t>
  </si>
  <si>
    <t>105903.0</t>
  </si>
  <si>
    <t>80462.0</t>
  </si>
  <si>
    <t>1214352.0</t>
  </si>
  <si>
    <t>518.693</t>
  </si>
  <si>
    <t>206373.0</t>
  </si>
  <si>
    <t>86340.0</t>
  </si>
  <si>
    <t>1266103.0</t>
  </si>
  <si>
    <t>540.797</t>
  </si>
  <si>
    <t>9507.0</t>
  </si>
  <si>
    <t>1282319.0</t>
  </si>
  <si>
    <t>547.724</t>
  </si>
  <si>
    <t>217606.0</t>
  </si>
  <si>
    <t>125804.0</t>
  </si>
  <si>
    <t>91802.0</t>
  </si>
  <si>
    <t>1299344.0</t>
  </si>
  <si>
    <t>554.996</t>
  </si>
  <si>
    <t>1305320.0</t>
  </si>
  <si>
    <t>557.548</t>
  </si>
  <si>
    <t>223308.0</t>
  </si>
  <si>
    <t>125912.0</t>
  </si>
  <si>
    <t>228381.0</t>
  </si>
  <si>
    <t>128226.0</t>
  </si>
  <si>
    <t>100155.0</t>
  </si>
  <si>
    <t>1326161.0</t>
  </si>
  <si>
    <t>566.45</t>
  </si>
  <si>
    <t>1332203.0</t>
  </si>
  <si>
    <t>569.031</t>
  </si>
  <si>
    <t>232538.0</t>
  </si>
  <si>
    <t>132383.0</t>
  </si>
  <si>
    <t>244055.0</t>
  </si>
  <si>
    <t>138880.0</t>
  </si>
  <si>
    <t>105175.0</t>
  </si>
  <si>
    <t>1339478.0</t>
  </si>
  <si>
    <t>572.138</t>
  </si>
  <si>
    <t>248311.0</t>
  </si>
  <si>
    <t>143136.0</t>
  </si>
  <si>
    <t>1355073.0</t>
  </si>
  <si>
    <t>578.799</t>
  </si>
  <si>
    <t>1360717.0</t>
  </si>
  <si>
    <t>581.21</t>
  </si>
  <si>
    <t>256974.0</t>
  </si>
  <si>
    <t>148798.0</t>
  </si>
  <si>
    <t>1365743.0</t>
  </si>
  <si>
    <t>583.357</t>
  </si>
  <si>
    <t>273421.0</t>
  </si>
  <si>
    <t>161795.0</t>
  </si>
  <si>
    <t>111626.0</t>
  </si>
  <si>
    <t>1382575.0</t>
  </si>
  <si>
    <t>590.546</t>
  </si>
  <si>
    <t>277979.0</t>
  </si>
  <si>
    <t>166353.0</t>
  </si>
  <si>
    <t>1387538.0</t>
  </si>
  <si>
    <t>592.666</t>
  </si>
  <si>
    <t>1391590.0</t>
  </si>
  <si>
    <t>594.397</t>
  </si>
  <si>
    <t>1394773.0</t>
  </si>
  <si>
    <t>595.757</t>
  </si>
  <si>
    <t>328721.0</t>
  </si>
  <si>
    <t>186639.0</t>
  </si>
  <si>
    <t>142082.0</t>
  </si>
  <si>
    <t>7131.0</t>
  </si>
  <si>
    <t>392898.0</t>
  </si>
  <si>
    <t>173123.0</t>
  </si>
  <si>
    <t>0.2254</t>
  </si>
  <si>
    <t>1455319.0</t>
  </si>
  <si>
    <t>621.618</t>
  </si>
  <si>
    <t>1485320.0</t>
  </si>
  <si>
    <t>634.432</t>
  </si>
  <si>
    <t>1503932.0</t>
  </si>
  <si>
    <t>642.382</t>
  </si>
  <si>
    <t>499247.0</t>
  </si>
  <si>
    <t>277616.0</t>
  </si>
  <si>
    <t>221631.0</t>
  </si>
  <si>
    <t>1533345.0</t>
  </si>
  <si>
    <t>654.946</t>
  </si>
  <si>
    <t>1538075.0</t>
  </si>
  <si>
    <t>656.966</t>
  </si>
  <si>
    <t>1541274.0</t>
  </si>
  <si>
    <t>658.332</t>
  </si>
  <si>
    <t>1548158.0</t>
  </si>
  <si>
    <t>661.273</t>
  </si>
  <si>
    <t>1551137.0</t>
  </si>
  <si>
    <t>662.545</t>
  </si>
  <si>
    <t>545642.0</t>
  </si>
  <si>
    <t>245649.0</t>
  </si>
  <si>
    <t>1553431.0</t>
  </si>
  <si>
    <t>663.525</t>
  </si>
  <si>
    <t>1556198.0</t>
  </si>
  <si>
    <t>664.707</t>
  </si>
  <si>
    <t>1558188.0</t>
  </si>
  <si>
    <t>665.557</t>
  </si>
  <si>
    <t>1560376.0</t>
  </si>
  <si>
    <t>666.492</t>
  </si>
  <si>
    <t>1562803.0</t>
  </si>
  <si>
    <t>667.528</t>
  </si>
  <si>
    <t>1564505.0</t>
  </si>
  <si>
    <t>668.255</t>
  </si>
  <si>
    <t>155.4</t>
  </si>
  <si>
    <t>1569625.0</t>
  </si>
  <si>
    <t>670.442</t>
  </si>
  <si>
    <t>1574269.0</t>
  </si>
  <si>
    <t>672.426</t>
  </si>
  <si>
    <t>1576525.0</t>
  </si>
  <si>
    <t>673.389</t>
  </si>
  <si>
    <t>396.8</t>
  </si>
  <si>
    <t>532.1</t>
  </si>
  <si>
    <t>1580654.0</t>
  </si>
  <si>
    <t>675.153</t>
  </si>
  <si>
    <t>1026.6</t>
  </si>
  <si>
    <t>962.2</t>
  </si>
  <si>
    <t>520.6</t>
  </si>
  <si>
    <t>640.6</t>
  </si>
  <si>
    <t>585.8</t>
  </si>
  <si>
    <t>548978.0</t>
  </si>
  <si>
    <t>297308.0</t>
  </si>
  <si>
    <t>250565.0</t>
  </si>
  <si>
    <t>1585678.0</t>
  </si>
  <si>
    <t>677.299</t>
  </si>
  <si>
    <t>307.4</t>
  </si>
  <si>
    <t>294.7</t>
  </si>
  <si>
    <t>1587140.0</t>
  </si>
  <si>
    <t>677.923</t>
  </si>
  <si>
    <t>550042.0</t>
  </si>
  <si>
    <t>298245.0</t>
  </si>
  <si>
    <t>251797.0</t>
  </si>
  <si>
    <t>515.2</t>
  </si>
  <si>
    <t>447.6</t>
  </si>
  <si>
    <t>1588441.0</t>
  </si>
  <si>
    <t>1589113.0</t>
  </si>
  <si>
    <t>678.766</t>
  </si>
  <si>
    <t>1589815.0</t>
  </si>
  <si>
    <t>679.066</t>
  </si>
  <si>
    <t>449.9</t>
  </si>
  <si>
    <t>1591228.0</t>
  </si>
  <si>
    <t>679.67</t>
  </si>
  <si>
    <t>433.6</t>
  </si>
  <si>
    <t>445.2</t>
  </si>
  <si>
    <t>456.9</t>
  </si>
  <si>
    <t>1592493.0</t>
  </si>
  <si>
    <t>680.21</t>
  </si>
  <si>
    <t>480.2</t>
  </si>
  <si>
    <t>475.5</t>
  </si>
  <si>
    <t>556657.0</t>
  </si>
  <si>
    <t>300192.0</t>
  </si>
  <si>
    <t>254453.0</t>
  </si>
  <si>
    <t>442.9</t>
  </si>
  <si>
    <t>1593622.0</t>
  </si>
  <si>
    <t>680.692</t>
  </si>
  <si>
    <t>300871.0</t>
  </si>
  <si>
    <t>255200.0</t>
  </si>
  <si>
    <t>1594523.0</t>
  </si>
  <si>
    <t>681.077</t>
  </si>
  <si>
    <t>558456.0</t>
  </si>
  <si>
    <t>308235.0</t>
  </si>
  <si>
    <t>255914.0</t>
  </si>
  <si>
    <t>1595381.0</t>
  </si>
  <si>
    <t>681.443</t>
  </si>
  <si>
    <t>1597933.0</t>
  </si>
  <si>
    <t>682.533</t>
  </si>
  <si>
    <t>566886.0</t>
  </si>
  <si>
    <t>308489.0</t>
  </si>
  <si>
    <t>256088.0</t>
  </si>
  <si>
    <t>1598993.0</t>
  </si>
  <si>
    <t>682.986</t>
  </si>
  <si>
    <t>567334.0</t>
  </si>
  <si>
    <t>308745.0</t>
  </si>
  <si>
    <t>256226.0</t>
  </si>
  <si>
    <t>1599902.0</t>
  </si>
  <si>
    <t>683.374</t>
  </si>
  <si>
    <t>567575.0</t>
  </si>
  <si>
    <t>308857.0</t>
  </si>
  <si>
    <t>256337.0</t>
  </si>
  <si>
    <t>568751.0</t>
  </si>
  <si>
    <t>309473.0</t>
  </si>
  <si>
    <t>256802.0</t>
  </si>
  <si>
    <t>569829.0</t>
  </si>
  <si>
    <t>310170.0</t>
  </si>
  <si>
    <t>257122.0</t>
  </si>
  <si>
    <t>310579.0</t>
  </si>
  <si>
    <t>257257.0</t>
  </si>
  <si>
    <t>310842.0</t>
  </si>
  <si>
    <t>257322.0</t>
  </si>
  <si>
    <t>572672.0</t>
  </si>
  <si>
    <t>311040.0</t>
  </si>
  <si>
    <t>257378.0</t>
  </si>
  <si>
    <t>GMB</t>
  </si>
  <si>
    <t>Gambia</t>
  </si>
  <si>
    <t>16735.0</t>
  </si>
  <si>
    <t>20922.0</t>
  </si>
  <si>
    <t>22.146</t>
  </si>
  <si>
    <t>24659.0</t>
  </si>
  <si>
    <t>65962.0</t>
  </si>
  <si>
    <t>401.8</t>
  </si>
  <si>
    <t>755.8</t>
  </si>
  <si>
    <t>371.4</t>
  </si>
  <si>
    <t>40810.0</t>
  </si>
  <si>
    <t>41077.0</t>
  </si>
  <si>
    <t>30688.0</t>
  </si>
  <si>
    <t>42975.0</t>
  </si>
  <si>
    <t>43557.0</t>
  </si>
  <si>
    <t>31254.0</t>
  </si>
  <si>
    <t>0.2937</t>
  </si>
  <si>
    <t>0.3854</t>
  </si>
  <si>
    <t>86336.0</t>
  </si>
  <si>
    <t>32.704</t>
  </si>
  <si>
    <t>87380.0</t>
  </si>
  <si>
    <t>89881.0</t>
  </si>
  <si>
    <t>34.047</t>
  </si>
  <si>
    <t>34.336</t>
  </si>
  <si>
    <t>34.723</t>
  </si>
  <si>
    <t>92654.0</t>
  </si>
  <si>
    <t>35.097</t>
  </si>
  <si>
    <t>0.2923</t>
  </si>
  <si>
    <t>93657.0</t>
  </si>
  <si>
    <t>95471.0</t>
  </si>
  <si>
    <t>36.164</t>
  </si>
  <si>
    <t>36.654</t>
  </si>
  <si>
    <t>0.1719</t>
  </si>
  <si>
    <t>97324.0</t>
  </si>
  <si>
    <t>36.866</t>
  </si>
  <si>
    <t>98097.0</t>
  </si>
  <si>
    <t>37.159</t>
  </si>
  <si>
    <t>98435.0</t>
  </si>
  <si>
    <t>37.287</t>
  </si>
  <si>
    <t>99342.0</t>
  </si>
  <si>
    <t>37.631</t>
  </si>
  <si>
    <t>184553.0</t>
  </si>
  <si>
    <t>170794.0</t>
  </si>
  <si>
    <t>148842.0</t>
  </si>
  <si>
    <t>100052.0</t>
  </si>
  <si>
    <t>191496.0</t>
  </si>
  <si>
    <t>173810.0</t>
  </si>
  <si>
    <t>101123.0</t>
  </si>
  <si>
    <t>38.305</t>
  </si>
  <si>
    <t>193532.0</t>
  </si>
  <si>
    <t>175095.0</t>
  </si>
  <si>
    <t>157804.0</t>
  </si>
  <si>
    <t>38.407</t>
  </si>
  <si>
    <t>175355.0</t>
  </si>
  <si>
    <t>158224.0</t>
  </si>
  <si>
    <t>101915.0</t>
  </si>
  <si>
    <t>38.605</t>
  </si>
  <si>
    <t>197277.0</t>
  </si>
  <si>
    <t>177168.0</t>
  </si>
  <si>
    <t>161451.0</t>
  </si>
  <si>
    <t>102992.0</t>
  </si>
  <si>
    <t>39.013</t>
  </si>
  <si>
    <t>199881.0</t>
  </si>
  <si>
    <t>178634.0</t>
  </si>
  <si>
    <t>163926.0</t>
  </si>
  <si>
    <t>104349.0</t>
  </si>
  <si>
    <t>39.527</t>
  </si>
  <si>
    <t>201835.0</t>
  </si>
  <si>
    <t>179910.0</t>
  </si>
  <si>
    <t>165785.0</t>
  </si>
  <si>
    <t>106259.0</t>
  </si>
  <si>
    <t>40.251</t>
  </si>
  <si>
    <t>40.455</t>
  </si>
  <si>
    <t>107118.0</t>
  </si>
  <si>
    <t>40.576</t>
  </si>
  <si>
    <t>107328.0</t>
  </si>
  <si>
    <t>108329.0</t>
  </si>
  <si>
    <t>41.035</t>
  </si>
  <si>
    <t>108543.0</t>
  </si>
  <si>
    <t>41.116</t>
  </si>
  <si>
    <t>108882.0</t>
  </si>
  <si>
    <t>207195.0</t>
  </si>
  <si>
    <t>183739.0</t>
  </si>
  <si>
    <t>170920.0</t>
  </si>
  <si>
    <t>109184.0</t>
  </si>
  <si>
    <t>41.359</t>
  </si>
  <si>
    <t>109419.0</t>
  </si>
  <si>
    <t>41.448</t>
  </si>
  <si>
    <t>109898.0</t>
  </si>
  <si>
    <t>41.629</t>
  </si>
  <si>
    <t>110468.0</t>
  </si>
  <si>
    <t>41.845</t>
  </si>
  <si>
    <t>110639.0</t>
  </si>
  <si>
    <t>110919.0</t>
  </si>
  <si>
    <t>42.016</t>
  </si>
  <si>
    <t>111172.0</t>
  </si>
  <si>
    <t>208379.0</t>
  </si>
  <si>
    <t>184817.0</t>
  </si>
  <si>
    <t>171987.0</t>
  </si>
  <si>
    <t>111367.0</t>
  </si>
  <si>
    <t>111746.0</t>
  </si>
  <si>
    <t>42.329</t>
  </si>
  <si>
    <t>112626.0</t>
  </si>
  <si>
    <t>42.663</t>
  </si>
  <si>
    <t>442.6</t>
  </si>
  <si>
    <t>113303.0</t>
  </si>
  <si>
    <t>42.919</t>
  </si>
  <si>
    <t>425.8</t>
  </si>
  <si>
    <t>478.1</t>
  </si>
  <si>
    <t>270.7</t>
  </si>
  <si>
    <t>114559.0</t>
  </si>
  <si>
    <t>43.395</t>
  </si>
  <si>
    <t>185.5</t>
  </si>
  <si>
    <t>378.3</t>
  </si>
  <si>
    <t>43.875</t>
  </si>
  <si>
    <t>315.1</t>
  </si>
  <si>
    <t>313.7</t>
  </si>
  <si>
    <t>116127.0</t>
  </si>
  <si>
    <t>43.989</t>
  </si>
  <si>
    <t>241290.0</t>
  </si>
  <si>
    <t>214880.0</t>
  </si>
  <si>
    <t>203746.0</t>
  </si>
  <si>
    <t>508.2</t>
  </si>
  <si>
    <t>116543.0</t>
  </si>
  <si>
    <t>44.146</t>
  </si>
  <si>
    <t>491.8</t>
  </si>
  <si>
    <t>116829.0</t>
  </si>
  <si>
    <t>44.255</t>
  </si>
  <si>
    <t>254945.0</t>
  </si>
  <si>
    <t>226927.0</t>
  </si>
  <si>
    <t>214527.0</t>
  </si>
  <si>
    <t>117456.0</t>
  </si>
  <si>
    <t>44.492</t>
  </si>
  <si>
    <t>117604.0</t>
  </si>
  <si>
    <t>44.548</t>
  </si>
  <si>
    <t>258505.0</t>
  </si>
  <si>
    <t>230412.0</t>
  </si>
  <si>
    <t>216356.0</t>
  </si>
  <si>
    <t>180.4</t>
  </si>
  <si>
    <t>118928.0</t>
  </si>
  <si>
    <t>265620.0</t>
  </si>
  <si>
    <t>234467.0</t>
  </si>
  <si>
    <t>120305.0</t>
  </si>
  <si>
    <t>45.572</t>
  </si>
  <si>
    <t>267263.0</t>
  </si>
  <si>
    <t>236070.0</t>
  </si>
  <si>
    <t>222118.0</t>
  </si>
  <si>
    <t>120595.0</t>
  </si>
  <si>
    <t>45.681</t>
  </si>
  <si>
    <t>253.2</t>
  </si>
  <si>
    <t>121854.0</t>
  </si>
  <si>
    <t>46.158</t>
  </si>
  <si>
    <t>222526.0</t>
  </si>
  <si>
    <t>122598.0</t>
  </si>
  <si>
    <t>123506.0</t>
  </si>
  <si>
    <t>46.784</t>
  </si>
  <si>
    <t>268008.0</t>
  </si>
  <si>
    <t>236834.0</t>
  </si>
  <si>
    <t>222890.0</t>
  </si>
  <si>
    <t>769.2</t>
  </si>
  <si>
    <t>786.7</t>
  </si>
  <si>
    <t>519.8</t>
  </si>
  <si>
    <t>125061.0</t>
  </si>
  <si>
    <t>47.373</t>
  </si>
  <si>
    <t>1552.4</t>
  </si>
  <si>
    <t>1559.4</t>
  </si>
  <si>
    <t>1566.4</t>
  </si>
  <si>
    <t>125971.0</t>
  </si>
  <si>
    <t>47.718</t>
  </si>
  <si>
    <t>524.5</t>
  </si>
  <si>
    <t>239974.0</t>
  </si>
  <si>
    <t>226037.0</t>
  </si>
  <si>
    <t>526.8</t>
  </si>
  <si>
    <t>126646.0</t>
  </si>
  <si>
    <t>47.973</t>
  </si>
  <si>
    <t>127234.0</t>
  </si>
  <si>
    <t>48.196</t>
  </si>
  <si>
    <t>320.9</t>
  </si>
  <si>
    <t>338.4</t>
  </si>
  <si>
    <t>357.1</t>
  </si>
  <si>
    <t>273365.0</t>
  </si>
  <si>
    <t>242172.0</t>
  </si>
  <si>
    <t>228236.0</t>
  </si>
  <si>
    <t>128891.0</t>
  </si>
  <si>
    <t>48.824</t>
  </si>
  <si>
    <t>129082.0</t>
  </si>
  <si>
    <t>48.896</t>
  </si>
  <si>
    <t>276276.0</t>
  </si>
  <si>
    <t>245081.0</t>
  </si>
  <si>
    <t>230044.0</t>
  </si>
  <si>
    <t>49.126</t>
  </si>
  <si>
    <t>130665.0</t>
  </si>
  <si>
    <t>49.496</t>
  </si>
  <si>
    <t>131044.0</t>
  </si>
  <si>
    <t>49.639</t>
  </si>
  <si>
    <t>132147.0</t>
  </si>
  <si>
    <t>50.057</t>
  </si>
  <si>
    <t>132861.0</t>
  </si>
  <si>
    <t>50.328</t>
  </si>
  <si>
    <t>294698.0</t>
  </si>
  <si>
    <t>263056.0</t>
  </si>
  <si>
    <t>249515.0</t>
  </si>
  <si>
    <t>0.5545</t>
  </si>
  <si>
    <t>0.5258</t>
  </si>
  <si>
    <t>0.6306</t>
  </si>
  <si>
    <t>0.6593</t>
  </si>
  <si>
    <t>0.3804</t>
  </si>
  <si>
    <t>349875.0</t>
  </si>
  <si>
    <t>317855.0</t>
  </si>
  <si>
    <t>304688.0</t>
  </si>
  <si>
    <t>0.2521</t>
  </si>
  <si>
    <t>138597.0</t>
  </si>
  <si>
    <t>52.501</t>
  </si>
  <si>
    <t>139940.0</t>
  </si>
  <si>
    <t>53.009</t>
  </si>
  <si>
    <t>0.1454</t>
  </si>
  <si>
    <t>140970.0</t>
  </si>
  <si>
    <t>53.399</t>
  </si>
  <si>
    <t>142622.0</t>
  </si>
  <si>
    <t>54.025</t>
  </si>
  <si>
    <t>362079.0</t>
  </si>
  <si>
    <t>330027.0</t>
  </si>
  <si>
    <t>316887.0</t>
  </si>
  <si>
    <t>144671.0</t>
  </si>
  <si>
    <t>209.1</t>
  </si>
  <si>
    <t>673.4</t>
  </si>
  <si>
    <t>153983.0</t>
  </si>
  <si>
    <t>58.329</t>
  </si>
  <si>
    <t>495.1</t>
  </si>
  <si>
    <t>154873.0</t>
  </si>
  <si>
    <t>447.5</t>
  </si>
  <si>
    <t>374.2</t>
  </si>
  <si>
    <t>342.2</t>
  </si>
  <si>
    <t>232.3</t>
  </si>
  <si>
    <t>155686.0</t>
  </si>
  <si>
    <t>58.974</t>
  </si>
  <si>
    <t>378743.0</t>
  </si>
  <si>
    <t>338382.0</t>
  </si>
  <si>
    <t>720000.0</t>
  </si>
  <si>
    <t>449464.0</t>
  </si>
  <si>
    <t>354340.0</t>
  </si>
  <si>
    <t>812811.0</t>
  </si>
  <si>
    <t>30.04</t>
  </si>
  <si>
    <t>815861.0</t>
  </si>
  <si>
    <t>452514.0</t>
  </si>
  <si>
    <t>357390.0</t>
  </si>
  <si>
    <t>548701.0</t>
  </si>
  <si>
    <t>454249.0</t>
  </si>
  <si>
    <t>GEO</t>
  </si>
  <si>
    <t>Georgia</t>
  </si>
  <si>
    <t>81.4018857569401</t>
  </si>
  <si>
    <t>41.9561556837772</t>
  </si>
  <si>
    <t>-22.4335905629362</t>
  </si>
  <si>
    <t>-41.9</t>
  </si>
  <si>
    <t>-11.190088626036</t>
  </si>
  <si>
    <t>6.80000000000003</t>
  </si>
  <si>
    <t>1.81605256938056</t>
  </si>
  <si>
    <t>311.7</t>
  </si>
  <si>
    <t>83.2446449817527</t>
  </si>
  <si>
    <t>50.9562985643837</t>
  </si>
  <si>
    <t>358.7</t>
  </si>
  <si>
    <t>95.7967730348241</t>
  </si>
  <si>
    <t>853.6</t>
  </si>
  <si>
    <t>227.968010768123</t>
  </si>
  <si>
    <t>2966.7</t>
  </si>
  <si>
    <t>792.30634670313</t>
  </si>
  <si>
    <t>81079.0</t>
  </si>
  <si>
    <t>21.575</t>
  </si>
  <si>
    <t>26.592</t>
  </si>
  <si>
    <t>118840.0</t>
  </si>
  <si>
    <t>31.623</t>
  </si>
  <si>
    <t>132289.0</t>
  </si>
  <si>
    <t>4.482</t>
  </si>
  <si>
    <t>138843.0</t>
  </si>
  <si>
    <t>36.946</t>
  </si>
  <si>
    <t>4.372</t>
  </si>
  <si>
    <t>159019.0</t>
  </si>
  <si>
    <t>20176.0</t>
  </si>
  <si>
    <t>42.315</t>
  </si>
  <si>
    <t>16934.0</t>
  </si>
  <si>
    <t>176962.0</t>
  </si>
  <si>
    <t>17943.0</t>
  </si>
  <si>
    <t>4.391</t>
  </si>
  <si>
    <t>193991.0</t>
  </si>
  <si>
    <t>51.621</t>
  </si>
  <si>
    <t>16130.0</t>
  </si>
  <si>
    <t>16870.0</t>
  </si>
  <si>
    <t>15847.0</t>
  </si>
  <si>
    <t>229685.0</t>
  </si>
  <si>
    <t>61.119</t>
  </si>
  <si>
    <t>5.009</t>
  </si>
  <si>
    <t>239497.0</t>
  </si>
  <si>
    <t>244308.0</t>
  </si>
  <si>
    <t>261315.0</t>
  </si>
  <si>
    <t>69.536</t>
  </si>
  <si>
    <t>275772.0</t>
  </si>
  <si>
    <t>14116.0</t>
  </si>
  <si>
    <t>289471.0</t>
  </si>
  <si>
    <t>77.028</t>
  </si>
  <si>
    <t>303126.0</t>
  </si>
  <si>
    <t>13655.0</t>
  </si>
  <si>
    <t>80.662</t>
  </si>
  <si>
    <t>13181.0</t>
  </si>
  <si>
    <t>317547.0</t>
  </si>
  <si>
    <t>84.499</t>
  </si>
  <si>
    <t>12552.0</t>
  </si>
  <si>
    <t>325941.0</t>
  </si>
  <si>
    <t>86.733</t>
  </si>
  <si>
    <t>330710.0</t>
  </si>
  <si>
    <t>88.002</t>
  </si>
  <si>
    <t>12343.0</t>
  </si>
  <si>
    <t>13451.0</t>
  </si>
  <si>
    <t>91.581</t>
  </si>
  <si>
    <t>358353.0</t>
  </si>
  <si>
    <t>95.358</t>
  </si>
  <si>
    <t>371383.0</t>
  </si>
  <si>
    <t>98.825</t>
  </si>
  <si>
    <t>5109.2</t>
  </si>
  <si>
    <t>1364.49643933516</t>
  </si>
  <si>
    <t>379399.0</t>
  </si>
  <si>
    <t>100.958</t>
  </si>
  <si>
    <t>382687.0</t>
  </si>
  <si>
    <t>101.833</t>
  </si>
  <si>
    <t>385482.0</t>
  </si>
  <si>
    <t>8506.0</t>
  </si>
  <si>
    <t>389327.0</t>
  </si>
  <si>
    <t>403838.0</t>
  </si>
  <si>
    <t>107.461</t>
  </si>
  <si>
    <t>418677.0</t>
  </si>
  <si>
    <t>434169.0</t>
  </si>
  <si>
    <t>115.533</t>
  </si>
  <si>
    <t>439434.0</t>
  </si>
  <si>
    <t>116.934</t>
  </si>
  <si>
    <t>457583.0</t>
  </si>
  <si>
    <t>121.763</t>
  </si>
  <si>
    <t>468738.0</t>
  </si>
  <si>
    <t>124.731</t>
  </si>
  <si>
    <t>476636.0</t>
  </si>
  <si>
    <t>126.833</t>
  </si>
  <si>
    <t>494431.0</t>
  </si>
  <si>
    <t>17795.0</t>
  </si>
  <si>
    <t>131.568</t>
  </si>
  <si>
    <t>513869.0</t>
  </si>
  <si>
    <t>19438.0</t>
  </si>
  <si>
    <t>136.741</t>
  </si>
  <si>
    <t>529760.0</t>
  </si>
  <si>
    <t>15891.0</t>
  </si>
  <si>
    <t>544965.0</t>
  </si>
  <si>
    <t>145.015</t>
  </si>
  <si>
    <t>560117.0</t>
  </si>
  <si>
    <t>149.047</t>
  </si>
  <si>
    <t>569200.0</t>
  </si>
  <si>
    <t>151.464</t>
  </si>
  <si>
    <t>574164.0</t>
  </si>
  <si>
    <t>152.785</t>
  </si>
  <si>
    <t>591562.0</t>
  </si>
  <si>
    <t>157.415</t>
  </si>
  <si>
    <t>597684.0</t>
  </si>
  <si>
    <t>159.044</t>
  </si>
  <si>
    <t>614703.0</t>
  </si>
  <si>
    <t>17019.0</t>
  </si>
  <si>
    <t>163.573</t>
  </si>
  <si>
    <t>629530.0</t>
  </si>
  <si>
    <t>167.518</t>
  </si>
  <si>
    <t>645797.0</t>
  </si>
  <si>
    <t>171.847</t>
  </si>
  <si>
    <t>12240.0</t>
  </si>
  <si>
    <t>657045.0</t>
  </si>
  <si>
    <t>663913.0</t>
  </si>
  <si>
    <t>176.668</t>
  </si>
  <si>
    <t>681262.0</t>
  </si>
  <si>
    <t>181.284</t>
  </si>
  <si>
    <t>699269.0</t>
  </si>
  <si>
    <t>186.076</t>
  </si>
  <si>
    <t>717119.0</t>
  </si>
  <si>
    <t>190.826</t>
  </si>
  <si>
    <t>14631.0</t>
  </si>
  <si>
    <t>736430.0</t>
  </si>
  <si>
    <t>195.964</t>
  </si>
  <si>
    <t>5.139</t>
  </si>
  <si>
    <t>756419.0</t>
  </si>
  <si>
    <t>19989.0</t>
  </si>
  <si>
    <t>201.283</t>
  </si>
  <si>
    <t>15803.0</t>
  </si>
  <si>
    <t>769119.0</t>
  </si>
  <si>
    <t>204.663</t>
  </si>
  <si>
    <t>5733.9</t>
  </si>
  <si>
    <t>1531.33291581929</t>
  </si>
  <si>
    <t>778175.0</t>
  </si>
  <si>
    <t>795446.0</t>
  </si>
  <si>
    <t>211.669</t>
  </si>
  <si>
    <t>811238.0</t>
  </si>
  <si>
    <t>15792.0</t>
  </si>
  <si>
    <t>215.871</t>
  </si>
  <si>
    <t>15996.0</t>
  </si>
  <si>
    <t>827843.0</t>
  </si>
  <si>
    <t>220.289</t>
  </si>
  <si>
    <t>844651.0</t>
  </si>
  <si>
    <t>16808.0</t>
  </si>
  <si>
    <t>224.762</t>
  </si>
  <si>
    <t>862986.0</t>
  </si>
  <si>
    <t>18335.0</t>
  </si>
  <si>
    <t>229.641</t>
  </si>
  <si>
    <t>876559.0</t>
  </si>
  <si>
    <t>233.253</t>
  </si>
  <si>
    <t>883152.0</t>
  </si>
  <si>
    <t>235.007</t>
  </si>
  <si>
    <t>901483.0</t>
  </si>
  <si>
    <t>239.885</t>
  </si>
  <si>
    <t>919727.0</t>
  </si>
  <si>
    <t>18244.0</t>
  </si>
  <si>
    <t>244.74</t>
  </si>
  <si>
    <t>941617.0</t>
  </si>
  <si>
    <t>250.565</t>
  </si>
  <si>
    <t>16253.0</t>
  </si>
  <si>
    <t>965976.0</t>
  </si>
  <si>
    <t>257.047</t>
  </si>
  <si>
    <t>6.482</t>
  </si>
  <si>
    <t>993163.0</t>
  </si>
  <si>
    <t>27187.0</t>
  </si>
  <si>
    <t>264.281</t>
  </si>
  <si>
    <t>18597.0</t>
  </si>
  <si>
    <t>1012508.0</t>
  </si>
  <si>
    <t>269.429</t>
  </si>
  <si>
    <t>5.168</t>
  </si>
  <si>
    <t>1021705.0</t>
  </si>
  <si>
    <t>271.876</t>
  </si>
  <si>
    <t>2.447</t>
  </si>
  <si>
    <t>19793.0</t>
  </si>
  <si>
    <t>1042254.0</t>
  </si>
  <si>
    <t>277.344</t>
  </si>
  <si>
    <t>5.468</t>
  </si>
  <si>
    <t>1061446.0</t>
  </si>
  <si>
    <t>5.107</t>
  </si>
  <si>
    <t>20246.0</t>
  </si>
  <si>
    <t>1078634.0</t>
  </si>
  <si>
    <t>287.025</t>
  </si>
  <si>
    <t>19574.0</t>
  </si>
  <si>
    <t>1095025.0</t>
  </si>
  <si>
    <t>16391.0</t>
  </si>
  <si>
    <t>291.387</t>
  </si>
  <si>
    <t>1113040.0</t>
  </si>
  <si>
    <t>296.18</t>
  </si>
  <si>
    <t>1122693.0</t>
  </si>
  <si>
    <t>298.749</t>
  </si>
  <si>
    <t>1127968.0</t>
  </si>
  <si>
    <t>300.153</t>
  </si>
  <si>
    <t>1147837.0</t>
  </si>
  <si>
    <t>305.44</t>
  </si>
  <si>
    <t>15083.0</t>
  </si>
  <si>
    <t>1166888.0</t>
  </si>
  <si>
    <t>19051.0</t>
  </si>
  <si>
    <t>310.509</t>
  </si>
  <si>
    <t>1189389.0</t>
  </si>
  <si>
    <t>22501.0</t>
  </si>
  <si>
    <t>316.497</t>
  </si>
  <si>
    <t>1214825.0</t>
  </si>
  <si>
    <t>25436.0</t>
  </si>
  <si>
    <t>323.265</t>
  </si>
  <si>
    <t>1249758.0</t>
  </si>
  <si>
    <t>34933.0</t>
  </si>
  <si>
    <t>332.561</t>
  </si>
  <si>
    <t>9.296</t>
  </si>
  <si>
    <t>1277643.0</t>
  </si>
  <si>
    <t>27885.0</t>
  </si>
  <si>
    <t>339.981</t>
  </si>
  <si>
    <t>5826.8</t>
  </si>
  <si>
    <t>1556.14339871568</t>
  </si>
  <si>
    <t>1295590.0</t>
  </si>
  <si>
    <t>344.757</t>
  </si>
  <si>
    <t>23946.0</t>
  </si>
  <si>
    <t>1318490.0</t>
  </si>
  <si>
    <t>22900.0</t>
  </si>
  <si>
    <t>350.851</t>
  </si>
  <si>
    <t>6.094</t>
  </si>
  <si>
    <t>6.487</t>
  </si>
  <si>
    <t>1343839.0</t>
  </si>
  <si>
    <t>357.596</t>
  </si>
  <si>
    <t>25279.0</t>
  </si>
  <si>
    <t>1354517.0</t>
  </si>
  <si>
    <t>360.438</t>
  </si>
  <si>
    <t>23590.0</t>
  </si>
  <si>
    <t>1376539.0</t>
  </si>
  <si>
    <t>22022.0</t>
  </si>
  <si>
    <t>366.298</t>
  </si>
  <si>
    <t>1396276.0</t>
  </si>
  <si>
    <t>371.55</t>
  </si>
  <si>
    <t>1412195.0</t>
  </si>
  <si>
    <t>375.786</t>
  </si>
  <si>
    <t>19222.0</t>
  </si>
  <si>
    <t>1420018.0</t>
  </si>
  <si>
    <t>377.867</t>
  </si>
  <si>
    <t>1426369.0</t>
  </si>
  <si>
    <t>379.557</t>
  </si>
  <si>
    <t>1448496.0</t>
  </si>
  <si>
    <t>385.445</t>
  </si>
  <si>
    <t>1473090.0</t>
  </si>
  <si>
    <t>391.99</t>
  </si>
  <si>
    <t>1499790.0</t>
  </si>
  <si>
    <t>26700.0</t>
  </si>
  <si>
    <t>399.095</t>
  </si>
  <si>
    <t>1531880.0</t>
  </si>
  <si>
    <t>407.634</t>
  </si>
  <si>
    <t>1558279.0</t>
  </si>
  <si>
    <t>26399.0</t>
  </si>
  <si>
    <t>414.659</t>
  </si>
  <si>
    <t>7.025</t>
  </si>
  <si>
    <t>1572009.0</t>
  </si>
  <si>
    <t>418.312</t>
  </si>
  <si>
    <t>21713.0</t>
  </si>
  <si>
    <t>5.778</t>
  </si>
  <si>
    <t>1601661.0</t>
  </si>
  <si>
    <t>29652.0</t>
  </si>
  <si>
    <t>426.203</t>
  </si>
  <si>
    <t>25042.0</t>
  </si>
  <si>
    <t>1628828.0</t>
  </si>
  <si>
    <t>433.432</t>
  </si>
  <si>
    <t>6.855</t>
  </si>
  <si>
    <t>1652575.0</t>
  </si>
  <si>
    <t>23747.0</t>
  </si>
  <si>
    <t>439.751</t>
  </si>
  <si>
    <t>1676402.0</t>
  </si>
  <si>
    <t>446.091</t>
  </si>
  <si>
    <t>1699571.0</t>
  </si>
  <si>
    <t>23169.0</t>
  </si>
  <si>
    <t>452.257</t>
  </si>
  <si>
    <t>1711494.0</t>
  </si>
  <si>
    <t>455.429</t>
  </si>
  <si>
    <t>21888.0</t>
  </si>
  <si>
    <t>5.824</t>
  </si>
  <si>
    <t>1717679.0</t>
  </si>
  <si>
    <t>457.075</t>
  </si>
  <si>
    <t>20810.0</t>
  </si>
  <si>
    <t>1738582.0</t>
  </si>
  <si>
    <t>462.637</t>
  </si>
  <si>
    <t>1761875.0</t>
  </si>
  <si>
    <t>468.836</t>
  </si>
  <si>
    <t>1787513.0</t>
  </si>
  <si>
    <t>25638.0</t>
  </si>
  <si>
    <t>475.658</t>
  </si>
  <si>
    <t>1816854.0</t>
  </si>
  <si>
    <t>483.466</t>
  </si>
  <si>
    <t>1853414.0</t>
  </si>
  <si>
    <t>36560.0</t>
  </si>
  <si>
    <t>493.194</t>
  </si>
  <si>
    <t>1867712.0</t>
  </si>
  <si>
    <t>496.999</t>
  </si>
  <si>
    <t>1898463.0</t>
  </si>
  <si>
    <t>505.182</t>
  </si>
  <si>
    <t>6.078</t>
  </si>
  <si>
    <t>1930410.0</t>
  </si>
  <si>
    <t>513.683</t>
  </si>
  <si>
    <t>6.407</t>
  </si>
  <si>
    <t>6072.5</t>
  </si>
  <si>
    <t>1621.76165111227</t>
  </si>
  <si>
    <t>1959122.0</t>
  </si>
  <si>
    <t>521.323</t>
  </si>
  <si>
    <t>1983768.0</t>
  </si>
  <si>
    <t>24646.0</t>
  </si>
  <si>
    <t>527.881</t>
  </si>
  <si>
    <t>6.558</t>
  </si>
  <si>
    <t>23845.0</t>
  </si>
  <si>
    <t>2013497.0</t>
  </si>
  <si>
    <t>29729.0</t>
  </si>
  <si>
    <t>535.792</t>
  </si>
  <si>
    <t>7.911</t>
  </si>
  <si>
    <t>22869.0</t>
  </si>
  <si>
    <t>6.085</t>
  </si>
  <si>
    <t>2029146.0</t>
  </si>
  <si>
    <t>15649.0</t>
  </si>
  <si>
    <t>539.957</t>
  </si>
  <si>
    <t>24083.0</t>
  </si>
  <si>
    <t>2038357.0</t>
  </si>
  <si>
    <t>542.408</t>
  </si>
  <si>
    <t>24378.0</t>
  </si>
  <si>
    <t>2062949.0</t>
  </si>
  <si>
    <t>24592.0</t>
  </si>
  <si>
    <t>548.952</t>
  </si>
  <si>
    <t>2090662.0</t>
  </si>
  <si>
    <t>27713.0</t>
  </si>
  <si>
    <t>556.326</t>
  </si>
  <si>
    <t>6.092</t>
  </si>
  <si>
    <t>15693.0</t>
  </si>
  <si>
    <t>2124863.0</t>
  </si>
  <si>
    <t>34201.0</t>
  </si>
  <si>
    <t>565.427</t>
  </si>
  <si>
    <t>23677.0</t>
  </si>
  <si>
    <t>2161441.0</t>
  </si>
  <si>
    <t>575.16</t>
  </si>
  <si>
    <t>9.733</t>
  </si>
  <si>
    <t>2187193.0</t>
  </si>
  <si>
    <t>25752.0</t>
  </si>
  <si>
    <t>582.013</t>
  </si>
  <si>
    <t>2212016.0</t>
  </si>
  <si>
    <t>588.618</t>
  </si>
  <si>
    <t>26124.0</t>
  </si>
  <si>
    <t>2225701.0</t>
  </si>
  <si>
    <t>592.26</t>
  </si>
  <si>
    <t>26763.0</t>
  </si>
  <si>
    <t>2263225.0</t>
  </si>
  <si>
    <t>37524.0</t>
  </si>
  <si>
    <t>602.245</t>
  </si>
  <si>
    <t>2299090.0</t>
  </si>
  <si>
    <t>35865.0</t>
  </si>
  <si>
    <t>611.789</t>
  </si>
  <si>
    <t>29775.0</t>
  </si>
  <si>
    <t>23493.0</t>
  </si>
  <si>
    <t>2331891.0</t>
  </si>
  <si>
    <t>32801.0</t>
  </si>
  <si>
    <t>620.517</t>
  </si>
  <si>
    <t>29575.0</t>
  </si>
  <si>
    <t>24917.0</t>
  </si>
  <si>
    <t>2363536.0</t>
  </si>
  <si>
    <t>31645.0</t>
  </si>
  <si>
    <t>628.938</t>
  </si>
  <si>
    <t>8.421</t>
  </si>
  <si>
    <t>28871.0</t>
  </si>
  <si>
    <t>26427.0</t>
  </si>
  <si>
    <t>2397582.0</t>
  </si>
  <si>
    <t>637.998</t>
  </si>
  <si>
    <t>30056.0</t>
  </si>
  <si>
    <t>27654.0</t>
  </si>
  <si>
    <t>2416404.0</t>
  </si>
  <si>
    <t>18822.0</t>
  </si>
  <si>
    <t>643.006</t>
  </si>
  <si>
    <t>29198.0</t>
  </si>
  <si>
    <t>2426154.0</t>
  </si>
  <si>
    <t>645.601</t>
  </si>
  <si>
    <t>2456395.0</t>
  </si>
  <si>
    <t>30241.0</t>
  </si>
  <si>
    <t>653.648</t>
  </si>
  <si>
    <t>8.047</t>
  </si>
  <si>
    <t>22472.0</t>
  </si>
  <si>
    <t>31911.0</t>
  </si>
  <si>
    <t>2484390.0</t>
  </si>
  <si>
    <t>661.097</t>
  </si>
  <si>
    <t>21786.0</t>
  </si>
  <si>
    <t>2513141.0</t>
  </si>
  <si>
    <t>28751.0</t>
  </si>
  <si>
    <t>668.748</t>
  </si>
  <si>
    <t>2545099.0</t>
  </si>
  <si>
    <t>31958.0</t>
  </si>
  <si>
    <t>677.252</t>
  </si>
  <si>
    <t>21074.0</t>
  </si>
  <si>
    <t>19187.0</t>
  </si>
  <si>
    <t>2556325.0</t>
  </si>
  <si>
    <t>680.239</t>
  </si>
  <si>
    <t>38553.0</t>
  </si>
  <si>
    <t>27373.0</t>
  </si>
  <si>
    <t>687.523</t>
  </si>
  <si>
    <t>36473.0</t>
  </si>
  <si>
    <t>2613185.0</t>
  </si>
  <si>
    <t>695.37</t>
  </si>
  <si>
    <t>2642209.0</t>
  </si>
  <si>
    <t>703.093</t>
  </si>
  <si>
    <t>7.723</t>
  </si>
  <si>
    <t>38350.0</t>
  </si>
  <si>
    <t>2670104.0</t>
  </si>
  <si>
    <t>710.516</t>
  </si>
  <si>
    <t>7.423</t>
  </si>
  <si>
    <t>22423.0</t>
  </si>
  <si>
    <t>5.967</t>
  </si>
  <si>
    <t>45338.0</t>
  </si>
  <si>
    <t>6433.8</t>
  </si>
  <si>
    <t>1718.25279718832</t>
  </si>
  <si>
    <t>2690233.0</t>
  </si>
  <si>
    <t>715.872</t>
  </si>
  <si>
    <t>2703985.0</t>
  </si>
  <si>
    <t>13752.0</t>
  </si>
  <si>
    <t>719.532</t>
  </si>
  <si>
    <t>21896.0</t>
  </si>
  <si>
    <t>5.827</t>
  </si>
  <si>
    <t>2711461.0</t>
  </si>
  <si>
    <t>721.521</t>
  </si>
  <si>
    <t>2721251.0</t>
  </si>
  <si>
    <t>724.126</t>
  </si>
  <si>
    <t>19650.0</t>
  </si>
  <si>
    <t>2748899.0</t>
  </si>
  <si>
    <t>27648.0</t>
  </si>
  <si>
    <t>731.483</t>
  </si>
  <si>
    <t>47949.0</t>
  </si>
  <si>
    <t>40940.0</t>
  </si>
  <si>
    <t>738.982</t>
  </si>
  <si>
    <t>51600.0</t>
  </si>
  <si>
    <t>43727.0</t>
  </si>
  <si>
    <t>2802620.0</t>
  </si>
  <si>
    <t>745.778</t>
  </si>
  <si>
    <t>5.038</t>
  </si>
  <si>
    <t>54687.0</t>
  </si>
  <si>
    <t>45987.0</t>
  </si>
  <si>
    <t>2830004.0</t>
  </si>
  <si>
    <t>27384.0</t>
  </si>
  <si>
    <t>753.065</t>
  </si>
  <si>
    <t>19967.0</t>
  </si>
  <si>
    <t>58533.0</t>
  </si>
  <si>
    <t>49021.0</t>
  </si>
  <si>
    <t>2848666.0</t>
  </si>
  <si>
    <t>758.031</t>
  </si>
  <si>
    <t>20669.0</t>
  </si>
  <si>
    <t>2858201.0</t>
  </si>
  <si>
    <t>760.568</t>
  </si>
  <si>
    <t>62447.0</t>
  </si>
  <si>
    <t>2886733.0</t>
  </si>
  <si>
    <t>28532.0</t>
  </si>
  <si>
    <t>768.161</t>
  </si>
  <si>
    <t>23640.0</t>
  </si>
  <si>
    <t>67136.0</t>
  </si>
  <si>
    <t>2927008.0</t>
  </si>
  <si>
    <t>40275.0</t>
  </si>
  <si>
    <t>778.878</t>
  </si>
  <si>
    <t>71570.0</t>
  </si>
  <si>
    <t>59195.0</t>
  </si>
  <si>
    <t>12375.0</t>
  </si>
  <si>
    <t>2958990.0</t>
  </si>
  <si>
    <t>787.388</t>
  </si>
  <si>
    <t>25987.0</t>
  </si>
  <si>
    <t>2997458.0</t>
  </si>
  <si>
    <t>797.625</t>
  </si>
  <si>
    <t>27834.0</t>
  </si>
  <si>
    <t>81076.0</t>
  </si>
  <si>
    <t>67569.0</t>
  </si>
  <si>
    <t>3041736.0</t>
  </si>
  <si>
    <t>44278.0</t>
  </si>
  <si>
    <t>809.407</t>
  </si>
  <si>
    <t>8.049</t>
  </si>
  <si>
    <t>85286.0</t>
  </si>
  <si>
    <t>71338.0</t>
  </si>
  <si>
    <t>3065478.0</t>
  </si>
  <si>
    <t>815.725</t>
  </si>
  <si>
    <t>6.318</t>
  </si>
  <si>
    <t>30973.0</t>
  </si>
  <si>
    <t>3077143.0</t>
  </si>
  <si>
    <t>818.829</t>
  </si>
  <si>
    <t>31277.0</t>
  </si>
  <si>
    <t>8.323</t>
  </si>
  <si>
    <t>74617.0</t>
  </si>
  <si>
    <t>3106828.0</t>
  </si>
  <si>
    <t>29685.0</t>
  </si>
  <si>
    <t>826.728</t>
  </si>
  <si>
    <t>31442.0</t>
  </si>
  <si>
    <t>8.367</t>
  </si>
  <si>
    <t>93305.0</t>
  </si>
  <si>
    <t>78228.0</t>
  </si>
  <si>
    <t>3135037.0</t>
  </si>
  <si>
    <t>28209.0</t>
  </si>
  <si>
    <t>834.235</t>
  </si>
  <si>
    <t>7.506</t>
  </si>
  <si>
    <t>97153.0</t>
  </si>
  <si>
    <t>81640.0</t>
  </si>
  <si>
    <t>15513.0</t>
  </si>
  <si>
    <t>3164069.0</t>
  </si>
  <si>
    <t>841.96</t>
  </si>
  <si>
    <t>29297.0</t>
  </si>
  <si>
    <t>101415.0</t>
  </si>
  <si>
    <t>85541.0</t>
  </si>
  <si>
    <t>15874.0</t>
  </si>
  <si>
    <t>3189633.0</t>
  </si>
  <si>
    <t>848.763</t>
  </si>
  <si>
    <t>7.306</t>
  </si>
  <si>
    <t>105500.0</t>
  </si>
  <si>
    <t>89353.0</t>
  </si>
  <si>
    <t>3219618.0</t>
  </si>
  <si>
    <t>29985.0</t>
  </si>
  <si>
    <t>856.742</t>
  </si>
  <si>
    <t>25412.0</t>
  </si>
  <si>
    <t>109395.0</t>
  </si>
  <si>
    <t>93072.0</t>
  </si>
  <si>
    <t>3236590.0</t>
  </si>
  <si>
    <t>861.258</t>
  </si>
  <si>
    <t>24445.0</t>
  </si>
  <si>
    <t>6.505</t>
  </si>
  <si>
    <t>3246188.0</t>
  </si>
  <si>
    <t>863.812</t>
  </si>
  <si>
    <t>24149.0</t>
  </si>
  <si>
    <t>96445.0</t>
  </si>
  <si>
    <t>3276644.0</t>
  </si>
  <si>
    <t>871.916</t>
  </si>
  <si>
    <t>117354.0</t>
  </si>
  <si>
    <t>100490.0</t>
  </si>
  <si>
    <t>16864.0</t>
  </si>
  <si>
    <t>3316341.0</t>
  </si>
  <si>
    <t>39697.0</t>
  </si>
  <si>
    <t>882.48</t>
  </si>
  <si>
    <t>10.563</t>
  </si>
  <si>
    <t>25901.0</t>
  </si>
  <si>
    <t>121263.0</t>
  </si>
  <si>
    <t>3340699.0</t>
  </si>
  <si>
    <t>888.961</t>
  </si>
  <si>
    <t>25233.0</t>
  </si>
  <si>
    <t>6.715</t>
  </si>
  <si>
    <t>125601.0</t>
  </si>
  <si>
    <t>106209.0</t>
  </si>
  <si>
    <t>19392.0</t>
  </si>
  <si>
    <t>3379620.0</t>
  </si>
  <si>
    <t>38921.0</t>
  </si>
  <si>
    <t>899.318</t>
  </si>
  <si>
    <t>7.222</t>
  </si>
  <si>
    <t>130037.0</t>
  </si>
  <si>
    <t>108979.0</t>
  </si>
  <si>
    <t>3422906.0</t>
  </si>
  <si>
    <t>43286.0</t>
  </si>
  <si>
    <t>910.837</t>
  </si>
  <si>
    <t>11.518</t>
  </si>
  <si>
    <t>29041.0</t>
  </si>
  <si>
    <t>134602.0</t>
  </si>
  <si>
    <t>109995.0</t>
  </si>
  <si>
    <t>3448206.0</t>
  </si>
  <si>
    <t>25300.0</t>
  </si>
  <si>
    <t>917.569</t>
  </si>
  <si>
    <t>6.732</t>
  </si>
  <si>
    <t>3460413.0</t>
  </si>
  <si>
    <t>920.817</t>
  </si>
  <si>
    <t>8.144</t>
  </si>
  <si>
    <t>138914.0</t>
  </si>
  <si>
    <t>112813.0</t>
  </si>
  <si>
    <t>7249.3</t>
  </si>
  <si>
    <t>1936.04557223683</t>
  </si>
  <si>
    <t>3493343.0</t>
  </si>
  <si>
    <t>929.58</t>
  </si>
  <si>
    <t>8.763</t>
  </si>
  <si>
    <t>30957.0</t>
  </si>
  <si>
    <t>8.238</t>
  </si>
  <si>
    <t>143970.0</t>
  </si>
  <si>
    <t>113248.0</t>
  </si>
  <si>
    <t>30722.0</t>
  </si>
  <si>
    <t>3523946.0</t>
  </si>
  <si>
    <t>937.723</t>
  </si>
  <si>
    <t>8.143</t>
  </si>
  <si>
    <t>29658.0</t>
  </si>
  <si>
    <t>149191.0</t>
  </si>
  <si>
    <t>115473.0</t>
  </si>
  <si>
    <t>3552137.0</t>
  </si>
  <si>
    <t>945.225</t>
  </si>
  <si>
    <t>30205.0</t>
  </si>
  <si>
    <t>8.038</t>
  </si>
  <si>
    <t>155538.0</t>
  </si>
  <si>
    <t>117758.0</t>
  </si>
  <si>
    <t>37780.0</t>
  </si>
  <si>
    <t>3582163.0</t>
  </si>
  <si>
    <t>30026.0</t>
  </si>
  <si>
    <t>953.215</t>
  </si>
  <si>
    <t>28935.0</t>
  </si>
  <si>
    <t>161947.0</t>
  </si>
  <si>
    <t>121136.0</t>
  </si>
  <si>
    <t>3613572.0</t>
  </si>
  <si>
    <t>961.573</t>
  </si>
  <si>
    <t>27238.0</t>
  </si>
  <si>
    <t>7.248</t>
  </si>
  <si>
    <t>167332.0</t>
  </si>
  <si>
    <t>122936.0</t>
  </si>
  <si>
    <t>3631860.0</t>
  </si>
  <si>
    <t>966.439</t>
  </si>
  <si>
    <t>3642977.0</t>
  </si>
  <si>
    <t>969.398</t>
  </si>
  <si>
    <t>173345.0</t>
  </si>
  <si>
    <t>125596.0</t>
  </si>
  <si>
    <t>3672494.0</t>
  </si>
  <si>
    <t>29517.0</t>
  </si>
  <si>
    <t>977.252</t>
  </si>
  <si>
    <t>7.854</t>
  </si>
  <si>
    <t>25593.0</t>
  </si>
  <si>
    <t>178738.0</t>
  </si>
  <si>
    <t>127490.0</t>
  </si>
  <si>
    <t>51248.0</t>
  </si>
  <si>
    <t>3710972.0</t>
  </si>
  <si>
    <t>38478.0</t>
  </si>
  <si>
    <t>987.491</t>
  </si>
  <si>
    <t>26718.0</t>
  </si>
  <si>
    <t>184718.0</t>
  </si>
  <si>
    <t>130244.0</t>
  </si>
  <si>
    <t>3744225.0</t>
  </si>
  <si>
    <t>996.34</t>
  </si>
  <si>
    <t>8.849</t>
  </si>
  <si>
    <t>191001.0</t>
  </si>
  <si>
    <t>132734.0</t>
  </si>
  <si>
    <t>6283.0</t>
  </si>
  <si>
    <t>3782067.0</t>
  </si>
  <si>
    <t>1006.41</t>
  </si>
  <si>
    <t>7.599</t>
  </si>
  <si>
    <t>135799.0</t>
  </si>
  <si>
    <t>61315.0</t>
  </si>
  <si>
    <t>3822734.0</t>
  </si>
  <si>
    <t>40667.0</t>
  </si>
  <si>
    <t>1017.231</t>
  </si>
  <si>
    <t>29880.0</t>
  </si>
  <si>
    <t>7.951</t>
  </si>
  <si>
    <t>202314.0</t>
  </si>
  <si>
    <t>138482.0</t>
  </si>
  <si>
    <t>63832.0</t>
  </si>
  <si>
    <t>3844656.0</t>
  </si>
  <si>
    <t>1023.065</t>
  </si>
  <si>
    <t>30399.0</t>
  </si>
  <si>
    <t>8.089</t>
  </si>
  <si>
    <t>3855098.0</t>
  </si>
  <si>
    <t>1025.843</t>
  </si>
  <si>
    <t>8.064</t>
  </si>
  <si>
    <t>207470.0</t>
  </si>
  <si>
    <t>141205.0</t>
  </si>
  <si>
    <t>66265.0</t>
  </si>
  <si>
    <t>3884832.0</t>
  </si>
  <si>
    <t>1033.755</t>
  </si>
  <si>
    <t>8.072</t>
  </si>
  <si>
    <t>142966.0</t>
  </si>
  <si>
    <t>69197.0</t>
  </si>
  <si>
    <t>3919500.0</t>
  </si>
  <si>
    <t>1042.981</t>
  </si>
  <si>
    <t>216742.0</t>
  </si>
  <si>
    <t>144727.0</t>
  </si>
  <si>
    <t>3950850.0</t>
  </si>
  <si>
    <t>31350.0</t>
  </si>
  <si>
    <t>1051.323</t>
  </si>
  <si>
    <t>8.342</t>
  </si>
  <si>
    <t>7.855</t>
  </si>
  <si>
    <t>221156.0</t>
  </si>
  <si>
    <t>3979443.0</t>
  </si>
  <si>
    <t>28593.0</t>
  </si>
  <si>
    <t>1058.931</t>
  </si>
  <si>
    <t>225666.0</t>
  </si>
  <si>
    <t>148722.0</t>
  </si>
  <si>
    <t>4010715.0</t>
  </si>
  <si>
    <t>1067.253</t>
  </si>
  <si>
    <t>8.321</t>
  </si>
  <si>
    <t>229906.0</t>
  </si>
  <si>
    <t>150684.0</t>
  </si>
  <si>
    <t>4029452.0</t>
  </si>
  <si>
    <t>1072.239</t>
  </si>
  <si>
    <t>4.986</t>
  </si>
  <si>
    <t>4040511.0</t>
  </si>
  <si>
    <t>1075.182</t>
  </si>
  <si>
    <t>234410.0</t>
  </si>
  <si>
    <t>152221.0</t>
  </si>
  <si>
    <t>82189.0</t>
  </si>
  <si>
    <t>4068467.0</t>
  </si>
  <si>
    <t>27956.0</t>
  </si>
  <si>
    <t>1082.621</t>
  </si>
  <si>
    <t>7.439</t>
  </si>
  <si>
    <t>238220.0</t>
  </si>
  <si>
    <t>153464.0</t>
  </si>
  <si>
    <t>84756.0</t>
  </si>
  <si>
    <t>4106390.0</t>
  </si>
  <si>
    <t>37923.0</t>
  </si>
  <si>
    <t>1092.712</t>
  </si>
  <si>
    <t>10.091</t>
  </si>
  <si>
    <t>26699.0</t>
  </si>
  <si>
    <t>155320.0</t>
  </si>
  <si>
    <t>87131.0</t>
  </si>
  <si>
    <t>4136859.0</t>
  </si>
  <si>
    <t>30469.0</t>
  </si>
  <si>
    <t>1100.82</t>
  </si>
  <si>
    <t>26573.0</t>
  </si>
  <si>
    <t>245380.0</t>
  </si>
  <si>
    <t>156626.0</t>
  </si>
  <si>
    <t>88754.0</t>
  </si>
  <si>
    <t>4170963.0</t>
  </si>
  <si>
    <t>34104.0</t>
  </si>
  <si>
    <t>1109.895</t>
  </si>
  <si>
    <t>248545.0</t>
  </si>
  <si>
    <t>157675.0</t>
  </si>
  <si>
    <t>90870.0</t>
  </si>
  <si>
    <t>4206891.0</t>
  </si>
  <si>
    <t>1119.455</t>
  </si>
  <si>
    <t>28025.0</t>
  </si>
  <si>
    <t>158739.0</t>
  </si>
  <si>
    <t>92790.0</t>
  </si>
  <si>
    <t>4228964.0</t>
  </si>
  <si>
    <t>1125.329</t>
  </si>
  <si>
    <t>28502.0</t>
  </si>
  <si>
    <t>4243038.0</t>
  </si>
  <si>
    <t>1129.074</t>
  </si>
  <si>
    <t>28932.0</t>
  </si>
  <si>
    <t>254737.0</t>
  </si>
  <si>
    <t>159997.0</t>
  </si>
  <si>
    <t>94740.0</t>
  </si>
  <si>
    <t>4272747.0</t>
  </si>
  <si>
    <t>29709.0</t>
  </si>
  <si>
    <t>1136.98</t>
  </si>
  <si>
    <t>7.906</t>
  </si>
  <si>
    <t>7.766</t>
  </si>
  <si>
    <t>257974.0</t>
  </si>
  <si>
    <t>160999.0</t>
  </si>
  <si>
    <t>96975.0</t>
  </si>
  <si>
    <t>4301364.0</t>
  </si>
  <si>
    <t>28617.0</t>
  </si>
  <si>
    <t>1144.595</t>
  </si>
  <si>
    <t>261652.0</t>
  </si>
  <si>
    <t>161580.0</t>
  </si>
  <si>
    <t>100072.0</t>
  </si>
  <si>
    <t>7971.4</t>
  </si>
  <si>
    <t>2128.89433111178</t>
  </si>
  <si>
    <t>4331943.0</t>
  </si>
  <si>
    <t>30579.0</t>
  </si>
  <si>
    <t>1152.732</t>
  </si>
  <si>
    <t>7.416</t>
  </si>
  <si>
    <t>4360133.0</t>
  </si>
  <si>
    <t>28190.0</t>
  </si>
  <si>
    <t>1160.233</t>
  </si>
  <si>
    <t>7.501</t>
  </si>
  <si>
    <t>27024.0</t>
  </si>
  <si>
    <t>266161.0</t>
  </si>
  <si>
    <t>161965.0</t>
  </si>
  <si>
    <t>104196.0</t>
  </si>
  <si>
    <t>4393135.0</t>
  </si>
  <si>
    <t>33002.0</t>
  </si>
  <si>
    <t>1169.015</t>
  </si>
  <si>
    <t>269154.0</t>
  </si>
  <si>
    <t>162115.0</t>
  </si>
  <si>
    <t>107039.0</t>
  </si>
  <si>
    <t>4418741.0</t>
  </si>
  <si>
    <t>25606.0</t>
  </si>
  <si>
    <t>1175.829</t>
  </si>
  <si>
    <t>6.814</t>
  </si>
  <si>
    <t>20856.0</t>
  </si>
  <si>
    <t>272810.0</t>
  </si>
  <si>
    <t>165433.0</t>
  </si>
  <si>
    <t>107377.0</t>
  </si>
  <si>
    <t>4456877.0</t>
  </si>
  <si>
    <t>38136.0</t>
  </si>
  <si>
    <t>1185.977</t>
  </si>
  <si>
    <t>277872.0</t>
  </si>
  <si>
    <t>168047.0</t>
  </si>
  <si>
    <t>109825.0</t>
  </si>
  <si>
    <t>4488106.0</t>
  </si>
  <si>
    <t>1194.287</t>
  </si>
  <si>
    <t>5.936</t>
  </si>
  <si>
    <t>283631.0</t>
  </si>
  <si>
    <t>172042.0</t>
  </si>
  <si>
    <t>111589.0</t>
  </si>
  <si>
    <t>4512001.0</t>
  </si>
  <si>
    <t>1200.645</t>
  </si>
  <si>
    <t>289399.0</t>
  </si>
  <si>
    <t>175504.0</t>
  </si>
  <si>
    <t>113895.0</t>
  </si>
  <si>
    <t>4545630.0</t>
  </si>
  <si>
    <t>1209.594</t>
  </si>
  <si>
    <t>21785.0</t>
  </si>
  <si>
    <t>4559830.0</t>
  </si>
  <si>
    <t>14200.0</t>
  </si>
  <si>
    <t>1213.373</t>
  </si>
  <si>
    <t>21375.0</t>
  </si>
  <si>
    <t>4594947.0</t>
  </si>
  <si>
    <t>35117.0</t>
  </si>
  <si>
    <t>1222.717</t>
  </si>
  <si>
    <t>9.345</t>
  </si>
  <si>
    <t>4630506.0</t>
  </si>
  <si>
    <t>35559.0</t>
  </si>
  <si>
    <t>1232.18</t>
  </si>
  <si>
    <t>9.462</t>
  </si>
  <si>
    <t>4661373.0</t>
  </si>
  <si>
    <t>30867.0</t>
  </si>
  <si>
    <t>1240.393</t>
  </si>
  <si>
    <t>24752.0</t>
  </si>
  <si>
    <t>4696173.0</t>
  </si>
  <si>
    <t>1249.654</t>
  </si>
  <si>
    <t>4731152.0</t>
  </si>
  <si>
    <t>34979.0</t>
  </si>
  <si>
    <t>1258.961</t>
  </si>
  <si>
    <t>9.308</t>
  </si>
  <si>
    <t>26503.0</t>
  </si>
  <si>
    <t>4755598.0</t>
  </si>
  <si>
    <t>1265.467</t>
  </si>
  <si>
    <t>28981.0</t>
  </si>
  <si>
    <t>4773792.0</t>
  </si>
  <si>
    <t>1270.308</t>
  </si>
  <si>
    <t>8.134</t>
  </si>
  <si>
    <t>4810167.0</t>
  </si>
  <si>
    <t>36375.0</t>
  </si>
  <si>
    <t>1279.987</t>
  </si>
  <si>
    <t>30746.0</t>
  </si>
  <si>
    <t>4847794.0</t>
  </si>
  <si>
    <t>37627.0</t>
  </si>
  <si>
    <t>31041.0</t>
  </si>
  <si>
    <t>4884450.0</t>
  </si>
  <si>
    <t>36656.0</t>
  </si>
  <si>
    <t>1299.754</t>
  </si>
  <si>
    <t>9.754</t>
  </si>
  <si>
    <t>391781.0</t>
  </si>
  <si>
    <t>255047.0</t>
  </si>
  <si>
    <t>136734.0</t>
  </si>
  <si>
    <t>4923395.0</t>
  </si>
  <si>
    <t>38945.0</t>
  </si>
  <si>
    <t>1310.117</t>
  </si>
  <si>
    <t>4966789.0</t>
  </si>
  <si>
    <t>1321.665</t>
  </si>
  <si>
    <t>11.547</t>
  </si>
  <si>
    <t>4997993.0</t>
  </si>
  <si>
    <t>31204.0</t>
  </si>
  <si>
    <t>1329.968</t>
  </si>
  <si>
    <t>34628.0</t>
  </si>
  <si>
    <t>9.215</t>
  </si>
  <si>
    <t>404339.0</t>
  </si>
  <si>
    <t>264583.0</t>
  </si>
  <si>
    <t>139756.0</t>
  </si>
  <si>
    <t>5017368.0</t>
  </si>
  <si>
    <t>19375.0</t>
  </si>
  <si>
    <t>1335.124</t>
  </si>
  <si>
    <t>5.156</t>
  </si>
  <si>
    <t>418398.0</t>
  </si>
  <si>
    <t>276144.0</t>
  </si>
  <si>
    <t>142254.0</t>
  </si>
  <si>
    <t>32497.0</t>
  </si>
  <si>
    <t>432795.0</t>
  </si>
  <si>
    <t>288573.0</t>
  </si>
  <si>
    <t>144222.0</t>
  </si>
  <si>
    <t>5057921.0</t>
  </si>
  <si>
    <t>1345.915</t>
  </si>
  <si>
    <t>30018.0</t>
  </si>
  <si>
    <t>7.988</t>
  </si>
  <si>
    <t>5099605.0</t>
  </si>
  <si>
    <t>41684.0</t>
  </si>
  <si>
    <t>1357.007</t>
  </si>
  <si>
    <t>11.092</t>
  </si>
  <si>
    <t>30736.0</t>
  </si>
  <si>
    <t>8.179</t>
  </si>
  <si>
    <t>464875.0</t>
  </si>
  <si>
    <t>311747.0</t>
  </si>
  <si>
    <t>153128.0</t>
  </si>
  <si>
    <t>5138731.0</t>
  </si>
  <si>
    <t>1367.418</t>
  </si>
  <si>
    <t>5180696.0</t>
  </si>
  <si>
    <t>41965.0</t>
  </si>
  <si>
    <t>1378.585</t>
  </si>
  <si>
    <t>8.131</t>
  </si>
  <si>
    <t>481591.0</t>
  </si>
  <si>
    <t>323837.0</t>
  </si>
  <si>
    <t>8849.7</t>
  </si>
  <si>
    <t>2363.45888577163</t>
  </si>
  <si>
    <t>5212502.0</t>
  </si>
  <si>
    <t>31806.0</t>
  </si>
  <si>
    <t>1387.049</t>
  </si>
  <si>
    <t>30644.0</t>
  </si>
  <si>
    <t>506780.0</t>
  </si>
  <si>
    <t>345238.0</t>
  </si>
  <si>
    <t>161542.0</t>
  </si>
  <si>
    <t>14634.0</t>
  </si>
  <si>
    <t>11522.0</t>
  </si>
  <si>
    <t>5233163.0</t>
  </si>
  <si>
    <t>1392.547</t>
  </si>
  <si>
    <t>5.498</t>
  </si>
  <si>
    <t>30828.0</t>
  </si>
  <si>
    <t>15187.0</t>
  </si>
  <si>
    <t>5277095.0</t>
  </si>
  <si>
    <t>43932.0</t>
  </si>
  <si>
    <t>1404.237</t>
  </si>
  <si>
    <t>34207.0</t>
  </si>
  <si>
    <t>542639.0</t>
  </si>
  <si>
    <t>370731.0</t>
  </si>
  <si>
    <t>171908.0</t>
  </si>
  <si>
    <t>15692.0</t>
  </si>
  <si>
    <t>5322324.0</t>
  </si>
  <si>
    <t>45229.0</t>
  </si>
  <si>
    <t>1416.273</t>
  </si>
  <si>
    <t>10.051</t>
  </si>
  <si>
    <t>564691.0</t>
  </si>
  <si>
    <t>386614.0</t>
  </si>
  <si>
    <t>178077.0</t>
  </si>
  <si>
    <t>22052.0</t>
  </si>
  <si>
    <t>16551.0</t>
  </si>
  <si>
    <t>5364209.0</t>
  </si>
  <si>
    <t>41885.0</t>
  </si>
  <si>
    <t>1427.418</t>
  </si>
  <si>
    <t>583647.0</t>
  </si>
  <si>
    <t>400732.0</t>
  </si>
  <si>
    <t>182915.0</t>
  </si>
  <si>
    <t>16967.0</t>
  </si>
  <si>
    <t>5406116.0</t>
  </si>
  <si>
    <t>1438.57</t>
  </si>
  <si>
    <t>11.151</t>
  </si>
  <si>
    <t>38198.0</t>
  </si>
  <si>
    <t>10.165</t>
  </si>
  <si>
    <t>606988.0</t>
  </si>
  <si>
    <t>417214.0</t>
  </si>
  <si>
    <t>189774.0</t>
  </si>
  <si>
    <t>5451467.0</t>
  </si>
  <si>
    <t>45351.0</t>
  </si>
  <si>
    <t>1450.638</t>
  </si>
  <si>
    <t>12.068</t>
  </si>
  <si>
    <t>38682.0</t>
  </si>
  <si>
    <t>626343.0</t>
  </si>
  <si>
    <t>431894.0</t>
  </si>
  <si>
    <t>194449.0</t>
  </si>
  <si>
    <t>5479436.0</t>
  </si>
  <si>
    <t>27969.0</t>
  </si>
  <si>
    <t>1458.08</t>
  </si>
  <si>
    <t>38133.0</t>
  </si>
  <si>
    <t>10.147</t>
  </si>
  <si>
    <t>641242.0</t>
  </si>
  <si>
    <t>444124.0</t>
  </si>
  <si>
    <t>197118.0</t>
  </si>
  <si>
    <t>5502875.0</t>
  </si>
  <si>
    <t>23439.0</t>
  </si>
  <si>
    <t>1464.317</t>
  </si>
  <si>
    <t>664997.0</t>
  </si>
  <si>
    <t>460763.0</t>
  </si>
  <si>
    <t>204234.0</t>
  </si>
  <si>
    <t>23755.0</t>
  </si>
  <si>
    <t>20041.0</t>
  </si>
  <si>
    <t>14683.0</t>
  </si>
  <si>
    <t>5547411.0</t>
  </si>
  <si>
    <t>44536.0</t>
  </si>
  <si>
    <t>1476.168</t>
  </si>
  <si>
    <t>11.851</t>
  </si>
  <si>
    <t>38617.0</t>
  </si>
  <si>
    <t>10.276</t>
  </si>
  <si>
    <t>688940.0</t>
  </si>
  <si>
    <t>478164.0</t>
  </si>
  <si>
    <t>23943.0</t>
  </si>
  <si>
    <t>20900.0</t>
  </si>
  <si>
    <t>5597841.0</t>
  </si>
  <si>
    <t>1489.588</t>
  </si>
  <si>
    <t>39360.0</t>
  </si>
  <si>
    <t>10.474</t>
  </si>
  <si>
    <t>715919.0</t>
  </si>
  <si>
    <t>497752.0</t>
  </si>
  <si>
    <t>218167.0</t>
  </si>
  <si>
    <t>15877.0</t>
  </si>
  <si>
    <t>5647030.0</t>
  </si>
  <si>
    <t>49189.0</t>
  </si>
  <si>
    <t>1502.677</t>
  </si>
  <si>
    <t>10.751</t>
  </si>
  <si>
    <t>741353.0</t>
  </si>
  <si>
    <t>516300.0</t>
  </si>
  <si>
    <t>225053.0</t>
  </si>
  <si>
    <t>5697967.0</t>
  </si>
  <si>
    <t>50937.0</t>
  </si>
  <si>
    <t>1516.231</t>
  </si>
  <si>
    <t>13.554</t>
  </si>
  <si>
    <t>41693.0</t>
  </si>
  <si>
    <t>767882.0</t>
  </si>
  <si>
    <t>538646.0</t>
  </si>
  <si>
    <t>229236.0</t>
  </si>
  <si>
    <t>26529.0</t>
  </si>
  <si>
    <t>22985.0</t>
  </si>
  <si>
    <t>5750547.0</t>
  </si>
  <si>
    <t>1530.223</t>
  </si>
  <si>
    <t>13.992</t>
  </si>
  <si>
    <t>11.369</t>
  </si>
  <si>
    <t>791863.0</t>
  </si>
  <si>
    <t>554714.0</t>
  </si>
  <si>
    <t>237149.0</t>
  </si>
  <si>
    <t>5784621.0</t>
  </si>
  <si>
    <t>34074.0</t>
  </si>
  <si>
    <t>1539.29</t>
  </si>
  <si>
    <t>9.067</t>
  </si>
  <si>
    <t>43598.0</t>
  </si>
  <si>
    <t>11.601</t>
  </si>
  <si>
    <t>5810351.0</t>
  </si>
  <si>
    <t>25730.0</t>
  </si>
  <si>
    <t>1546.137</t>
  </si>
  <si>
    <t>831815.0</t>
  </si>
  <si>
    <t>586608.0</t>
  </si>
  <si>
    <t>245207.0</t>
  </si>
  <si>
    <t>23831.0</t>
  </si>
  <si>
    <t>5858223.0</t>
  </si>
  <si>
    <t>47872.0</t>
  </si>
  <si>
    <t>1558.876</t>
  </si>
  <si>
    <t>12.739</t>
  </si>
  <si>
    <t>44402.0</t>
  </si>
  <si>
    <t>24108.0</t>
  </si>
  <si>
    <t>5915101.0</t>
  </si>
  <si>
    <t>56878.0</t>
  </si>
  <si>
    <t>1574.011</t>
  </si>
  <si>
    <t>15.135</t>
  </si>
  <si>
    <t>45323.0</t>
  </si>
  <si>
    <t>883570.0</t>
  </si>
  <si>
    <t>625267.0</t>
  </si>
  <si>
    <t>258303.0</t>
  </si>
  <si>
    <t>5964569.0</t>
  </si>
  <si>
    <t>1587.174</t>
  </si>
  <si>
    <t>13.163</t>
  </si>
  <si>
    <t>45363.0</t>
  </si>
  <si>
    <t>12.071</t>
  </si>
  <si>
    <t>907665.0</t>
  </si>
  <si>
    <t>640703.0</t>
  </si>
  <si>
    <t>266962.0</t>
  </si>
  <si>
    <t>24095.0</t>
  </si>
  <si>
    <t>6010958.0</t>
  </si>
  <si>
    <t>46389.0</t>
  </si>
  <si>
    <t>1599.518</t>
  </si>
  <si>
    <t>12.344</t>
  </si>
  <si>
    <t>44713.0</t>
  </si>
  <si>
    <t>11.898</t>
  </si>
  <si>
    <t>6057553.0</t>
  </si>
  <si>
    <t>1611.917</t>
  </si>
  <si>
    <t>43858.0</t>
  </si>
  <si>
    <t>6088712.0</t>
  </si>
  <si>
    <t>1620.209</t>
  </si>
  <si>
    <t>43442.0</t>
  </si>
  <si>
    <t>962165.0</t>
  </si>
  <si>
    <t>675978.0</t>
  </si>
  <si>
    <t>286187.0</t>
  </si>
  <si>
    <t>6116668.0</t>
  </si>
  <si>
    <t>43760.0</t>
  </si>
  <si>
    <t>11.645</t>
  </si>
  <si>
    <t>979813.0</t>
  </si>
  <si>
    <t>685448.0</t>
  </si>
  <si>
    <t>294365.0</t>
  </si>
  <si>
    <t>21143.0</t>
  </si>
  <si>
    <t>6163956.0</t>
  </si>
  <si>
    <t>1640.231</t>
  </si>
  <si>
    <t>12.583</t>
  </si>
  <si>
    <t>11.622</t>
  </si>
  <si>
    <t>1038292.0</t>
  </si>
  <si>
    <t>719380.0</t>
  </si>
  <si>
    <t>318912.0</t>
  </si>
  <si>
    <t>58479.0</t>
  </si>
  <si>
    <t>6217703.0</t>
  </si>
  <si>
    <t>1654.533</t>
  </si>
  <si>
    <t>14.302</t>
  </si>
  <si>
    <t>1065848.0</t>
  </si>
  <si>
    <t>734112.0</t>
  </si>
  <si>
    <t>331736.0</t>
  </si>
  <si>
    <t>27556.0</t>
  </si>
  <si>
    <t>6261356.0</t>
  </si>
  <si>
    <t>43653.0</t>
  </si>
  <si>
    <t>1666.149</t>
  </si>
  <si>
    <t>1095069.0</t>
  </si>
  <si>
    <t>749754.0</t>
  </si>
  <si>
    <t>345315.0</t>
  </si>
  <si>
    <t>6304100.0</t>
  </si>
  <si>
    <t>42744.0</t>
  </si>
  <si>
    <t>1677.524</t>
  </si>
  <si>
    <t>11.374</t>
  </si>
  <si>
    <t>41877.0</t>
  </si>
  <si>
    <t>27809.0</t>
  </si>
  <si>
    <t>6349200.0</t>
  </si>
  <si>
    <t>45100.0</t>
  </si>
  <si>
    <t>1689.525</t>
  </si>
  <si>
    <t>12.001</t>
  </si>
  <si>
    <t>11.087</t>
  </si>
  <si>
    <t>1145925.0</t>
  </si>
  <si>
    <t>771055.0</t>
  </si>
  <si>
    <t>374870.0</t>
  </si>
  <si>
    <t>7704.0</t>
  </si>
  <si>
    <t>6374417.0</t>
  </si>
  <si>
    <t>25217.0</t>
  </si>
  <si>
    <t>1696.235</t>
  </si>
  <si>
    <t>40815.0</t>
  </si>
  <si>
    <t>1164402.0</t>
  </si>
  <si>
    <t>780948.0</t>
  </si>
  <si>
    <t>28891.0</t>
  </si>
  <si>
    <t>6395828.0</t>
  </si>
  <si>
    <t>1701.932</t>
  </si>
  <si>
    <t>39880.0</t>
  </si>
  <si>
    <t>10.612</t>
  </si>
  <si>
    <t>29680.0</t>
  </si>
  <si>
    <t>6439569.0</t>
  </si>
  <si>
    <t>1713.572</t>
  </si>
  <si>
    <t>1210746.0</t>
  </si>
  <si>
    <t>802083.0</t>
  </si>
  <si>
    <t>408663.0</t>
  </si>
  <si>
    <t>11421.2</t>
  </si>
  <si>
    <t>3050.22053020723</t>
  </si>
  <si>
    <t>6491731.0</t>
  </si>
  <si>
    <t>52162.0</t>
  </si>
  <si>
    <t>1727.452</t>
  </si>
  <si>
    <t>1235386.0</t>
  </si>
  <si>
    <t>813601.0</t>
  </si>
  <si>
    <t>6532166.0</t>
  </si>
  <si>
    <t>40435.0</t>
  </si>
  <si>
    <t>1738.212</t>
  </si>
  <si>
    <t>1259381.0</t>
  </si>
  <si>
    <t>822287.0</t>
  </si>
  <si>
    <t>437094.0</t>
  </si>
  <si>
    <t>23995.0</t>
  </si>
  <si>
    <t>23473.0</t>
  </si>
  <si>
    <t>6568566.0</t>
  </si>
  <si>
    <t>1747.898</t>
  </si>
  <si>
    <t>10.054</t>
  </si>
  <si>
    <t>6607191.0</t>
  </si>
  <si>
    <t>1758.176</t>
  </si>
  <si>
    <t>36856.0</t>
  </si>
  <si>
    <t>1314104.0</t>
  </si>
  <si>
    <t>475748.0</t>
  </si>
  <si>
    <t>24026.0</t>
  </si>
  <si>
    <t>6635216.0</t>
  </si>
  <si>
    <t>1765.634</t>
  </si>
  <si>
    <t>1326033.0</t>
  </si>
  <si>
    <t>845420.0</t>
  </si>
  <si>
    <t>480613.0</t>
  </si>
  <si>
    <t>6651365.0</t>
  </si>
  <si>
    <t>1769.931</t>
  </si>
  <si>
    <t>36505.0</t>
  </si>
  <si>
    <t>9.714</t>
  </si>
  <si>
    <t>1340062.0</t>
  </si>
  <si>
    <t>850868.0</t>
  </si>
  <si>
    <t>489194.0</t>
  </si>
  <si>
    <t>6676989.0</t>
  </si>
  <si>
    <t>1776.749</t>
  </si>
  <si>
    <t>1366678.0</t>
  </si>
  <si>
    <t>856956.0</t>
  </si>
  <si>
    <t>509722.0</t>
  </si>
  <si>
    <t>26616.0</t>
  </si>
  <si>
    <t>6706438.0</t>
  </si>
  <si>
    <t>29449.0</t>
  </si>
  <si>
    <t>1784.586</t>
  </si>
  <si>
    <t>7.836</t>
  </si>
  <si>
    <t>30672.0</t>
  </si>
  <si>
    <t>6742589.0</t>
  </si>
  <si>
    <t>36151.0</t>
  </si>
  <si>
    <t>1794.206</t>
  </si>
  <si>
    <t>30060.0</t>
  </si>
  <si>
    <t>7.999</t>
  </si>
  <si>
    <t>21673.0</t>
  </si>
  <si>
    <t>6776814.0</t>
  </si>
  <si>
    <t>1803.313</t>
  </si>
  <si>
    <t>7.916</t>
  </si>
  <si>
    <t>1433296.0</t>
  </si>
  <si>
    <t>879384.0</t>
  </si>
  <si>
    <t>553912.0</t>
  </si>
  <si>
    <t>6811197.0</t>
  </si>
  <si>
    <t>34383.0</t>
  </si>
  <si>
    <t>1812.462</t>
  </si>
  <si>
    <t>22362.0</t>
  </si>
  <si>
    <t>6834802.0</t>
  </si>
  <si>
    <t>1818.744</t>
  </si>
  <si>
    <t>6.281</t>
  </si>
  <si>
    <t>7.587</t>
  </si>
  <si>
    <t>1507986.0</t>
  </si>
  <si>
    <t>902457.0</t>
  </si>
  <si>
    <t>605529.0</t>
  </si>
  <si>
    <t>25993.0</t>
  </si>
  <si>
    <t>6851994.0</t>
  </si>
  <si>
    <t>1823.318</t>
  </si>
  <si>
    <t>25855.0</t>
  </si>
  <si>
    <t>6889711.0</t>
  </si>
  <si>
    <t>1833.355</t>
  </si>
  <si>
    <t>30389.0</t>
  </si>
  <si>
    <t>1534111.0</t>
  </si>
  <si>
    <t>914222.0</t>
  </si>
  <si>
    <t>619889.0</t>
  </si>
  <si>
    <t>6921918.0</t>
  </si>
  <si>
    <t>1841.925</t>
  </si>
  <si>
    <t>26189.0</t>
  </si>
  <si>
    <t>6957318.0</t>
  </si>
  <si>
    <t>1851.345</t>
  </si>
  <si>
    <t>1610309.0</t>
  </si>
  <si>
    <t>935094.0</t>
  </si>
  <si>
    <t>675215.0</t>
  </si>
  <si>
    <t>6988850.0</t>
  </si>
  <si>
    <t>1859.736</t>
  </si>
  <si>
    <t>8.391</t>
  </si>
  <si>
    <t>27418.0</t>
  </si>
  <si>
    <t>7020921.0</t>
  </si>
  <si>
    <t>32071.0</t>
  </si>
  <si>
    <t>1868.27</t>
  </si>
  <si>
    <t>7043841.0</t>
  </si>
  <si>
    <t>22920.0</t>
  </si>
  <si>
    <t>1874.369</t>
  </si>
  <si>
    <t>1655040.0</t>
  </si>
  <si>
    <t>947477.0</t>
  </si>
  <si>
    <t>707563.0</t>
  </si>
  <si>
    <t>21008.0</t>
  </si>
  <si>
    <t>7056344.0</t>
  </si>
  <si>
    <t>1877.696</t>
  </si>
  <si>
    <t>7.768</t>
  </si>
  <si>
    <t>1671295.0</t>
  </si>
  <si>
    <t>952219.0</t>
  </si>
  <si>
    <t>719076.0</t>
  </si>
  <si>
    <t>16255.0</t>
  </si>
  <si>
    <t>7090594.0</t>
  </si>
  <si>
    <t>1886.81</t>
  </si>
  <si>
    <t>1686412.0</t>
  </si>
  <si>
    <t>956417.0</t>
  </si>
  <si>
    <t>729995.0</t>
  </si>
  <si>
    <t>21757.0</t>
  </si>
  <si>
    <t>7120392.0</t>
  </si>
  <si>
    <t>29798.0</t>
  </si>
  <si>
    <t>1894.739</t>
  </si>
  <si>
    <t>7.929</t>
  </si>
  <si>
    <t>28353.0</t>
  </si>
  <si>
    <t>1700895.0</t>
  </si>
  <si>
    <t>960081.0</t>
  </si>
  <si>
    <t>740814.0</t>
  </si>
  <si>
    <t>45.43</t>
  </si>
  <si>
    <t>7148945.0</t>
  </si>
  <si>
    <t>1902.337</t>
  </si>
  <si>
    <t>7.598</t>
  </si>
  <si>
    <t>1715073.0</t>
  </si>
  <si>
    <t>963663.0</t>
  </si>
  <si>
    <t>751410.0</t>
  </si>
  <si>
    <t>7174637.0</t>
  </si>
  <si>
    <t>1909.174</t>
  </si>
  <si>
    <t>6.837</t>
  </si>
  <si>
    <t>7208968.0</t>
  </si>
  <si>
    <t>1918.309</t>
  </si>
  <si>
    <t>26864.0</t>
  </si>
  <si>
    <t>7.149</t>
  </si>
  <si>
    <t>1729672.0</t>
  </si>
  <si>
    <t>967441.0</t>
  </si>
  <si>
    <t>762231.0</t>
  </si>
  <si>
    <t>7229757.0</t>
  </si>
  <si>
    <t>1923.841</t>
  </si>
  <si>
    <t>5.532</t>
  </si>
  <si>
    <t>26559.0</t>
  </si>
  <si>
    <t>1749457.0</t>
  </si>
  <si>
    <t>971836.0</t>
  </si>
  <si>
    <t>777621.0</t>
  </si>
  <si>
    <t>7243034.0</t>
  </si>
  <si>
    <t>1927.374</t>
  </si>
  <si>
    <t>26670.0</t>
  </si>
  <si>
    <t>7.097</t>
  </si>
  <si>
    <t>1760878.0</t>
  </si>
  <si>
    <t>975028.0</t>
  </si>
  <si>
    <t>785850.0</t>
  </si>
  <si>
    <t>12798.0</t>
  </si>
  <si>
    <t>7274250.0</t>
  </si>
  <si>
    <t>31216.0</t>
  </si>
  <si>
    <t>1935.681</t>
  </si>
  <si>
    <t>26237.0</t>
  </si>
  <si>
    <t>1774769.0</t>
  </si>
  <si>
    <t>978640.0</t>
  </si>
  <si>
    <t>796129.0</t>
  </si>
  <si>
    <t>13891.0</t>
  </si>
  <si>
    <t>12622.0</t>
  </si>
  <si>
    <t>7306772.0</t>
  </si>
  <si>
    <t>32522.0</t>
  </si>
  <si>
    <t>1944.335</t>
  </si>
  <si>
    <t>8.654</t>
  </si>
  <si>
    <t>7.085</t>
  </si>
  <si>
    <t>7342819.0</t>
  </si>
  <si>
    <t>1953.927</t>
  </si>
  <si>
    <t>9.592</t>
  </si>
  <si>
    <t>13675.5</t>
  </si>
  <si>
    <t>3652.26866361232</t>
  </si>
  <si>
    <t>7385476.0</t>
  </si>
  <si>
    <t>42657.0</t>
  </si>
  <si>
    <t>1965.278</t>
  </si>
  <si>
    <t>11.351</t>
  </si>
  <si>
    <t>8.015</t>
  </si>
  <si>
    <t>7436724.0</t>
  </si>
  <si>
    <t>1978.915</t>
  </si>
  <si>
    <t>13.637</t>
  </si>
  <si>
    <t>8.658</t>
  </si>
  <si>
    <t>1813679.0</t>
  </si>
  <si>
    <t>988358.0</t>
  </si>
  <si>
    <t>825321.0</t>
  </si>
  <si>
    <t>7458831.0</t>
  </si>
  <si>
    <t>1984.798</t>
  </si>
  <si>
    <t>1818258.0</t>
  </si>
  <si>
    <t>989294.0</t>
  </si>
  <si>
    <t>828964.0</t>
  </si>
  <si>
    <t>1826786.0</t>
  </si>
  <si>
    <t>991141.0</t>
  </si>
  <si>
    <t>835645.0</t>
  </si>
  <si>
    <t>7492510.0</t>
  </si>
  <si>
    <t>1993.76</t>
  </si>
  <si>
    <t>8.297</t>
  </si>
  <si>
    <t>7527428.0</t>
  </si>
  <si>
    <t>34918.0</t>
  </si>
  <si>
    <t>2003.052</t>
  </si>
  <si>
    <t>9.292</t>
  </si>
  <si>
    <t>8.388</t>
  </si>
  <si>
    <t>1836443.0</t>
  </si>
  <si>
    <t>993154.0</t>
  </si>
  <si>
    <t>843289.0</t>
  </si>
  <si>
    <t>7559256.0</t>
  </si>
  <si>
    <t>31828.0</t>
  </si>
  <si>
    <t>2011.521</t>
  </si>
  <si>
    <t>8.228</t>
  </si>
  <si>
    <t>7596096.0</t>
  </si>
  <si>
    <t>36840.0</t>
  </si>
  <si>
    <t>2021.324</t>
  </si>
  <si>
    <t>30089.0</t>
  </si>
  <si>
    <t>8.007</t>
  </si>
  <si>
    <t>7634138.0</t>
  </si>
  <si>
    <t>2031.447</t>
  </si>
  <si>
    <t>28202.0</t>
  </si>
  <si>
    <t>1862753.0</t>
  </si>
  <si>
    <t>998444.0</t>
  </si>
  <si>
    <t>864309.0</t>
  </si>
  <si>
    <t>7664287.0</t>
  </si>
  <si>
    <t>30149.0</t>
  </si>
  <si>
    <t>2039.47</t>
  </si>
  <si>
    <t>8.023</t>
  </si>
  <si>
    <t>1874845.0</t>
  </si>
  <si>
    <t>1000785.0</t>
  </si>
  <si>
    <t>874060.0</t>
  </si>
  <si>
    <t>7681998.0</t>
  </si>
  <si>
    <t>2044.183</t>
  </si>
  <si>
    <t>4.713</t>
  </si>
  <si>
    <t>29475.0</t>
  </si>
  <si>
    <t>7.843</t>
  </si>
  <si>
    <t>1882118.0</t>
  </si>
  <si>
    <t>1002488.0</t>
  </si>
  <si>
    <t>879630.0</t>
  </si>
  <si>
    <t>7729721.0</t>
  </si>
  <si>
    <t>47723.0</t>
  </si>
  <si>
    <t>2056.882</t>
  </si>
  <si>
    <t>12.699</t>
  </si>
  <si>
    <t>33887.0</t>
  </si>
  <si>
    <t>9.017</t>
  </si>
  <si>
    <t>7779107.0</t>
  </si>
  <si>
    <t>49386.0</t>
  </si>
  <si>
    <t>2070.024</t>
  </si>
  <si>
    <t>13.142</t>
  </si>
  <si>
    <t>9.567</t>
  </si>
  <si>
    <t>1889200.0</t>
  </si>
  <si>
    <t>1004298.0</t>
  </si>
  <si>
    <t>884902.0</t>
  </si>
  <si>
    <t>7831727.0</t>
  </si>
  <si>
    <t>2084.026</t>
  </si>
  <si>
    <t>14.002</t>
  </si>
  <si>
    <t>1899938.0</t>
  </si>
  <si>
    <t>1007528.0</t>
  </si>
  <si>
    <t>892410.0</t>
  </si>
  <si>
    <t>7869820.0</t>
  </si>
  <si>
    <t>38093.0</t>
  </si>
  <si>
    <t>2094.162</t>
  </si>
  <si>
    <t>10.405</t>
  </si>
  <si>
    <t>7932814.0</t>
  </si>
  <si>
    <t>62994.0</t>
  </si>
  <si>
    <t>2110.925</t>
  </si>
  <si>
    <t>16.763</t>
  </si>
  <si>
    <t>7978937.0</t>
  </si>
  <si>
    <t>46123.0</t>
  </si>
  <si>
    <t>2123.198</t>
  </si>
  <si>
    <t>44950.0</t>
  </si>
  <si>
    <t>11.961</t>
  </si>
  <si>
    <t>8004322.0</t>
  </si>
  <si>
    <t>25385.0</t>
  </si>
  <si>
    <t>2129.953</t>
  </si>
  <si>
    <t>6.755</t>
  </si>
  <si>
    <t>12.253</t>
  </si>
  <si>
    <t>8060877.0</t>
  </si>
  <si>
    <t>56555.0</t>
  </si>
  <si>
    <t>2145.003</t>
  </si>
  <si>
    <t>15.049</t>
  </si>
  <si>
    <t>12.589</t>
  </si>
  <si>
    <t>1920934.0</t>
  </si>
  <si>
    <t>1013828.0</t>
  </si>
  <si>
    <t>907106.0</t>
  </si>
  <si>
    <t>8118178.0</t>
  </si>
  <si>
    <t>57301.0</t>
  </si>
  <si>
    <t>2160.25</t>
  </si>
  <si>
    <t>48439.0</t>
  </si>
  <si>
    <t>8171878.0</t>
  </si>
  <si>
    <t>2174.54</t>
  </si>
  <si>
    <t>48593.0</t>
  </si>
  <si>
    <t>8221838.0</t>
  </si>
  <si>
    <t>2187.834</t>
  </si>
  <si>
    <t>50288.0</t>
  </si>
  <si>
    <t>8274325.0</t>
  </si>
  <si>
    <t>52487.0</t>
  </si>
  <si>
    <t>2201.801</t>
  </si>
  <si>
    <t>13.967</t>
  </si>
  <si>
    <t>48787.0</t>
  </si>
  <si>
    <t>12.982</t>
  </si>
  <si>
    <t>8306336.0</t>
  </si>
  <si>
    <t>32011.0</t>
  </si>
  <si>
    <t>2210.319</t>
  </si>
  <si>
    <t>46771.0</t>
  </si>
  <si>
    <t>8329183.0</t>
  </si>
  <si>
    <t>22847.0</t>
  </si>
  <si>
    <t>2216.399</t>
  </si>
  <si>
    <t>46409.0</t>
  </si>
  <si>
    <t>12.349</t>
  </si>
  <si>
    <t>8377273.0</t>
  </si>
  <si>
    <t>48090.0</t>
  </si>
  <si>
    <t>2229.196</t>
  </si>
  <si>
    <t>12.797</t>
  </si>
  <si>
    <t>45199.0</t>
  </si>
  <si>
    <t>8430707.0</t>
  </si>
  <si>
    <t>53434.0</t>
  </si>
  <si>
    <t>2243.415</t>
  </si>
  <si>
    <t>14.219</t>
  </si>
  <si>
    <t>44647.0</t>
  </si>
  <si>
    <t>11.881</t>
  </si>
  <si>
    <t>8477175.0</t>
  </si>
  <si>
    <t>2255.78</t>
  </si>
  <si>
    <t>43614.0</t>
  </si>
  <si>
    <t>11.606</t>
  </si>
  <si>
    <t>8525688.0</t>
  </si>
  <si>
    <t>48513.0</t>
  </si>
  <si>
    <t>2268.689</t>
  </si>
  <si>
    <t>8581503.0</t>
  </si>
  <si>
    <t>55815.0</t>
  </si>
  <si>
    <t>2283.541</t>
  </si>
  <si>
    <t>14.852</t>
  </si>
  <si>
    <t>43883.0</t>
  </si>
  <si>
    <t>8617696.0</t>
  </si>
  <si>
    <t>36193.0</t>
  </si>
  <si>
    <t>2293.172</t>
  </si>
  <si>
    <t>11.836</t>
  </si>
  <si>
    <t>15771.8</t>
  </si>
  <si>
    <t>4212.12028143474</t>
  </si>
  <si>
    <t>8653889.0</t>
  </si>
  <si>
    <t>2302.803</t>
  </si>
  <si>
    <t>8702790.0</t>
  </si>
  <si>
    <t>48901.0</t>
  </si>
  <si>
    <t>2315.816</t>
  </si>
  <si>
    <t>13.013</t>
  </si>
  <si>
    <t>46502.0</t>
  </si>
  <si>
    <t>12.374</t>
  </si>
  <si>
    <t>8751691.0</t>
  </si>
  <si>
    <t>2328.829</t>
  </si>
  <si>
    <t>1990501.0</t>
  </si>
  <si>
    <t>1044106.0</t>
  </si>
  <si>
    <t>946395.0</t>
  </si>
  <si>
    <t>8800306.0</t>
  </si>
  <si>
    <t>2341.765</t>
  </si>
  <si>
    <t>12.936</t>
  </si>
  <si>
    <t>12.284</t>
  </si>
  <si>
    <t>1995150.0</t>
  </si>
  <si>
    <t>1046643.0</t>
  </si>
  <si>
    <t>948507.0</t>
  </si>
  <si>
    <t>8855607.0</t>
  </si>
  <si>
    <t>55301.0</t>
  </si>
  <si>
    <t>2356.481</t>
  </si>
  <si>
    <t>14.716</t>
  </si>
  <si>
    <t>47131.0</t>
  </si>
  <si>
    <t>11.125</t>
  </si>
  <si>
    <t>2003963.0</t>
  </si>
  <si>
    <t>1051715.0</t>
  </si>
  <si>
    <t>952248.0</t>
  </si>
  <si>
    <t>8892722.0</t>
  </si>
  <si>
    <t>2366.357</t>
  </si>
  <si>
    <t>39289.0</t>
  </si>
  <si>
    <t>2005229.0</t>
  </si>
  <si>
    <t>1052398.0</t>
  </si>
  <si>
    <t>952831.0</t>
  </si>
  <si>
    <t>8914199.0</t>
  </si>
  <si>
    <t>2372.072</t>
  </si>
  <si>
    <t>5.715</t>
  </si>
  <si>
    <t>37187.0</t>
  </si>
  <si>
    <t>9.895</t>
  </si>
  <si>
    <t>2010783.0</t>
  </si>
  <si>
    <t>1055792.0</t>
  </si>
  <si>
    <t>954991.0</t>
  </si>
  <si>
    <t>8966232.0</t>
  </si>
  <si>
    <t>52033.0</t>
  </si>
  <si>
    <t>2385.918</t>
  </si>
  <si>
    <t>2018336.0</t>
  </si>
  <si>
    <t>1060937.0</t>
  </si>
  <si>
    <t>957399.0</t>
  </si>
  <si>
    <t>9023278.0</t>
  </si>
  <si>
    <t>57046.0</t>
  </si>
  <si>
    <t>2401.098</t>
  </si>
  <si>
    <t>10.324</t>
  </si>
  <si>
    <t>9072612.0</t>
  </si>
  <si>
    <t>2414.226</t>
  </si>
  <si>
    <t>13.128</t>
  </si>
  <si>
    <t>38901.0</t>
  </si>
  <si>
    <t>2032939.0</t>
  </si>
  <si>
    <t>1070966.0</t>
  </si>
  <si>
    <t>961973.0</t>
  </si>
  <si>
    <t>25.69</t>
  </si>
  <si>
    <t>9123394.0</t>
  </si>
  <si>
    <t>50782.0</t>
  </si>
  <si>
    <t>2427.739</t>
  </si>
  <si>
    <t>13.513</t>
  </si>
  <si>
    <t>2041209.0</t>
  </si>
  <si>
    <t>1076629.0</t>
  </si>
  <si>
    <t>964580.0</t>
  </si>
  <si>
    <t>9179412.0</t>
  </si>
  <si>
    <t>2442.645</t>
  </si>
  <si>
    <t>14.906</t>
  </si>
  <si>
    <t>11.604</t>
  </si>
  <si>
    <t>2046362.0</t>
  </si>
  <si>
    <t>1080219.0</t>
  </si>
  <si>
    <t>966143.0</t>
  </si>
  <si>
    <t>9218229.0</t>
  </si>
  <si>
    <t>2452.974</t>
  </si>
  <si>
    <t>46501.0</t>
  </si>
  <si>
    <t>9238395.0</t>
  </si>
  <si>
    <t>2458.341</t>
  </si>
  <si>
    <t>12.324</t>
  </si>
  <si>
    <t>2057216.0</t>
  </si>
  <si>
    <t>1088007.0</t>
  </si>
  <si>
    <t>969209.0</t>
  </si>
  <si>
    <t>9291229.0</t>
  </si>
  <si>
    <t>2472.4</t>
  </si>
  <si>
    <t>14.059</t>
  </si>
  <si>
    <t>46428.0</t>
  </si>
  <si>
    <t>12.355</t>
  </si>
  <si>
    <t>2066159.0</t>
  </si>
  <si>
    <t>1094581.0</t>
  </si>
  <si>
    <t>971578.0</t>
  </si>
  <si>
    <t>9341936.0</t>
  </si>
  <si>
    <t>50707.0</t>
  </si>
  <si>
    <t>2485.893</t>
  </si>
  <si>
    <t>45523.0</t>
  </si>
  <si>
    <t>2074270.0</t>
  </si>
  <si>
    <t>1100474.0</t>
  </si>
  <si>
    <t>973796.0</t>
  </si>
  <si>
    <t>9391962.0</t>
  </si>
  <si>
    <t>50026.0</t>
  </si>
  <si>
    <t>2499.205</t>
  </si>
  <si>
    <t>45621.0</t>
  </si>
  <si>
    <t>9443260.0</t>
  </si>
  <si>
    <t>51298.0</t>
  </si>
  <si>
    <t>2512.855</t>
  </si>
  <si>
    <t>45695.0</t>
  </si>
  <si>
    <t>12.159</t>
  </si>
  <si>
    <t>2090036.0</t>
  </si>
  <si>
    <t>1111828.0</t>
  </si>
  <si>
    <t>978208.0</t>
  </si>
  <si>
    <t>29.69</t>
  </si>
  <si>
    <t>9496222.0</t>
  </si>
  <si>
    <t>52962.0</t>
  </si>
  <si>
    <t>2526.949</t>
  </si>
  <si>
    <t>12.043</t>
  </si>
  <si>
    <t>9530583.0</t>
  </si>
  <si>
    <t>2536.092</t>
  </si>
  <si>
    <t>9.143</t>
  </si>
  <si>
    <t>44622.0</t>
  </si>
  <si>
    <t>11.874</t>
  </si>
  <si>
    <t>2097159.0</t>
  </si>
  <si>
    <t>1116946.0</t>
  </si>
  <si>
    <t>980213.0</t>
  </si>
  <si>
    <t>9552595.0</t>
  </si>
  <si>
    <t>22012.0</t>
  </si>
  <si>
    <t>2541.949</t>
  </si>
  <si>
    <t>2107467.0</t>
  </si>
  <si>
    <t>1124753.0</t>
  </si>
  <si>
    <t>982714.0</t>
  </si>
  <si>
    <t>9604035.0</t>
  </si>
  <si>
    <t>51440.0</t>
  </si>
  <si>
    <t>2555.638</t>
  </si>
  <si>
    <t>44687.0</t>
  </si>
  <si>
    <t>11.891</t>
  </si>
  <si>
    <t>2112851.0</t>
  </si>
  <si>
    <t>1128312.0</t>
  </si>
  <si>
    <t>984539.0</t>
  </si>
  <si>
    <t>9630623.0</t>
  </si>
  <si>
    <t>2562.713</t>
  </si>
  <si>
    <t>41241.0</t>
  </si>
  <si>
    <t>9683610.0</t>
  </si>
  <si>
    <t>52987.0</t>
  </si>
  <si>
    <t>2576.813</t>
  </si>
  <si>
    <t>2133935.0</t>
  </si>
  <si>
    <t>1144402.0</t>
  </si>
  <si>
    <t>989533.0</t>
  </si>
  <si>
    <t>9735366.0</t>
  </si>
  <si>
    <t>51756.0</t>
  </si>
  <si>
    <t>2590.585</t>
  </si>
  <si>
    <t>13.772</t>
  </si>
  <si>
    <t>41729.0</t>
  </si>
  <si>
    <t>9788806.0</t>
  </si>
  <si>
    <t>53440.0</t>
  </si>
  <si>
    <t>2604.805</t>
  </si>
  <si>
    <t>41798.0</t>
  </si>
  <si>
    <t>11.122</t>
  </si>
  <si>
    <t>10.197</t>
  </si>
  <si>
    <t>2155561.0</t>
  </si>
  <si>
    <t>1160258.0</t>
  </si>
  <si>
    <t>995303.0</t>
  </si>
  <si>
    <t>9808874.0</t>
  </si>
  <si>
    <t>2610.145</t>
  </si>
  <si>
    <t>36611.0</t>
  </si>
  <si>
    <t>9.742</t>
  </si>
  <si>
    <t>9862728.0</t>
  </si>
  <si>
    <t>53854.0</t>
  </si>
  <si>
    <t>2624.476</t>
  </si>
  <si>
    <t>14.331</t>
  </si>
  <si>
    <t>2183335.0</t>
  </si>
  <si>
    <t>18595.3</t>
  </si>
  <si>
    <t>4966.18269755914</t>
  </si>
  <si>
    <t>9914049.0</t>
  </si>
  <si>
    <t>51321.0</t>
  </si>
  <si>
    <t>2638.132</t>
  </si>
  <si>
    <t>13.657</t>
  </si>
  <si>
    <t>40489.0</t>
  </si>
  <si>
    <t>10.774</t>
  </si>
  <si>
    <t>2197838.0</t>
  </si>
  <si>
    <t>1175379.0</t>
  </si>
  <si>
    <t>9964675.0</t>
  </si>
  <si>
    <t>50626.0</t>
  </si>
  <si>
    <t>2651.604</t>
  </si>
  <si>
    <t>10016424.0</t>
  </si>
  <si>
    <t>51749.0</t>
  </si>
  <si>
    <t>2665.374</t>
  </si>
  <si>
    <t>40151.0</t>
  </si>
  <si>
    <t>2224629.0</t>
  </si>
  <si>
    <t>1210371.0</t>
  </si>
  <si>
    <t>1014258.0</t>
  </si>
  <si>
    <t>10070906.0</t>
  </si>
  <si>
    <t>2679.872</t>
  </si>
  <si>
    <t>10108620.0</t>
  </si>
  <si>
    <t>37714.0</t>
  </si>
  <si>
    <t>2689.908</t>
  </si>
  <si>
    <t>10.036</t>
  </si>
  <si>
    <t>44254.0</t>
  </si>
  <si>
    <t>2238070.0</t>
  </si>
  <si>
    <t>1219086.0</t>
  </si>
  <si>
    <t>1018984.0</t>
  </si>
  <si>
    <t>10134475.0</t>
  </si>
  <si>
    <t>2696.788</t>
  </si>
  <si>
    <t>46514.0</t>
  </si>
  <si>
    <t>12.377</t>
  </si>
  <si>
    <t>2251150.0</t>
  </si>
  <si>
    <t>1227371.0</t>
  </si>
  <si>
    <t>1023779.0</t>
  </si>
  <si>
    <t>10181803.0</t>
  </si>
  <si>
    <t>2709.382</t>
  </si>
  <si>
    <t>45582.0</t>
  </si>
  <si>
    <t>12.129</t>
  </si>
  <si>
    <t>2264582.0</t>
  </si>
  <si>
    <t>1235785.0</t>
  </si>
  <si>
    <t>1028797.0</t>
  </si>
  <si>
    <t>10236933.0</t>
  </si>
  <si>
    <t>55130.0</t>
  </si>
  <si>
    <t>2724.052</t>
  </si>
  <si>
    <t>2276478.0</t>
  </si>
  <si>
    <t>1243023.0</t>
  </si>
  <si>
    <t>1033455.0</t>
  </si>
  <si>
    <t>10291403.0</t>
  </si>
  <si>
    <t>2738.547</t>
  </si>
  <si>
    <t>14.494</t>
  </si>
  <si>
    <t>46675.0</t>
  </si>
  <si>
    <t>10342026.0</t>
  </si>
  <si>
    <t>50623.0</t>
  </si>
  <si>
    <t>2752.017</t>
  </si>
  <si>
    <t>46515.0</t>
  </si>
  <si>
    <t>2300323.0</t>
  </si>
  <si>
    <t>1257362.0</t>
  </si>
  <si>
    <t>1042961.0</t>
  </si>
  <si>
    <t>10400004.0</t>
  </si>
  <si>
    <t>57978.0</t>
  </si>
  <si>
    <t>2767.445</t>
  </si>
  <si>
    <t>43145.0</t>
  </si>
  <si>
    <t>11.481</t>
  </si>
  <si>
    <t>1264271.0</t>
  </si>
  <si>
    <t>1047569.0</t>
  </si>
  <si>
    <t>10421268.0</t>
  </si>
  <si>
    <t>2773.104</t>
  </si>
  <si>
    <t>5.658</t>
  </si>
  <si>
    <t>40970.0</t>
  </si>
  <si>
    <t>2324131.0</t>
  </si>
  <si>
    <t>1271145.0</t>
  </si>
  <si>
    <t>1052986.0</t>
  </si>
  <si>
    <t>10474523.0</t>
  </si>
  <si>
    <t>53255.0</t>
  </si>
  <si>
    <t>2787.275</t>
  </si>
  <si>
    <t>41817.0</t>
  </si>
  <si>
    <t>11.128</t>
  </si>
  <si>
    <t>2336951.0</t>
  </si>
  <si>
    <t>1278845.0</t>
  </si>
  <si>
    <t>1058106.0</t>
  </si>
  <si>
    <t>10525108.0</t>
  </si>
  <si>
    <t>50585.0</t>
  </si>
  <si>
    <t>2800.736</t>
  </si>
  <si>
    <t>13.461</t>
  </si>
  <si>
    <t>41168.0</t>
  </si>
  <si>
    <t>2349643.0</t>
  </si>
  <si>
    <t>1285859.0</t>
  </si>
  <si>
    <t>1063784.0</t>
  </si>
  <si>
    <t>10574006.0</t>
  </si>
  <si>
    <t>2813.747</t>
  </si>
  <si>
    <t>40372.0</t>
  </si>
  <si>
    <t>2361557.0</t>
  </si>
  <si>
    <t>1292233.0</t>
  </si>
  <si>
    <t>1069324.0</t>
  </si>
  <si>
    <t>10621943.0</t>
  </si>
  <si>
    <t>2826.503</t>
  </si>
  <si>
    <t>10.641</t>
  </si>
  <si>
    <t>2372433.0</t>
  </si>
  <si>
    <t>1297825.0</t>
  </si>
  <si>
    <t>1074608.0</t>
  </si>
  <si>
    <t>10876.0</t>
  </si>
  <si>
    <t>10672997.0</t>
  </si>
  <si>
    <t>2840.089</t>
  </si>
  <si>
    <t>13.585</t>
  </si>
  <si>
    <t>2380972.0</t>
  </si>
  <si>
    <t>1302517.0</t>
  </si>
  <si>
    <t>1078455.0</t>
  </si>
  <si>
    <t>10706810.0</t>
  </si>
  <si>
    <t>33813.0</t>
  </si>
  <si>
    <t>2849.086</t>
  </si>
  <si>
    <t>42311.0</t>
  </si>
  <si>
    <t>2384360.0</t>
  </si>
  <si>
    <t>1304199.0</t>
  </si>
  <si>
    <t>1080161.0</t>
  </si>
  <si>
    <t>10728811.0</t>
  </si>
  <si>
    <t>22001.0</t>
  </si>
  <si>
    <t>2854.941</t>
  </si>
  <si>
    <t>5.854</t>
  </si>
  <si>
    <t>2399482.0</t>
  </si>
  <si>
    <t>1088111.0</t>
  </si>
  <si>
    <t>10778158.0</t>
  </si>
  <si>
    <t>49347.0</t>
  </si>
  <si>
    <t>2868.072</t>
  </si>
  <si>
    <t>13.131</t>
  </si>
  <si>
    <t>43376.0</t>
  </si>
  <si>
    <t>11.542</t>
  </si>
  <si>
    <t>2414722.0</t>
  </si>
  <si>
    <t>1318493.0</t>
  </si>
  <si>
    <t>1096229.0</t>
  </si>
  <si>
    <t>10823311.0</t>
  </si>
  <si>
    <t>45153.0</t>
  </si>
  <si>
    <t>2880.087</t>
  </si>
  <si>
    <t>11.336</t>
  </si>
  <si>
    <t>10866748.0</t>
  </si>
  <si>
    <t>43437.0</t>
  </si>
  <si>
    <t>2891.646</t>
  </si>
  <si>
    <t>41820.0</t>
  </si>
  <si>
    <t>2428334.0</t>
  </si>
  <si>
    <t>1324234.0</t>
  </si>
  <si>
    <t>1104100.0</t>
  </si>
  <si>
    <t>10909777.0</t>
  </si>
  <si>
    <t>2903.096</t>
  </si>
  <si>
    <t>41119.0</t>
  </si>
  <si>
    <t>2441614.0</t>
  </si>
  <si>
    <t>1330278.0</t>
  </si>
  <si>
    <t>1111336.0</t>
  </si>
  <si>
    <t>10958417.0</t>
  </si>
  <si>
    <t>2916.039</t>
  </si>
  <si>
    <t>12.943</t>
  </si>
  <si>
    <t>9.939</t>
  </si>
  <si>
    <t>2466815.0</t>
  </si>
  <si>
    <t>1341907.0</t>
  </si>
  <si>
    <t>1124908.0</t>
  </si>
  <si>
    <t>10978118.0</t>
  </si>
  <si>
    <t>2921.282</t>
  </si>
  <si>
    <t>9.477</t>
  </si>
  <si>
    <t>11020840.0</t>
  </si>
  <si>
    <t>2932.65</t>
  </si>
  <si>
    <t>2495435.0</t>
  </si>
  <si>
    <t>1355604.0</t>
  </si>
  <si>
    <t>1139831.0</t>
  </si>
  <si>
    <t>11530.0</t>
  </si>
  <si>
    <t>11066899.0</t>
  </si>
  <si>
    <t>2944.906</t>
  </si>
  <si>
    <t>12.256</t>
  </si>
  <si>
    <t>11803.0</t>
  </si>
  <si>
    <t>11105935.0</t>
  </si>
  <si>
    <t>39036.0</t>
  </si>
  <si>
    <t>2955.294</t>
  </si>
  <si>
    <t>34170.0</t>
  </si>
  <si>
    <t>2512858.0</t>
  </si>
  <si>
    <t>1363896.0</t>
  </si>
  <si>
    <t>1148962.0</t>
  </si>
  <si>
    <t>11144737.0</t>
  </si>
  <si>
    <t>2965.619</t>
  </si>
  <si>
    <t>33566.0</t>
  </si>
  <si>
    <t>8.932</t>
  </si>
  <si>
    <t>20504.2</t>
  </si>
  <si>
    <t>5475.98604310187</t>
  </si>
  <si>
    <t>11178971.0</t>
  </si>
  <si>
    <t>34234.0</t>
  </si>
  <si>
    <t>2974.729</t>
  </si>
  <si>
    <t>8.384</t>
  </si>
  <si>
    <t>11192412.0</t>
  </si>
  <si>
    <t>2978.305</t>
  </si>
  <si>
    <t>11207444.0</t>
  </si>
  <si>
    <t>2982.305</t>
  </si>
  <si>
    <t>2520230.0</t>
  </si>
  <si>
    <t>1367568.0</t>
  </si>
  <si>
    <t>1152662.0</t>
  </si>
  <si>
    <t>11246759.0</t>
  </si>
  <si>
    <t>39315.0</t>
  </si>
  <si>
    <t>2992.767</t>
  </si>
  <si>
    <t>8.588</t>
  </si>
  <si>
    <t>2528030.0</t>
  </si>
  <si>
    <t>1371424.0</t>
  </si>
  <si>
    <t>1156606.0</t>
  </si>
  <si>
    <t>11287136.0</t>
  </si>
  <si>
    <t>40377.0</t>
  </si>
  <si>
    <t>3003.511</t>
  </si>
  <si>
    <t>10.744</t>
  </si>
  <si>
    <t>31462.0</t>
  </si>
  <si>
    <t>2536824.0</t>
  </si>
  <si>
    <t>1375669.0</t>
  </si>
  <si>
    <t>1161155.0</t>
  </si>
  <si>
    <t>11328372.0</t>
  </si>
  <si>
    <t>41236.0</t>
  </si>
  <si>
    <t>3014.484</t>
  </si>
  <si>
    <t>10.973</t>
  </si>
  <si>
    <t>2545490.0</t>
  </si>
  <si>
    <t>1380202.0</t>
  </si>
  <si>
    <t>1165288.0</t>
  </si>
  <si>
    <t>11373378.0</t>
  </si>
  <si>
    <t>3026.46</t>
  </si>
  <si>
    <t>11400917.0</t>
  </si>
  <si>
    <t>3033.789</t>
  </si>
  <si>
    <t>31707.0</t>
  </si>
  <si>
    <t>8.437</t>
  </si>
  <si>
    <t>2551413.0</t>
  </si>
  <si>
    <t>1383725.0</t>
  </si>
  <si>
    <t>1167688.0</t>
  </si>
  <si>
    <t>11434917.0</t>
  </si>
  <si>
    <t>3042.836</t>
  </si>
  <si>
    <t>80818.0</t>
  </si>
  <si>
    <t>11460662.0</t>
  </si>
  <si>
    <t>3049.687</t>
  </si>
  <si>
    <t>6.851</t>
  </si>
  <si>
    <t>36174.0</t>
  </si>
  <si>
    <t>2565599.0</t>
  </si>
  <si>
    <t>1391302.0</t>
  </si>
  <si>
    <t>1174297.0</t>
  </si>
  <si>
    <t>11518208.0</t>
  </si>
  <si>
    <t>57546.0</t>
  </si>
  <si>
    <t>10.319</t>
  </si>
  <si>
    <t>2577637.0</t>
  </si>
  <si>
    <t>1398226.0</t>
  </si>
  <si>
    <t>1179411.0</t>
  </si>
  <si>
    <t>11576317.0</t>
  </si>
  <si>
    <t>58109.0</t>
  </si>
  <si>
    <t>3080.463</t>
  </si>
  <si>
    <t>15.463</t>
  </si>
  <si>
    <t>10.993</t>
  </si>
  <si>
    <t>2588299.0</t>
  </si>
  <si>
    <t>1404616.0</t>
  </si>
  <si>
    <t>1183683.0</t>
  </si>
  <si>
    <t>7354.0</t>
  </si>
  <si>
    <t>31.61</t>
  </si>
  <si>
    <t>11631791.0</t>
  </si>
  <si>
    <t>3095.224</t>
  </si>
  <si>
    <t>43346.0</t>
  </si>
  <si>
    <t>2596549.0</t>
  </si>
  <si>
    <t>1409716.0</t>
  </si>
  <si>
    <t>1186833.0</t>
  </si>
  <si>
    <t>11692544.0</t>
  </si>
  <si>
    <t>60753.0</t>
  </si>
  <si>
    <t>3111.391</t>
  </si>
  <si>
    <t>16.166</t>
  </si>
  <si>
    <t>12.133</t>
  </si>
  <si>
    <t>11756060.0</t>
  </si>
  <si>
    <t>63516.0</t>
  </si>
  <si>
    <t>3128.292</t>
  </si>
  <si>
    <t>16.902</t>
  </si>
  <si>
    <t>50735.0</t>
  </si>
  <si>
    <t>13.501</t>
  </si>
  <si>
    <t>2609515.0</t>
  </si>
  <si>
    <t>1418512.0</t>
  </si>
  <si>
    <t>1191003.0</t>
  </si>
  <si>
    <t>11807898.0</t>
  </si>
  <si>
    <t>51838.0</t>
  </si>
  <si>
    <t>3142.086</t>
  </si>
  <si>
    <t>13.794</t>
  </si>
  <si>
    <t>53283.0</t>
  </si>
  <si>
    <t>14.179</t>
  </si>
  <si>
    <t>2612313.0</t>
  </si>
  <si>
    <t>1420593.0</t>
  </si>
  <si>
    <t>1191720.0</t>
  </si>
  <si>
    <t>11837609.0</t>
  </si>
  <si>
    <t>3149.993</t>
  </si>
  <si>
    <t>53850.0</t>
  </si>
  <si>
    <t>2622459.0</t>
  </si>
  <si>
    <t>1426881.0</t>
  </si>
  <si>
    <t>1195578.0</t>
  </si>
  <si>
    <t>11893976.0</t>
  </si>
  <si>
    <t>3164.992</t>
  </si>
  <si>
    <t>14.999</t>
  </si>
  <si>
    <t>53681.0</t>
  </si>
  <si>
    <t>2632527.0</t>
  </si>
  <si>
    <t>1433221.0</t>
  </si>
  <si>
    <t>1199306.0</t>
  </si>
  <si>
    <t>11957581.0</t>
  </si>
  <si>
    <t>63605.0</t>
  </si>
  <si>
    <t>3181.917</t>
  </si>
  <si>
    <t>16.925</t>
  </si>
  <si>
    <t>14.493</t>
  </si>
  <si>
    <t>2635602.0</t>
  </si>
  <si>
    <t>1435511.0</t>
  </si>
  <si>
    <t>1200091.0</t>
  </si>
  <si>
    <t>11995887.0</t>
  </si>
  <si>
    <t>3192.11</t>
  </si>
  <si>
    <t>10.193</t>
  </si>
  <si>
    <t>52014.0</t>
  </si>
  <si>
    <t>2643528.0</t>
  </si>
  <si>
    <t>1440577.0</t>
  </si>
  <si>
    <t>1202951.0</t>
  </si>
  <si>
    <t>12052273.0</t>
  </si>
  <si>
    <t>56386.0</t>
  </si>
  <si>
    <t>3207.115</t>
  </si>
  <si>
    <t>51390.0</t>
  </si>
  <si>
    <t>2651265.0</t>
  </si>
  <si>
    <t>1445627.0</t>
  </si>
  <si>
    <t>1205638.0</t>
  </si>
  <si>
    <t>43987.0</t>
  </si>
  <si>
    <t>11.705</t>
  </si>
  <si>
    <t>2656703.0</t>
  </si>
  <si>
    <t>1449630.0</t>
  </si>
  <si>
    <t>1207073.0</t>
  </si>
  <si>
    <t>38252.0</t>
  </si>
  <si>
    <t>12087355.0</t>
  </si>
  <si>
    <t>3216.45</t>
  </si>
  <si>
    <t>35678.0</t>
  </si>
  <si>
    <t>9.494</t>
  </si>
  <si>
    <t>2658343.0</t>
  </si>
  <si>
    <t>1450936.0</t>
  </si>
  <si>
    <t>1207407.0</t>
  </si>
  <si>
    <t>33209.0</t>
  </si>
  <si>
    <t>2667808.0</t>
  </si>
  <si>
    <t>1457447.0</t>
  </si>
  <si>
    <t>1210361.0</t>
  </si>
  <si>
    <t>12165527.0</t>
  </si>
  <si>
    <t>3237.252</t>
  </si>
  <si>
    <t>20.802</t>
  </si>
  <si>
    <t>2676520.0</t>
  </si>
  <si>
    <t>1463776.0</t>
  </si>
  <si>
    <t>1212744.0</t>
  </si>
  <si>
    <t>28835.0</t>
  </si>
  <si>
    <t>7.673</t>
  </si>
  <si>
    <t>0.4371</t>
  </si>
  <si>
    <t>2695237.0</t>
  </si>
  <si>
    <t>1478388.0</t>
  </si>
  <si>
    <t>1216849.0</t>
  </si>
  <si>
    <t>18717.0</t>
  </si>
  <si>
    <t>12229939.0</t>
  </si>
  <si>
    <t>64412.0</t>
  </si>
  <si>
    <t>3254.392</t>
  </si>
  <si>
    <t>0.5433</t>
  </si>
  <si>
    <t>28652.0</t>
  </si>
  <si>
    <t>0.5173</t>
  </si>
  <si>
    <t>2704957.0</t>
  </si>
  <si>
    <t>1486390.0</t>
  </si>
  <si>
    <t>1218567.0</t>
  </si>
  <si>
    <t>32.54</t>
  </si>
  <si>
    <t>12299129.0</t>
  </si>
  <si>
    <t>69190.0</t>
  </si>
  <si>
    <t>3272.803</t>
  </si>
  <si>
    <t>8.495</t>
  </si>
  <si>
    <t>0.4982</t>
  </si>
  <si>
    <t>2712889.0</t>
  </si>
  <si>
    <t>1493168.0</t>
  </si>
  <si>
    <t>1219721.0</t>
  </si>
  <si>
    <t>12344752.0</t>
  </si>
  <si>
    <t>45623.0</t>
  </si>
  <si>
    <t>3284.944</t>
  </si>
  <si>
    <t>0.4527</t>
  </si>
  <si>
    <t>2722187.0</t>
  </si>
  <si>
    <t>1500847.0</t>
  </si>
  <si>
    <t>1221340.0</t>
  </si>
  <si>
    <t>21674.3</t>
  </si>
  <si>
    <t>5788.48061831249</t>
  </si>
  <si>
    <t>37234.0</t>
  </si>
  <si>
    <t>0.4795</t>
  </si>
  <si>
    <t>2730067.0</t>
  </si>
  <si>
    <t>1507224.0</t>
  </si>
  <si>
    <t>1222843.0</t>
  </si>
  <si>
    <t>12429410.0</t>
  </si>
  <si>
    <t>84658.0</t>
  </si>
  <si>
    <t>3307.471</t>
  </si>
  <si>
    <t>22.528</t>
  </si>
  <si>
    <t>37698.0</t>
  </si>
  <si>
    <t>0.5069</t>
  </si>
  <si>
    <t>2736590.0</t>
  </si>
  <si>
    <t>1512441.0</t>
  </si>
  <si>
    <t>1224149.0</t>
  </si>
  <si>
    <t>12506994.0</t>
  </si>
  <si>
    <t>77584.0</t>
  </si>
  <si>
    <t>3328.116</t>
  </si>
  <si>
    <t>44180.0</t>
  </si>
  <si>
    <t>11.756</t>
  </si>
  <si>
    <t>2742134.0</t>
  </si>
  <si>
    <t>1516856.0</t>
  </si>
  <si>
    <t>1225278.0</t>
  </si>
  <si>
    <t>12580815.0</t>
  </si>
  <si>
    <t>3347.76</t>
  </si>
  <si>
    <t>19.644</t>
  </si>
  <si>
    <t>50125.0</t>
  </si>
  <si>
    <t>0.4136</t>
  </si>
  <si>
    <t>2747141.0</t>
  </si>
  <si>
    <t>1520802.0</t>
  </si>
  <si>
    <t>46798.0</t>
  </si>
  <si>
    <t>0.4579</t>
  </si>
  <si>
    <t>2750228.0</t>
  </si>
  <si>
    <t>1523304.0</t>
  </si>
  <si>
    <t>1226924.0</t>
  </si>
  <si>
    <t>43470.0</t>
  </si>
  <si>
    <t>11.567</t>
  </si>
  <si>
    <t>12614720.0</t>
  </si>
  <si>
    <t>33905.0</t>
  </si>
  <si>
    <t>3356.782</t>
  </si>
  <si>
    <t>38567.0</t>
  </si>
  <si>
    <t>10.263</t>
  </si>
  <si>
    <t>0.5553</t>
  </si>
  <si>
    <t>2755879.0</t>
  </si>
  <si>
    <t>1527408.0</t>
  </si>
  <si>
    <t>1228471.0</t>
  </si>
  <si>
    <t>12687971.0</t>
  </si>
  <si>
    <t>73251.0</t>
  </si>
  <si>
    <t>3376.274</t>
  </si>
  <si>
    <t>42984.0</t>
  </si>
  <si>
    <t>0.4996</t>
  </si>
  <si>
    <t>2759753.0</t>
  </si>
  <si>
    <t>1530349.0</t>
  </si>
  <si>
    <t>1229404.0</t>
  </si>
  <si>
    <t>12760558.0</t>
  </si>
  <si>
    <t>72587.0</t>
  </si>
  <si>
    <t>3395.59</t>
  </si>
  <si>
    <t>19.315</t>
  </si>
  <si>
    <t>47307.0</t>
  </si>
  <si>
    <t>12.588</t>
  </si>
  <si>
    <t>0.4505</t>
  </si>
  <si>
    <t>2764352.0</t>
  </si>
  <si>
    <t>1533758.0</t>
  </si>
  <si>
    <t>1230594.0</t>
  </si>
  <si>
    <t>32.87</t>
  </si>
  <si>
    <t>12828950.0</t>
  </si>
  <si>
    <t>68392.0</t>
  </si>
  <si>
    <t>3413.789</t>
  </si>
  <si>
    <t>45994.0</t>
  </si>
  <si>
    <t>0.4595</t>
  </si>
  <si>
    <t>2768137.0</t>
  </si>
  <si>
    <t>1536488.0</t>
  </si>
  <si>
    <t>1231649.0</t>
  </si>
  <si>
    <t>12893137.0</t>
  </si>
  <si>
    <t>64187.0</t>
  </si>
  <si>
    <t>3430.869</t>
  </si>
  <si>
    <t>11.873</t>
  </si>
  <si>
    <t>0.4664</t>
  </si>
  <si>
    <t>12958966.0</t>
  </si>
  <si>
    <t>3448.386</t>
  </si>
  <si>
    <t>17.517</t>
  </si>
  <si>
    <t>52407.0</t>
  </si>
  <si>
    <t>13.946</t>
  </si>
  <si>
    <t>0.3894</t>
  </si>
  <si>
    <t>2774755.0</t>
  </si>
  <si>
    <t>1541389.0</t>
  </si>
  <si>
    <t>1233366.0</t>
  </si>
  <si>
    <t>13005391.0</t>
  </si>
  <si>
    <t>3460.74</t>
  </si>
  <si>
    <t>57425.0</t>
  </si>
  <si>
    <t>15.281</t>
  </si>
  <si>
    <t>0.3469</t>
  </si>
  <si>
    <t>2775482.0</t>
  </si>
  <si>
    <t>1541916.0</t>
  </si>
  <si>
    <t>1233566.0</t>
  </si>
  <si>
    <t>13015079.0</t>
  </si>
  <si>
    <t>3463.318</t>
  </si>
  <si>
    <t>57194.0</t>
  </si>
  <si>
    <t>15.219</t>
  </si>
  <si>
    <t>0.3303</t>
  </si>
  <si>
    <t>2779761.0</t>
  </si>
  <si>
    <t>1544802.0</t>
  </si>
  <si>
    <t>1234959.0</t>
  </si>
  <si>
    <t>13071610.0</t>
  </si>
  <si>
    <t>56531.0</t>
  </si>
  <si>
    <t>3478.361</t>
  </si>
  <si>
    <t>13121668.0</t>
  </si>
  <si>
    <t>50058.0</t>
  </si>
  <si>
    <t>3491.681</t>
  </si>
  <si>
    <t>2787627.0</t>
  </si>
  <si>
    <t>1550088.0</t>
  </si>
  <si>
    <t>1237539.0</t>
  </si>
  <si>
    <t>13174580.0</t>
  </si>
  <si>
    <t>52912.0</t>
  </si>
  <si>
    <t>3505.761</t>
  </si>
  <si>
    <t>49376.0</t>
  </si>
  <si>
    <t>2791310.0</t>
  </si>
  <si>
    <t>1552526.0</t>
  </si>
  <si>
    <t>1238784.0</t>
  </si>
  <si>
    <t>13223175.0</t>
  </si>
  <si>
    <t>48595.0</t>
  </si>
  <si>
    <t>3518.692</t>
  </si>
  <si>
    <t>47148.0</t>
  </si>
  <si>
    <t>0.3278</t>
  </si>
  <si>
    <t>2794933.0</t>
  </si>
  <si>
    <t>1554984.0</t>
  </si>
  <si>
    <t>1239949.0</t>
  </si>
  <si>
    <t>40063.0</t>
  </si>
  <si>
    <t>2796876.0</t>
  </si>
  <si>
    <t>1556385.0</t>
  </si>
  <si>
    <t>1240491.0</t>
  </si>
  <si>
    <t>13255645.0</t>
  </si>
  <si>
    <t>3527.333</t>
  </si>
  <si>
    <t>35751.0</t>
  </si>
  <si>
    <t>0.3789</t>
  </si>
  <si>
    <t>2797346.0</t>
  </si>
  <si>
    <t>1556751.0</t>
  </si>
  <si>
    <t>1240595.0</t>
  </si>
  <si>
    <t>13273996.0</t>
  </si>
  <si>
    <t>3532.216</t>
  </si>
  <si>
    <t>36988.0</t>
  </si>
  <si>
    <t>9.843</t>
  </si>
  <si>
    <t>2800752.0</t>
  </si>
  <si>
    <t>1558946.0</t>
  </si>
  <si>
    <t>1241806.0</t>
  </si>
  <si>
    <t>13321482.0</t>
  </si>
  <si>
    <t>3544.852</t>
  </si>
  <si>
    <t>35696.0</t>
  </si>
  <si>
    <t>9.499</t>
  </si>
  <si>
    <t>2804965.0</t>
  </si>
  <si>
    <t>1561747.0</t>
  </si>
  <si>
    <t>1243218.0</t>
  </si>
  <si>
    <t>8.298</t>
  </si>
  <si>
    <t>13358400.0</t>
  </si>
  <si>
    <t>36918.0</t>
  </si>
  <si>
    <t>3554.676</t>
  </si>
  <si>
    <t>9.824</t>
  </si>
  <si>
    <t>0.3952</t>
  </si>
  <si>
    <t>2811285.0</t>
  </si>
  <si>
    <t>1566334.0</t>
  </si>
  <si>
    <t>1244951.0</t>
  </si>
  <si>
    <t>13393983.0</t>
  </si>
  <si>
    <t>35583.0</t>
  </si>
  <si>
    <t>3564.144</t>
  </si>
  <si>
    <t>0.3848</t>
  </si>
  <si>
    <t>2814515.0</t>
  </si>
  <si>
    <t>1568835.0</t>
  </si>
  <si>
    <t>1245680.0</t>
  </si>
  <si>
    <t>0.3684</t>
  </si>
  <si>
    <t>2816079.0</t>
  </si>
  <si>
    <t>1570101.0</t>
  </si>
  <si>
    <t>1245978.0</t>
  </si>
  <si>
    <t>0.3662</t>
  </si>
  <si>
    <t>2816627.0</t>
  </si>
  <si>
    <t>1570559.0</t>
  </si>
  <si>
    <t>1246068.0</t>
  </si>
  <si>
    <t>41.94</t>
  </si>
  <si>
    <t>13408121.0</t>
  </si>
  <si>
    <t>3567.906</t>
  </si>
  <si>
    <t>5.099</t>
  </si>
  <si>
    <t>0.3862</t>
  </si>
  <si>
    <t>2820546.0</t>
  </si>
  <si>
    <t>1573695.0</t>
  </si>
  <si>
    <t>1246851.0</t>
  </si>
  <si>
    <t>23540.6</t>
  </si>
  <si>
    <t>6286.90692864115</t>
  </si>
  <si>
    <t>13445347.0</t>
  </si>
  <si>
    <t>3577.812</t>
  </si>
  <si>
    <t>2822060.0</t>
  </si>
  <si>
    <t>1574673.0</t>
  </si>
  <si>
    <t>1247387.0</t>
  </si>
  <si>
    <t>13465422.0</t>
  </si>
  <si>
    <t>3583.154</t>
  </si>
  <si>
    <t>5.342</t>
  </si>
  <si>
    <t>2823426.0</t>
  </si>
  <si>
    <t>1575509.0</t>
  </si>
  <si>
    <t>1247917.0</t>
  </si>
  <si>
    <t>13482949.0</t>
  </si>
  <si>
    <t>3587.818</t>
  </si>
  <si>
    <t>2823646.0</t>
  </si>
  <si>
    <t>1247996.0</t>
  </si>
  <si>
    <t>13492620.0</t>
  </si>
  <si>
    <t>3590.392</t>
  </si>
  <si>
    <t>2825035.0</t>
  </si>
  <si>
    <t>1576476.0</t>
  </si>
  <si>
    <t>1248559.0</t>
  </si>
  <si>
    <t>0.2652</t>
  </si>
  <si>
    <t>2825833.0</t>
  </si>
  <si>
    <t>1577043.0</t>
  </si>
  <si>
    <t>1248790.0</t>
  </si>
  <si>
    <t>13381.0</t>
  </si>
  <si>
    <t>2826144.0</t>
  </si>
  <si>
    <t>1577303.0</t>
  </si>
  <si>
    <t>1248841.0</t>
  </si>
  <si>
    <t>13499305.0</t>
  </si>
  <si>
    <t>3592.171</t>
  </si>
  <si>
    <t>2827683.0</t>
  </si>
  <si>
    <t>1578207.0</t>
  </si>
  <si>
    <t>1249476.0</t>
  </si>
  <si>
    <t>13516998.0</t>
  </si>
  <si>
    <t>3596.879</t>
  </si>
  <si>
    <t>0.2337</t>
  </si>
  <si>
    <t>13524731.0</t>
  </si>
  <si>
    <t>3598.936</t>
  </si>
  <si>
    <t>2829114.0</t>
  </si>
  <si>
    <t>1579088.0</t>
  </si>
  <si>
    <t>1250026.0</t>
  </si>
  <si>
    <t>2830741.0</t>
  </si>
  <si>
    <t>1580100.0</t>
  </si>
  <si>
    <t>1250641.0</t>
  </si>
  <si>
    <t>13538604.0</t>
  </si>
  <si>
    <t>3602.628</t>
  </si>
  <si>
    <t>0.2785</t>
  </si>
  <si>
    <t>2832291.0</t>
  </si>
  <si>
    <t>1581194.0</t>
  </si>
  <si>
    <t>1251097.0</t>
  </si>
  <si>
    <t>2832994.0</t>
  </si>
  <si>
    <t>1581724.0</t>
  </si>
  <si>
    <t>1251270.0</t>
  </si>
  <si>
    <t>2833144.0</t>
  </si>
  <si>
    <t>1581848.0</t>
  </si>
  <si>
    <t>1251296.0</t>
  </si>
  <si>
    <t>13543838.0</t>
  </si>
  <si>
    <t>3604.021</t>
  </si>
  <si>
    <t>2834936.0</t>
  </si>
  <si>
    <t>1583158.0</t>
  </si>
  <si>
    <t>1251778.0</t>
  </si>
  <si>
    <t>2836778.0</t>
  </si>
  <si>
    <t>1584483.0</t>
  </si>
  <si>
    <t>1252295.0</t>
  </si>
  <si>
    <t>0.5294</t>
  </si>
  <si>
    <t>2839891.0</t>
  </si>
  <si>
    <t>1586779.0</t>
  </si>
  <si>
    <t>1253112.0</t>
  </si>
  <si>
    <t>0.8268</t>
  </si>
  <si>
    <t>2841572.0</t>
  </si>
  <si>
    <t>1588045.0</t>
  </si>
  <si>
    <t>0.8726</t>
  </si>
  <si>
    <t>2842355.0</t>
  </si>
  <si>
    <t>1588656.0</t>
  </si>
  <si>
    <t>1253699.0</t>
  </si>
  <si>
    <t>42.43</t>
  </si>
  <si>
    <t>0.9374</t>
  </si>
  <si>
    <t>2842541.0</t>
  </si>
  <si>
    <t>1588805.0</t>
  </si>
  <si>
    <t>1253736.0</t>
  </si>
  <si>
    <t>13549723.0</t>
  </si>
  <si>
    <t>3605.587</t>
  </si>
  <si>
    <t>2844372.0</t>
  </si>
  <si>
    <t>1590170.0</t>
  </si>
  <si>
    <t>1254202.0</t>
  </si>
  <si>
    <t>2846431.0</t>
  </si>
  <si>
    <t>1591766.0</t>
  </si>
  <si>
    <t>1254665.0</t>
  </si>
  <si>
    <t>42.51</t>
  </si>
  <si>
    <t>2848368.0</t>
  </si>
  <si>
    <t>1593315.0</t>
  </si>
  <si>
    <t>1255053.0</t>
  </si>
  <si>
    <t>0.2641</t>
  </si>
  <si>
    <t>2850298.0</t>
  </si>
  <si>
    <t>1594941.0</t>
  </si>
  <si>
    <t>1255357.0</t>
  </si>
  <si>
    <t>13570641.0</t>
  </si>
  <si>
    <t>20918.0</t>
  </si>
  <si>
    <t>3611.153</t>
  </si>
  <si>
    <t>2851946.0</t>
  </si>
  <si>
    <t>1596314.0</t>
  </si>
  <si>
    <t>1255632.0</t>
  </si>
  <si>
    <t>2853040.0</t>
  </si>
  <si>
    <t>1597206.0</t>
  </si>
  <si>
    <t>1255834.0</t>
  </si>
  <si>
    <t>2853264.0</t>
  </si>
  <si>
    <t>1597391.0</t>
  </si>
  <si>
    <t>1255873.0</t>
  </si>
  <si>
    <t>13576101.0</t>
  </si>
  <si>
    <t>3612.606</t>
  </si>
  <si>
    <t>2857215.0</t>
  </si>
  <si>
    <t>1600698.0</t>
  </si>
  <si>
    <t>1256517.0</t>
  </si>
  <si>
    <t>2859230.0</t>
  </si>
  <si>
    <t>1602449.0</t>
  </si>
  <si>
    <t>1256781.0</t>
  </si>
  <si>
    <t>2861255.0</t>
  </si>
  <si>
    <t>1604062.0</t>
  </si>
  <si>
    <t>1257193.0</t>
  </si>
  <si>
    <t>24430.7</t>
  </si>
  <si>
    <t>6524.62286864198</t>
  </si>
  <si>
    <t>13598889.0</t>
  </si>
  <si>
    <t>22788.0</t>
  </si>
  <si>
    <t>3618.67</t>
  </si>
  <si>
    <t>6.064</t>
  </si>
  <si>
    <t>2861953.0</t>
  </si>
  <si>
    <t>1604649.0</t>
  </si>
  <si>
    <t>1257304.0</t>
  </si>
  <si>
    <t>13604073.0</t>
  </si>
  <si>
    <t>3620.049</t>
  </si>
  <si>
    <t>2862482.0</t>
  </si>
  <si>
    <t>1605078.0</t>
  </si>
  <si>
    <t>1257404.0</t>
  </si>
  <si>
    <t>2862701.0</t>
  </si>
  <si>
    <t>1605253.0</t>
  </si>
  <si>
    <t>1257448.0</t>
  </si>
  <si>
    <t>2863384.0</t>
  </si>
  <si>
    <t>1605671.0</t>
  </si>
  <si>
    <t>1257713.0</t>
  </si>
  <si>
    <t>13626698.0</t>
  </si>
  <si>
    <t>22625.0</t>
  </si>
  <si>
    <t>3626.07</t>
  </si>
  <si>
    <t>2864300.0</t>
  </si>
  <si>
    <t>1606217.0</t>
  </si>
  <si>
    <t>1258083.0</t>
  </si>
  <si>
    <t>2865371.0</t>
  </si>
  <si>
    <t>1606864.0</t>
  </si>
  <si>
    <t>1258507.0</t>
  </si>
  <si>
    <t>2865773.0</t>
  </si>
  <si>
    <t>1607133.0</t>
  </si>
  <si>
    <t>1258640.0</t>
  </si>
  <si>
    <t>2865985.0</t>
  </si>
  <si>
    <t>1607267.0</t>
  </si>
  <si>
    <t>1258718.0</t>
  </si>
  <si>
    <t>13632187.0</t>
  </si>
  <si>
    <t>3627.53</t>
  </si>
  <si>
    <t>2867451.0</t>
  </si>
  <si>
    <t>1608239.0</t>
  </si>
  <si>
    <t>1259212.0</t>
  </si>
  <si>
    <t>2868689.0</t>
  </si>
  <si>
    <t>1609063.0</t>
  </si>
  <si>
    <t>1259626.0</t>
  </si>
  <si>
    <t>2869848.0</t>
  </si>
  <si>
    <t>1609803.0</t>
  </si>
  <si>
    <t>1260045.0</t>
  </si>
  <si>
    <t>2871126.0</t>
  </si>
  <si>
    <t>1610614.0</t>
  </si>
  <si>
    <t>1260512.0</t>
  </si>
  <si>
    <t>13652505.0</t>
  </si>
  <si>
    <t>3632.937</t>
  </si>
  <si>
    <t>2872820.0</t>
  </si>
  <si>
    <t>1611753.0</t>
  </si>
  <si>
    <t>1261067.0</t>
  </si>
  <si>
    <t>2873980.0</t>
  </si>
  <si>
    <t>1612518.0</t>
  </si>
  <si>
    <t>1261462.0</t>
  </si>
  <si>
    <t>2874821.0</t>
  </si>
  <si>
    <t>1613085.0</t>
  </si>
  <si>
    <t>1261736.0</t>
  </si>
  <si>
    <t>2876960.0</t>
  </si>
  <si>
    <t>1614528.0</t>
  </si>
  <si>
    <t>1262432.0</t>
  </si>
  <si>
    <t>2879499.0</t>
  </si>
  <si>
    <t>1616382.0</t>
  </si>
  <si>
    <t>1263117.0</t>
  </si>
  <si>
    <t>2882075.0</t>
  </si>
  <si>
    <t>1618407.0</t>
  </si>
  <si>
    <t>1263668.0</t>
  </si>
  <si>
    <t>24421.4</t>
  </si>
  <si>
    <t>6522.1391496868</t>
  </si>
  <si>
    <t>1618823.0</t>
  </si>
  <si>
    <t>1263764.0</t>
  </si>
  <si>
    <t>2883345.0</t>
  </si>
  <si>
    <t>1619334.0</t>
  </si>
  <si>
    <t>1264011.0</t>
  </si>
  <si>
    <t>2885315.0</t>
  </si>
  <si>
    <t>1620575.0</t>
  </si>
  <si>
    <t>1264740.0</t>
  </si>
  <si>
    <t>2886084.0</t>
  </si>
  <si>
    <t>1621087.0</t>
  </si>
  <si>
    <t>1264997.0</t>
  </si>
  <si>
    <t>2888622.0</t>
  </si>
  <si>
    <t>1622702.0</t>
  </si>
  <si>
    <t>1265920.0</t>
  </si>
  <si>
    <t>2891402.0</t>
  </si>
  <si>
    <t>1624576.0</t>
  </si>
  <si>
    <t>1266826.0</t>
  </si>
  <si>
    <t>2893850.0</t>
  </si>
  <si>
    <t>1626086.0</t>
  </si>
  <si>
    <t>1267764.0</t>
  </si>
  <si>
    <t>24388.3</t>
  </si>
  <si>
    <t>6513.29924673878</t>
  </si>
  <si>
    <t>2895967.0</t>
  </si>
  <si>
    <t>1627489.0</t>
  </si>
  <si>
    <t>1268478.0</t>
  </si>
  <si>
    <t>2898265.0</t>
  </si>
  <si>
    <t>1628928.0</t>
  </si>
  <si>
    <t>1269337.0</t>
  </si>
  <si>
    <t>2900226.0</t>
  </si>
  <si>
    <t>1630125.0</t>
  </si>
  <si>
    <t>1270101.0</t>
  </si>
  <si>
    <t>2902085.0</t>
  </si>
  <si>
    <t>1631237.0</t>
  </si>
  <si>
    <t>1270848.0</t>
  </si>
  <si>
    <t>24314.8</t>
  </si>
  <si>
    <t>6493.66985499621</t>
  </si>
  <si>
    <t>2907750.0</t>
  </si>
  <si>
    <t>1635409.0</t>
  </si>
  <si>
    <t>1272341.0</t>
  </si>
  <si>
    <t>2910418.0</t>
  </si>
  <si>
    <t>1637529.0</t>
  </si>
  <si>
    <t>1272889.0</t>
  </si>
  <si>
    <t>2913546.0</t>
  </si>
  <si>
    <t>1639970.0</t>
  </si>
  <si>
    <t>1273576.0</t>
  </si>
  <si>
    <t>2921949.0</t>
  </si>
  <si>
    <t>1645776.0</t>
  </si>
  <si>
    <t>1276173.0</t>
  </si>
  <si>
    <t>2930677.0</t>
  </si>
  <si>
    <t>1654504.0</t>
  </si>
  <si>
    <t>DEU</t>
  </si>
  <si>
    <t>Germany</t>
  </si>
  <si>
    <t>-4767.9</t>
  </si>
  <si>
    <t>-57.1897463159339</t>
  </si>
  <si>
    <t>-6599.8</t>
  </si>
  <si>
    <t>-8.78</t>
  </si>
  <si>
    <t>-79.1629203078715</t>
  </si>
  <si>
    <t>-8363.3</t>
  </si>
  <si>
    <t>-5.85</t>
  </si>
  <si>
    <t>-8.24</t>
  </si>
  <si>
    <t>-100.315653718419</t>
  </si>
  <si>
    <t>-11277.2</t>
  </si>
  <si>
    <t>-6.84</t>
  </si>
  <si>
    <t>-13.33</t>
  </si>
  <si>
    <t>-135.267142170358</t>
  </si>
  <si>
    <t>-14146.5</t>
  </si>
  <si>
    <t>-7.56</t>
  </si>
  <si>
    <t>-169.683664980046</t>
  </si>
  <si>
    <t>-16342.4</t>
  </si>
  <si>
    <t>-7.82</t>
  </si>
  <si>
    <t>-10.04</t>
  </si>
  <si>
    <t>-196.022926276457</t>
  </si>
  <si>
    <t>129291.0</t>
  </si>
  <si>
    <t>-17429.1</t>
  </si>
  <si>
    <t>-7.58</t>
  </si>
  <si>
    <t>-209.057616039565</t>
  </si>
  <si>
    <t>503825.0</t>
  </si>
  <si>
    <t>53505.0</t>
  </si>
  <si>
    <t>-17779.2</t>
  </si>
  <si>
    <t>-213.256976383786</t>
  </si>
  <si>
    <t>26.808</t>
  </si>
  <si>
    <t>30.419</t>
  </si>
  <si>
    <t>53630.0</t>
  </si>
  <si>
    <t>9.464</t>
  </si>
  <si>
    <t>9.884</t>
  </si>
  <si>
    <t>53755.0</t>
  </si>
  <si>
    <t>10.855</t>
  </si>
  <si>
    <t>881424.0</t>
  </si>
  <si>
    <t>10.568</t>
  </si>
  <si>
    <t>53943.0</t>
  </si>
  <si>
    <t>-17504.1</t>
  </si>
  <si>
    <t>-209.957221940212</t>
  </si>
  <si>
    <t>54760.0</t>
  </si>
  <si>
    <t>18.604</t>
  </si>
  <si>
    <t>65.707</t>
  </si>
  <si>
    <t>55577.0</t>
  </si>
  <si>
    <t>57212.0</t>
  </si>
  <si>
    <t>28.356</t>
  </si>
  <si>
    <t>58029.0</t>
  </si>
  <si>
    <t>1299070.0</t>
  </si>
  <si>
    <t>15.575</t>
  </si>
  <si>
    <t>59664.0</t>
  </si>
  <si>
    <t>-15790.4</t>
  </si>
  <si>
    <t>-189.401826847695</t>
  </si>
  <si>
    <t>58971.0</t>
  </si>
  <si>
    <t>58278.0</t>
  </si>
  <si>
    <t>31.918</t>
  </si>
  <si>
    <t>69.438</t>
  </si>
  <si>
    <t>57585.0</t>
  </si>
  <si>
    <t>56199.0</t>
  </si>
  <si>
    <t>55506.0</t>
  </si>
  <si>
    <t>57.695</t>
  </si>
  <si>
    <t>1682764.0</t>
  </si>
  <si>
    <t>20.175</t>
  </si>
  <si>
    <t>54813.0</t>
  </si>
  <si>
    <t>-13650.7</t>
  </si>
  <si>
    <t>-4.45</t>
  </si>
  <si>
    <t>-163.736670239501</t>
  </si>
  <si>
    <t>53921.0</t>
  </si>
  <si>
    <t>52.405</t>
  </si>
  <si>
    <t>32.854</t>
  </si>
  <si>
    <t>52137.0</t>
  </si>
  <si>
    <t>51245.0</t>
  </si>
  <si>
    <t>50353.0</t>
  </si>
  <si>
    <t>49461.0</t>
  </si>
  <si>
    <t>34.485</t>
  </si>
  <si>
    <t>2022747.0</t>
  </si>
  <si>
    <t>24.251</t>
  </si>
  <si>
    <t>-12330.0</t>
  </si>
  <si>
    <t>-3.8</t>
  </si>
  <si>
    <t>-147.895210066374</t>
  </si>
  <si>
    <t>49052.0</t>
  </si>
  <si>
    <t>50019.0</t>
  </si>
  <si>
    <t>35.984</t>
  </si>
  <si>
    <t>50502.0</t>
  </si>
  <si>
    <t>31.786</t>
  </si>
  <si>
    <t>51468.0</t>
  </si>
  <si>
    <t>28.643</t>
  </si>
  <si>
    <t>2386406.0</t>
  </si>
  <si>
    <t>28.611</t>
  </si>
  <si>
    <t>51951.0</t>
  </si>
  <si>
    <t>-11659.9</t>
  </si>
  <si>
    <t>-3.4</t>
  </si>
  <si>
    <t>-139.857531212726</t>
  </si>
  <si>
    <t>51219.0</t>
  </si>
  <si>
    <t>23.606</t>
  </si>
  <si>
    <t>49756.0</t>
  </si>
  <si>
    <t>49024.0</t>
  </si>
  <si>
    <t>48292.0</t>
  </si>
  <si>
    <t>47560.0</t>
  </si>
  <si>
    <t>24.205</t>
  </si>
  <si>
    <t>2714205.0</t>
  </si>
  <si>
    <t>46828.0</t>
  </si>
  <si>
    <t>-11163.0</t>
  </si>
  <si>
    <t>-3.1</t>
  </si>
  <si>
    <t>-133.897342252306</t>
  </si>
  <si>
    <t>14.274</t>
  </si>
  <si>
    <t>21.219</t>
  </si>
  <si>
    <t>19.935</t>
  </si>
  <si>
    <t>3099843.0</t>
  </si>
  <si>
    <t>37.165</t>
  </si>
  <si>
    <t>55091.0</t>
  </si>
  <si>
    <t>-11208.1</t>
  </si>
  <si>
    <t>-2.97</t>
  </si>
  <si>
    <t>-134.438305267228</t>
  </si>
  <si>
    <t>19.072</t>
  </si>
  <si>
    <t>56031.0</t>
  </si>
  <si>
    <t>56970.0</t>
  </si>
  <si>
    <t>57910.0</t>
  </si>
  <si>
    <t>58850.0</t>
  </si>
  <si>
    <t>59790.0</t>
  </si>
  <si>
    <t>60729.0</t>
  </si>
  <si>
    <t>3531525.0</t>
  </si>
  <si>
    <t>61669.0</t>
  </si>
  <si>
    <t>-11468.6</t>
  </si>
  <si>
    <t>-137.562936428809</t>
  </si>
  <si>
    <t>9.128</t>
  </si>
  <si>
    <t>60134.0</t>
  </si>
  <si>
    <t>8.216</t>
  </si>
  <si>
    <t>58600.0</t>
  </si>
  <si>
    <t>57065.0</t>
  </si>
  <si>
    <t>11.995</t>
  </si>
  <si>
    <t>55531.0</t>
  </si>
  <si>
    <t>53996.0</t>
  </si>
  <si>
    <t>52462.0</t>
  </si>
  <si>
    <t>10.795</t>
  </si>
  <si>
    <t>3888014.0</t>
  </si>
  <si>
    <t>46.614</t>
  </si>
  <si>
    <t>50927.0</t>
  </si>
  <si>
    <t>-11256.1</t>
  </si>
  <si>
    <t>-135.014053043643</t>
  </si>
  <si>
    <t>51980.0</t>
  </si>
  <si>
    <t>53033.0</t>
  </si>
  <si>
    <t>54086.0</t>
  </si>
  <si>
    <t>55138.0</t>
  </si>
  <si>
    <t>5.745</t>
  </si>
  <si>
    <t>56191.0</t>
  </si>
  <si>
    <t>57244.0</t>
  </si>
  <si>
    <t>5.218</t>
  </si>
  <si>
    <t>4296092.0</t>
  </si>
  <si>
    <t>51.507</t>
  </si>
  <si>
    <t>-11580.2</t>
  </si>
  <si>
    <t>-138.901550008972</t>
  </si>
  <si>
    <t>5.026</t>
  </si>
  <si>
    <t>56955.0</t>
  </si>
  <si>
    <t>54271.0</t>
  </si>
  <si>
    <t>52930.0</t>
  </si>
  <si>
    <t>50246.0</t>
  </si>
  <si>
    <t>4638420.0</t>
  </si>
  <si>
    <t>55.611</t>
  </si>
  <si>
    <t>48904.0</t>
  </si>
  <si>
    <t>-11262.1</t>
  </si>
  <si>
    <t>-135.086021515694</t>
  </si>
  <si>
    <t>6.549</t>
  </si>
  <si>
    <t>48318.0</t>
  </si>
  <si>
    <t>47733.0</t>
  </si>
  <si>
    <t>5.302</t>
  </si>
  <si>
    <t>47147.0</t>
  </si>
  <si>
    <t>4966400.0</t>
  </si>
  <si>
    <t>59.543</t>
  </si>
  <si>
    <t>46854.0</t>
  </si>
  <si>
    <t>-11108.0</t>
  </si>
  <si>
    <t>-133.237631258498</t>
  </si>
  <si>
    <t>5.206</t>
  </si>
  <si>
    <t>50335.0</t>
  </si>
  <si>
    <t>52656.0</t>
  </si>
  <si>
    <t>53816.0</t>
  </si>
  <si>
    <t>5351234.0</t>
  </si>
  <si>
    <t>64.157</t>
  </si>
  <si>
    <t>54976.0</t>
  </si>
  <si>
    <t>-11491.5</t>
  </si>
  <si>
    <t>-137.83761609714</t>
  </si>
  <si>
    <t>58568.0</t>
  </si>
  <si>
    <t>60363.0</t>
  </si>
  <si>
    <t>62159.0</t>
  </si>
  <si>
    <t>63955.0</t>
  </si>
  <si>
    <t>65750.0</t>
  </si>
  <si>
    <t>5824057.0</t>
  </si>
  <si>
    <t>69.826</t>
  </si>
  <si>
    <t>-11099.8</t>
  </si>
  <si>
    <t>-133.139274346694</t>
  </si>
  <si>
    <t>68365.0</t>
  </si>
  <si>
    <t>70823.0</t>
  </si>
  <si>
    <t>71643.0</t>
  </si>
  <si>
    <t>72462.0</t>
  </si>
  <si>
    <t>6337026.0</t>
  </si>
  <si>
    <t>75.976</t>
  </si>
  <si>
    <t>73281.0</t>
  </si>
  <si>
    <t>-12077.1</t>
  </si>
  <si>
    <t>-5.61</t>
  </si>
  <si>
    <t>-144.861738969392</t>
  </si>
  <si>
    <t>73294.0</t>
  </si>
  <si>
    <t>73318.0</t>
  </si>
  <si>
    <t>73331.0</t>
  </si>
  <si>
    <t>73343.0</t>
  </si>
  <si>
    <t>73355.0</t>
  </si>
  <si>
    <t>6850598.0</t>
  </si>
  <si>
    <t>73367.0</t>
  </si>
  <si>
    <t>-12658.6</t>
  </si>
  <si>
    <t>-3.48</t>
  </si>
  <si>
    <t>-151.836683385742</t>
  </si>
  <si>
    <t>75244.0</t>
  </si>
  <si>
    <t>75869.0</t>
  </si>
  <si>
    <t>76495.0</t>
  </si>
  <si>
    <t>77120.0</t>
  </si>
  <si>
    <t>7394817.0</t>
  </si>
  <si>
    <t>88.658</t>
  </si>
  <si>
    <t>77746.0</t>
  </si>
  <si>
    <t>-13255.9</t>
  </si>
  <si>
    <t>-159.001144778495</t>
  </si>
  <si>
    <t>77999.0</t>
  </si>
  <si>
    <t>78252.0</t>
  </si>
  <si>
    <t>78506.0</t>
  </si>
  <si>
    <t>78759.0</t>
  </si>
  <si>
    <t>79012.0</t>
  </si>
  <si>
    <t>7951451.0</t>
  </si>
  <si>
    <t>79519.0</t>
  </si>
  <si>
    <t>-14078.8</t>
  </si>
  <si>
    <t>-4.65</t>
  </si>
  <si>
    <t>-168.871620720395</t>
  </si>
  <si>
    <t>80184.0</t>
  </si>
  <si>
    <t>80848.0</t>
  </si>
  <si>
    <t>81513.0</t>
  </si>
  <si>
    <t>82178.0</t>
  </si>
  <si>
    <t>8540652.0</t>
  </si>
  <si>
    <t>102.395</t>
  </si>
  <si>
    <t>-14018.3</t>
  </si>
  <si>
    <t>-168.145938627206</t>
  </si>
  <si>
    <t>86830.0</t>
  </si>
  <si>
    <t>92148.0</t>
  </si>
  <si>
    <t>94806.0</t>
  </si>
  <si>
    <t>4.954</t>
  </si>
  <si>
    <t>100124.0</t>
  </si>
  <si>
    <t>9260128.0</t>
  </si>
  <si>
    <t>111.021</t>
  </si>
  <si>
    <t>102782.0</t>
  </si>
  <si>
    <t>-13554.8</t>
  </si>
  <si>
    <t>-162.586374161207</t>
  </si>
  <si>
    <t>105879.0</t>
  </si>
  <si>
    <t>108975.0</t>
  </si>
  <si>
    <t>112071.0</t>
  </si>
  <si>
    <t>118263.0</t>
  </si>
  <si>
    <t>121360.0</t>
  </si>
  <si>
    <t>10131319.0</t>
  </si>
  <si>
    <t>124456.0</t>
  </si>
  <si>
    <t>-10675.5</t>
  </si>
  <si>
    <t>-128.0499038981</t>
  </si>
  <si>
    <t>127788.0</t>
  </si>
  <si>
    <t>131119.0</t>
  </si>
  <si>
    <t>134451.0</t>
  </si>
  <si>
    <t>5.326</t>
  </si>
  <si>
    <t>137783.0</t>
  </si>
  <si>
    <t>141115.0</t>
  </si>
  <si>
    <t>144447.0</t>
  </si>
  <si>
    <t>11165768.0</t>
  </si>
  <si>
    <t>133.868</t>
  </si>
  <si>
    <t>147778.0</t>
  </si>
  <si>
    <t>-9761.99999999999</t>
  </si>
  <si>
    <t>-117.092704028219</t>
  </si>
  <si>
    <t>149802.0</t>
  </si>
  <si>
    <t>151826.0</t>
  </si>
  <si>
    <t>153850.0</t>
  </si>
  <si>
    <t>155874.0</t>
  </si>
  <si>
    <t>157898.0</t>
  </si>
  <si>
    <t>159922.0</t>
  </si>
  <si>
    <t>12299391.0</t>
  </si>
  <si>
    <t>147.46</t>
  </si>
  <si>
    <t>161946.0</t>
  </si>
  <si>
    <t>-9908.29999999999</t>
  </si>
  <si>
    <t>-1.53</t>
  </si>
  <si>
    <t>-118.847535271748</t>
  </si>
  <si>
    <t>160300.0</t>
  </si>
  <si>
    <t>158653.0</t>
  </si>
  <si>
    <t>155360.0</t>
  </si>
  <si>
    <t>153713.0</t>
  </si>
  <si>
    <t>152067.0</t>
  </si>
  <si>
    <t>13352333.0</t>
  </si>
  <si>
    <t>160.083</t>
  </si>
  <si>
    <t>150420.0</t>
  </si>
  <si>
    <t>-9508.59999999999</t>
  </si>
  <si>
    <t>-114.053235558566</t>
  </si>
  <si>
    <t>152370.0</t>
  </si>
  <si>
    <t>154319.0</t>
  </si>
  <si>
    <t>156269.0</t>
  </si>
  <si>
    <t>160168.0</t>
  </si>
  <si>
    <t>162117.0</t>
  </si>
  <si>
    <t>1.944</t>
  </si>
  <si>
    <t>14500798.0</t>
  </si>
  <si>
    <t>173.853</t>
  </si>
  <si>
    <t>164066.0</t>
  </si>
  <si>
    <t>-8985.09999999999</t>
  </si>
  <si>
    <t>-107.77398637205</t>
  </si>
  <si>
    <t>164054.0</t>
  </si>
  <si>
    <t>164031.0</t>
  </si>
  <si>
    <t>6.933</t>
  </si>
  <si>
    <t>164019.0</t>
  </si>
  <si>
    <t>164007.0</t>
  </si>
  <si>
    <t>163995.0</t>
  </si>
  <si>
    <t>15648677.0</t>
  </si>
  <si>
    <t>187.615</t>
  </si>
  <si>
    <t>163983.0</t>
  </si>
  <si>
    <t>-8107.79999999999</t>
  </si>
  <si>
    <t>-97.250996283548</t>
  </si>
  <si>
    <t>165460.0</t>
  </si>
  <si>
    <t>166938.0</t>
  </si>
  <si>
    <t>168415.0</t>
  </si>
  <si>
    <t>8.924</t>
  </si>
  <si>
    <t>169893.0</t>
  </si>
  <si>
    <t>9.044</t>
  </si>
  <si>
    <t>171370.0</t>
  </si>
  <si>
    <t>172848.0</t>
  </si>
  <si>
    <t>16868956.0</t>
  </si>
  <si>
    <t>202.245</t>
  </si>
  <si>
    <t>174326.0</t>
  </si>
  <si>
    <t>-7504.49999999999</t>
  </si>
  <si>
    <t>-90.0145664187432</t>
  </si>
  <si>
    <t>172465.0</t>
  </si>
  <si>
    <t>170605.0</t>
  </si>
  <si>
    <t>166885.0</t>
  </si>
  <si>
    <t>165024.0</t>
  </si>
  <si>
    <t>163164.0</t>
  </si>
  <si>
    <t>17998083.0</t>
  </si>
  <si>
    <t>215.782</t>
  </si>
  <si>
    <t>161304.0</t>
  </si>
  <si>
    <t>-6902.19999999999</t>
  </si>
  <si>
    <t>-82.7901312992803</t>
  </si>
  <si>
    <t>163138.0</t>
  </si>
  <si>
    <t>164972.0</t>
  </si>
  <si>
    <t>166806.0</t>
  </si>
  <si>
    <t>6.117</t>
  </si>
  <si>
    <t>16.133</t>
  </si>
  <si>
    <t>172307.0</t>
  </si>
  <si>
    <t>19217071.0</t>
  </si>
  <si>
    <t>230.397</t>
  </si>
  <si>
    <t>-7086.09999999999</t>
  </si>
  <si>
    <t>-84.9959649676669</t>
  </si>
  <si>
    <t>175475.0</t>
  </si>
  <si>
    <t>7.413</t>
  </si>
  <si>
    <t>176809.0</t>
  </si>
  <si>
    <t>178143.0</t>
  </si>
  <si>
    <t>179477.0</t>
  </si>
  <si>
    <t>24.229</t>
  </si>
  <si>
    <t>180811.0</t>
  </si>
  <si>
    <t>182145.0</t>
  </si>
  <si>
    <t>20501420.0</t>
  </si>
  <si>
    <t>245.795</t>
  </si>
  <si>
    <t>183478.0</t>
  </si>
  <si>
    <t>-6920.79999999999</t>
  </si>
  <si>
    <t>-83.0132335626408</t>
  </si>
  <si>
    <t>186766.0</t>
  </si>
  <si>
    <t>30.299</t>
  </si>
  <si>
    <t>190055.0</t>
  </si>
  <si>
    <t>193343.0</t>
  </si>
  <si>
    <t>196631.0</t>
  </si>
  <si>
    <t>13.446</t>
  </si>
  <si>
    <t>199919.0</t>
  </si>
  <si>
    <t>14.394</t>
  </si>
  <si>
    <t>21946883.0</t>
  </si>
  <si>
    <t>263.125</t>
  </si>
  <si>
    <t>206495.0</t>
  </si>
  <si>
    <t>-5935.49999999999</t>
  </si>
  <si>
    <t>-0.76</t>
  </si>
  <si>
    <t>-71.194810977207</t>
  </si>
  <si>
    <t>210954.0</t>
  </si>
  <si>
    <t>17.608</t>
  </si>
  <si>
    <t>215414.0</t>
  </si>
  <si>
    <t>219874.0</t>
  </si>
  <si>
    <t>224334.0</t>
  </si>
  <si>
    <t>228794.0</t>
  </si>
  <si>
    <t>23.318</t>
  </si>
  <si>
    <t>233253.0</t>
  </si>
  <si>
    <t>23610875.0</t>
  </si>
  <si>
    <t>283.075</t>
  </si>
  <si>
    <t>237713.0</t>
  </si>
  <si>
    <t>-4873.99999999999</t>
  </si>
  <si>
    <t>-58.4623887967158</t>
  </si>
  <si>
    <t>71.956</t>
  </si>
  <si>
    <t>237116.0</t>
  </si>
  <si>
    <t>6247.0</t>
  </si>
  <si>
    <t>236519.0</t>
  </si>
  <si>
    <t>235922.0</t>
  </si>
  <si>
    <t>79.549</t>
  </si>
  <si>
    <t>235324.0</t>
  </si>
  <si>
    <t>234727.0</t>
  </si>
  <si>
    <t>34.053</t>
  </si>
  <si>
    <t>234130.0</t>
  </si>
  <si>
    <t>25245604.0</t>
  </si>
  <si>
    <t>302.674</t>
  </si>
  <si>
    <t>233533.0</t>
  </si>
  <si>
    <t>-3813.49999999999</t>
  </si>
  <si>
    <t>-45.7419613615666</t>
  </si>
  <si>
    <t>83.148</t>
  </si>
  <si>
    <t>230119.0</t>
  </si>
  <si>
    <t>226705.0</t>
  </si>
  <si>
    <t>37.472</t>
  </si>
  <si>
    <t>223291.0</t>
  </si>
  <si>
    <t>219878.0</t>
  </si>
  <si>
    <t>39.559</t>
  </si>
  <si>
    <t>87.238</t>
  </si>
  <si>
    <t>216464.0</t>
  </si>
  <si>
    <t>213050.0</t>
  </si>
  <si>
    <t>26713058.0</t>
  </si>
  <si>
    <t>320.268</t>
  </si>
  <si>
    <t>209636.0</t>
  </si>
  <si>
    <t>-2082.39999999999</t>
  </si>
  <si>
    <t>-24.9778577000986</t>
  </si>
  <si>
    <t>208263.0</t>
  </si>
  <si>
    <t>206889.0</t>
  </si>
  <si>
    <t>205515.0</t>
  </si>
  <si>
    <t>204142.0</t>
  </si>
  <si>
    <t>202768.0</t>
  </si>
  <si>
    <t>201394.0</t>
  </si>
  <si>
    <t>28113203.0</t>
  </si>
  <si>
    <t>337.054</t>
  </si>
  <si>
    <t>200021.0</t>
  </si>
  <si>
    <t>-70.0999999999901</t>
  </si>
  <si>
    <t>-0.840831648471319</t>
  </si>
  <si>
    <t>199632.0</t>
  </si>
  <si>
    <t>45.184</t>
  </si>
  <si>
    <t>98.321</t>
  </si>
  <si>
    <t>198856.0</t>
  </si>
  <si>
    <t>198467.0</t>
  </si>
  <si>
    <t>198079.0</t>
  </si>
  <si>
    <t>197691.0</t>
  </si>
  <si>
    <t>8419.0</t>
  </si>
  <si>
    <t>29494320.0</t>
  </si>
  <si>
    <t>353.613</t>
  </si>
  <si>
    <t>197302.0</t>
  </si>
  <si>
    <t>2916.00000000001</t>
  </si>
  <si>
    <t>34.9766774171572</t>
  </si>
  <si>
    <t>197602.0</t>
  </si>
  <si>
    <t>197901.0</t>
  </si>
  <si>
    <t>47.475</t>
  </si>
  <si>
    <t>102.267</t>
  </si>
  <si>
    <t>198201.0</t>
  </si>
  <si>
    <t>198800.0</t>
  </si>
  <si>
    <t>199099.0</t>
  </si>
  <si>
    <t>109.74</t>
  </si>
  <si>
    <t>30890110.0</t>
  </si>
  <si>
    <t>370.347</t>
  </si>
  <si>
    <t>6785.10000000001</t>
  </si>
  <si>
    <t>81.3855466197369</t>
  </si>
  <si>
    <t>201853.0</t>
  </si>
  <si>
    <t>51.314</t>
  </si>
  <si>
    <t>118.208</t>
  </si>
  <si>
    <t>206761.0</t>
  </si>
  <si>
    <t>122.286</t>
  </si>
  <si>
    <t>209215.0</t>
  </si>
  <si>
    <t>53.161</t>
  </si>
  <si>
    <t>211669.0</t>
  </si>
  <si>
    <t>214123.0</t>
  </si>
  <si>
    <t>32406148.0</t>
  </si>
  <si>
    <t>388.523</t>
  </si>
  <si>
    <t>216577.0</t>
  </si>
  <si>
    <t>12072.2</t>
  </si>
  <si>
    <t>144.802964717217</t>
  </si>
  <si>
    <t>219849.0</t>
  </si>
  <si>
    <t>223122.0</t>
  </si>
  <si>
    <t>226394.0</t>
  </si>
  <si>
    <t>229667.0</t>
  </si>
  <si>
    <t>12274.0</t>
  </si>
  <si>
    <t>232939.0</t>
  </si>
  <si>
    <t>236211.0</t>
  </si>
  <si>
    <t>34082535.0</t>
  </si>
  <si>
    <t>408.622</t>
  </si>
  <si>
    <t>239484.0</t>
  </si>
  <si>
    <t>17710.5</t>
  </si>
  <si>
    <t>212.432937378793</t>
  </si>
  <si>
    <t>227524.0</t>
  </si>
  <si>
    <t>215565.0</t>
  </si>
  <si>
    <t>155.668</t>
  </si>
  <si>
    <t>203605.0</t>
  </si>
  <si>
    <t>191646.0</t>
  </si>
  <si>
    <t>179686.0</t>
  </si>
  <si>
    <t>167727.0</t>
  </si>
  <si>
    <t>131.906</t>
  </si>
  <si>
    <t>35172907.0</t>
  </si>
  <si>
    <t>421.694</t>
  </si>
  <si>
    <t>155767.0</t>
  </si>
  <si>
    <t>24425.0</t>
  </si>
  <si>
    <t>24500.0</t>
  </si>
  <si>
    <t>293.871260878035</t>
  </si>
  <si>
    <t>133.681</t>
  </si>
  <si>
    <t>150775.0</t>
  </si>
  <si>
    <t>145782.0</t>
  </si>
  <si>
    <t>50201.0</t>
  </si>
  <si>
    <t>34135.0</t>
  </si>
  <si>
    <t>140789.0</t>
  </si>
  <si>
    <t>156878.0</t>
  </si>
  <si>
    <t>64183.0</t>
  </si>
  <si>
    <t>135797.0</t>
  </si>
  <si>
    <t>206850.0</t>
  </si>
  <si>
    <t>45606.0</t>
  </si>
  <si>
    <t>67.219</t>
  </si>
  <si>
    <t>135.936</t>
  </si>
  <si>
    <t>130804.0</t>
  </si>
  <si>
    <t>232554.0</t>
  </si>
  <si>
    <t>25704.0</t>
  </si>
  <si>
    <t>41626.0</t>
  </si>
  <si>
    <t>125811.0</t>
  </si>
  <si>
    <t>280374.0</t>
  </si>
  <si>
    <t>47820.0</t>
  </si>
  <si>
    <t>42658.0</t>
  </si>
  <si>
    <t>36018636.0</t>
  </si>
  <si>
    <t>431.834</t>
  </si>
  <si>
    <t>302975.0</t>
  </si>
  <si>
    <t>39793.0</t>
  </si>
  <si>
    <t>31276.5</t>
  </si>
  <si>
    <t>375.153652687831</t>
  </si>
  <si>
    <t>128745.0</t>
  </si>
  <si>
    <t>349314.0</t>
  </si>
  <si>
    <t>46339.0</t>
  </si>
  <si>
    <t>43831.0</t>
  </si>
  <si>
    <t>10905.0</t>
  </si>
  <si>
    <t>136671.0</t>
  </si>
  <si>
    <t>401836.0</t>
  </si>
  <si>
    <t>52522.0</t>
  </si>
  <si>
    <t>10544.0</t>
  </si>
  <si>
    <t>144597.0</t>
  </si>
  <si>
    <t>464963.0</t>
  </si>
  <si>
    <t>44012.0</t>
  </si>
  <si>
    <t>152523.0</t>
  </si>
  <si>
    <t>519884.0</t>
  </si>
  <si>
    <t>54921.0</t>
  </si>
  <si>
    <t>65.803</t>
  </si>
  <si>
    <t>582789.0</t>
  </si>
  <si>
    <t>62905.0</t>
  </si>
  <si>
    <t>50034.0</t>
  </si>
  <si>
    <t>168375.0</t>
  </si>
  <si>
    <t>643394.0</t>
  </si>
  <si>
    <t>60605.0</t>
  </si>
  <si>
    <t>51860.0</t>
  </si>
  <si>
    <t>37252746.0</t>
  </si>
  <si>
    <t>446.63</t>
  </si>
  <si>
    <t>176301.0</t>
  </si>
  <si>
    <t>679242.0</t>
  </si>
  <si>
    <t>53752.0</t>
  </si>
  <si>
    <t>36412.3</t>
  </si>
  <si>
    <t>436.756265815072</t>
  </si>
  <si>
    <t>175417.0</t>
  </si>
  <si>
    <t>748025.0</t>
  </si>
  <si>
    <t>56959.0</t>
  </si>
  <si>
    <t>5230.0</t>
  </si>
  <si>
    <t>62.733</t>
  </si>
  <si>
    <t>174533.0</t>
  </si>
  <si>
    <t>827369.0</t>
  </si>
  <si>
    <t>60790.0</t>
  </si>
  <si>
    <t>62.193</t>
  </si>
  <si>
    <t>939836.0</t>
  </si>
  <si>
    <t>67839.0</t>
  </si>
  <si>
    <t>1024007.0</t>
  </si>
  <si>
    <t>84171.0</t>
  </si>
  <si>
    <t>171880.0</t>
  </si>
  <si>
    <t>1115915.0</t>
  </si>
  <si>
    <t>1114938.0</t>
  </si>
  <si>
    <t>91908.0</t>
  </si>
  <si>
    <t>76021.0</t>
  </si>
  <si>
    <t>170995.0</t>
  </si>
  <si>
    <t>1174040.0</t>
  </si>
  <si>
    <t>1171819.0</t>
  </si>
  <si>
    <t>58125.0</t>
  </si>
  <si>
    <t>75807.0</t>
  </si>
  <si>
    <t>75489.0</t>
  </si>
  <si>
    <t>38443523.0</t>
  </si>
  <si>
    <t>460.906</t>
  </si>
  <si>
    <t>170111.0</t>
  </si>
  <si>
    <t>1221879.0</t>
  </si>
  <si>
    <t>1202576.0</t>
  </si>
  <si>
    <t>47839.0</t>
  </si>
  <si>
    <t>77520.0</t>
  </si>
  <si>
    <t>40839.9</t>
  </si>
  <si>
    <t>489.864200291137</t>
  </si>
  <si>
    <t>1305201.0</t>
  </si>
  <si>
    <t>1270137.0</t>
  </si>
  <si>
    <t>35064.0</t>
  </si>
  <si>
    <t>83322.0</t>
  </si>
  <si>
    <t>79597.0</t>
  </si>
  <si>
    <t>167105.0</t>
  </si>
  <si>
    <t>1425108.0</t>
  </si>
  <si>
    <t>1353965.0</t>
  </si>
  <si>
    <t>119907.0</t>
  </si>
  <si>
    <t>85391.0</t>
  </si>
  <si>
    <t>165602.0</t>
  </si>
  <si>
    <t>1558083.0</t>
  </si>
  <si>
    <t>1432985.0</t>
  </si>
  <si>
    <t>125098.0</t>
  </si>
  <si>
    <t>57.419</t>
  </si>
  <si>
    <t>1663732.0</t>
  </si>
  <si>
    <t>1497523.0</t>
  </si>
  <si>
    <t>166209.0</t>
  </si>
  <si>
    <t>105649.0</t>
  </si>
  <si>
    <t>91389.0</t>
  </si>
  <si>
    <t>67645.0</t>
  </si>
  <si>
    <t>112.355</t>
  </si>
  <si>
    <t>162596.0</t>
  </si>
  <si>
    <t>1766167.0</t>
  </si>
  <si>
    <t>1566325.0</t>
  </si>
  <si>
    <t>199842.0</t>
  </si>
  <si>
    <t>102435.0</t>
  </si>
  <si>
    <t>92893.0</t>
  </si>
  <si>
    <t>64484.0</t>
  </si>
  <si>
    <t>161093.0</t>
  </si>
  <si>
    <t>1853263.0</t>
  </si>
  <si>
    <t>1607102.0</t>
  </si>
  <si>
    <t>246161.0</t>
  </si>
  <si>
    <t>97032.0</t>
  </si>
  <si>
    <t>55.464</t>
  </si>
  <si>
    <t>39560653.0</t>
  </si>
  <si>
    <t>474.3</t>
  </si>
  <si>
    <t>159590.0</t>
  </si>
  <si>
    <t>1901117.0</t>
  </si>
  <si>
    <t>1632808.0</t>
  </si>
  <si>
    <t>268309.0</t>
  </si>
  <si>
    <t>47854.0</t>
  </si>
  <si>
    <t>97034.0</t>
  </si>
  <si>
    <t>44868.3</t>
  </si>
  <si>
    <t>538.183832426691</t>
  </si>
  <si>
    <t>160372.0</t>
  </si>
  <si>
    <t>1992196.0</t>
  </si>
  <si>
    <t>1685171.0</t>
  </si>
  <si>
    <t>307025.0</t>
  </si>
  <si>
    <t>91079.0</t>
  </si>
  <si>
    <t>98142.0</t>
  </si>
  <si>
    <t>59291.0</t>
  </si>
  <si>
    <t>161154.0</t>
  </si>
  <si>
    <t>2090949.0</t>
  </si>
  <si>
    <t>1736406.0</t>
  </si>
  <si>
    <t>354543.0</t>
  </si>
  <si>
    <t>98753.0</t>
  </si>
  <si>
    <t>95120.0</t>
  </si>
  <si>
    <t>54634.0</t>
  </si>
  <si>
    <t>161936.0</t>
  </si>
  <si>
    <t>2200637.0</t>
  </si>
  <si>
    <t>1787566.0</t>
  </si>
  <si>
    <t>413071.0</t>
  </si>
  <si>
    <t>109688.0</t>
  </si>
  <si>
    <t>91793.0</t>
  </si>
  <si>
    <t>162718.0</t>
  </si>
  <si>
    <t>2293422.0</t>
  </si>
  <si>
    <t>1834571.0</t>
  </si>
  <si>
    <t>458851.0</t>
  </si>
  <si>
    <t>92785.0</t>
  </si>
  <si>
    <t>163500.0</t>
  </si>
  <si>
    <t>2401277.0</t>
  </si>
  <si>
    <t>1884460.0</t>
  </si>
  <si>
    <t>516817.0</t>
  </si>
  <si>
    <t>107855.0</t>
  </si>
  <si>
    <t>90730.0</t>
  </si>
  <si>
    <t>164282.0</t>
  </si>
  <si>
    <t>2489474.0</t>
  </si>
  <si>
    <t>1919151.0</t>
  </si>
  <si>
    <t>570323.0</t>
  </si>
  <si>
    <t>90887.0</t>
  </si>
  <si>
    <t>40716103.0</t>
  </si>
  <si>
    <t>488.153</t>
  </si>
  <si>
    <t>165064.0</t>
  </si>
  <si>
    <t>2546754.0</t>
  </si>
  <si>
    <t>1944972.0</t>
  </si>
  <si>
    <t>601782.0</t>
  </si>
  <si>
    <t>57280.0</t>
  </si>
  <si>
    <t>92234.0</t>
  </si>
  <si>
    <t>44595.0</t>
  </si>
  <si>
    <t>47221.9</t>
  </si>
  <si>
    <t>566.414665063529</t>
  </si>
  <si>
    <t>164032.0</t>
  </si>
  <si>
    <t>2667301.0</t>
  </si>
  <si>
    <t>2003373.0</t>
  </si>
  <si>
    <t>663928.0</t>
  </si>
  <si>
    <t>120547.0</t>
  </si>
  <si>
    <t>96444.0</t>
  </si>
  <si>
    <t>51.134</t>
  </si>
  <si>
    <t>89.109</t>
  </si>
  <si>
    <t>2800255.0</t>
  </si>
  <si>
    <t>2068904.0</t>
  </si>
  <si>
    <t>731351.0</t>
  </si>
  <si>
    <t>101329.0</t>
  </si>
  <si>
    <t>161968.0</t>
  </si>
  <si>
    <t>2963447.0</t>
  </si>
  <si>
    <t>2133540.0</t>
  </si>
  <si>
    <t>829907.0</t>
  </si>
  <si>
    <t>108973.0</t>
  </si>
  <si>
    <t>50.114</t>
  </si>
  <si>
    <t>160935.0</t>
  </si>
  <si>
    <t>3098160.0</t>
  </si>
  <si>
    <t>2195696.0</t>
  </si>
  <si>
    <t>902464.0</t>
  </si>
  <si>
    <t>134713.0</t>
  </si>
  <si>
    <t>114963.0</t>
  </si>
  <si>
    <t>159903.0</t>
  </si>
  <si>
    <t>3245803.0</t>
  </si>
  <si>
    <t>2265124.0</t>
  </si>
  <si>
    <t>980679.0</t>
  </si>
  <si>
    <t>147643.0</t>
  </si>
  <si>
    <t>120647.0</t>
  </si>
  <si>
    <t>54381.0</t>
  </si>
  <si>
    <t>158871.0</t>
  </si>
  <si>
    <t>3340045.0</t>
  </si>
  <si>
    <t>2310747.0</t>
  </si>
  <si>
    <t>1029298.0</t>
  </si>
  <si>
    <t>94242.0</t>
  </si>
  <si>
    <t>121510.0</t>
  </si>
  <si>
    <t>41820973.0</t>
  </si>
  <si>
    <t>501.399</t>
  </si>
  <si>
    <t>157839.0</t>
  </si>
  <si>
    <t>3393629.0</t>
  </si>
  <si>
    <t>2339055.0</t>
  </si>
  <si>
    <t>1054574.0</t>
  </si>
  <si>
    <t>53584.0</t>
  </si>
  <si>
    <t>120982.0</t>
  </si>
  <si>
    <t>47993.1</t>
  </si>
  <si>
    <t>575.665012671249</t>
  </si>
  <si>
    <t>156994.0</t>
  </si>
  <si>
    <t>3503151.0</t>
  </si>
  <si>
    <t>2392083.0</t>
  </si>
  <si>
    <t>1111068.0</t>
  </si>
  <si>
    <t>109522.0</t>
  </si>
  <si>
    <t>119407.0</t>
  </si>
  <si>
    <t>55530.0</t>
  </si>
  <si>
    <t>156149.0</t>
  </si>
  <si>
    <t>3637983.0</t>
  </si>
  <si>
    <t>2452375.0</t>
  </si>
  <si>
    <t>1185608.0</t>
  </si>
  <si>
    <t>134832.0</t>
  </si>
  <si>
    <t>54782.0</t>
  </si>
  <si>
    <t>155304.0</t>
  </si>
  <si>
    <t>2530197.0</t>
  </si>
  <si>
    <t>155607.0</t>
  </si>
  <si>
    <t>118592.0</t>
  </si>
  <si>
    <t>56665.0</t>
  </si>
  <si>
    <t>154459.0</t>
  </si>
  <si>
    <t>3938388.0</t>
  </si>
  <si>
    <t>2605926.0</t>
  </si>
  <si>
    <t>1332462.0</t>
  </si>
  <si>
    <t>144798.0</t>
  </si>
  <si>
    <t>153614.0</t>
  </si>
  <si>
    <t>4094743.0</t>
  </si>
  <si>
    <t>2686258.0</t>
  </si>
  <si>
    <t>1408485.0</t>
  </si>
  <si>
    <t>121277.0</t>
  </si>
  <si>
    <t>60162.0</t>
  </si>
  <si>
    <t>41.802</t>
  </si>
  <si>
    <t>64.784</t>
  </si>
  <si>
    <t>152769.0</t>
  </si>
  <si>
    <t>4202644.0</t>
  </si>
  <si>
    <t>2748325.0</t>
  </si>
  <si>
    <t>1454319.0</t>
  </si>
  <si>
    <t>123228.0</t>
  </si>
  <si>
    <t>62511.0</t>
  </si>
  <si>
    <t>42884443.0</t>
  </si>
  <si>
    <t>514.149</t>
  </si>
  <si>
    <t>151924.0</t>
  </si>
  <si>
    <t>4268138.0</t>
  </si>
  <si>
    <t>2787979.0</t>
  </si>
  <si>
    <t>1480159.0</t>
  </si>
  <si>
    <t>65494.0</t>
  </si>
  <si>
    <t>124930.0</t>
  </si>
  <si>
    <t>47929.7</t>
  </si>
  <si>
    <t>574.904545816569</t>
  </si>
  <si>
    <t>152838.0</t>
  </si>
  <si>
    <t>4394122.0</t>
  </si>
  <si>
    <t>2858171.0</t>
  </si>
  <si>
    <t>1535951.0</t>
  </si>
  <si>
    <t>125984.0</t>
  </si>
  <si>
    <t>127282.0</t>
  </si>
  <si>
    <t>66584.0</t>
  </si>
  <si>
    <t>153752.0</t>
  </si>
  <si>
    <t>4529145.0</t>
  </si>
  <si>
    <t>2936494.0</t>
  </si>
  <si>
    <t>1592651.0</t>
  </si>
  <si>
    <t>135023.0</t>
  </si>
  <si>
    <t>127309.0</t>
  </si>
  <si>
    <t>69160.0</t>
  </si>
  <si>
    <t>154666.0</t>
  </si>
  <si>
    <t>4681127.0</t>
  </si>
  <si>
    <t>3031963.0</t>
  </si>
  <si>
    <t>1649164.0</t>
  </si>
  <si>
    <t>151982.0</t>
  </si>
  <si>
    <t>126791.0</t>
  </si>
  <si>
    <t>155580.0</t>
  </si>
  <si>
    <t>4826430.0</t>
  </si>
  <si>
    <t>3123859.0</t>
  </si>
  <si>
    <t>1702571.0</t>
  </si>
  <si>
    <t>145303.0</t>
  </si>
  <si>
    <t>126863.0</t>
  </si>
  <si>
    <t>73990.0</t>
  </si>
  <si>
    <t>37.436</t>
  </si>
  <si>
    <t>156494.0</t>
  </si>
  <si>
    <t>4985434.0</t>
  </si>
  <si>
    <t>3227039.0</t>
  </si>
  <si>
    <t>1758395.0</t>
  </si>
  <si>
    <t>159004.0</t>
  </si>
  <si>
    <t>127242.0</t>
  </si>
  <si>
    <t>77254.0</t>
  </si>
  <si>
    <t>36.956</t>
  </si>
  <si>
    <t>157408.0</t>
  </si>
  <si>
    <t>5098031.0</t>
  </si>
  <si>
    <t>3303253.0</t>
  </si>
  <si>
    <t>1794778.0</t>
  </si>
  <si>
    <t>112597.0</t>
  </si>
  <si>
    <t>127912.0</t>
  </si>
  <si>
    <t>79275.0</t>
  </si>
  <si>
    <t>43992693.0</t>
  </si>
  <si>
    <t>527.436</t>
  </si>
  <si>
    <t>158321.0</t>
  </si>
  <si>
    <t>5184117.0</t>
  </si>
  <si>
    <t>3361004.0</t>
  </si>
  <si>
    <t>1823113.0</t>
  </si>
  <si>
    <t>86086.0</t>
  </si>
  <si>
    <t>130854.0</t>
  </si>
  <si>
    <t>81861.0</t>
  </si>
  <si>
    <t>46871.7</t>
  </si>
  <si>
    <t>562.214105244774</t>
  </si>
  <si>
    <t>159696.0</t>
  </si>
  <si>
    <t>5340858.0</t>
  </si>
  <si>
    <t>3459353.0</t>
  </si>
  <si>
    <t>1881505.0</t>
  </si>
  <si>
    <t>156741.0</t>
  </si>
  <si>
    <t>135248.0</t>
  </si>
  <si>
    <t>85883.0</t>
  </si>
  <si>
    <t>161070.0</t>
  </si>
  <si>
    <t>5511513.0</t>
  </si>
  <si>
    <t>3569399.0</t>
  </si>
  <si>
    <t>1942114.0</t>
  </si>
  <si>
    <t>170655.0</t>
  </si>
  <si>
    <t>140338.0</t>
  </si>
  <si>
    <t>90415.0</t>
  </si>
  <si>
    <t>35.456</t>
  </si>
  <si>
    <t>162444.0</t>
  </si>
  <si>
    <t>5688755.0</t>
  </si>
  <si>
    <t>3687124.0</t>
  </si>
  <si>
    <t>2001631.0</t>
  </si>
  <si>
    <t>177242.0</t>
  </si>
  <si>
    <t>143947.0</t>
  </si>
  <si>
    <t>93594.0</t>
  </si>
  <si>
    <t>60.909</t>
  </si>
  <si>
    <t>163818.0</t>
  </si>
  <si>
    <t>5879232.0</t>
  </si>
  <si>
    <t>3818121.0</t>
  </si>
  <si>
    <t>2061111.0</t>
  </si>
  <si>
    <t>190477.0</t>
  </si>
  <si>
    <t>150400.0</t>
  </si>
  <si>
    <t>99180.0</t>
  </si>
  <si>
    <t>165193.0</t>
  </si>
  <si>
    <t>6093577.0</t>
  </si>
  <si>
    <t>3964741.0</t>
  </si>
  <si>
    <t>2128836.0</t>
  </si>
  <si>
    <t>105386.0</t>
  </si>
  <si>
    <t>6242000.0</t>
  </si>
  <si>
    <t>4073289.0</t>
  </si>
  <si>
    <t>2168711.0</t>
  </si>
  <si>
    <t>148423.0</t>
  </si>
  <si>
    <t>163424.0</t>
  </si>
  <si>
    <t>45168280.0</t>
  </si>
  <si>
    <t>541.531</t>
  </si>
  <si>
    <t>167941.0</t>
  </si>
  <si>
    <t>6345671.0</t>
  </si>
  <si>
    <t>4152755.0</t>
  </si>
  <si>
    <t>2192916.0</t>
  </si>
  <si>
    <t>103671.0</t>
  </si>
  <si>
    <t>113107.0</t>
  </si>
  <si>
    <t>43844.3</t>
  </si>
  <si>
    <t>525.901213196523</t>
  </si>
  <si>
    <t>167575.0</t>
  </si>
  <si>
    <t>6545168.0</t>
  </si>
  <si>
    <t>4302284.0</t>
  </si>
  <si>
    <t>2242884.0</t>
  </si>
  <si>
    <t>199497.0</t>
  </si>
  <si>
    <t>172044.0</t>
  </si>
  <si>
    <t>57.767</t>
  </si>
  <si>
    <t>167208.0</t>
  </si>
  <si>
    <t>6765485.0</t>
  </si>
  <si>
    <t>4470323.0</t>
  </si>
  <si>
    <t>2295162.0</t>
  </si>
  <si>
    <t>220317.0</t>
  </si>
  <si>
    <t>179139.0</t>
  </si>
  <si>
    <t>128703.0</t>
  </si>
  <si>
    <t>33.861</t>
  </si>
  <si>
    <t>166842.0</t>
  </si>
  <si>
    <t>7014252.0</t>
  </si>
  <si>
    <t>4648200.0</t>
  </si>
  <si>
    <t>2366052.0</t>
  </si>
  <si>
    <t>248767.0</t>
  </si>
  <si>
    <t>189357.0</t>
  </si>
  <si>
    <t>55.955</t>
  </si>
  <si>
    <t>166476.0</t>
  </si>
  <si>
    <t>7260138.0</t>
  </si>
  <si>
    <t>4830859.0</t>
  </si>
  <si>
    <t>2429279.0</t>
  </si>
  <si>
    <t>245886.0</t>
  </si>
  <si>
    <t>197272.0</t>
  </si>
  <si>
    <t>144677.0</t>
  </si>
  <si>
    <t>166109.0</t>
  </si>
  <si>
    <t>7536319.0</t>
  </si>
  <si>
    <t>2496821.0</t>
  </si>
  <si>
    <t>276181.0</t>
  </si>
  <si>
    <t>206106.0</t>
  </si>
  <si>
    <t>153537.0</t>
  </si>
  <si>
    <t>165743.0</t>
  </si>
  <si>
    <t>7739385.0</t>
  </si>
  <si>
    <t>5193803.0</t>
  </si>
  <si>
    <t>2545582.0</t>
  </si>
  <si>
    <t>160073.0</t>
  </si>
  <si>
    <t>46325915.0</t>
  </si>
  <si>
    <t>555.41</t>
  </si>
  <si>
    <t>165376.0</t>
  </si>
  <si>
    <t>7887381.0</t>
  </si>
  <si>
    <t>5308235.0</t>
  </si>
  <si>
    <t>2579146.0</t>
  </si>
  <si>
    <t>147996.0</t>
  </si>
  <si>
    <t>220244.0</t>
  </si>
  <si>
    <t>165069.0</t>
  </si>
  <si>
    <t>39785.5</t>
  </si>
  <si>
    <t>-18.03</t>
  </si>
  <si>
    <t>477.216940802573</t>
  </si>
  <si>
    <t>167964.0</t>
  </si>
  <si>
    <t>8126161.0</t>
  </si>
  <si>
    <t>5495046.0</t>
  </si>
  <si>
    <t>2631115.0</t>
  </si>
  <si>
    <t>238780.0</t>
  </si>
  <si>
    <t>225856.0</t>
  </si>
  <si>
    <t>170395.0</t>
  </si>
  <si>
    <t>52.753</t>
  </si>
  <si>
    <t>170552.0</t>
  </si>
  <si>
    <t>8379554.0</t>
  </si>
  <si>
    <t>5693377.0</t>
  </si>
  <si>
    <t>2686177.0</t>
  </si>
  <si>
    <t>253393.0</t>
  </si>
  <si>
    <t>230581.0</t>
  </si>
  <si>
    <t>174722.0</t>
  </si>
  <si>
    <t>173140.0</t>
  </si>
  <si>
    <t>8669276.0</t>
  </si>
  <si>
    <t>5915572.0</t>
  </si>
  <si>
    <t>2753704.0</t>
  </si>
  <si>
    <t>289722.0</t>
  </si>
  <si>
    <t>236432.0</t>
  </si>
  <si>
    <t>181053.0</t>
  </si>
  <si>
    <t>175729.0</t>
  </si>
  <si>
    <t>8954319.0</t>
  </si>
  <si>
    <t>6139580.0</t>
  </si>
  <si>
    <t>2814739.0</t>
  </si>
  <si>
    <t>285043.0</t>
  </si>
  <si>
    <t>242026.0</t>
  </si>
  <si>
    <t>186960.0</t>
  </si>
  <si>
    <t>178317.0</t>
  </si>
  <si>
    <t>9283123.0</t>
  </si>
  <si>
    <t>6397203.0</t>
  </si>
  <si>
    <t>2885920.0</t>
  </si>
  <si>
    <t>328804.0</t>
  </si>
  <si>
    <t>249543.0</t>
  </si>
  <si>
    <t>180905.0</t>
  </si>
  <si>
    <t>9524851.0</t>
  </si>
  <si>
    <t>6588508.0</t>
  </si>
  <si>
    <t>241728.0</t>
  </si>
  <si>
    <t>255067.0</t>
  </si>
  <si>
    <t>47610363.0</t>
  </si>
  <si>
    <t>570.809</t>
  </si>
  <si>
    <t>9695417.0</t>
  </si>
  <si>
    <t>6723347.0</t>
  </si>
  <si>
    <t>2972070.0</t>
  </si>
  <si>
    <t>170566.0</t>
  </si>
  <si>
    <t>258291.0</t>
  </si>
  <si>
    <t>202159.0</t>
  </si>
  <si>
    <t>36389.1</t>
  </si>
  <si>
    <t>-15.44</t>
  </si>
  <si>
    <t>436.477987723138</t>
  </si>
  <si>
    <t>185334.0</t>
  </si>
  <si>
    <t>9945085.0</t>
  </si>
  <si>
    <t>6913672.0</t>
  </si>
  <si>
    <t>3031413.0</t>
  </si>
  <si>
    <t>249668.0</t>
  </si>
  <si>
    <t>259846.0</t>
  </si>
  <si>
    <t>187175.0</t>
  </si>
  <si>
    <t>10124746.0</t>
  </si>
  <si>
    <t>7024894.0</t>
  </si>
  <si>
    <t>3099852.0</t>
  </si>
  <si>
    <t>179661.0</t>
  </si>
  <si>
    <t>249313.0</t>
  </si>
  <si>
    <t>190217.0</t>
  </si>
  <si>
    <t>62.876</t>
  </si>
  <si>
    <t>189016.0</t>
  </si>
  <si>
    <t>10330906.0</t>
  </si>
  <si>
    <t>7149801.0</t>
  </si>
  <si>
    <t>3181105.0</t>
  </si>
  <si>
    <t>237376.0</t>
  </si>
  <si>
    <t>176318.0</t>
  </si>
  <si>
    <t>190857.0</t>
  </si>
  <si>
    <t>10525288.0</t>
  </si>
  <si>
    <t>7268282.0</t>
  </si>
  <si>
    <t>3257006.0</t>
  </si>
  <si>
    <t>194382.0</t>
  </si>
  <si>
    <t>224424.0</t>
  </si>
  <si>
    <t>161243.0</t>
  </si>
  <si>
    <t>192698.0</t>
  </si>
  <si>
    <t>10771632.0</t>
  </si>
  <si>
    <t>7429894.0</t>
  </si>
  <si>
    <t>3341738.0</t>
  </si>
  <si>
    <t>246344.0</t>
  </si>
  <si>
    <t>212644.0</t>
  </si>
  <si>
    <t>147527.0</t>
  </si>
  <si>
    <t>194539.0</t>
  </si>
  <si>
    <t>10993057.0</t>
  </si>
  <si>
    <t>7597897.0</t>
  </si>
  <si>
    <t>3395160.0</t>
  </si>
  <si>
    <t>221425.0</t>
  </si>
  <si>
    <t>209744.0</t>
  </si>
  <si>
    <t>144198.0</t>
  </si>
  <si>
    <t>48985024.0</t>
  </si>
  <si>
    <t>587.29</t>
  </si>
  <si>
    <t>11158058.0</t>
  </si>
  <si>
    <t>7724541.0</t>
  </si>
  <si>
    <t>3433517.0</t>
  </si>
  <si>
    <t>165001.0</t>
  </si>
  <si>
    <t>208949.0</t>
  </si>
  <si>
    <t>143028.0</t>
  </si>
  <si>
    <t>33687.9</t>
  </si>
  <si>
    <t>404.077781605434</t>
  </si>
  <si>
    <t>11428172.0</t>
  </si>
  <si>
    <t>7917853.0</t>
  </si>
  <si>
    <t>3510319.0</t>
  </si>
  <si>
    <t>270114.0</t>
  </si>
  <si>
    <t>211870.0</t>
  </si>
  <si>
    <t>198352.0</t>
  </si>
  <si>
    <t>11727575.0</t>
  </si>
  <si>
    <t>8132792.0</t>
  </si>
  <si>
    <t>3594783.0</t>
  </si>
  <si>
    <t>299403.0</t>
  </si>
  <si>
    <t>228976.0</t>
  </si>
  <si>
    <t>158271.0</t>
  </si>
  <si>
    <t>199337.0</t>
  </si>
  <si>
    <t>12067336.0</t>
  </si>
  <si>
    <t>8382919.0</t>
  </si>
  <si>
    <t>3684417.0</t>
  </si>
  <si>
    <t>248061.0</t>
  </si>
  <si>
    <t>176160.0</t>
  </si>
  <si>
    <t>39.115</t>
  </si>
  <si>
    <t>200323.0</t>
  </si>
  <si>
    <t>12400351.0</t>
  </si>
  <si>
    <t>8634541.0</t>
  </si>
  <si>
    <t>3765810.0</t>
  </si>
  <si>
    <t>333015.0</t>
  </si>
  <si>
    <t>267866.0</t>
  </si>
  <si>
    <t>195180.0</t>
  </si>
  <si>
    <t>201309.0</t>
  </si>
  <si>
    <t>12775253.0</t>
  </si>
  <si>
    <t>8920320.0</t>
  </si>
  <si>
    <t>3854933.0</t>
  </si>
  <si>
    <t>374902.0</t>
  </si>
  <si>
    <t>286232.0</t>
  </si>
  <si>
    <t>212918.0</t>
  </si>
  <si>
    <t>202294.0</t>
  </si>
  <si>
    <t>13057868.0</t>
  </si>
  <si>
    <t>9140349.0</t>
  </si>
  <si>
    <t>3917519.0</t>
  </si>
  <si>
    <t>282615.0</t>
  </si>
  <si>
    <t>294973.0</t>
  </si>
  <si>
    <t>220350.0</t>
  </si>
  <si>
    <t>50407984.0</t>
  </si>
  <si>
    <t>604.35</t>
  </si>
  <si>
    <t>203280.0</t>
  </si>
  <si>
    <t>13254732.0</t>
  </si>
  <si>
    <t>9283857.0</t>
  </si>
  <si>
    <t>3970875.0</t>
  </si>
  <si>
    <t>196864.0</t>
  </si>
  <si>
    <t>299525.0</t>
  </si>
  <si>
    <t>222759.0</t>
  </si>
  <si>
    <t>31913.3</t>
  </si>
  <si>
    <t>382.791906521591</t>
  </si>
  <si>
    <t>42.833</t>
  </si>
  <si>
    <t>198444.0</t>
  </si>
  <si>
    <t>13560543.0</t>
  </si>
  <si>
    <t>9500624.0</t>
  </si>
  <si>
    <t>4059919.0</t>
  </si>
  <si>
    <t>305811.0</t>
  </si>
  <si>
    <t>304624.0</t>
  </si>
  <si>
    <t>193608.0</t>
  </si>
  <si>
    <t>13886856.0</t>
  </si>
  <si>
    <t>9734422.0</t>
  </si>
  <si>
    <t>4152434.0</t>
  </si>
  <si>
    <t>326313.0</t>
  </si>
  <si>
    <t>308469.0</t>
  </si>
  <si>
    <t>228804.0</t>
  </si>
  <si>
    <t>188773.0</t>
  </si>
  <si>
    <t>14221250.0</t>
  </si>
  <si>
    <t>9967138.0</t>
  </si>
  <si>
    <t>4254112.0</t>
  </si>
  <si>
    <t>334394.0</t>
  </si>
  <si>
    <t>307702.0</t>
  </si>
  <si>
    <t>226317.0</t>
  </si>
  <si>
    <t>86.89</t>
  </si>
  <si>
    <t>183937.0</t>
  </si>
  <si>
    <t>14553828.0</t>
  </si>
  <si>
    <t>10208769.0</t>
  </si>
  <si>
    <t>4345078.0</t>
  </si>
  <si>
    <t>332578.0</t>
  </si>
  <si>
    <t>307640.0</t>
  </si>
  <si>
    <t>224890.0</t>
  </si>
  <si>
    <t>179101.0</t>
  </si>
  <si>
    <t>14780367.0</t>
  </si>
  <si>
    <t>10367270.0</t>
  </si>
  <si>
    <t>4413121.0</t>
  </si>
  <si>
    <t>226539.0</t>
  </si>
  <si>
    <t>286445.0</t>
  </si>
  <si>
    <t>206707.0</t>
  </si>
  <si>
    <t>174265.0</t>
  </si>
  <si>
    <t>15012954.0</t>
  </si>
  <si>
    <t>10535121.0</t>
  </si>
  <si>
    <t>4477857.0</t>
  </si>
  <si>
    <t>279298.0</t>
  </si>
  <si>
    <t>199253.0</t>
  </si>
  <si>
    <t>51593991.0</t>
  </si>
  <si>
    <t>618.57</t>
  </si>
  <si>
    <t>169430.0</t>
  </si>
  <si>
    <t>15206549.0</t>
  </si>
  <si>
    <t>10678090.0</t>
  </si>
  <si>
    <t>4528483.0</t>
  </si>
  <si>
    <t>193595.0</t>
  </si>
  <si>
    <t>278831.0</t>
  </si>
  <si>
    <t>199176.0</t>
  </si>
  <si>
    <t>30890.9</t>
  </si>
  <si>
    <t>370.528478883971</t>
  </si>
  <si>
    <t>169261.0</t>
  </si>
  <si>
    <t>15455111.0</t>
  </si>
  <si>
    <t>10856195.0</t>
  </si>
  <si>
    <t>4598940.0</t>
  </si>
  <si>
    <t>248562.0</t>
  </si>
  <si>
    <t>270653.0</t>
  </si>
  <si>
    <t>193653.0</t>
  </si>
  <si>
    <t>169093.0</t>
  </si>
  <si>
    <t>15847545.0</t>
  </si>
  <si>
    <t>11153976.0</t>
  </si>
  <si>
    <t>4693607.0</t>
  </si>
  <si>
    <t>392434.0</t>
  </si>
  <si>
    <t>280098.0</t>
  </si>
  <si>
    <t>202793.0</t>
  </si>
  <si>
    <t>168924.0</t>
  </si>
  <si>
    <t>16573276.0</t>
  </si>
  <si>
    <t>11783334.0</t>
  </si>
  <si>
    <t>4789996.0</t>
  </si>
  <si>
    <t>725731.0</t>
  </si>
  <si>
    <t>336004.0</t>
  </si>
  <si>
    <t>259457.0</t>
  </si>
  <si>
    <t>168755.0</t>
  </si>
  <si>
    <t>17291605.0</t>
  </si>
  <si>
    <t>12414605.0</t>
  </si>
  <si>
    <t>4877066.0</t>
  </si>
  <si>
    <t>718329.0</t>
  </si>
  <si>
    <t>391111.0</t>
  </si>
  <si>
    <t>315119.0</t>
  </si>
  <si>
    <t>168587.0</t>
  </si>
  <si>
    <t>17913206.0</t>
  </si>
  <si>
    <t>12947208.0</t>
  </si>
  <si>
    <t>4966069.0</t>
  </si>
  <si>
    <t>621601.0</t>
  </si>
  <si>
    <t>447548.0</t>
  </si>
  <si>
    <t>368563.0</t>
  </si>
  <si>
    <t>168418.0</t>
  </si>
  <si>
    <t>18282602.0</t>
  </si>
  <si>
    <t>13251290.0</t>
  </si>
  <si>
    <t>5031383.0</t>
  </si>
  <si>
    <t>369396.0</t>
  </si>
  <si>
    <t>467093.0</t>
  </si>
  <si>
    <t>388024.0</t>
  </si>
  <si>
    <t>52771740.0</t>
  </si>
  <si>
    <t>168250.0</t>
  </si>
  <si>
    <t>18543687.0</t>
  </si>
  <si>
    <t>13461924.0</t>
  </si>
  <si>
    <t>5081834.0</t>
  </si>
  <si>
    <t>261085.0</t>
  </si>
  <si>
    <t>476734.0</t>
  </si>
  <si>
    <t>397691.0</t>
  </si>
  <si>
    <t>30676.1</t>
  </si>
  <si>
    <t>367.952007584517</t>
  </si>
  <si>
    <t>171178.0</t>
  </si>
  <si>
    <t>18955791.0</t>
  </si>
  <si>
    <t>13797210.0</t>
  </si>
  <si>
    <t>5158667.0</t>
  </si>
  <si>
    <t>412104.0</t>
  </si>
  <si>
    <t>500097.0</t>
  </si>
  <si>
    <t>420145.0</t>
  </si>
  <si>
    <t>19559614.0</t>
  </si>
  <si>
    <t>14327021.0</t>
  </si>
  <si>
    <t>5232689.0</t>
  </si>
  <si>
    <t>603823.0</t>
  </si>
  <si>
    <t>530296.0</t>
  </si>
  <si>
    <t>453292.0</t>
  </si>
  <si>
    <t>177035.0</t>
  </si>
  <si>
    <t>20367900.0</t>
  </si>
  <si>
    <t>15051406.0</t>
  </si>
  <si>
    <t>5316610.0</t>
  </si>
  <si>
    <t>808286.0</t>
  </si>
  <si>
    <t>542089.0</t>
  </si>
  <si>
    <t>466867.0</t>
  </si>
  <si>
    <t>179964.0</t>
  </si>
  <si>
    <t>21050261.0</t>
  </si>
  <si>
    <t>15663031.0</t>
  </si>
  <si>
    <t>5387370.0</t>
  </si>
  <si>
    <t>682361.0</t>
  </si>
  <si>
    <t>536951.0</t>
  </si>
  <si>
    <t>464061.0</t>
  </si>
  <si>
    <t>182892.0</t>
  </si>
  <si>
    <t>21632901.0</t>
  </si>
  <si>
    <t>16171032.0</t>
  </si>
  <si>
    <t>5462017.0</t>
  </si>
  <si>
    <t>582640.0</t>
  </si>
  <si>
    <t>531385.0</t>
  </si>
  <si>
    <t>21992048.0</t>
  </si>
  <si>
    <t>16473490.0</t>
  </si>
  <si>
    <t>5518706.0</t>
  </si>
  <si>
    <t>359147.0</t>
  </si>
  <si>
    <t>529921.0</t>
  </si>
  <si>
    <t>19.76</t>
  </si>
  <si>
    <t>460314.0</t>
  </si>
  <si>
    <t>54092984.0</t>
  </si>
  <si>
    <t>648.53</t>
  </si>
  <si>
    <t>188749.0</t>
  </si>
  <si>
    <t>22259210.0</t>
  </si>
  <si>
    <t>16701542.0</t>
  </si>
  <si>
    <t>5557816.0</t>
  </si>
  <si>
    <t>267162.0</t>
  </si>
  <si>
    <t>530789.0</t>
  </si>
  <si>
    <t>462803.0</t>
  </si>
  <si>
    <t>31272.3</t>
  </si>
  <si>
    <t>375.103274757394</t>
  </si>
  <si>
    <t>191101.0</t>
  </si>
  <si>
    <t>22657565.0</t>
  </si>
  <si>
    <t>17037846.0</t>
  </si>
  <si>
    <t>5619880.0</t>
  </si>
  <si>
    <t>398355.0</t>
  </si>
  <si>
    <t>528825.0</t>
  </si>
  <si>
    <t>462948.0</t>
  </si>
  <si>
    <t>193452.0</t>
  </si>
  <si>
    <t>23246743.0</t>
  </si>
  <si>
    <t>17563410.0</t>
  </si>
  <si>
    <t>5683511.0</t>
  </si>
  <si>
    <t>589178.0</t>
  </si>
  <si>
    <t>526733.0</t>
  </si>
  <si>
    <t>462341.0</t>
  </si>
  <si>
    <t>195804.0</t>
  </si>
  <si>
    <t>23996078.0</t>
  </si>
  <si>
    <t>18238513.0</t>
  </si>
  <si>
    <t>5757768.0</t>
  </si>
  <si>
    <t>749335.0</t>
  </si>
  <si>
    <t>518311.0</t>
  </si>
  <si>
    <t>455301.0</t>
  </si>
  <si>
    <t>95.982</t>
  </si>
  <si>
    <t>198156.0</t>
  </si>
  <si>
    <t>24635603.0</t>
  </si>
  <si>
    <t>18809965.0</t>
  </si>
  <si>
    <t>5825876.0</t>
  </si>
  <si>
    <t>639525.0</t>
  </si>
  <si>
    <t>512192.0</t>
  </si>
  <si>
    <t>449562.0</t>
  </si>
  <si>
    <t>25177242.0</t>
  </si>
  <si>
    <t>19281836.0</t>
  </si>
  <si>
    <t>5895652.0</t>
  </si>
  <si>
    <t>541639.0</t>
  </si>
  <si>
    <t>506334.0</t>
  </si>
  <si>
    <t>444401.0</t>
  </si>
  <si>
    <t>202859.0</t>
  </si>
  <si>
    <t>25539835.0</t>
  </si>
  <si>
    <t>19585182.0</t>
  </si>
  <si>
    <t>5954899.0</t>
  </si>
  <si>
    <t>362593.0</t>
  </si>
  <si>
    <t>506827.0</t>
  </si>
  <si>
    <t>30.63</t>
  </si>
  <si>
    <t>444527.0</t>
  </si>
  <si>
    <t>60.597</t>
  </si>
  <si>
    <t>55529458.0</t>
  </si>
  <si>
    <t>665.753</t>
  </si>
  <si>
    <t>205211.0</t>
  </si>
  <si>
    <t>25820105.0</t>
  </si>
  <si>
    <t>19816117.0</t>
  </si>
  <si>
    <t>6004234.0</t>
  </si>
  <si>
    <t>280270.0</t>
  </si>
  <si>
    <t>508699.0</t>
  </si>
  <si>
    <t>444939.0</t>
  </si>
  <si>
    <t>32474.5</t>
  </si>
  <si>
    <t>389.523357607499</t>
  </si>
  <si>
    <t>61.413</t>
  </si>
  <si>
    <t>96.21</t>
  </si>
  <si>
    <t>26256594.0</t>
  </si>
  <si>
    <t>20177874.0</t>
  </si>
  <si>
    <t>6078986.0</t>
  </si>
  <si>
    <t>436489.0</t>
  </si>
  <si>
    <t>514147.0</t>
  </si>
  <si>
    <t>448575.0</t>
  </si>
  <si>
    <t>202499.0</t>
  </si>
  <si>
    <t>27115904.0</t>
  </si>
  <si>
    <t>20942558.0</t>
  </si>
  <si>
    <t>6173629.0</t>
  </si>
  <si>
    <t>859310.0</t>
  </si>
  <si>
    <t>552737.0</t>
  </si>
  <si>
    <t>482735.0</t>
  </si>
  <si>
    <t>201143.0</t>
  </si>
  <si>
    <t>28278387.0</t>
  </si>
  <si>
    <t>21972093.0</t>
  </si>
  <si>
    <t>6306603.0</t>
  </si>
  <si>
    <t>1162483.0</t>
  </si>
  <si>
    <t>611758.0</t>
  </si>
  <si>
    <t>533369.0</t>
  </si>
  <si>
    <t>199787.0</t>
  </si>
  <si>
    <t>29224631.0</t>
  </si>
  <si>
    <t>22781238.0</t>
  </si>
  <si>
    <t>6443723.0</t>
  </si>
  <si>
    <t>946244.0</t>
  </si>
  <si>
    <t>655575.0</t>
  </si>
  <si>
    <t>567325.0</t>
  </si>
  <si>
    <t>198431.0</t>
  </si>
  <si>
    <t>29991195.0</t>
  </si>
  <si>
    <t>23410443.0</t>
  </si>
  <si>
    <t>6581102.0</t>
  </si>
  <si>
    <t>766564.0</t>
  </si>
  <si>
    <t>589801.0</t>
  </si>
  <si>
    <t>197075.0</t>
  </si>
  <si>
    <t>30315097.0</t>
  </si>
  <si>
    <t>23661154.0</t>
  </si>
  <si>
    <t>6654293.0</t>
  </si>
  <si>
    <t>323902.0</t>
  </si>
  <si>
    <t>682180.0</t>
  </si>
  <si>
    <t>582282.0</t>
  </si>
  <si>
    <t>56899488.0</t>
  </si>
  <si>
    <t>682.178</t>
  </si>
  <si>
    <t>195719.0</t>
  </si>
  <si>
    <t>30573948.0</t>
  </si>
  <si>
    <t>23854850.0</t>
  </si>
  <si>
    <t>6719453.0</t>
  </si>
  <si>
    <t>258851.0</t>
  </si>
  <si>
    <t>679120.0</t>
  </si>
  <si>
    <t>576962.0</t>
  </si>
  <si>
    <t>34003.1</t>
  </si>
  <si>
    <t>407.85852533722</t>
  </si>
  <si>
    <t>193557.0</t>
  </si>
  <si>
    <t>31028362.0</t>
  </si>
  <si>
    <t>24193063.0</t>
  </si>
  <si>
    <t>6835669.0</t>
  </si>
  <si>
    <t>454414.0</t>
  </si>
  <si>
    <t>681681.0</t>
  </si>
  <si>
    <t>573598.0</t>
  </si>
  <si>
    <t>191395.0</t>
  </si>
  <si>
    <t>31926265.0</t>
  </si>
  <si>
    <t>24927282.0</t>
  </si>
  <si>
    <t>6999385.0</t>
  </si>
  <si>
    <t>897903.0</t>
  </si>
  <si>
    <t>687194.0</t>
  </si>
  <si>
    <t>569246.0</t>
  </si>
  <si>
    <t>189233.0</t>
  </si>
  <si>
    <t>33137017.0</t>
  </si>
  <si>
    <t>25899664.0</t>
  </si>
  <si>
    <t>7237773.0</t>
  </si>
  <si>
    <t>1210752.0</t>
  </si>
  <si>
    <t>694090.0</t>
  </si>
  <si>
    <t>561082.0</t>
  </si>
  <si>
    <t>187071.0</t>
  </si>
  <si>
    <t>34138467.0</t>
  </si>
  <si>
    <t>26677604.0</t>
  </si>
  <si>
    <t>7461332.0</t>
  </si>
  <si>
    <t>1001450.0</t>
  </si>
  <si>
    <t>701977.0</t>
  </si>
  <si>
    <t>556624.0</t>
  </si>
  <si>
    <t>184909.0</t>
  </si>
  <si>
    <t>34996305.0</t>
  </si>
  <si>
    <t>27301900.0</t>
  </si>
  <si>
    <t>7694950.0</t>
  </si>
  <si>
    <t>857838.0</t>
  </si>
  <si>
    <t>715016.0</t>
  </si>
  <si>
    <t>555922.0</t>
  </si>
  <si>
    <t>182748.0</t>
  </si>
  <si>
    <t>35409300.0</t>
  </si>
  <si>
    <t>27563116.0</t>
  </si>
  <si>
    <t>7846729.0</t>
  </si>
  <si>
    <t>412995.0</t>
  </si>
  <si>
    <t>727743.0</t>
  </si>
  <si>
    <t>557423.0</t>
  </si>
  <si>
    <t>58163589.0</t>
  </si>
  <si>
    <t>697.334</t>
  </si>
  <si>
    <t>180586.0</t>
  </si>
  <si>
    <t>35690023.0</t>
  </si>
  <si>
    <t>27742670.0</t>
  </si>
  <si>
    <t>7947907.0</t>
  </si>
  <si>
    <t>280723.0</t>
  </si>
  <si>
    <t>730868.0</t>
  </si>
  <si>
    <t>555403.0</t>
  </si>
  <si>
    <t>35769.5</t>
  </si>
  <si>
    <t>429.04604350926</t>
  </si>
  <si>
    <t>177380.0</t>
  </si>
  <si>
    <t>36293785.0</t>
  </si>
  <si>
    <t>28154219.0</t>
  </si>
  <si>
    <t>8140229.0</t>
  </si>
  <si>
    <t>603762.0</t>
  </si>
  <si>
    <t>752203.0</t>
  </si>
  <si>
    <t>565879.0</t>
  </si>
  <si>
    <t>174174.0</t>
  </si>
  <si>
    <t>37460817.0</t>
  </si>
  <si>
    <t>29022143.0</t>
  </si>
  <si>
    <t>8439383.0</t>
  </si>
  <si>
    <t>1167032.0</t>
  </si>
  <si>
    <t>790650.0</t>
  </si>
  <si>
    <t>584980.0</t>
  </si>
  <si>
    <t>170969.0</t>
  </si>
  <si>
    <t>38930187.0</t>
  </si>
  <si>
    <t>30118076.0</t>
  </si>
  <si>
    <t>8812901.0</t>
  </si>
  <si>
    <t>1469370.0</t>
  </si>
  <si>
    <t>827596.0</t>
  </si>
  <si>
    <t>602630.0</t>
  </si>
  <si>
    <t>167763.0</t>
  </si>
  <si>
    <t>39344409.0</t>
  </si>
  <si>
    <t>30377429.0</t>
  </si>
  <si>
    <t>8967778.0</t>
  </si>
  <si>
    <t>414222.0</t>
  </si>
  <si>
    <t>743706.0</t>
  </si>
  <si>
    <t>528546.0</t>
  </si>
  <si>
    <t>164557.0</t>
  </si>
  <si>
    <t>40085602.0</t>
  </si>
  <si>
    <t>30896072.0</t>
  </si>
  <si>
    <t>9190373.0</t>
  </si>
  <si>
    <t>741193.0</t>
  </si>
  <si>
    <t>727042.0</t>
  </si>
  <si>
    <t>513453.0</t>
  </si>
  <si>
    <t>161352.0</t>
  </si>
  <si>
    <t>40479406.0</t>
  </si>
  <si>
    <t>31130351.0</t>
  </si>
  <si>
    <t>9349907.0</t>
  </si>
  <si>
    <t>393804.0</t>
  </si>
  <si>
    <t>724301.0</t>
  </si>
  <si>
    <t>509605.0</t>
  </si>
  <si>
    <t>59270611.0</t>
  </si>
  <si>
    <t>158146.0</t>
  </si>
  <si>
    <t>40753451.0</t>
  </si>
  <si>
    <t>31288930.0</t>
  </si>
  <si>
    <t>9465379.0</t>
  </si>
  <si>
    <t>274045.0</t>
  </si>
  <si>
    <t>723347.0</t>
  </si>
  <si>
    <t>506609.0</t>
  </si>
  <si>
    <t>36512.9</t>
  </si>
  <si>
    <t>437.962937196473</t>
  </si>
  <si>
    <t>160578.0</t>
  </si>
  <si>
    <t>41305253.0</t>
  </si>
  <si>
    <t>31641719.0</t>
  </si>
  <si>
    <t>9664483.0</t>
  </si>
  <si>
    <t>551802.0</t>
  </si>
  <si>
    <t>715924.0</t>
  </si>
  <si>
    <t>498214.0</t>
  </si>
  <si>
    <t>163009.0</t>
  </si>
  <si>
    <t>42237256.0</t>
  </si>
  <si>
    <t>32200506.0</t>
  </si>
  <si>
    <t>10037806.0</t>
  </si>
  <si>
    <t>932003.0</t>
  </si>
  <si>
    <t>682348.0</t>
  </si>
  <si>
    <t>454052.0</t>
  </si>
  <si>
    <t>165441.0</t>
  </si>
  <si>
    <t>43427190.0</t>
  </si>
  <si>
    <t>32822449.0</t>
  </si>
  <si>
    <t>10606015.0</t>
  </si>
  <si>
    <t>1189934.0</t>
  </si>
  <si>
    <t>642429.0</t>
  </si>
  <si>
    <t>386339.0</t>
  </si>
  <si>
    <t>167872.0</t>
  </si>
  <si>
    <t>44412041.0</t>
  </si>
  <si>
    <t>33305845.0</t>
  </si>
  <si>
    <t>11107678.0</t>
  </si>
  <si>
    <t>984851.0</t>
  </si>
  <si>
    <t>723947.0</t>
  </si>
  <si>
    <t>418345.0</t>
  </si>
  <si>
    <t>170304.0</t>
  </si>
  <si>
    <t>45255314.0</t>
  </si>
  <si>
    <t>33724862.0</t>
  </si>
  <si>
    <t>11532458.0</t>
  </si>
  <si>
    <t>843273.0</t>
  </si>
  <si>
    <t>738530.0</t>
  </si>
  <si>
    <t>404113.0</t>
  </si>
  <si>
    <t>40.278</t>
  </si>
  <si>
    <t>172735.0</t>
  </si>
  <si>
    <t>45652201.0</t>
  </si>
  <si>
    <t>33910663.0</t>
  </si>
  <si>
    <t>11743874.0</t>
  </si>
  <si>
    <t>396887.0</t>
  </si>
  <si>
    <t>738971.0</t>
  </si>
  <si>
    <t>397187.0</t>
  </si>
  <si>
    <t>60496780.0</t>
  </si>
  <si>
    <t>725.307</t>
  </si>
  <si>
    <t>175167.0</t>
  </si>
  <si>
    <t>45924227.0</t>
  </si>
  <si>
    <t>34033422.0</t>
  </si>
  <si>
    <t>11893255.0</t>
  </si>
  <si>
    <t>272026.0</t>
  </si>
  <si>
    <t>738682.0</t>
  </si>
  <si>
    <t>392070.0</t>
  </si>
  <si>
    <t>36922.9</t>
  </si>
  <si>
    <t>442.880782786677</t>
  </si>
  <si>
    <t>33.525</t>
  </si>
  <si>
    <t>169652.0</t>
  </si>
  <si>
    <t>46240258.0</t>
  </si>
  <si>
    <t>34175362.0</t>
  </si>
  <si>
    <t>12067500.0</t>
  </si>
  <si>
    <t>316031.0</t>
  </si>
  <si>
    <t>705001.0</t>
  </si>
  <si>
    <t>361949.0</t>
  </si>
  <si>
    <t>164138.0</t>
  </si>
  <si>
    <t>46926423.0</t>
  </si>
  <si>
    <t>34487187.0</t>
  </si>
  <si>
    <t>12461801.0</t>
  </si>
  <si>
    <t>686165.0</t>
  </si>
  <si>
    <t>669881.0</t>
  </si>
  <si>
    <t>326669.0</t>
  </si>
  <si>
    <t>48202851.0</t>
  </si>
  <si>
    <t>35082480.0</t>
  </si>
  <si>
    <t>13222336.0</t>
  </si>
  <si>
    <t>1276428.0</t>
  </si>
  <si>
    <t>682237.0</t>
  </si>
  <si>
    <t>322862.0</t>
  </si>
  <si>
    <t>34.017</t>
  </si>
  <si>
    <t>153109.0</t>
  </si>
  <si>
    <t>49259481.0</t>
  </si>
  <si>
    <t>35579202.0</t>
  </si>
  <si>
    <t>13858771.0</t>
  </si>
  <si>
    <t>1056630.0</t>
  </si>
  <si>
    <t>692491.0</t>
  </si>
  <si>
    <t>8306.0</t>
  </si>
  <si>
    <t>324765.0</t>
  </si>
  <si>
    <t>147594.0</t>
  </si>
  <si>
    <t>50147500.0</t>
  </si>
  <si>
    <t>36018160.0</t>
  </si>
  <si>
    <t>14383304.0</t>
  </si>
  <si>
    <t>888019.0</t>
  </si>
  <si>
    <t>698884.0</t>
  </si>
  <si>
    <t>327614.0</t>
  </si>
  <si>
    <t>142080.0</t>
  </si>
  <si>
    <t>50553583.0</t>
  </si>
  <si>
    <t>36200007.0</t>
  </si>
  <si>
    <t>14626242.0</t>
  </si>
  <si>
    <t>406083.0</t>
  </si>
  <si>
    <t>700197.0</t>
  </si>
  <si>
    <t>327049.0</t>
  </si>
  <si>
    <t>30.191</t>
  </si>
  <si>
    <t>61452737.0</t>
  </si>
  <si>
    <t>736.768</t>
  </si>
  <si>
    <t>136565.0</t>
  </si>
  <si>
    <t>50827057.0</t>
  </si>
  <si>
    <t>36302572.0</t>
  </si>
  <si>
    <t>14799753.0</t>
  </si>
  <si>
    <t>273474.0</t>
  </si>
  <si>
    <t>700404.0</t>
  </si>
  <si>
    <t>324164.0</t>
  </si>
  <si>
    <t>37025.9</t>
  </si>
  <si>
    <t>444.116241556899</t>
  </si>
  <si>
    <t>135189.0</t>
  </si>
  <si>
    <t>51408476.0</t>
  </si>
  <si>
    <t>36552049.0</t>
  </si>
  <si>
    <t>581419.0</t>
  </si>
  <si>
    <t>738317.0</t>
  </si>
  <si>
    <t>339527.0</t>
  </si>
  <si>
    <t>133812.0</t>
  </si>
  <si>
    <t>52436546.0</t>
  </si>
  <si>
    <t>37052439.0</t>
  </si>
  <si>
    <t>15784198.0</t>
  </si>
  <si>
    <t>1028070.0</t>
  </si>
  <si>
    <t>787160.0</t>
  </si>
  <si>
    <t>366465.0</t>
  </si>
  <si>
    <t>53754481.0</t>
  </si>
  <si>
    <t>37718410.0</t>
  </si>
  <si>
    <t>16543744.0</t>
  </si>
  <si>
    <t>1317935.0</t>
  </si>
  <si>
    <t>793090.0</t>
  </si>
  <si>
    <t>45.24</t>
  </si>
  <si>
    <t>376561.0</t>
  </si>
  <si>
    <t>131059.0</t>
  </si>
  <si>
    <t>54396121.0</t>
  </si>
  <si>
    <t>38004152.0</t>
  </si>
  <si>
    <t>16946183.0</t>
  </si>
  <si>
    <t>641640.0</t>
  </si>
  <si>
    <t>733806.0</t>
  </si>
  <si>
    <t>346421.0</t>
  </si>
  <si>
    <t>129683.0</t>
  </si>
  <si>
    <t>55196323.0</t>
  </si>
  <si>
    <t>38367869.0</t>
  </si>
  <si>
    <t>17455524.0</t>
  </si>
  <si>
    <t>800202.0</t>
  </si>
  <si>
    <t>721260.0</t>
  </si>
  <si>
    <t>335673.0</t>
  </si>
  <si>
    <t>128306.0</t>
  </si>
  <si>
    <t>55608766.0</t>
  </si>
  <si>
    <t>38498295.0</t>
  </si>
  <si>
    <t>17767447.0</t>
  </si>
  <si>
    <t>412443.0</t>
  </si>
  <si>
    <t>722169.0</t>
  </si>
  <si>
    <t>328327.0</t>
  </si>
  <si>
    <t>22.226</t>
  </si>
  <si>
    <t>62341243.0</t>
  </si>
  <si>
    <t>747.42</t>
  </si>
  <si>
    <t>126929.0</t>
  </si>
  <si>
    <t>55881540.0</t>
  </si>
  <si>
    <t>38561615.0</t>
  </si>
  <si>
    <t>17981332.0</t>
  </si>
  <si>
    <t>272774.0</t>
  </si>
  <si>
    <t>722069.0</t>
  </si>
  <si>
    <t>322720.0</t>
  </si>
  <si>
    <t>37977.3</t>
  </si>
  <si>
    <t>455.52804227524</t>
  </si>
  <si>
    <t>125945.0</t>
  </si>
  <si>
    <t>56492062.0</t>
  </si>
  <si>
    <t>38806601.0</t>
  </si>
  <si>
    <t>18397783.0</t>
  </si>
  <si>
    <t>610522.0</t>
  </si>
  <si>
    <t>726227.0</t>
  </si>
  <si>
    <t>322079.0</t>
  </si>
  <si>
    <t>124960.0</t>
  </si>
  <si>
    <t>57639853.0</t>
  </si>
  <si>
    <t>39248748.0</t>
  </si>
  <si>
    <t>19172363.0</t>
  </si>
  <si>
    <t>1147791.0</t>
  </si>
  <si>
    <t>743330.0</t>
  </si>
  <si>
    <t>313758.0</t>
  </si>
  <si>
    <t>123976.0</t>
  </si>
  <si>
    <t>59148547.0</t>
  </si>
  <si>
    <t>39826542.0</t>
  </si>
  <si>
    <t>20194280.0</t>
  </si>
  <si>
    <t>1508694.0</t>
  </si>
  <si>
    <t>770581.0</t>
  </si>
  <si>
    <t>301162.0</t>
  </si>
  <si>
    <t>122992.0</t>
  </si>
  <si>
    <t>60368029.0</t>
  </si>
  <si>
    <t>40338770.0</t>
  </si>
  <si>
    <t>20988268.0</t>
  </si>
  <si>
    <t>853130.0</t>
  </si>
  <si>
    <t>333517.0</t>
  </si>
  <si>
    <t>122007.0</t>
  </si>
  <si>
    <t>61404862.0</t>
  </si>
  <si>
    <t>40798882.0</t>
  </si>
  <si>
    <t>21652935.0</t>
  </si>
  <si>
    <t>1036833.0</t>
  </si>
  <si>
    <t>886934.0</t>
  </si>
  <si>
    <t>347288.0</t>
  </si>
  <si>
    <t>121023.0</t>
  </si>
  <si>
    <t>61838678.0</t>
  </si>
  <si>
    <t>40965806.0</t>
  </si>
  <si>
    <t>21951268.0</t>
  </si>
  <si>
    <t>433816.0</t>
  </si>
  <si>
    <t>889987.0</t>
  </si>
  <si>
    <t>352502.0</t>
  </si>
  <si>
    <t>63181510.0</t>
  </si>
  <si>
    <t>757.494</t>
  </si>
  <si>
    <t>120038.0</t>
  </si>
  <si>
    <t>62100607.0</t>
  </si>
  <si>
    <t>41033421.0</t>
  </si>
  <si>
    <t>22151238.0</t>
  </si>
  <si>
    <t>261929.0</t>
  </si>
  <si>
    <t>888438.0</t>
  </si>
  <si>
    <t>353115.0</t>
  </si>
  <si>
    <t>38335.9</t>
  </si>
  <si>
    <t>459.829357954867</t>
  </si>
  <si>
    <t>15.365</t>
  </si>
  <si>
    <t>62742364.0</t>
  </si>
  <si>
    <t>41297284.0</t>
  </si>
  <si>
    <t>22581013.0</t>
  </si>
  <si>
    <t>641757.0</t>
  </si>
  <si>
    <t>892900.0</t>
  </si>
  <si>
    <t>355812.0</t>
  </si>
  <si>
    <t>63886521.0</t>
  </si>
  <si>
    <t>41742459.0</t>
  </si>
  <si>
    <t>23339139.0</t>
  </si>
  <si>
    <t>1144157.0</t>
  </si>
  <si>
    <t>892381.0</t>
  </si>
  <si>
    <t>356244.0</t>
  </si>
  <si>
    <t>13.614</t>
  </si>
  <si>
    <t>113608.0</t>
  </si>
  <si>
    <t>65328213.0</t>
  </si>
  <si>
    <t>42309197.0</t>
  </si>
  <si>
    <t>24287027.0</t>
  </si>
  <si>
    <t>1441692.0</t>
  </si>
  <si>
    <t>882809.0</t>
  </si>
  <si>
    <t>354665.0</t>
  </si>
  <si>
    <t>12.822</t>
  </si>
  <si>
    <t>111465.0</t>
  </si>
  <si>
    <t>66487575.0</t>
  </si>
  <si>
    <t>42789723.0</t>
  </si>
  <si>
    <t>25033029.0</t>
  </si>
  <si>
    <t>874221.0</t>
  </si>
  <si>
    <t>10486.0</t>
  </si>
  <si>
    <t>350136.0</t>
  </si>
  <si>
    <t>109322.0</t>
  </si>
  <si>
    <t>67452818.0</t>
  </si>
  <si>
    <t>43200411.0</t>
  </si>
  <si>
    <t>25651929.0</t>
  </si>
  <si>
    <t>965243.0</t>
  </si>
  <si>
    <t>863994.0</t>
  </si>
  <si>
    <t>343076.0</t>
  </si>
  <si>
    <t>107178.0</t>
  </si>
  <si>
    <t>67878091.0</t>
  </si>
  <si>
    <t>43348395.0</t>
  </si>
  <si>
    <t>25952516.0</t>
  </si>
  <si>
    <t>425273.0</t>
  </si>
  <si>
    <t>862773.0</t>
  </si>
  <si>
    <t>340370.0</t>
  </si>
  <si>
    <t>63916756.0</t>
  </si>
  <si>
    <t>766.309</t>
  </si>
  <si>
    <t>105035.0</t>
  </si>
  <si>
    <t>68156861.0</t>
  </si>
  <si>
    <t>43421382.0</t>
  </si>
  <si>
    <t>26164888.0</t>
  </si>
  <si>
    <t>278770.0</t>
  </si>
  <si>
    <t>865179.0</t>
  </si>
  <si>
    <t>341137.0</t>
  </si>
  <si>
    <t>40825.5</t>
  </si>
  <si>
    <t>489.691475958212</t>
  </si>
  <si>
    <t>104702.0</t>
  </si>
  <si>
    <t>68778980.0</t>
  </si>
  <si>
    <t>43659765.0</t>
  </si>
  <si>
    <t>26580156.0</t>
  </si>
  <si>
    <t>622119.0</t>
  </si>
  <si>
    <t>862374.0</t>
  </si>
  <si>
    <t>337497.0</t>
  </si>
  <si>
    <t>104369.0</t>
  </si>
  <si>
    <t>69940979.0</t>
  </si>
  <si>
    <t>44097327.0</t>
  </si>
  <si>
    <t>27332856.0</t>
  </si>
  <si>
    <t>1161999.0</t>
  </si>
  <si>
    <t>864923.0</t>
  </si>
  <si>
    <t>336410.0</t>
  </si>
  <si>
    <t>71366293.0</t>
  </si>
  <si>
    <t>44659794.0</t>
  </si>
  <si>
    <t>28226622.0</t>
  </si>
  <si>
    <t>1425314.0</t>
  </si>
  <si>
    <t>862583.0</t>
  </si>
  <si>
    <t>335800.0</t>
  </si>
  <si>
    <t>103702.0</t>
  </si>
  <si>
    <t>72403332.0</t>
  </si>
  <si>
    <t>45209235.0</t>
  </si>
  <si>
    <t>28749171.0</t>
  </si>
  <si>
    <t>1037039.0</t>
  </si>
  <si>
    <t>845108.0</t>
  </si>
  <si>
    <t>345645.0</t>
  </si>
  <si>
    <t>73301629.0</t>
  </si>
  <si>
    <t>45624363.0</t>
  </si>
  <si>
    <t>29263249.0</t>
  </si>
  <si>
    <t>898297.0</t>
  </si>
  <si>
    <t>835544.0</t>
  </si>
  <si>
    <t>346279.0</t>
  </si>
  <si>
    <t>73712209.0</t>
  </si>
  <si>
    <t>45779092.0</t>
  </si>
  <si>
    <t>29530811.0</t>
  </si>
  <si>
    <t>410580.0</t>
  </si>
  <si>
    <t>833445.0</t>
  </si>
  <si>
    <t>347242.0</t>
  </si>
  <si>
    <t>64635670.0</t>
  </si>
  <si>
    <t>774.929</t>
  </si>
  <si>
    <t>102702.0</t>
  </si>
  <si>
    <t>73991045.0</t>
  </si>
  <si>
    <t>45867459.0</t>
  </si>
  <si>
    <t>29724085.0</t>
  </si>
  <si>
    <t>278836.0</t>
  </si>
  <si>
    <t>833455.0</t>
  </si>
  <si>
    <t>349440.0</t>
  </si>
  <si>
    <t>41092.5</t>
  </si>
  <si>
    <t>492.894072964516</t>
  </si>
  <si>
    <t>102952.0</t>
  </si>
  <si>
    <t>74609265.0</t>
  </si>
  <si>
    <t>46127795.0</t>
  </si>
  <si>
    <t>30100839.0</t>
  </si>
  <si>
    <t>618220.0</t>
  </si>
  <si>
    <t>832898.0</t>
  </si>
  <si>
    <t>352576.0</t>
  </si>
  <si>
    <t>7.965</t>
  </si>
  <si>
    <t>103202.0</t>
  </si>
  <si>
    <t>75613933.0</t>
  </si>
  <si>
    <t>46571217.0</t>
  </si>
  <si>
    <t>30680071.0</t>
  </si>
  <si>
    <t>1004668.0</t>
  </si>
  <si>
    <t>810422.0</t>
  </si>
  <si>
    <t>9721.0</t>
  </si>
  <si>
    <t>353413.0</t>
  </si>
  <si>
    <t>7.365</t>
  </si>
  <si>
    <t>103452.0</t>
  </si>
  <si>
    <t>76742446.0</t>
  </si>
  <si>
    <t>47092736.0</t>
  </si>
  <si>
    <t>31304060.0</t>
  </si>
  <si>
    <t>1128513.0</t>
  </si>
  <si>
    <t>768022.0</t>
  </si>
  <si>
    <t>347563.0</t>
  </si>
  <si>
    <t>77697633.0</t>
  </si>
  <si>
    <t>47558623.0</t>
  </si>
  <si>
    <t>31810572.0</t>
  </si>
  <si>
    <t>955187.0</t>
  </si>
  <si>
    <t>756329.0</t>
  </si>
  <si>
    <t>335627.0</t>
  </si>
  <si>
    <t>103952.0</t>
  </si>
  <si>
    <t>78523696.0</t>
  </si>
  <si>
    <t>47949756.0</t>
  </si>
  <si>
    <t>32261393.0</t>
  </si>
  <si>
    <t>826063.0</t>
  </si>
  <si>
    <t>746010.0</t>
  </si>
  <si>
    <t>94.19</t>
  </si>
  <si>
    <t>332199.0</t>
  </si>
  <si>
    <t>6.585</t>
  </si>
  <si>
    <t>104202.0</t>
  </si>
  <si>
    <t>78903321.0</t>
  </si>
  <si>
    <t>48115467.0</t>
  </si>
  <si>
    <t>32480708.0</t>
  </si>
  <si>
    <t>379625.0</t>
  </si>
  <si>
    <t>741587.0</t>
  </si>
  <si>
    <t>333768.0</t>
  </si>
  <si>
    <t>65366834.0</t>
  </si>
  <si>
    <t>783.695</t>
  </si>
  <si>
    <t>104452.0</t>
  </si>
  <si>
    <t>79158950.0</t>
  </si>
  <si>
    <t>48209726.0</t>
  </si>
  <si>
    <t>32642712.0</t>
  </si>
  <si>
    <t>255629.0</t>
  </si>
  <si>
    <t>738272.0</t>
  </si>
  <si>
    <t>334610.0</t>
  </si>
  <si>
    <t>41064.7</t>
  </si>
  <si>
    <t>492.560619044009</t>
  </si>
  <si>
    <t>6.309</t>
  </si>
  <si>
    <t>102113.0</t>
  </si>
  <si>
    <t>79688627.0</t>
  </si>
  <si>
    <t>48416431.0</t>
  </si>
  <si>
    <t>32976713.0</t>
  </si>
  <si>
    <t>529677.0</t>
  </si>
  <si>
    <t>725623.0</t>
  </si>
  <si>
    <t>3.934</t>
  </si>
  <si>
    <t>99775.0</t>
  </si>
  <si>
    <t>80533742.0</t>
  </si>
  <si>
    <t>48725635.0</t>
  </si>
  <si>
    <t>33523283.0</t>
  </si>
  <si>
    <t>845115.0</t>
  </si>
  <si>
    <t>702830.0</t>
  </si>
  <si>
    <t>307774.0</t>
  </si>
  <si>
    <t>97436.0</t>
  </si>
  <si>
    <t>81603094.0</t>
  </si>
  <si>
    <t>49086609.0</t>
  </si>
  <si>
    <t>34243349.0</t>
  </si>
  <si>
    <t>1069352.0</t>
  </si>
  <si>
    <t>694378.0</t>
  </si>
  <si>
    <t>284839.0</t>
  </si>
  <si>
    <t>95097.0</t>
  </si>
  <si>
    <t>82475623.0</t>
  </si>
  <si>
    <t>49376988.0</t>
  </si>
  <si>
    <t>34837688.0</t>
  </si>
  <si>
    <t>872529.0</t>
  </si>
  <si>
    <t>682570.0</t>
  </si>
  <si>
    <t>259766.0</t>
  </si>
  <si>
    <t>92758.0</t>
  </si>
  <si>
    <t>83203875.0</t>
  </si>
  <si>
    <t>49601985.0</t>
  </si>
  <si>
    <t>35350217.0</t>
  </si>
  <si>
    <t>728252.0</t>
  </si>
  <si>
    <t>668597.0</t>
  </si>
  <si>
    <t>236033.0</t>
  </si>
  <si>
    <t>90420.0</t>
  </si>
  <si>
    <t>83541471.0</t>
  </si>
  <si>
    <t>49707353.0</t>
  </si>
  <si>
    <t>35586076.0</t>
  </si>
  <si>
    <t>337596.0</t>
  </si>
  <si>
    <t>662593.0</t>
  </si>
  <si>
    <t>100.21</t>
  </si>
  <si>
    <t>227412.0</t>
  </si>
  <si>
    <t>65983401.0</t>
  </si>
  <si>
    <t>791.087</t>
  </si>
  <si>
    <t>88081.0</t>
  </si>
  <si>
    <t>83760856.0</t>
  </si>
  <si>
    <t>49774899.0</t>
  </si>
  <si>
    <t>35738777.0</t>
  </si>
  <si>
    <t>219385.0</t>
  </si>
  <si>
    <t>657415.0</t>
  </si>
  <si>
    <t>223596.0</t>
  </si>
  <si>
    <t>40484.9</t>
  </si>
  <si>
    <t>-3.3</t>
  </si>
  <si>
    <t>485.60606569474</t>
  </si>
  <si>
    <t>87995.0</t>
  </si>
  <si>
    <t>84227174.0</t>
  </si>
  <si>
    <t>49936798.0</t>
  </si>
  <si>
    <t>36050819.0</t>
  </si>
  <si>
    <t>466318.0</t>
  </si>
  <si>
    <t>648364.0</t>
  </si>
  <si>
    <t>7777.0</t>
  </si>
  <si>
    <t>217195.0</t>
  </si>
  <si>
    <t>85054922.0</t>
  </si>
  <si>
    <t>50146827.0</t>
  </si>
  <si>
    <t>36680588.0</t>
  </si>
  <si>
    <t>827748.0</t>
  </si>
  <si>
    <t>645883.0</t>
  </si>
  <si>
    <t>203027.0</t>
  </si>
  <si>
    <t>86114079.0</t>
  </si>
  <si>
    <t>50387472.0</t>
  </si>
  <si>
    <t>37512918.0</t>
  </si>
  <si>
    <t>1059157.0</t>
  </si>
  <si>
    <t>644426.0</t>
  </si>
  <si>
    <t>185838.0</t>
  </si>
  <si>
    <t>87738.0</t>
  </si>
  <si>
    <t>86899091.0</t>
  </si>
  <si>
    <t>50588600.0</t>
  </si>
  <si>
    <t>38111018.0</t>
  </si>
  <si>
    <t>785012.0</t>
  </si>
  <si>
    <t>631924.0</t>
  </si>
  <si>
    <t>104.23</t>
  </si>
  <si>
    <t>173087.0</t>
  </si>
  <si>
    <t>87653.0</t>
  </si>
  <si>
    <t>87541077.0</t>
  </si>
  <si>
    <t>50759551.0</t>
  </si>
  <si>
    <t>38593382.0</t>
  </si>
  <si>
    <t>641986.0</t>
  </si>
  <si>
    <t>619600.0</t>
  </si>
  <si>
    <t>165367.0</t>
  </si>
  <si>
    <t>87820771.0</t>
  </si>
  <si>
    <t>50849293.0</t>
  </si>
  <si>
    <t>38781744.0</t>
  </si>
  <si>
    <t>279694.0</t>
  </si>
  <si>
    <t>611329.0</t>
  </si>
  <si>
    <t>163134.0</t>
  </si>
  <si>
    <t>66595771.0</t>
  </si>
  <si>
    <t>798.429</t>
  </si>
  <si>
    <t>87999970.0</t>
  </si>
  <si>
    <t>50917845.0</t>
  </si>
  <si>
    <t>38892687.0</t>
  </si>
  <si>
    <t>179199.0</t>
  </si>
  <si>
    <t>605588.0</t>
  </si>
  <si>
    <t>163278.0</t>
  </si>
  <si>
    <t>41283.9</t>
  </si>
  <si>
    <t>495.189867222967</t>
  </si>
  <si>
    <t>88369424.0</t>
  </si>
  <si>
    <t>51021078.0</t>
  </si>
  <si>
    <t>39165228.0</t>
  </si>
  <si>
    <t>369454.0</t>
  </si>
  <si>
    <t>591750.0</t>
  </si>
  <si>
    <t>154897.0</t>
  </si>
  <si>
    <t>86934.0</t>
  </si>
  <si>
    <t>89028878.0</t>
  </si>
  <si>
    <t>51170786.0</t>
  </si>
  <si>
    <t>39681429.0</t>
  </si>
  <si>
    <t>659454.0</t>
  </si>
  <si>
    <t>567708.0</t>
  </si>
  <si>
    <t>146280.0</t>
  </si>
  <si>
    <t>89841152.0</t>
  </si>
  <si>
    <t>51350254.0</t>
  </si>
  <si>
    <t>40320858.0</t>
  </si>
  <si>
    <t>812274.0</t>
  </si>
  <si>
    <t>532439.0</t>
  </si>
  <si>
    <t>137540.0</t>
  </si>
  <si>
    <t>86386.0</t>
  </si>
  <si>
    <t>90498755.0</t>
  </si>
  <si>
    <t>51494669.0</t>
  </si>
  <si>
    <t>40841026.0</t>
  </si>
  <si>
    <t>657603.0</t>
  </si>
  <si>
    <t>514238.0</t>
  </si>
  <si>
    <t>108.55</t>
  </si>
  <si>
    <t>91037066.0</t>
  </si>
  <si>
    <t>51617987.0</t>
  </si>
  <si>
    <t>41261352.0</t>
  </si>
  <si>
    <t>538311.0</t>
  </si>
  <si>
    <t>499427.0</t>
  </si>
  <si>
    <t>122634.0</t>
  </si>
  <si>
    <t>85838.0</t>
  </si>
  <si>
    <t>91246913.0</t>
  </si>
  <si>
    <t>51681297.0</t>
  </si>
  <si>
    <t>41409072.0</t>
  </si>
  <si>
    <t>209847.0</t>
  </si>
  <si>
    <t>489449.0</t>
  </si>
  <si>
    <t>109.45</t>
  </si>
  <si>
    <t>118858.0</t>
  </si>
  <si>
    <t>67194718.0</t>
  </si>
  <si>
    <t>805.609</t>
  </si>
  <si>
    <t>91358811.0</t>
  </si>
  <si>
    <t>51718136.0</t>
  </si>
  <si>
    <t>41484300.0</t>
  </si>
  <si>
    <t>479834.0</t>
  </si>
  <si>
    <t>114327.0</t>
  </si>
  <si>
    <t>41623.1</t>
  </si>
  <si>
    <t>499.25848484296</t>
  </si>
  <si>
    <t>85337.0</t>
  </si>
  <si>
    <t>91692040.0</t>
  </si>
  <si>
    <t>51800219.0</t>
  </si>
  <si>
    <t>41739084.0</t>
  </si>
  <si>
    <t>333229.0</t>
  </si>
  <si>
    <t>474659.0</t>
  </si>
  <si>
    <t>109.98</t>
  </si>
  <si>
    <t>92291924.0</t>
  </si>
  <si>
    <t>51918513.0</t>
  </si>
  <si>
    <t>42224839.0</t>
  </si>
  <si>
    <t>466149.0</t>
  </si>
  <si>
    <t>106818.0</t>
  </si>
  <si>
    <t>7.629</t>
  </si>
  <si>
    <t>84883.0</t>
  </si>
  <si>
    <t>93034149.0</t>
  </si>
  <si>
    <t>52062477.0</t>
  </si>
  <si>
    <t>42827480.0</t>
  </si>
  <si>
    <t>742225.0</t>
  </si>
  <si>
    <t>456142.0</t>
  </si>
  <si>
    <t>111.59</t>
  </si>
  <si>
    <t>101746.0</t>
  </si>
  <si>
    <t>93625864.0</t>
  </si>
  <si>
    <t>52185172.0</t>
  </si>
  <si>
    <t>43301170.0</t>
  </si>
  <si>
    <t>591715.0</t>
  </si>
  <si>
    <t>446730.0</t>
  </si>
  <si>
    <t>94100341.0</t>
  </si>
  <si>
    <t>52292576.0</t>
  </si>
  <si>
    <t>43671962.0</t>
  </si>
  <si>
    <t>474477.0</t>
  </si>
  <si>
    <t>437611.0</t>
  </si>
  <si>
    <t>96370.0</t>
  </si>
  <si>
    <t>84203.0</t>
  </si>
  <si>
    <t>94291120.0</t>
  </si>
  <si>
    <t>52352085.0</t>
  </si>
  <si>
    <t>43803800.0</t>
  </si>
  <si>
    <t>13632.0</t>
  </si>
  <si>
    <t>190779.0</t>
  </si>
  <si>
    <t>434887.0</t>
  </si>
  <si>
    <t>95827.0</t>
  </si>
  <si>
    <t>67782552.0</t>
  </si>
  <si>
    <t>812.657</t>
  </si>
  <si>
    <t>94396216.0</t>
  </si>
  <si>
    <t>52386881.0</t>
  </si>
  <si>
    <t>43873959.0</t>
  </si>
  <si>
    <t>105096.0</t>
  </si>
  <si>
    <t>433915.0</t>
  </si>
  <si>
    <t>113.23</t>
  </si>
  <si>
    <t>95535.0</t>
  </si>
  <si>
    <t>40984.7</t>
  </si>
  <si>
    <t>-3.58</t>
  </si>
  <si>
    <t>491.601039416652</t>
  </si>
  <si>
    <t>4.534</t>
  </si>
  <si>
    <t>84111.0</t>
  </si>
  <si>
    <t>94686634.0</t>
  </si>
  <si>
    <t>52457354.0</t>
  </si>
  <si>
    <t>44097000.0</t>
  </si>
  <si>
    <t>290418.0</t>
  </si>
  <si>
    <t>427799.0</t>
  </si>
  <si>
    <t>113.57</t>
  </si>
  <si>
    <t>93876.0</t>
  </si>
  <si>
    <t>95187402.0</t>
  </si>
  <si>
    <t>52554028.0</t>
  </si>
  <si>
    <t>44505385.0</t>
  </si>
  <si>
    <t>500768.0</t>
  </si>
  <si>
    <t>413640.0</t>
  </si>
  <si>
    <t>114.17</t>
  </si>
  <si>
    <t>90788.0</t>
  </si>
  <si>
    <t>84382.0</t>
  </si>
  <si>
    <t>95802324.0</t>
  </si>
  <si>
    <t>52673906.0</t>
  </si>
  <si>
    <t>45005039.0</t>
  </si>
  <si>
    <t>614922.0</t>
  </si>
  <si>
    <t>395454.0</t>
  </si>
  <si>
    <t>84517.0</t>
  </si>
  <si>
    <t>96336271.0</t>
  </si>
  <si>
    <t>52778773.0</t>
  </si>
  <si>
    <t>45439168.0</t>
  </si>
  <si>
    <t>533947.0</t>
  </si>
  <si>
    <t>387201.0</t>
  </si>
  <si>
    <t>115.55</t>
  </si>
  <si>
    <t>84800.0</t>
  </si>
  <si>
    <t>96764252.0</t>
  </si>
  <si>
    <t>52873918.0</t>
  </si>
  <si>
    <t>45775897.0</t>
  </si>
  <si>
    <t>427981.0</t>
  </si>
  <si>
    <t>380559.0</t>
  </si>
  <si>
    <t>83049.0</t>
  </si>
  <si>
    <t>96945269.0</t>
  </si>
  <si>
    <t>52927544.0</t>
  </si>
  <si>
    <t>45903225.0</t>
  </si>
  <si>
    <t>181017.0</t>
  </si>
  <si>
    <t>379164.0</t>
  </si>
  <si>
    <t>116.28</t>
  </si>
  <si>
    <t>82208.0</t>
  </si>
  <si>
    <t>12.019</t>
  </si>
  <si>
    <t>68377011.0</t>
  </si>
  <si>
    <t>819.784</t>
  </si>
  <si>
    <t>84923.0</t>
  </si>
  <si>
    <t>97054392.0</t>
  </si>
  <si>
    <t>52954212.0</t>
  </si>
  <si>
    <t>45985641.0</t>
  </si>
  <si>
    <t>109123.0</t>
  </si>
  <si>
    <t>379739.0</t>
  </si>
  <si>
    <t>81047.0</t>
  </si>
  <si>
    <t>40493.7</t>
  </si>
  <si>
    <t>485.71161945375</t>
  </si>
  <si>
    <t>84479.0</t>
  </si>
  <si>
    <t>97347154.0</t>
  </si>
  <si>
    <t>53016410.0</t>
  </si>
  <si>
    <t>46218888.0</t>
  </si>
  <si>
    <t>16628.0</t>
  </si>
  <si>
    <t>380074.0</t>
  </si>
  <si>
    <t>79865.0</t>
  </si>
  <si>
    <t>84035.0</t>
  </si>
  <si>
    <t>97815748.0</t>
  </si>
  <si>
    <t>53109923.0</t>
  </si>
  <si>
    <t>46597779.0</t>
  </si>
  <si>
    <t>468594.0</t>
  </si>
  <si>
    <t>375478.0</t>
  </si>
  <si>
    <t>117.33</t>
  </si>
  <si>
    <t>79414.0</t>
  </si>
  <si>
    <t>98393715.0</t>
  </si>
  <si>
    <t>53239059.0</t>
  </si>
  <si>
    <t>47050738.0</t>
  </si>
  <si>
    <t>577967.0</t>
  </si>
  <si>
    <t>370199.0</t>
  </si>
  <si>
    <t>118.02</t>
  </si>
  <si>
    <t>83148.0</t>
  </si>
  <si>
    <t>98881071.0</t>
  </si>
  <si>
    <t>53365750.0</t>
  </si>
  <si>
    <t>47416864.0</t>
  </si>
  <si>
    <t>363543.0</t>
  </si>
  <si>
    <t>118.61</t>
  </si>
  <si>
    <t>99284802.0</t>
  </si>
  <si>
    <t>53478463.0</t>
  </si>
  <si>
    <t>47711678.0</t>
  </si>
  <si>
    <t>18889.0</t>
  </si>
  <si>
    <t>403731.0</t>
  </si>
  <si>
    <t>360079.0</t>
  </si>
  <si>
    <t>86364.0</t>
  </si>
  <si>
    <t>82261.0</t>
  </si>
  <si>
    <t>99480126.0</t>
  </si>
  <si>
    <t>53546344.0</t>
  </si>
  <si>
    <t>47838892.0</t>
  </si>
  <si>
    <t>195324.0</t>
  </si>
  <si>
    <t>362122.0</t>
  </si>
  <si>
    <t>6.201</t>
  </si>
  <si>
    <t>19.228</t>
  </si>
  <si>
    <t>68949733.0</t>
  </si>
  <si>
    <t>826.651</t>
  </si>
  <si>
    <t>81817.0</t>
  </si>
  <si>
    <t>99592141.0</t>
  </si>
  <si>
    <t>53583750.0</t>
  </si>
  <si>
    <t>47913356.0</t>
  </si>
  <si>
    <t>362536.0</t>
  </si>
  <si>
    <t>119.46</t>
  </si>
  <si>
    <t>89934.0</t>
  </si>
  <si>
    <t>40907.7</t>
  </si>
  <si>
    <t>490.677444025321</t>
  </si>
  <si>
    <t>84329.0</t>
  </si>
  <si>
    <t>99857141.0</t>
  </si>
  <si>
    <t>53669170.0</t>
  </si>
  <si>
    <t>48096050.0</t>
  </si>
  <si>
    <t>20511.0</t>
  </si>
  <si>
    <t>265000.0</t>
  </si>
  <si>
    <t>358570.0</t>
  </si>
  <si>
    <t>93251.0</t>
  </si>
  <si>
    <t>86841.0</t>
  </si>
  <si>
    <t>100254001.0</t>
  </si>
  <si>
    <t>53793674.0</t>
  </si>
  <si>
    <t>48372805.0</t>
  </si>
  <si>
    <t>21275.0</t>
  </si>
  <si>
    <t>396860.0</t>
  </si>
  <si>
    <t>348322.0</t>
  </si>
  <si>
    <t>120.25</t>
  </si>
  <si>
    <t>23.27</t>
  </si>
  <si>
    <t>100710221.0</t>
  </si>
  <si>
    <t>53941745.0</t>
  </si>
  <si>
    <t>48685843.0</t>
  </si>
  <si>
    <t>456220.0</t>
  </si>
  <si>
    <t>330929.0</t>
  </si>
  <si>
    <t>100384.0</t>
  </si>
  <si>
    <t>24.637</t>
  </si>
  <si>
    <t>91865.0</t>
  </si>
  <si>
    <t>101087945.0</t>
  </si>
  <si>
    <t>54080455.0</t>
  </si>
  <si>
    <t>48930465.0</t>
  </si>
  <si>
    <t>23375.0</t>
  </si>
  <si>
    <t>377724.0</t>
  </si>
  <si>
    <t>315268.0</t>
  </si>
  <si>
    <t>121.25</t>
  </si>
  <si>
    <t>102101.0</t>
  </si>
  <si>
    <t>7.821</t>
  </si>
  <si>
    <t>94377.0</t>
  </si>
  <si>
    <t>101397131.0</t>
  </si>
  <si>
    <t>54204109.0</t>
  </si>
  <si>
    <t>49119618.0</t>
  </si>
  <si>
    <t>309186.0</t>
  </si>
  <si>
    <t>301761.0</t>
  </si>
  <si>
    <t>121.62</t>
  </si>
  <si>
    <t>96889.0</t>
  </si>
  <si>
    <t>101551075.0</t>
  </si>
  <si>
    <t>54276852.0</t>
  </si>
  <si>
    <t>49200552.0</t>
  </si>
  <si>
    <t>153944.0</t>
  </si>
  <si>
    <t>121.81</t>
  </si>
  <si>
    <t>104358.0</t>
  </si>
  <si>
    <t>69645538.0</t>
  </si>
  <si>
    <t>834.993</t>
  </si>
  <si>
    <t>101641788.0</t>
  </si>
  <si>
    <t>54315939.0</t>
  </si>
  <si>
    <t>49251969.0</t>
  </si>
  <si>
    <t>90713.0</t>
  </si>
  <si>
    <t>292807.0</t>
  </si>
  <si>
    <t>41428.5</t>
  </si>
  <si>
    <t>496.924307399414</t>
  </si>
  <si>
    <t>101865897.0</t>
  </si>
  <si>
    <t>54407548.0</t>
  </si>
  <si>
    <t>49387639.0</t>
  </si>
  <si>
    <t>26459.0</t>
  </si>
  <si>
    <t>224109.0</t>
  </si>
  <si>
    <t>286965.0</t>
  </si>
  <si>
    <t>105483.0</t>
  </si>
  <si>
    <t>30.095</t>
  </si>
  <si>
    <t>102186449.0</t>
  </si>
  <si>
    <t>54539464.0</t>
  </si>
  <si>
    <t>49580882.0</t>
  </si>
  <si>
    <t>27776.0</t>
  </si>
  <si>
    <t>320552.0</t>
  </si>
  <si>
    <t>276064.0</t>
  </si>
  <si>
    <t>122.57</t>
  </si>
  <si>
    <t>106541.0</t>
  </si>
  <si>
    <t>109843.0</t>
  </si>
  <si>
    <t>102549577.0</t>
  </si>
  <si>
    <t>54690975.0</t>
  </si>
  <si>
    <t>49796277.0</t>
  </si>
  <si>
    <t>29760.0</t>
  </si>
  <si>
    <t>363128.0</t>
  </si>
  <si>
    <t>262765.0</t>
  </si>
  <si>
    <t>123.01</t>
  </si>
  <si>
    <t>10.423</t>
  </si>
  <si>
    <t>34.233</t>
  </si>
  <si>
    <t>113324.0</t>
  </si>
  <si>
    <t>102861103.0</t>
  </si>
  <si>
    <t>54831718.0</t>
  </si>
  <si>
    <t>49971810.0</t>
  </si>
  <si>
    <t>31749.0</t>
  </si>
  <si>
    <t>311526.0</t>
  </si>
  <si>
    <t>107323.0</t>
  </si>
  <si>
    <t>35.516</t>
  </si>
  <si>
    <t>116804.0</t>
  </si>
  <si>
    <t>103124480.0</t>
  </si>
  <si>
    <t>54952585.0</t>
  </si>
  <si>
    <t>50116983.0</t>
  </si>
  <si>
    <t>33890.0</t>
  </si>
  <si>
    <t>263377.0</t>
  </si>
  <si>
    <t>106925.0</t>
  </si>
  <si>
    <t>11.683</t>
  </si>
  <si>
    <t>36.836</t>
  </si>
  <si>
    <t>103262830.0</t>
  </si>
  <si>
    <t>55023591.0</t>
  </si>
  <si>
    <t>138350.0</t>
  </si>
  <si>
    <t>244536.0</t>
  </si>
  <si>
    <t>123.86</t>
  </si>
  <si>
    <t>106677.0</t>
  </si>
  <si>
    <t>12.127</t>
  </si>
  <si>
    <t>70511899.0</t>
  </si>
  <si>
    <t>845.38</t>
  </si>
  <si>
    <t>123766.0</t>
  </si>
  <si>
    <t>103343563.0</t>
  </si>
  <si>
    <t>55059599.0</t>
  </si>
  <si>
    <t>50227589.0</t>
  </si>
  <si>
    <t>80733.0</t>
  </si>
  <si>
    <t>243111.0</t>
  </si>
  <si>
    <t>123.96</t>
  </si>
  <si>
    <t>106237.0</t>
  </si>
  <si>
    <t>501.314384194572</t>
  </si>
  <si>
    <t>125501.0</t>
  </si>
  <si>
    <t>103531378.0</t>
  </si>
  <si>
    <t>55145478.0</t>
  </si>
  <si>
    <t>50332031.0</t>
  </si>
  <si>
    <t>187815.0</t>
  </si>
  <si>
    <t>237926.0</t>
  </si>
  <si>
    <t>105419.0</t>
  </si>
  <si>
    <t>13.146</t>
  </si>
  <si>
    <t>127237.0</t>
  </si>
  <si>
    <t>103805244.0</t>
  </si>
  <si>
    <t>55272556.0</t>
  </si>
  <si>
    <t>50482212.0</t>
  </si>
  <si>
    <t>39476.0</t>
  </si>
  <si>
    <t>273866.0</t>
  </si>
  <si>
    <t>231256.0</t>
  </si>
  <si>
    <t>124.51</t>
  </si>
  <si>
    <t>104727.0</t>
  </si>
  <si>
    <t>128973.0</t>
  </si>
  <si>
    <t>104131456.0</t>
  </si>
  <si>
    <t>55408700.0</t>
  </si>
  <si>
    <t>50654331.0</t>
  </si>
  <si>
    <t>63038.0</t>
  </si>
  <si>
    <t>326212.0</t>
  </si>
  <si>
    <t>225983.0</t>
  </si>
  <si>
    <t>102532.0</t>
  </si>
  <si>
    <t>14.034</t>
  </si>
  <si>
    <t>38.539</t>
  </si>
  <si>
    <t>104408979.0</t>
  </si>
  <si>
    <t>55531834.0</t>
  </si>
  <si>
    <t>50796630.0</t>
  </si>
  <si>
    <t>81888.0</t>
  </si>
  <si>
    <t>277523.0</t>
  </si>
  <si>
    <t>221125.0</t>
  </si>
  <si>
    <t>14.598</t>
  </si>
  <si>
    <t>7.689</t>
  </si>
  <si>
    <t>132444.0</t>
  </si>
  <si>
    <t>104632449.0</t>
  </si>
  <si>
    <t>55629565.0</t>
  </si>
  <si>
    <t>50910953.0</t>
  </si>
  <si>
    <t>97746.0</t>
  </si>
  <si>
    <t>223470.0</t>
  </si>
  <si>
    <t>215424.0</t>
  </si>
  <si>
    <t>96711.0</t>
  </si>
  <si>
    <t>39.439</t>
  </si>
  <si>
    <t>134179.0</t>
  </si>
  <si>
    <t>104738959.0</t>
  </si>
  <si>
    <t>55677437.0</t>
  </si>
  <si>
    <t>50965205.0</t>
  </si>
  <si>
    <t>106510.0</t>
  </si>
  <si>
    <t>210876.0</t>
  </si>
  <si>
    <t>125.63</t>
  </si>
  <si>
    <t>93407.0</t>
  </si>
  <si>
    <t>8.168</t>
  </si>
  <si>
    <t>71463302.0</t>
  </si>
  <si>
    <t>856.786</t>
  </si>
  <si>
    <t>135915.0</t>
  </si>
  <si>
    <t>104798818.0</t>
  </si>
  <si>
    <t>55703873.0</t>
  </si>
  <si>
    <t>50995647.0</t>
  </si>
  <si>
    <t>105547.0</t>
  </si>
  <si>
    <t>59859.0</t>
  </si>
  <si>
    <t>207894.0</t>
  </si>
  <si>
    <t>92039.0</t>
  </si>
  <si>
    <t>42193.7</t>
  </si>
  <si>
    <t>506.102686535083</t>
  </si>
  <si>
    <t>137234.0</t>
  </si>
  <si>
    <t>104952104.0</t>
  </si>
  <si>
    <t>55768583.0</t>
  </si>
  <si>
    <t>51071638.0</t>
  </si>
  <si>
    <t>89015.0</t>
  </si>
  <si>
    <t>16.181</t>
  </si>
  <si>
    <t>138553.0</t>
  </si>
  <si>
    <t>105199043.0</t>
  </si>
  <si>
    <t>55871130.0</t>
  </si>
  <si>
    <t>51195343.0</t>
  </si>
  <si>
    <t>147102.0</t>
  </si>
  <si>
    <t>246939.0</t>
  </si>
  <si>
    <t>85511.0</t>
  </si>
  <si>
    <t>16.637</t>
  </si>
  <si>
    <t>139872.0</t>
  </si>
  <si>
    <t>105483446.0</t>
  </si>
  <si>
    <t>55985016.0</t>
  </si>
  <si>
    <t>51338814.0</t>
  </si>
  <si>
    <t>178877.0</t>
  </si>
  <si>
    <t>284403.0</t>
  </si>
  <si>
    <t>193141.0</t>
  </si>
  <si>
    <t>16.745</t>
  </si>
  <si>
    <t>141192.0</t>
  </si>
  <si>
    <t>105753113.0</t>
  </si>
  <si>
    <t>56096828.0</t>
  </si>
  <si>
    <t>51474668.0</t>
  </si>
  <si>
    <t>206919.0</t>
  </si>
  <si>
    <t>269667.0</t>
  </si>
  <si>
    <t>192019.0</t>
  </si>
  <si>
    <t>126.85</t>
  </si>
  <si>
    <t>142511.0</t>
  </si>
  <si>
    <t>105972120.0</t>
  </si>
  <si>
    <t>56182070.0</t>
  </si>
  <si>
    <t>51590736.0</t>
  </si>
  <si>
    <t>228902.0</t>
  </si>
  <si>
    <t>219007.0</t>
  </si>
  <si>
    <t>127.11</t>
  </si>
  <si>
    <t>78929.0</t>
  </si>
  <si>
    <t>143830.0</t>
  </si>
  <si>
    <t>106080657.0</t>
  </si>
  <si>
    <t>56225341.0</t>
  </si>
  <si>
    <t>51650107.0</t>
  </si>
  <si>
    <t>235117.0</t>
  </si>
  <si>
    <t>191671.0</t>
  </si>
  <si>
    <t>78272.0</t>
  </si>
  <si>
    <t>17.428</t>
  </si>
  <si>
    <t>72479346.0</t>
  </si>
  <si>
    <t>868.968</t>
  </si>
  <si>
    <t>145149.0</t>
  </si>
  <si>
    <t>106142246.0</t>
  </si>
  <si>
    <t>56248111.0</t>
  </si>
  <si>
    <t>51684539.0</t>
  </si>
  <si>
    <t>191918.0</t>
  </si>
  <si>
    <t>77748.0</t>
  </si>
  <si>
    <t>44543.9</t>
  </si>
  <si>
    <t>534.292737037758</t>
  </si>
  <si>
    <t>17.992</t>
  </si>
  <si>
    <t>39.643</t>
  </si>
  <si>
    <t>144559.0</t>
  </si>
  <si>
    <t>106302964.0</t>
  </si>
  <si>
    <t>56309913.0</t>
  </si>
  <si>
    <t>51766566.0</t>
  </si>
  <si>
    <t>260063.0</t>
  </si>
  <si>
    <t>160718.0</t>
  </si>
  <si>
    <t>192980.0</t>
  </si>
  <si>
    <t>77333.0</t>
  </si>
  <si>
    <t>143969.0</t>
  </si>
  <si>
    <t>106568195.0</t>
  </si>
  <si>
    <t>56414099.0</t>
  </si>
  <si>
    <t>51895496.0</t>
  </si>
  <si>
    <t>297192.0</t>
  </si>
  <si>
    <t>265231.0</t>
  </si>
  <si>
    <t>195593.0</t>
  </si>
  <si>
    <t>127.83</t>
  </si>
  <si>
    <t>77567.0</t>
  </si>
  <si>
    <t>143379.0</t>
  </si>
  <si>
    <t>106880092.0</t>
  </si>
  <si>
    <t>56527893.0</t>
  </si>
  <si>
    <t>52049443.0</t>
  </si>
  <si>
    <t>346549.0</t>
  </si>
  <si>
    <t>311897.0</t>
  </si>
  <si>
    <t>199521.0</t>
  </si>
  <si>
    <t>37.556</t>
  </si>
  <si>
    <t>142788.0</t>
  </si>
  <si>
    <t>107170961.0</t>
  </si>
  <si>
    <t>56641928.0</t>
  </si>
  <si>
    <t>52192329.0</t>
  </si>
  <si>
    <t>386909.0</t>
  </si>
  <si>
    <t>290869.0</t>
  </si>
  <si>
    <t>202550.0</t>
  </si>
  <si>
    <t>77871.0</t>
  </si>
  <si>
    <t>107407586.0</t>
  </si>
  <si>
    <t>56730493.0</t>
  </si>
  <si>
    <t>52313875.0</t>
  </si>
  <si>
    <t>417727.0</t>
  </si>
  <si>
    <t>236625.0</t>
  </si>
  <si>
    <t>205067.0</t>
  </si>
  <si>
    <t>78346.0</t>
  </si>
  <si>
    <t>141608.0</t>
  </si>
  <si>
    <t>107518938.0</t>
  </si>
  <si>
    <t>56771882.0</t>
  </si>
  <si>
    <t>52376416.0</t>
  </si>
  <si>
    <t>425488.0</t>
  </si>
  <si>
    <t>111352.0</t>
  </si>
  <si>
    <t>205469.0</t>
  </si>
  <si>
    <t>73466471.0</t>
  </si>
  <si>
    <t>880.803</t>
  </si>
  <si>
    <t>141018.0</t>
  </si>
  <si>
    <t>107581942.0</t>
  </si>
  <si>
    <t>56793600.0</t>
  </si>
  <si>
    <t>52412684.0</t>
  </si>
  <si>
    <t>430525.0</t>
  </si>
  <si>
    <t>205671.0</t>
  </si>
  <si>
    <t>77927.0</t>
  </si>
  <si>
    <t>45829.9</t>
  </si>
  <si>
    <t>549.71797954752</t>
  </si>
  <si>
    <t>140632.0</t>
  </si>
  <si>
    <t>107740380.0</t>
  </si>
  <si>
    <t>56846274.0</t>
  </si>
  <si>
    <t>52496201.0</t>
  </si>
  <si>
    <t>455895.0</t>
  </si>
  <si>
    <t>158438.0</t>
  </si>
  <si>
    <t>205345.0</t>
  </si>
  <si>
    <t>76623.0</t>
  </si>
  <si>
    <t>140247.0</t>
  </si>
  <si>
    <t>108003476.0</t>
  </si>
  <si>
    <t>56935865.0</t>
  </si>
  <si>
    <t>52626602.0</t>
  </si>
  <si>
    <t>503670.0</t>
  </si>
  <si>
    <t>263096.0</t>
  </si>
  <si>
    <t>205040.0</t>
  </si>
  <si>
    <t>74538.0</t>
  </si>
  <si>
    <t>139861.0</t>
  </si>
  <si>
    <t>108304505.0</t>
  </si>
  <si>
    <t>57031935.0</t>
  </si>
  <si>
    <t>52774061.0</t>
  </si>
  <si>
    <t>565395.0</t>
  </si>
  <si>
    <t>301029.0</t>
  </si>
  <si>
    <t>203488.0</t>
  </si>
  <si>
    <t>108589418.0</t>
  </si>
  <si>
    <t>57131265.0</t>
  </si>
  <si>
    <t>52914794.0</t>
  </si>
  <si>
    <t>284913.0</t>
  </si>
  <si>
    <t>202637.0</t>
  </si>
  <si>
    <t>69905.0</t>
  </si>
  <si>
    <t>30.647</t>
  </si>
  <si>
    <t>139090.0</t>
  </si>
  <si>
    <t>108811772.0</t>
  </si>
  <si>
    <t>57204898.0</t>
  </si>
  <si>
    <t>53032350.0</t>
  </si>
  <si>
    <t>650845.0</t>
  </si>
  <si>
    <t>222354.0</t>
  </si>
  <si>
    <t>200598.0</t>
  </si>
  <si>
    <t>108911409.0</t>
  </si>
  <si>
    <t>57237305.0</t>
  </si>
  <si>
    <t>53090310.0</t>
  </si>
  <si>
    <t>660611.0</t>
  </si>
  <si>
    <t>99637.0</t>
  </si>
  <si>
    <t>198924.0</t>
  </si>
  <si>
    <t>66489.0</t>
  </si>
  <si>
    <t>29.831</t>
  </si>
  <si>
    <t>74434706.0</t>
  </si>
  <si>
    <t>892.411</t>
  </si>
  <si>
    <t>138319.0</t>
  </si>
  <si>
    <t>108964849.0</t>
  </si>
  <si>
    <t>57254170.0</t>
  </si>
  <si>
    <t>53121788.0</t>
  </si>
  <si>
    <t>665784.0</t>
  </si>
  <si>
    <t>197558.0</t>
  </si>
  <si>
    <t>47169.7</t>
  </si>
  <si>
    <t>565.788539356679</t>
  </si>
  <si>
    <t>138361.0</t>
  </si>
  <si>
    <t>109113639.0</t>
  </si>
  <si>
    <t>57301334.0</t>
  </si>
  <si>
    <t>53198274.0</t>
  </si>
  <si>
    <t>693927.0</t>
  </si>
  <si>
    <t>148790.0</t>
  </si>
  <si>
    <t>196180.0</t>
  </si>
  <si>
    <t>65009.0</t>
  </si>
  <si>
    <t>138403.0</t>
  </si>
  <si>
    <t>109365378.0</t>
  </si>
  <si>
    <t>57383317.0</t>
  </si>
  <si>
    <t>53319891.0</t>
  </si>
  <si>
    <t>746260.0</t>
  </si>
  <si>
    <t>251739.0</t>
  </si>
  <si>
    <t>194557.0</t>
  </si>
  <si>
    <t>63922.0</t>
  </si>
  <si>
    <t>138444.0</t>
  </si>
  <si>
    <t>109633746.0</t>
  </si>
  <si>
    <t>57465763.0</t>
  </si>
  <si>
    <t>53449009.0</t>
  </si>
  <si>
    <t>807087.0</t>
  </si>
  <si>
    <t>268368.0</t>
  </si>
  <si>
    <t>189892.0</t>
  </si>
  <si>
    <t>16.277</t>
  </si>
  <si>
    <t>6.753</t>
  </si>
  <si>
    <t>138486.0</t>
  </si>
  <si>
    <t>109866869.0</t>
  </si>
  <si>
    <t>57540967.0</t>
  </si>
  <si>
    <t>53566499.0</t>
  </si>
  <si>
    <t>851576.0</t>
  </si>
  <si>
    <t>233123.0</t>
  </si>
  <si>
    <t>182493.0</t>
  </si>
  <si>
    <t>16.349</t>
  </si>
  <si>
    <t>138528.0</t>
  </si>
  <si>
    <t>109993880.0</t>
  </si>
  <si>
    <t>57584926.0</t>
  </si>
  <si>
    <t>53627051.0</t>
  </si>
  <si>
    <t>877537.0</t>
  </si>
  <si>
    <t>127011.0</t>
  </si>
  <si>
    <t>168873.0</t>
  </si>
  <si>
    <t>54290.0</t>
  </si>
  <si>
    <t>138570.0</t>
  </si>
  <si>
    <t>110023017.0</t>
  </si>
  <si>
    <t>57597125.0</t>
  </si>
  <si>
    <t>53640844.0</t>
  </si>
  <si>
    <t>29137.0</t>
  </si>
  <si>
    <t>158801.0</t>
  </si>
  <si>
    <t>51403.0</t>
  </si>
  <si>
    <t>16.001</t>
  </si>
  <si>
    <t>75404986.0</t>
  </si>
  <si>
    <t>904.044</t>
  </si>
  <si>
    <t>138611.0</t>
  </si>
  <si>
    <t>110031502.0</t>
  </si>
  <si>
    <t>57600377.0</t>
  </si>
  <si>
    <t>53644771.0</t>
  </si>
  <si>
    <t>882283.0</t>
  </si>
  <si>
    <t>49458.0</t>
  </si>
  <si>
    <t>48316.5</t>
  </si>
  <si>
    <t>579.544113314839</t>
  </si>
  <si>
    <t>138485.0</t>
  </si>
  <si>
    <t>110127916.0</t>
  </si>
  <si>
    <t>57632114.0</t>
  </si>
  <si>
    <t>53691718.0</t>
  </si>
  <si>
    <t>903040.0</t>
  </si>
  <si>
    <t>96414.0</t>
  </si>
  <si>
    <t>144897.0</t>
  </si>
  <si>
    <t>47254.0</t>
  </si>
  <si>
    <t>30.047</t>
  </si>
  <si>
    <t>138359.0</t>
  </si>
  <si>
    <t>110348179.0</t>
  </si>
  <si>
    <t>57696957.0</t>
  </si>
  <si>
    <t>53797562.0</t>
  </si>
  <si>
    <t>956565.0</t>
  </si>
  <si>
    <t>220263.0</t>
  </si>
  <si>
    <t>140400.0</t>
  </si>
  <si>
    <t>44806.0</t>
  </si>
  <si>
    <t>138233.0</t>
  </si>
  <si>
    <t>110581877.0</t>
  </si>
  <si>
    <t>57762583.0</t>
  </si>
  <si>
    <t>53905985.0</t>
  </si>
  <si>
    <t>1020134.0</t>
  </si>
  <si>
    <t>233698.0</t>
  </si>
  <si>
    <t>135447.0</t>
  </si>
  <si>
    <t>42403.0</t>
  </si>
  <si>
    <t>6.513</t>
  </si>
  <si>
    <t>138107.0</t>
  </si>
  <si>
    <t>110819332.0</t>
  </si>
  <si>
    <t>57833854.0</t>
  </si>
  <si>
    <t>54021201.0</t>
  </si>
  <si>
    <t>1076160.0</t>
  </si>
  <si>
    <t>237455.0</t>
  </si>
  <si>
    <t>136066.0</t>
  </si>
  <si>
    <t>16.217</t>
  </si>
  <si>
    <t>137981.0</t>
  </si>
  <si>
    <t>110977367.0</t>
  </si>
  <si>
    <t>57882331.0</t>
  </si>
  <si>
    <t>54094714.0</t>
  </si>
  <si>
    <t>1115927.0</t>
  </si>
  <si>
    <t>158035.0</t>
  </si>
  <si>
    <t>140498.0</t>
  </si>
  <si>
    <t>42486.0</t>
  </si>
  <si>
    <t>137854.0</t>
  </si>
  <si>
    <t>111015239.0</t>
  </si>
  <si>
    <t>57897588.0</t>
  </si>
  <si>
    <t>54112829.0</t>
  </si>
  <si>
    <t>1120702.0</t>
  </si>
  <si>
    <t>37872.0</t>
  </si>
  <si>
    <t>141746.0</t>
  </si>
  <si>
    <t>133.16</t>
  </si>
  <si>
    <t>42923.0</t>
  </si>
  <si>
    <t>76369083.0</t>
  </si>
  <si>
    <t>915.603</t>
  </si>
  <si>
    <t>111027087.0</t>
  </si>
  <si>
    <t>57902659.0</t>
  </si>
  <si>
    <t>54118311.0</t>
  </si>
  <si>
    <t>1122033.0</t>
  </si>
  <si>
    <t>142226.0</t>
  </si>
  <si>
    <t>49374.3</t>
  </si>
  <si>
    <t>592.232154937565</t>
  </si>
  <si>
    <t>135688.0</t>
  </si>
  <si>
    <t>111125611.0</t>
  </si>
  <si>
    <t>57933509.0</t>
  </si>
  <si>
    <t>54163344.0</t>
  </si>
  <si>
    <t>1147146.0</t>
  </si>
  <si>
    <t>98524.0</t>
  </si>
  <si>
    <t>43056.0</t>
  </si>
  <si>
    <t>16.589</t>
  </si>
  <si>
    <t>133648.0</t>
  </si>
  <si>
    <t>111340102.0</t>
  </si>
  <si>
    <t>57992066.0</t>
  </si>
  <si>
    <t>54259893.0</t>
  </si>
  <si>
    <t>1209842.0</t>
  </si>
  <si>
    <t>214491.0</t>
  </si>
  <si>
    <t>42158.0</t>
  </si>
  <si>
    <t>131608.0</t>
  </si>
  <si>
    <t>111572048.0</t>
  </si>
  <si>
    <t>58053819.0</t>
  </si>
  <si>
    <t>54359747.0</t>
  </si>
  <si>
    <t>1282838.0</t>
  </si>
  <si>
    <t>231946.0</t>
  </si>
  <si>
    <t>41605.0</t>
  </si>
  <si>
    <t>129568.0</t>
  </si>
  <si>
    <t>111802999.0</t>
  </si>
  <si>
    <t>58117311.0</t>
  </si>
  <si>
    <t>54464160.0</t>
  </si>
  <si>
    <t>1349506.0</t>
  </si>
  <si>
    <t>230951.0</t>
  </si>
  <si>
    <t>7.185</t>
  </si>
  <si>
    <t>34.941</t>
  </si>
  <si>
    <t>127528.0</t>
  </si>
  <si>
    <t>111954407.0</t>
  </si>
  <si>
    <t>58160380.0</t>
  </si>
  <si>
    <t>54531592.0</t>
  </si>
  <si>
    <t>1392772.0</t>
  </si>
  <si>
    <t>151408.0</t>
  </si>
  <si>
    <t>139577.0</t>
  </si>
  <si>
    <t>134.29</t>
  </si>
  <si>
    <t>39721.0</t>
  </si>
  <si>
    <t>125488.0</t>
  </si>
  <si>
    <t>111993759.0</t>
  </si>
  <si>
    <t>58175495.0</t>
  </si>
  <si>
    <t>54550218.0</t>
  </si>
  <si>
    <t>1398623.0</t>
  </si>
  <si>
    <t>139789.0</t>
  </si>
  <si>
    <t>134.33</t>
  </si>
  <si>
    <t>39701.0</t>
  </si>
  <si>
    <t>17.045</t>
  </si>
  <si>
    <t>77233215.0</t>
  </si>
  <si>
    <t>925.963</t>
  </si>
  <si>
    <t>123447.0</t>
  </si>
  <si>
    <t>112005636.0</t>
  </si>
  <si>
    <t>58179937.0</t>
  </si>
  <si>
    <t>54555602.0</t>
  </si>
  <si>
    <t>1400695.0</t>
  </si>
  <si>
    <t>139793.0</t>
  </si>
  <si>
    <t>50498.9</t>
  </si>
  <si>
    <t>605.721445549134</t>
  </si>
  <si>
    <t>124451.0</t>
  </si>
  <si>
    <t>112104652.0</t>
  </si>
  <si>
    <t>58207972.0</t>
  </si>
  <si>
    <t>54597950.0</t>
  </si>
  <si>
    <t>1431287.0</t>
  </si>
  <si>
    <t>99016.0</t>
  </si>
  <si>
    <t>139863.0</t>
  </si>
  <si>
    <t>134.47</t>
  </si>
  <si>
    <t>17.704</t>
  </si>
  <si>
    <t>125454.0</t>
  </si>
  <si>
    <t>112317146.0</t>
  </si>
  <si>
    <t>58261330.0</t>
  </si>
  <si>
    <t>54688634.0</t>
  </si>
  <si>
    <t>1502122.0</t>
  </si>
  <si>
    <t>212494.0</t>
  </si>
  <si>
    <t>139578.0</t>
  </si>
  <si>
    <t>134.72</t>
  </si>
  <si>
    <t>126457.0</t>
  </si>
  <si>
    <t>112546943.0</t>
  </si>
  <si>
    <t>58315704.0</t>
  </si>
  <si>
    <t>54780515.0</t>
  </si>
  <si>
    <t>1587887.0</t>
  </si>
  <si>
    <t>229797.0</t>
  </si>
  <si>
    <t>139271.0</t>
  </si>
  <si>
    <t>37412.0</t>
  </si>
  <si>
    <t>127460.0</t>
  </si>
  <si>
    <t>112771187.0</t>
  </si>
  <si>
    <t>58371448.0</t>
  </si>
  <si>
    <t>54872428.0</t>
  </si>
  <si>
    <t>1666962.0</t>
  </si>
  <si>
    <t>224244.0</t>
  </si>
  <si>
    <t>138313.0</t>
  </si>
  <si>
    <t>128463.0</t>
  </si>
  <si>
    <t>112922447.0</t>
  </si>
  <si>
    <t>58410100.0</t>
  </si>
  <si>
    <t>54932501.0</t>
  </si>
  <si>
    <t>1721325.0</t>
  </si>
  <si>
    <t>151260.0</t>
  </si>
  <si>
    <t>138291.0</t>
  </si>
  <si>
    <t>135.45</t>
  </si>
  <si>
    <t>35674.0</t>
  </si>
  <si>
    <t>129466.0</t>
  </si>
  <si>
    <t>112962193.0</t>
  </si>
  <si>
    <t>58424041.0</t>
  </si>
  <si>
    <t>54948471.0</t>
  </si>
  <si>
    <t>1731485.0</t>
  </si>
  <si>
    <t>39746.0</t>
  </si>
  <si>
    <t>138348.0</t>
  </si>
  <si>
    <t>35507.0</t>
  </si>
  <si>
    <t>78146498.0</t>
  </si>
  <si>
    <t>936.912</t>
  </si>
  <si>
    <t>112974164.0</t>
  </si>
  <si>
    <t>58428074.0</t>
  </si>
  <si>
    <t>54953461.0</t>
  </si>
  <si>
    <t>1734458.0</t>
  </si>
  <si>
    <t>52531.7</t>
  </si>
  <si>
    <t>630.104363880271</t>
  </si>
  <si>
    <t>135703.0</t>
  </si>
  <si>
    <t>113082926.0</t>
  </si>
  <si>
    <t>58453800.0</t>
  </si>
  <si>
    <t>54995055.0</t>
  </si>
  <si>
    <t>1777411.0</t>
  </si>
  <si>
    <t>108762.0</t>
  </si>
  <si>
    <t>139753.0</t>
  </si>
  <si>
    <t>140937.0</t>
  </si>
  <si>
    <t>113335364.0</t>
  </si>
  <si>
    <t>58505934.0</t>
  </si>
  <si>
    <t>55088992.0</t>
  </si>
  <si>
    <t>1885893.0</t>
  </si>
  <si>
    <t>252438.0</t>
  </si>
  <si>
    <t>145460.0</t>
  </si>
  <si>
    <t>34943.0</t>
  </si>
  <si>
    <t>146171.0</t>
  </si>
  <si>
    <t>113610600.0</t>
  </si>
  <si>
    <t>58560382.0</t>
  </si>
  <si>
    <t>55182098.0</t>
  </si>
  <si>
    <t>2015466.0</t>
  </si>
  <si>
    <t>275236.0</t>
  </si>
  <si>
    <t>151951.0</t>
  </si>
  <si>
    <t>34954.0</t>
  </si>
  <si>
    <t>151405.0</t>
  </si>
  <si>
    <t>113885953.0</t>
  </si>
  <si>
    <t>58616028.0</t>
  </si>
  <si>
    <t>55276996.0</t>
  </si>
  <si>
    <t>2142597.0</t>
  </si>
  <si>
    <t>275353.0</t>
  </si>
  <si>
    <t>159252.0</t>
  </si>
  <si>
    <t>34940.0</t>
  </si>
  <si>
    <t>11.947</t>
  </si>
  <si>
    <t>156639.0</t>
  </si>
  <si>
    <t>114072573.0</t>
  </si>
  <si>
    <t>58655889.0</t>
  </si>
  <si>
    <t>55337048.0</t>
  </si>
  <si>
    <t>2230786.0</t>
  </si>
  <si>
    <t>186620.0</t>
  </si>
  <si>
    <t>164304.0</t>
  </si>
  <si>
    <t>136.83</t>
  </si>
  <si>
    <t>35113.0</t>
  </si>
  <si>
    <t>161873.0</t>
  </si>
  <si>
    <t>114119867.0</t>
  </si>
  <si>
    <t>58670431.0</t>
  </si>
  <si>
    <t>55352603.0</t>
  </si>
  <si>
    <t>2248245.0</t>
  </si>
  <si>
    <t>47294.0</t>
  </si>
  <si>
    <t>165382.0</t>
  </si>
  <si>
    <t>136.88</t>
  </si>
  <si>
    <t>12.535</t>
  </si>
  <si>
    <t>79316244.0</t>
  </si>
  <si>
    <t>950.937</t>
  </si>
  <si>
    <t>167107.0</t>
  </si>
  <si>
    <t>114132783.0</t>
  </si>
  <si>
    <t>58674411.0</t>
  </si>
  <si>
    <t>55356682.0</t>
  </si>
  <si>
    <t>2253133.0</t>
  </si>
  <si>
    <t>12916.0</t>
  </si>
  <si>
    <t>165517.0</t>
  </si>
  <si>
    <t>55176.5</t>
  </si>
  <si>
    <t>661.828066360689</t>
  </si>
  <si>
    <t>167677.0</t>
  </si>
  <si>
    <t>114194057.0</t>
  </si>
  <si>
    <t>58686465.0</t>
  </si>
  <si>
    <t>55373900.0</t>
  </si>
  <si>
    <t>2285882.0</t>
  </si>
  <si>
    <t>61274.0</t>
  </si>
  <si>
    <t>158733.0</t>
  </si>
  <si>
    <t>136.97</t>
  </si>
  <si>
    <t>33238.0</t>
  </si>
  <si>
    <t>70.085</t>
  </si>
  <si>
    <t>168247.0</t>
  </si>
  <si>
    <t>114444765.0</t>
  </si>
  <si>
    <t>58729787.0</t>
  </si>
  <si>
    <t>55448386.0</t>
  </si>
  <si>
    <t>2420249.0</t>
  </si>
  <si>
    <t>250708.0</t>
  </si>
  <si>
    <t>158486.0</t>
  </si>
  <si>
    <t>31979.0</t>
  </si>
  <si>
    <t>168817.0</t>
  </si>
  <si>
    <t>114770076.0</t>
  </si>
  <si>
    <t>58783837.0</t>
  </si>
  <si>
    <t>55530727.0</t>
  </si>
  <si>
    <t>2610781.0</t>
  </si>
  <si>
    <t>325311.0</t>
  </si>
  <si>
    <t>165639.0</t>
  </si>
  <si>
    <t>31922.0</t>
  </si>
  <si>
    <t>169387.0</t>
  </si>
  <si>
    <t>115101890.0</t>
  </si>
  <si>
    <t>58842262.0</t>
  </si>
  <si>
    <t>55617672.0</t>
  </si>
  <si>
    <t>2799336.0</t>
  </si>
  <si>
    <t>331814.0</t>
  </si>
  <si>
    <t>173705.0</t>
  </si>
  <si>
    <t>169958.0</t>
  </si>
  <si>
    <t>115345805.0</t>
  </si>
  <si>
    <t>58885493.0</t>
  </si>
  <si>
    <t>55673255.0</t>
  </si>
  <si>
    <t>2946141.0</t>
  </si>
  <si>
    <t>243915.0</t>
  </si>
  <si>
    <t>181890.0</t>
  </si>
  <si>
    <t>138.35</t>
  </si>
  <si>
    <t>15.821</t>
  </si>
  <si>
    <t>170528.0</t>
  </si>
  <si>
    <t>115416230.0</t>
  </si>
  <si>
    <t>58904479.0</t>
  </si>
  <si>
    <t>55689736.0</t>
  </si>
  <si>
    <t>2981515.0</t>
  </si>
  <si>
    <t>80513931.0</t>
  </si>
  <si>
    <t>965.296</t>
  </si>
  <si>
    <t>171098.0</t>
  </si>
  <si>
    <t>115439844.0</t>
  </si>
  <si>
    <t>58910466.0</t>
  </si>
  <si>
    <t>55695176.0</t>
  </si>
  <si>
    <t>2993742.0</t>
  </si>
  <si>
    <t>23614.0</t>
  </si>
  <si>
    <t>186723.0</t>
  </si>
  <si>
    <t>33722.0</t>
  </si>
  <si>
    <t>57940.5</t>
  </si>
  <si>
    <t>694.981542485868</t>
  </si>
  <si>
    <t>17.764</t>
  </si>
  <si>
    <t>180090.0</t>
  </si>
  <si>
    <t>115619572.0</t>
  </si>
  <si>
    <t>58941660.0</t>
  </si>
  <si>
    <t>55732816.0</t>
  </si>
  <si>
    <t>3106216.0</t>
  </si>
  <si>
    <t>179728.0</t>
  </si>
  <si>
    <t>203645.0</t>
  </si>
  <si>
    <t>36456.0</t>
  </si>
  <si>
    <t>90.176</t>
  </si>
  <si>
    <t>189083.0</t>
  </si>
  <si>
    <t>116013569.0</t>
  </si>
  <si>
    <t>59003223.0</t>
  </si>
  <si>
    <t>55814893.0</t>
  </si>
  <si>
    <t>3358815.0</t>
  </si>
  <si>
    <t>393997.0</t>
  </si>
  <si>
    <t>224115.0</t>
  </si>
  <si>
    <t>7844.0</t>
  </si>
  <si>
    <t>94.087</t>
  </si>
  <si>
    <t>198075.0</t>
  </si>
  <si>
    <t>116463762.0</t>
  </si>
  <si>
    <t>59069014.0</t>
  </si>
  <si>
    <t>55896214.0</t>
  </si>
  <si>
    <t>3663860.0</t>
  </si>
  <si>
    <t>450193.0</t>
  </si>
  <si>
    <t>241955.0</t>
  </si>
  <si>
    <t>207067.0</t>
  </si>
  <si>
    <t>116916189.0</t>
  </si>
  <si>
    <t>59139095.0</t>
  </si>
  <si>
    <t>55980552.0</t>
  </si>
  <si>
    <t>3964563.0</t>
  </si>
  <si>
    <t>259186.0</t>
  </si>
  <si>
    <t>216060.0</t>
  </si>
  <si>
    <t>117269112.0</t>
  </si>
  <si>
    <t>59193859.0</t>
  </si>
  <si>
    <t>56036027.0</t>
  </si>
  <si>
    <t>4209459.0</t>
  </si>
  <si>
    <t>352923.0</t>
  </si>
  <si>
    <t>274758.0</t>
  </si>
  <si>
    <t>140.66</t>
  </si>
  <si>
    <t>225052.0</t>
  </si>
  <si>
    <t>117374961.0</t>
  </si>
  <si>
    <t>59219962.0</t>
  </si>
  <si>
    <t>56053913.0</t>
  </si>
  <si>
    <t>4271880.0</t>
  </si>
  <si>
    <t>105849.0</t>
  </si>
  <si>
    <t>279819.0</t>
  </si>
  <si>
    <t>45069.0</t>
  </si>
  <si>
    <t>21.135</t>
  </si>
  <si>
    <t>82152241.0</t>
  </si>
  <si>
    <t>984.938</t>
  </si>
  <si>
    <t>234044.0</t>
  </si>
  <si>
    <t>117408184.0</t>
  </si>
  <si>
    <t>59227931.0</t>
  </si>
  <si>
    <t>56058651.0</t>
  </si>
  <si>
    <t>4292436.0</t>
  </si>
  <si>
    <t>281191.0</t>
  </si>
  <si>
    <t>140.83</t>
  </si>
  <si>
    <t>60925.5</t>
  </si>
  <si>
    <t>730.78585733162</t>
  </si>
  <si>
    <t>117661354.0</t>
  </si>
  <si>
    <t>59267846.0</t>
  </si>
  <si>
    <t>56095670.0</t>
  </si>
  <si>
    <t>4470602.0</t>
  </si>
  <si>
    <t>253170.0</t>
  </si>
  <si>
    <t>291683.0</t>
  </si>
  <si>
    <t>46598.0</t>
  </si>
  <si>
    <t>243572.0</t>
  </si>
  <si>
    <t>118196494.0</t>
  </si>
  <si>
    <t>59340449.0</t>
  </si>
  <si>
    <t>56171578.0</t>
  </si>
  <si>
    <t>4859739.0</t>
  </si>
  <si>
    <t>535140.0</t>
  </si>
  <si>
    <t>311846.0</t>
  </si>
  <si>
    <t>248335.0</t>
  </si>
  <si>
    <t>118796037.0</t>
  </si>
  <si>
    <t>59415679.0</t>
  </si>
  <si>
    <t>56244842.0</t>
  </si>
  <si>
    <t>5312894.0</t>
  </si>
  <si>
    <t>599543.0</t>
  </si>
  <si>
    <t>333182.0</t>
  </si>
  <si>
    <t>142.49</t>
  </si>
  <si>
    <t>49524.0</t>
  </si>
  <si>
    <t>253099.0</t>
  </si>
  <si>
    <t>119434476.0</t>
  </si>
  <si>
    <t>59498360.0</t>
  </si>
  <si>
    <t>56325636.0</t>
  </si>
  <si>
    <t>5791033.0</t>
  </si>
  <si>
    <t>638439.0</t>
  </si>
  <si>
    <t>359755.0</t>
  </si>
  <si>
    <t>51324.0</t>
  </si>
  <si>
    <t>257863.0</t>
  </si>
  <si>
    <t>119970417.0</t>
  </si>
  <si>
    <t>59571116.0</t>
  </si>
  <si>
    <t>56383170.0</t>
  </si>
  <si>
    <t>6199235.0</t>
  </si>
  <si>
    <t>535941.0</t>
  </si>
  <si>
    <t>385901.0</t>
  </si>
  <si>
    <t>53894.0</t>
  </si>
  <si>
    <t>262626.0</t>
  </si>
  <si>
    <t>120211908.0</t>
  </si>
  <si>
    <t>59620052.0</t>
  </si>
  <si>
    <t>56404847.0</t>
  </si>
  <si>
    <t>6370933.0</t>
  </si>
  <si>
    <t>241491.0</t>
  </si>
  <si>
    <t>405278.0</t>
  </si>
  <si>
    <t>57156.0</t>
  </si>
  <si>
    <t>44.117</t>
  </si>
  <si>
    <t>122.982</t>
  </si>
  <si>
    <t>84023972.0</t>
  </si>
  <si>
    <t>1007.378</t>
  </si>
  <si>
    <t>267390.0</t>
  </si>
  <si>
    <t>120291666.0</t>
  </si>
  <si>
    <t>59634593.0</t>
  </si>
  <si>
    <t>56411534.0</t>
  </si>
  <si>
    <t>6429683.0</t>
  </si>
  <si>
    <t>79758.0</t>
  </si>
  <si>
    <t>411926.0</t>
  </si>
  <si>
    <t>144.29</t>
  </si>
  <si>
    <t>58095.0</t>
  </si>
  <si>
    <t>65134.1</t>
  </si>
  <si>
    <t>781.266942577796</t>
  </si>
  <si>
    <t>24.889</t>
  </si>
  <si>
    <t>10383.0</t>
  </si>
  <si>
    <t>269048.0</t>
  </si>
  <si>
    <t>120719778.0</t>
  </si>
  <si>
    <t>59702952.0</t>
  </si>
  <si>
    <t>56450421.0</t>
  </si>
  <si>
    <t>6754213.0</t>
  </si>
  <si>
    <t>428112.0</t>
  </si>
  <si>
    <t>436918.0</t>
  </si>
  <si>
    <t>270706.0</t>
  </si>
  <si>
    <t>121577748.0</t>
  </si>
  <si>
    <t>59828764.0</t>
  </si>
  <si>
    <t>56531706.0</t>
  </si>
  <si>
    <t>7411042.0</t>
  </si>
  <si>
    <t>857970.0</t>
  </si>
  <si>
    <t>483036.0</t>
  </si>
  <si>
    <t>145.83</t>
  </si>
  <si>
    <t>69759.0</t>
  </si>
  <si>
    <t>272365.0</t>
  </si>
  <si>
    <t>122597588.0</t>
  </si>
  <si>
    <t>59973052.0</t>
  </si>
  <si>
    <t>56620539.0</t>
  </si>
  <si>
    <t>8203303.0</t>
  </si>
  <si>
    <t>1019840.0</t>
  </si>
  <si>
    <t>543079.0</t>
  </si>
  <si>
    <t>79625.0</t>
  </si>
  <si>
    <t>274023.0</t>
  </si>
  <si>
    <t>123562046.0</t>
  </si>
  <si>
    <t>60118567.0</t>
  </si>
  <si>
    <t>56712542.0</t>
  </si>
  <si>
    <t>8937998.0</t>
  </si>
  <si>
    <t>964458.0</t>
  </si>
  <si>
    <t>148.21</t>
  </si>
  <si>
    <t>88601.0</t>
  </si>
  <si>
    <t>275681.0</t>
  </si>
  <si>
    <t>124402564.0</t>
  </si>
  <si>
    <t>60235607.0</t>
  </si>
  <si>
    <t>56780330.0</t>
  </si>
  <si>
    <t>9599107.0</t>
  </si>
  <si>
    <t>840518.0</t>
  </si>
  <si>
    <t>633164.0</t>
  </si>
  <si>
    <t>94927.0</t>
  </si>
  <si>
    <t>277339.0</t>
  </si>
  <si>
    <t>125107498.0</t>
  </si>
  <si>
    <t>60345849.0</t>
  </si>
  <si>
    <t>56820321.0</t>
  </si>
  <si>
    <t>10156815.0</t>
  </si>
  <si>
    <t>704934.0</t>
  </si>
  <si>
    <t>699370.0</t>
  </si>
  <si>
    <t>103685.0</t>
  </si>
  <si>
    <t>85976951.0</t>
  </si>
  <si>
    <t>1030.793</t>
  </si>
  <si>
    <t>278997.0</t>
  </si>
  <si>
    <t>125279737.0</t>
  </si>
  <si>
    <t>60372481.0</t>
  </si>
  <si>
    <t>56830078.0</t>
  </si>
  <si>
    <t>10293019.0</t>
  </si>
  <si>
    <t>712582.0</t>
  </si>
  <si>
    <t>105413.0</t>
  </si>
  <si>
    <t>70097.9</t>
  </si>
  <si>
    <t>840.80645950622</t>
  </si>
  <si>
    <t>278953.0</t>
  </si>
  <si>
    <t>125870343.0</t>
  </si>
  <si>
    <t>60456053.0</t>
  </si>
  <si>
    <t>56877357.0</t>
  </si>
  <si>
    <t>10757952.0</t>
  </si>
  <si>
    <t>590606.0</t>
  </si>
  <si>
    <t>735795.0</t>
  </si>
  <si>
    <t>107586.0</t>
  </si>
  <si>
    <t>28.775</t>
  </si>
  <si>
    <t>278909.0</t>
  </si>
  <si>
    <t>126919733.0</t>
  </si>
  <si>
    <t>60578943.0</t>
  </si>
  <si>
    <t>56962935.0</t>
  </si>
  <si>
    <t>11605045.0</t>
  </si>
  <si>
    <t>1049390.0</t>
  </si>
  <si>
    <t>763141.0</t>
  </si>
  <si>
    <t>152.24</t>
  </si>
  <si>
    <t>107168.0</t>
  </si>
  <si>
    <t>28.835</t>
  </si>
  <si>
    <t>278865.0</t>
  </si>
  <si>
    <t>128195755.0</t>
  </si>
  <si>
    <t>60704794.0</t>
  </si>
  <si>
    <t>57053320.0</t>
  </si>
  <si>
    <t>12669686.0</t>
  </si>
  <si>
    <t>1276022.0</t>
  </si>
  <si>
    <t>799738.0</t>
  </si>
  <si>
    <t>153.77</t>
  </si>
  <si>
    <t>104535.0</t>
  </si>
  <si>
    <t>278821.0</t>
  </si>
  <si>
    <t>129385423.0</t>
  </si>
  <si>
    <t>60821995.0</t>
  </si>
  <si>
    <t>57148084.0</t>
  </si>
  <si>
    <t>13653108.0</t>
  </si>
  <si>
    <t>1189668.0</t>
  </si>
  <si>
    <t>831911.0</t>
  </si>
  <si>
    <t>57.527</t>
  </si>
  <si>
    <t>278776.0</t>
  </si>
  <si>
    <t>130463292.0</t>
  </si>
  <si>
    <t>60919833.0</t>
  </si>
  <si>
    <t>57220010.0</t>
  </si>
  <si>
    <t>14565328.0</t>
  </si>
  <si>
    <t>1077869.0</t>
  </si>
  <si>
    <t>865818.0</t>
  </si>
  <si>
    <t>97747.0</t>
  </si>
  <si>
    <t>278732.0</t>
  </si>
  <si>
    <t>131482158.0</t>
  </si>
  <si>
    <t>61007404.0</t>
  </si>
  <si>
    <t>57265613.0</t>
  </si>
  <si>
    <t>15453409.0</t>
  </si>
  <si>
    <t>1018866.0</t>
  </si>
  <si>
    <t>910666.0</t>
  </si>
  <si>
    <t>157.71</t>
  </si>
  <si>
    <t>94508.0</t>
  </si>
  <si>
    <t>87927768.0</t>
  </si>
  <si>
    <t>1054.182</t>
  </si>
  <si>
    <t>278688.0</t>
  </si>
  <si>
    <t>131755702.0</t>
  </si>
  <si>
    <t>61028768.0</t>
  </si>
  <si>
    <t>57278557.0</t>
  </si>
  <si>
    <t>15693201.0</t>
  </si>
  <si>
    <t>273544.0</t>
  </si>
  <si>
    <t>925138.0</t>
  </si>
  <si>
    <t>75825.5</t>
  </si>
  <si>
    <t>909.507562926833</t>
  </si>
  <si>
    <t>274437.0</t>
  </si>
  <si>
    <t>132508208.0</t>
  </si>
  <si>
    <t>61096984.0</t>
  </si>
  <si>
    <t>57330182.0</t>
  </si>
  <si>
    <t>16329698.0</t>
  </si>
  <si>
    <t>752506.0</t>
  </si>
  <si>
    <t>948266.0</t>
  </si>
  <si>
    <t>91562.0</t>
  </si>
  <si>
    <t>270186.0</t>
  </si>
  <si>
    <t>133712299.0</t>
  </si>
  <si>
    <t>61191576.0</t>
  </si>
  <si>
    <t>57418355.0</t>
  </si>
  <si>
    <t>17355587.0</t>
  </si>
  <si>
    <t>1204091.0</t>
  </si>
  <si>
    <t>970367.0</t>
  </si>
  <si>
    <t>160.38</t>
  </si>
  <si>
    <t>11639.0</t>
  </si>
  <si>
    <t>87519.0</t>
  </si>
  <si>
    <t>26.484</t>
  </si>
  <si>
    <t>265935.0</t>
  </si>
  <si>
    <t>135137626.0</t>
  </si>
  <si>
    <t>61293081.0</t>
  </si>
  <si>
    <t>57512860.0</t>
  </si>
  <si>
    <t>18588672.0</t>
  </si>
  <si>
    <t>1425327.0</t>
  </si>
  <si>
    <t>991696.0</t>
  </si>
  <si>
    <t>84041.0</t>
  </si>
  <si>
    <t>59.242</t>
  </si>
  <si>
    <t>261684.0</t>
  </si>
  <si>
    <t>136461293.0</t>
  </si>
  <si>
    <t>61387099.0</t>
  </si>
  <si>
    <t>57611590.0</t>
  </si>
  <si>
    <t>19723500.0</t>
  </si>
  <si>
    <t>1323667.0</t>
  </si>
  <si>
    <t>1010839.0</t>
  </si>
  <si>
    <t>80729.0</t>
  </si>
  <si>
    <t>257433.0</t>
  </si>
  <si>
    <t>137685302.0</t>
  </si>
  <si>
    <t>61465908.0</t>
  </si>
  <si>
    <t>57694924.0</t>
  </si>
  <si>
    <t>20788569.0</t>
  </si>
  <si>
    <t>1224009.0</t>
  </si>
  <si>
    <t>1031716.0</t>
  </si>
  <si>
    <t>165.15</t>
  </si>
  <si>
    <t>78011.0</t>
  </si>
  <si>
    <t>138903642.0</t>
  </si>
  <si>
    <t>61539094.0</t>
  </si>
  <si>
    <t>57752304.0</t>
  </si>
  <si>
    <t>21877753.0</t>
  </si>
  <si>
    <t>1218340.0</t>
  </si>
  <si>
    <t>1060212.0</t>
  </si>
  <si>
    <t>166.61</t>
  </si>
  <si>
    <t>58.858</t>
  </si>
  <si>
    <t>89670280.0</t>
  </si>
  <si>
    <t>1075.073</t>
  </si>
  <si>
    <t>248930.0</t>
  </si>
  <si>
    <t>139221499.0</t>
  </si>
  <si>
    <t>61556937.0</t>
  </si>
  <si>
    <t>57769380.0</t>
  </si>
  <si>
    <t>22160985.0</t>
  </si>
  <si>
    <t>317857.0</t>
  </si>
  <si>
    <t>1066542.0</t>
  </si>
  <si>
    <t>166.99</t>
  </si>
  <si>
    <t>75453.0</t>
  </si>
  <si>
    <t>80983.1</t>
  </si>
  <si>
    <t>971.371661502529</t>
  </si>
  <si>
    <t>245145.0</t>
  </si>
  <si>
    <t>140029210.0</t>
  </si>
  <si>
    <t>61611242.0</t>
  </si>
  <si>
    <t>57831777.0</t>
  </si>
  <si>
    <t>22854388.0</t>
  </si>
  <si>
    <t>807711.0</t>
  </si>
  <si>
    <t>1074429.0</t>
  </si>
  <si>
    <t>73465.0</t>
  </si>
  <si>
    <t>241361.0</t>
  </si>
  <si>
    <t>141380856.0</t>
  </si>
  <si>
    <t>61699088.0</t>
  </si>
  <si>
    <t>57945348.0</t>
  </si>
  <si>
    <t>24007101.0</t>
  </si>
  <si>
    <t>1351646.0</t>
  </si>
  <si>
    <t>1095508.0</t>
  </si>
  <si>
    <t>169.58</t>
  </si>
  <si>
    <t>237576.0</t>
  </si>
  <si>
    <t>2.848</t>
  </si>
  <si>
    <t>142942808.0</t>
  </si>
  <si>
    <t>61803705.0</t>
  </si>
  <si>
    <t>58071895.0</t>
  </si>
  <si>
    <t>25340074.0</t>
  </si>
  <si>
    <t>1561952.0</t>
  </si>
  <si>
    <t>1115026.0</t>
  </si>
  <si>
    <t>171.46</t>
  </si>
  <si>
    <t>72946.0</t>
  </si>
  <si>
    <t>233791.0</t>
  </si>
  <si>
    <t>144405939.0</t>
  </si>
  <si>
    <t>61908428.0</t>
  </si>
  <si>
    <t>58210566.0</t>
  </si>
  <si>
    <t>26562122.0</t>
  </si>
  <si>
    <t>1463131.0</t>
  </si>
  <si>
    <t>1134949.0</t>
  </si>
  <si>
    <t>230006.0</t>
  </si>
  <si>
    <t>145685244.0</t>
  </si>
  <si>
    <t>62014208.0</t>
  </si>
  <si>
    <t>58326479.0</t>
  </si>
  <si>
    <t>27621525.0</t>
  </si>
  <si>
    <t>1279305.0</t>
  </si>
  <si>
    <t>1142849.0</t>
  </si>
  <si>
    <t>78329.0</t>
  </si>
  <si>
    <t>226221.0</t>
  </si>
  <si>
    <t>146823277.0</t>
  </si>
  <si>
    <t>62121905.0</t>
  </si>
  <si>
    <t>58405213.0</t>
  </si>
  <si>
    <t>28573972.0</t>
  </si>
  <si>
    <t>1138033.0</t>
  </si>
  <si>
    <t>1131376.0</t>
  </si>
  <si>
    <t>176.11</t>
  </si>
  <si>
    <t>83259.0</t>
  </si>
  <si>
    <t>91227334.0</t>
  </si>
  <si>
    <t>1093.741</t>
  </si>
  <si>
    <t>222436.0</t>
  </si>
  <si>
    <t>147172679.0</t>
  </si>
  <si>
    <t>62164067.0</t>
  </si>
  <si>
    <t>58427619.0</t>
  </si>
  <si>
    <t>28858995.0</t>
  </si>
  <si>
    <t>349402.0</t>
  </si>
  <si>
    <t>1135883.0</t>
  </si>
  <si>
    <t>86733.0</t>
  </si>
  <si>
    <t>85136.7</t>
  </si>
  <si>
    <t>1021.1930357549</t>
  </si>
  <si>
    <t>216071.0</t>
  </si>
  <si>
    <t>148066939.0</t>
  </si>
  <si>
    <t>62239374.0</t>
  </si>
  <si>
    <t>58518528.0</t>
  </si>
  <si>
    <t>29588296.0</t>
  </si>
  <si>
    <t>894260.0</t>
  </si>
  <si>
    <t>1148247.0</t>
  </si>
  <si>
    <t>13773.0</t>
  </si>
  <si>
    <t>209706.0</t>
  </si>
  <si>
    <t>149308441.0</t>
  </si>
  <si>
    <t>62339155.0</t>
  </si>
  <si>
    <t>58655831.0</t>
  </si>
  <si>
    <t>30594107.0</t>
  </si>
  <si>
    <t>1241502.0</t>
  </si>
  <si>
    <t>1132512.0</t>
  </si>
  <si>
    <t>91438.0</t>
  </si>
  <si>
    <t>203341.0</t>
  </si>
  <si>
    <t>150527438.0</t>
  </si>
  <si>
    <t>62440203.0</t>
  </si>
  <si>
    <t>58782741.0</t>
  </si>
  <si>
    <t>31586211.0</t>
  </si>
  <si>
    <t>1218997.0</t>
  </si>
  <si>
    <t>1083519.0</t>
  </si>
  <si>
    <t>180.55</t>
  </si>
  <si>
    <t>90928.0</t>
  </si>
  <si>
    <t>196976.0</t>
  </si>
  <si>
    <t>151198629.0</t>
  </si>
  <si>
    <t>62499708.0</t>
  </si>
  <si>
    <t>58856966.0</t>
  </si>
  <si>
    <t>32124331.0</t>
  </si>
  <si>
    <t>671191.0</t>
  </si>
  <si>
    <t>970384.0</t>
  </si>
  <si>
    <t>181.36</t>
  </si>
  <si>
    <t>190611.0</t>
  </si>
  <si>
    <t>151247446.0</t>
  </si>
  <si>
    <t>62503718.0</t>
  </si>
  <si>
    <t>58862257.0</t>
  </si>
  <si>
    <t>32163903.0</t>
  </si>
  <si>
    <t>48817.0</t>
  </si>
  <si>
    <t>794600.0</t>
  </si>
  <si>
    <t>181.42</t>
  </si>
  <si>
    <t>184246.0</t>
  </si>
  <si>
    <t>151275424.0</t>
  </si>
  <si>
    <t>62505366.0</t>
  </si>
  <si>
    <t>58864250.0</t>
  </si>
  <si>
    <t>32188267.0</t>
  </si>
  <si>
    <t>27978.0</t>
  </si>
  <si>
    <t>636021.0</t>
  </si>
  <si>
    <t>92472500.0</t>
  </si>
  <si>
    <t>1108.669</t>
  </si>
  <si>
    <t>151337919.0</t>
  </si>
  <si>
    <t>62510665.0</t>
  </si>
  <si>
    <t>58869063.0</t>
  </si>
  <si>
    <t>32240681.0</t>
  </si>
  <si>
    <t>62495.0</t>
  </si>
  <si>
    <t>595034.0</t>
  </si>
  <si>
    <t>88390.5</t>
  </si>
  <si>
    <t>1060.22153814857</t>
  </si>
  <si>
    <t>172070.0</t>
  </si>
  <si>
    <t>151943774.0</t>
  </si>
  <si>
    <t>62561457.0</t>
  </si>
  <si>
    <t>58933770.0</t>
  </si>
  <si>
    <t>32731557.0</t>
  </si>
  <si>
    <t>605855.0</t>
  </si>
  <si>
    <t>553834.0</t>
  </si>
  <si>
    <t>182.25</t>
  </si>
  <si>
    <t>166260.0</t>
  </si>
  <si>
    <t>152692190.0</t>
  </si>
  <si>
    <t>62626147.0</t>
  </si>
  <si>
    <t>59014494.0</t>
  </si>
  <si>
    <t>33334959.0</t>
  </si>
  <si>
    <t>748416.0</t>
  </si>
  <si>
    <t>483393.0</t>
  </si>
  <si>
    <t>183.15</t>
  </si>
  <si>
    <t>40999.0</t>
  </si>
  <si>
    <t>153392459.0</t>
  </si>
  <si>
    <t>62691093.0</t>
  </si>
  <si>
    <t>59087509.0</t>
  </si>
  <si>
    <t>33897624.0</t>
  </si>
  <si>
    <t>700269.0</t>
  </si>
  <si>
    <t>409289.0</t>
  </si>
  <si>
    <t>183.99</t>
  </si>
  <si>
    <t>35841.0</t>
  </si>
  <si>
    <t>154639.0</t>
  </si>
  <si>
    <t>153878836.0</t>
  </si>
  <si>
    <t>62737885.0</t>
  </si>
  <si>
    <t>59140080.0</t>
  </si>
  <si>
    <t>34284917.0</t>
  </si>
  <si>
    <t>486377.0</t>
  </si>
  <si>
    <t>382887.0</t>
  </si>
  <si>
    <t>34025.0</t>
  </si>
  <si>
    <t>18.016</t>
  </si>
  <si>
    <t>148829.0</t>
  </si>
  <si>
    <t>153938329.0</t>
  </si>
  <si>
    <t>62742659.0</t>
  </si>
  <si>
    <t>59146176.0</t>
  </si>
  <si>
    <t>34333581.0</t>
  </si>
  <si>
    <t>384412.0</t>
  </si>
  <si>
    <t>184.65</t>
  </si>
  <si>
    <t>34134.0</t>
  </si>
  <si>
    <t>17.884</t>
  </si>
  <si>
    <t>143018.0</t>
  </si>
  <si>
    <t>153967016.0</t>
  </si>
  <si>
    <t>62744876.0</t>
  </si>
  <si>
    <t>59149087.0</t>
  </si>
  <si>
    <t>34357140.0</t>
  </si>
  <si>
    <t>28687.0</t>
  </si>
  <si>
    <t>384513.0</t>
  </si>
  <si>
    <t>184.68</t>
  </si>
  <si>
    <t>45.652</t>
  </si>
  <si>
    <t>93432954.0</t>
  </si>
  <si>
    <t>1120.184</t>
  </si>
  <si>
    <t>137208.0</t>
  </si>
  <si>
    <t>154121112.0</t>
  </si>
  <si>
    <t>62761293.0</t>
  </si>
  <si>
    <t>59163419.0</t>
  </si>
  <si>
    <t>34480514.0</t>
  </si>
  <si>
    <t>154096.0</t>
  </si>
  <si>
    <t>397599.0</t>
  </si>
  <si>
    <t>184.86</t>
  </si>
  <si>
    <t>91655.5</t>
  </si>
  <si>
    <t>1099.38438169007</t>
  </si>
  <si>
    <t>154602950.0</t>
  </si>
  <si>
    <t>62800869.0</t>
  </si>
  <si>
    <t>59225753.0</t>
  </si>
  <si>
    <t>34860760.0</t>
  </si>
  <si>
    <t>481838.0</t>
  </si>
  <si>
    <t>379882.0</t>
  </si>
  <si>
    <t>34202.0</t>
  </si>
  <si>
    <t>159246.0</t>
  </si>
  <si>
    <t>155304642.0</t>
  </si>
  <si>
    <t>62858390.0</t>
  </si>
  <si>
    <t>59322223.0</t>
  </si>
  <si>
    <t>35409192.0</t>
  </si>
  <si>
    <t>701692.0</t>
  </si>
  <si>
    <t>373207.0</t>
  </si>
  <si>
    <t>33178.0</t>
  </si>
  <si>
    <t>170265.0</t>
  </si>
  <si>
    <t>156122075.0</t>
  </si>
  <si>
    <t>62918813.0</t>
  </si>
  <si>
    <t>59435828.0</t>
  </si>
  <si>
    <t>36053097.0</t>
  </si>
  <si>
    <t>817433.0</t>
  </si>
  <si>
    <t>389945.0</t>
  </si>
  <si>
    <t>187.26</t>
  </si>
  <si>
    <t>181284.0</t>
  </si>
  <si>
    <t>156806455.0</t>
  </si>
  <si>
    <t>62970386.0</t>
  </si>
  <si>
    <t>59528739.0</t>
  </si>
  <si>
    <t>36593509.0</t>
  </si>
  <si>
    <t>684380.0</t>
  </si>
  <si>
    <t>418231.0</t>
  </si>
  <si>
    <t>192303.0</t>
  </si>
  <si>
    <t>157573435.0</t>
  </si>
  <si>
    <t>63027190.0</t>
  </si>
  <si>
    <t>59647139.0</t>
  </si>
  <si>
    <t>37186255.0</t>
  </si>
  <si>
    <t>766980.0</t>
  </si>
  <si>
    <t>519301.0</t>
  </si>
  <si>
    <t>39.751</t>
  </si>
  <si>
    <t>203322.0</t>
  </si>
  <si>
    <t>158093344.0</t>
  </si>
  <si>
    <t>63072903.0</t>
  </si>
  <si>
    <t>59730170.0</t>
  </si>
  <si>
    <t>37577631.0</t>
  </si>
  <si>
    <t>519909.0</t>
  </si>
  <si>
    <t>589475.0</t>
  </si>
  <si>
    <t>189.63</t>
  </si>
  <si>
    <t>46861.0</t>
  </si>
  <si>
    <t>39.259</t>
  </si>
  <si>
    <t>94933341.0</t>
  </si>
  <si>
    <t>1138.173</t>
  </si>
  <si>
    <t>214341.0</t>
  </si>
  <si>
    <t>158278412.0</t>
  </si>
  <si>
    <t>63091608.0</t>
  </si>
  <si>
    <t>59765021.0</t>
  </si>
  <si>
    <t>37709243.0</t>
  </si>
  <si>
    <t>593900.0</t>
  </si>
  <si>
    <t>189.85</t>
  </si>
  <si>
    <t>92484.9</t>
  </si>
  <si>
    <t>1109.33282347669</t>
  </si>
  <si>
    <t>225630.0</t>
  </si>
  <si>
    <t>158838417.0</t>
  </si>
  <si>
    <t>63128982.0</t>
  </si>
  <si>
    <t>59850062.0</t>
  </si>
  <si>
    <t>38147329.0</t>
  </si>
  <si>
    <t>560005.0</t>
  </si>
  <si>
    <t>605067.0</t>
  </si>
  <si>
    <t>46873.0</t>
  </si>
  <si>
    <t>236918.0</t>
  </si>
  <si>
    <t>159635367.0</t>
  </si>
  <si>
    <t>63183367.0</t>
  </si>
  <si>
    <t>59971443.0</t>
  </si>
  <si>
    <t>38769349.0</t>
  </si>
  <si>
    <t>796950.0</t>
  </si>
  <si>
    <t>618675.0</t>
  </si>
  <si>
    <t>191.48</t>
  </si>
  <si>
    <t>248207.0</t>
  </si>
  <si>
    <t>160517014.0</t>
  </si>
  <si>
    <t>63243193.0</t>
  </si>
  <si>
    <t>60106484.0</t>
  </si>
  <si>
    <t>39456609.0</t>
  </si>
  <si>
    <t>881647.0</t>
  </si>
  <si>
    <t>627848.0</t>
  </si>
  <si>
    <t>161354815.0</t>
  </si>
  <si>
    <t>63301521.0</t>
  </si>
  <si>
    <t>60233457.0</t>
  </si>
  <si>
    <t>40109713.0</t>
  </si>
  <si>
    <t>837801.0</t>
  </si>
  <si>
    <t>649766.0</t>
  </si>
  <si>
    <t>193.54</t>
  </si>
  <si>
    <t>270784.0</t>
  </si>
  <si>
    <t>162134800.0</t>
  </si>
  <si>
    <t>63364063.0</t>
  </si>
  <si>
    <t>60348697.0</t>
  </si>
  <si>
    <t>40712452.0</t>
  </si>
  <si>
    <t>779985.0</t>
  </si>
  <si>
    <t>651624.0</t>
  </si>
  <si>
    <t>194.48</t>
  </si>
  <si>
    <t>48125.0</t>
  </si>
  <si>
    <t>282072.0</t>
  </si>
  <si>
    <t>162601958.0</t>
  </si>
  <si>
    <t>63422799.0</t>
  </si>
  <si>
    <t>60420424.0</t>
  </si>
  <si>
    <t>41049238.0</t>
  </si>
  <si>
    <t>467158.0</t>
  </si>
  <si>
    <t>644088.0</t>
  </si>
  <si>
    <t>195.04</t>
  </si>
  <si>
    <t>49985.0</t>
  </si>
  <si>
    <t>96986867.0</t>
  </si>
  <si>
    <t>1162.793</t>
  </si>
  <si>
    <t>293361.0</t>
  </si>
  <si>
    <t>162756383.0</t>
  </si>
  <si>
    <t>63441704.0</t>
  </si>
  <si>
    <t>60443953.0</t>
  </si>
  <si>
    <t>41161436.0</t>
  </si>
  <si>
    <t>154425.0</t>
  </si>
  <si>
    <t>639710.0</t>
  </si>
  <si>
    <t>195.22</t>
  </si>
  <si>
    <t>50014.0</t>
  </si>
  <si>
    <t>92109.1</t>
  </si>
  <si>
    <t>1104.82519817718</t>
  </si>
  <si>
    <t>302995.0</t>
  </si>
  <si>
    <t>163237631.0</t>
  </si>
  <si>
    <t>63481287.0</t>
  </si>
  <si>
    <t>60518485.0</t>
  </si>
  <si>
    <t>41528932.0</t>
  </si>
  <si>
    <t>481248.0</t>
  </si>
  <si>
    <t>628459.0</t>
  </si>
  <si>
    <t>12.523</t>
  </si>
  <si>
    <t>312629.0</t>
  </si>
  <si>
    <t>163890375.0</t>
  </si>
  <si>
    <t>63531984.0</t>
  </si>
  <si>
    <t>60616776.0</t>
  </si>
  <si>
    <t>42033318.0</t>
  </si>
  <si>
    <t>652744.0</t>
  </si>
  <si>
    <t>607858.0</t>
  </si>
  <si>
    <t>196.58</t>
  </si>
  <si>
    <t>49802.0</t>
  </si>
  <si>
    <t>68.166</t>
  </si>
  <si>
    <t>322263.0</t>
  </si>
  <si>
    <t>164571673.0</t>
  </si>
  <si>
    <t>63590574.0</t>
  </si>
  <si>
    <t>60723479.0</t>
  </si>
  <si>
    <t>42549949.0</t>
  </si>
  <si>
    <t>681298.0</t>
  </si>
  <si>
    <t>579237.0</t>
  </si>
  <si>
    <t>197.4</t>
  </si>
  <si>
    <t>331897.0</t>
  </si>
  <si>
    <t>165273453.0</t>
  </si>
  <si>
    <t>63648402.0</t>
  </si>
  <si>
    <t>60831117.0</t>
  </si>
  <si>
    <t>43086553.0</t>
  </si>
  <si>
    <t>701780.0</t>
  </si>
  <si>
    <t>559805.0</t>
  </si>
  <si>
    <t>198.24</t>
  </si>
  <si>
    <t>341531.0</t>
  </si>
  <si>
    <t>165871786.0</t>
  </si>
  <si>
    <t>63701847.0</t>
  </si>
  <si>
    <t>60926486.0</t>
  </si>
  <si>
    <t>43536433.0</t>
  </si>
  <si>
    <t>598333.0</t>
  </si>
  <si>
    <t>533855.0</t>
  </si>
  <si>
    <t>351165.0</t>
  </si>
  <si>
    <t>166168246.0</t>
  </si>
  <si>
    <t>63740191.0</t>
  </si>
  <si>
    <t>60984483.0</t>
  </si>
  <si>
    <t>43736677.0</t>
  </si>
  <si>
    <t>296460.0</t>
  </si>
  <si>
    <t>509470.0</t>
  </si>
  <si>
    <t>45342.0</t>
  </si>
  <si>
    <t>99512461.0</t>
  </si>
  <si>
    <t>1193.073</t>
  </si>
  <si>
    <t>360799.0</t>
  </si>
  <si>
    <t>166275973.0</t>
  </si>
  <si>
    <t>63753463.0</t>
  </si>
  <si>
    <t>61011110.0</t>
  </si>
  <si>
    <t>43804527.0</t>
  </si>
  <si>
    <t>107727.0</t>
  </si>
  <si>
    <t>502799.0</t>
  </si>
  <si>
    <t>44537.0</t>
  </si>
  <si>
    <t>91668.1</t>
  </si>
  <si>
    <t>1099.53551548138</t>
  </si>
  <si>
    <t>29.171</t>
  </si>
  <si>
    <t>361597.0</t>
  </si>
  <si>
    <t>166633200.0</t>
  </si>
  <si>
    <t>63784552.0</t>
  </si>
  <si>
    <t>61076426.0</t>
  </si>
  <si>
    <t>44065547.0</t>
  </si>
  <si>
    <t>357227.0</t>
  </si>
  <si>
    <t>485081.0</t>
  </si>
  <si>
    <t>199.87</t>
  </si>
  <si>
    <t>43324.0</t>
  </si>
  <si>
    <t>362394.0</t>
  </si>
  <si>
    <t>167133829.0</t>
  </si>
  <si>
    <t>63826102.0</t>
  </si>
  <si>
    <t>61163202.0</t>
  </si>
  <si>
    <t>44438408.0</t>
  </si>
  <si>
    <t>500629.0</t>
  </si>
  <si>
    <t>463351.0</t>
  </si>
  <si>
    <t>92.024</t>
  </si>
  <si>
    <t>363191.0</t>
  </si>
  <si>
    <t>167637855.0</t>
  </si>
  <si>
    <t>63867615.0</t>
  </si>
  <si>
    <t>61248394.0</t>
  </si>
  <si>
    <t>44815955.0</t>
  </si>
  <si>
    <t>504026.0</t>
  </si>
  <si>
    <t>438026.0</t>
  </si>
  <si>
    <t>201.08</t>
  </si>
  <si>
    <t>39577.0</t>
  </si>
  <si>
    <t>27.264</t>
  </si>
  <si>
    <t>14.478</t>
  </si>
  <si>
    <t>363989.0</t>
  </si>
  <si>
    <t>4.364</t>
  </si>
  <si>
    <t>168148073.0</t>
  </si>
  <si>
    <t>63909445.0</t>
  </si>
  <si>
    <t>61344500.0</t>
  </si>
  <si>
    <t>45188237.0</t>
  </si>
  <si>
    <t>510218.0</t>
  </si>
  <si>
    <t>410660.0</t>
  </si>
  <si>
    <t>37292.0</t>
  </si>
  <si>
    <t>27.096</t>
  </si>
  <si>
    <t>14.658</t>
  </si>
  <si>
    <t>96.51</t>
  </si>
  <si>
    <t>364786.0</t>
  </si>
  <si>
    <t>168586187.0</t>
  </si>
  <si>
    <t>63948009.0</t>
  </si>
  <si>
    <t>61426568.0</t>
  </si>
  <si>
    <t>45505719.0</t>
  </si>
  <si>
    <t>438114.0</t>
  </si>
  <si>
    <t>387772.0</t>
  </si>
  <si>
    <t>202.21</t>
  </si>
  <si>
    <t>35166.0</t>
  </si>
  <si>
    <t>98.357</t>
  </si>
  <si>
    <t>365583.0</t>
  </si>
  <si>
    <t>168798119.0</t>
  </si>
  <si>
    <t>63974528.0</t>
  </si>
  <si>
    <t>61480338.0</t>
  </si>
  <si>
    <t>45637362.0</t>
  </si>
  <si>
    <t>211932.0</t>
  </si>
  <si>
    <t>375696.0</t>
  </si>
  <si>
    <t>33477.0</t>
  </si>
  <si>
    <t>102077126.0</t>
  </si>
  <si>
    <t>1223.821</t>
  </si>
  <si>
    <t>366381.0</t>
  </si>
  <si>
    <t>168873675.0</t>
  </si>
  <si>
    <t>63983440.0</t>
  </si>
  <si>
    <t>61501308.0</t>
  </si>
  <si>
    <t>45683036.0</t>
  </si>
  <si>
    <t>75556.0</t>
  </si>
  <si>
    <t>371100.0</t>
  </si>
  <si>
    <t>202.56</t>
  </si>
  <si>
    <t>32854.0</t>
  </si>
  <si>
    <t>91395.3</t>
  </si>
  <si>
    <t>1096.26334895209</t>
  </si>
  <si>
    <t>367504.0</t>
  </si>
  <si>
    <t>169106419.0</t>
  </si>
  <si>
    <t>64004996.0</t>
  </si>
  <si>
    <t>61549292.0</t>
  </si>
  <si>
    <t>45846240.0</t>
  </si>
  <si>
    <t>232744.0</t>
  </si>
  <si>
    <t>353317.0</t>
  </si>
  <si>
    <t>31492.0</t>
  </si>
  <si>
    <t>102.447</t>
  </si>
  <si>
    <t>368627.0</t>
  </si>
  <si>
    <t>169399484.0</t>
  </si>
  <si>
    <t>64030564.0</t>
  </si>
  <si>
    <t>61606388.0</t>
  </si>
  <si>
    <t>46056641.0</t>
  </si>
  <si>
    <t>293065.0</t>
  </si>
  <si>
    <t>203.19</t>
  </si>
  <si>
    <t>29209.0</t>
  </si>
  <si>
    <t>105.71</t>
  </si>
  <si>
    <t>369750.0</t>
  </si>
  <si>
    <t>169761034.0</t>
  </si>
  <si>
    <t>64061203.0</t>
  </si>
  <si>
    <t>61675800.0</t>
  </si>
  <si>
    <t>46318140.0</t>
  </si>
  <si>
    <t>361550.0</t>
  </si>
  <si>
    <t>303311.0</t>
  </si>
  <si>
    <t>203.62</t>
  </si>
  <si>
    <t>27655.0</t>
  </si>
  <si>
    <t>27.132</t>
  </si>
  <si>
    <t>370873.0</t>
  </si>
  <si>
    <t>170103181.0</t>
  </si>
  <si>
    <t>64089940.0</t>
  </si>
  <si>
    <t>61743116.0</t>
  </si>
  <si>
    <t>46564234.0</t>
  </si>
  <si>
    <t>342147.0</t>
  </si>
  <si>
    <t>371996.0</t>
  </si>
  <si>
    <t>170415917.0</t>
  </si>
  <si>
    <t>64116100.0</t>
  </si>
  <si>
    <t>61812354.0</t>
  </si>
  <si>
    <t>46781572.0</t>
  </si>
  <si>
    <t>312736.0</t>
  </si>
  <si>
    <t>261390.0</t>
  </si>
  <si>
    <t>204.41</t>
  </si>
  <si>
    <t>373119.0</t>
  </si>
  <si>
    <t>170563675.0</t>
  </si>
  <si>
    <t>64132460.0</t>
  </si>
  <si>
    <t>61864311.0</t>
  </si>
  <si>
    <t>46861013.0</t>
  </si>
  <si>
    <t>147758.0</t>
  </si>
  <si>
    <t>252222.0</t>
  </si>
  <si>
    <t>204.59</t>
  </si>
  <si>
    <t>22562.0</t>
  </si>
  <si>
    <t>104696822.0</t>
  </si>
  <si>
    <t>1255.229</t>
  </si>
  <si>
    <t>374242.0</t>
  </si>
  <si>
    <t>170616692.0</t>
  </si>
  <si>
    <t>64138037.0</t>
  </si>
  <si>
    <t>61882700.0</t>
  </si>
  <si>
    <t>46890064.0</t>
  </si>
  <si>
    <t>53017.0</t>
  </si>
  <si>
    <t>249002.0</t>
  </si>
  <si>
    <t>90931.1</t>
  </si>
  <si>
    <t>-2.2</t>
  </si>
  <si>
    <t>1090.69538816435</t>
  </si>
  <si>
    <t>122.466</t>
  </si>
  <si>
    <t>371607.0</t>
  </si>
  <si>
    <t>170784404.0</t>
  </si>
  <si>
    <t>64150868.0</t>
  </si>
  <si>
    <t>61922485.0</t>
  </si>
  <si>
    <t>47005160.0</t>
  </si>
  <si>
    <t>167712.0</t>
  </si>
  <si>
    <t>239712.0</t>
  </si>
  <si>
    <t>368973.0</t>
  </si>
  <si>
    <t>171061125.0</t>
  </si>
  <si>
    <t>64172421.0</t>
  </si>
  <si>
    <t>61981672.0</t>
  </si>
  <si>
    <t>47201141.0</t>
  </si>
  <si>
    <t>276721.0</t>
  </si>
  <si>
    <t>237377.0</t>
  </si>
  <si>
    <t>205.18</t>
  </si>
  <si>
    <t>366338.0</t>
  </si>
  <si>
    <t>171344081.0</t>
  </si>
  <si>
    <t>64192405.0</t>
  </si>
  <si>
    <t>62041767.0</t>
  </si>
  <si>
    <t>47404018.0</t>
  </si>
  <si>
    <t>282956.0</t>
  </si>
  <si>
    <t>226150.0</t>
  </si>
  <si>
    <t>205.52</t>
  </si>
  <si>
    <t>363703.0</t>
  </si>
  <si>
    <t>171621390.0</t>
  </si>
  <si>
    <t>64211197.0</t>
  </si>
  <si>
    <t>62100542.0</t>
  </si>
  <si>
    <t>47603760.0</t>
  </si>
  <si>
    <t>277309.0</t>
  </si>
  <si>
    <t>216887.0</t>
  </si>
  <si>
    <t>205.86</t>
  </si>
  <si>
    <t>361068.0</t>
  </si>
  <si>
    <t>171872305.0</t>
  </si>
  <si>
    <t>64228720.0</t>
  </si>
  <si>
    <t>62158717.0</t>
  </si>
  <si>
    <t>47778977.0</t>
  </si>
  <si>
    <t>250915.0</t>
  </si>
  <si>
    <t>208055.0</t>
  </si>
  <si>
    <t>206.16</t>
  </si>
  <si>
    <t>10724.0</t>
  </si>
  <si>
    <t>171982726.0</t>
  </si>
  <si>
    <t>64239227.0</t>
  </si>
  <si>
    <t>62196134.0</t>
  </si>
  <si>
    <t>47841474.0</t>
  </si>
  <si>
    <t>107187412.0</t>
  </si>
  <si>
    <t>1285.089</t>
  </si>
  <si>
    <t>355799.0</t>
  </si>
  <si>
    <t>4.266</t>
  </si>
  <si>
    <t>172017233.0</t>
  </si>
  <si>
    <t>64242254.0</t>
  </si>
  <si>
    <t>62207621.0</t>
  </si>
  <si>
    <t>47861467.0</t>
  </si>
  <si>
    <t>34507.0</t>
  </si>
  <si>
    <t>200077.0</t>
  </si>
  <si>
    <t>90242.3</t>
  </si>
  <si>
    <t>1082.43340757281</t>
  </si>
  <si>
    <t>349394.0</t>
  </si>
  <si>
    <t>172151308.0</t>
  </si>
  <si>
    <t>64251804.0</t>
  </si>
  <si>
    <t>62237518.0</t>
  </si>
  <si>
    <t>47956095.0</t>
  </si>
  <si>
    <t>134075.0</t>
  </si>
  <si>
    <t>195272.0</t>
  </si>
  <si>
    <t>206.49</t>
  </si>
  <si>
    <t>29.963</t>
  </si>
  <si>
    <t>342989.0</t>
  </si>
  <si>
    <t>172375319.0</t>
  </si>
  <si>
    <t>64266224.0</t>
  </si>
  <si>
    <t>62284056.0</t>
  </si>
  <si>
    <t>48119148.0</t>
  </si>
  <si>
    <t>224011.0</t>
  </si>
  <si>
    <t>187742.0</t>
  </si>
  <si>
    <t>206.76</t>
  </si>
  <si>
    <t>336584.0</t>
  </si>
  <si>
    <t>172600118.0</t>
  </si>
  <si>
    <t>64279283.0</t>
  </si>
  <si>
    <t>62327788.0</t>
  </si>
  <si>
    <t>48287156.0</t>
  </si>
  <si>
    <t>224799.0</t>
  </si>
  <si>
    <t>179434.0</t>
  </si>
  <si>
    <t>330179.0</t>
  </si>
  <si>
    <t>3.959</t>
  </si>
  <si>
    <t>172828657.0</t>
  </si>
  <si>
    <t>64292120.0</t>
  </si>
  <si>
    <t>62373738.0</t>
  </si>
  <si>
    <t>48456908.0</t>
  </si>
  <si>
    <t>228539.0</t>
  </si>
  <si>
    <t>172467.0</t>
  </si>
  <si>
    <t>19.899</t>
  </si>
  <si>
    <t>323774.0</t>
  </si>
  <si>
    <t>173039517.0</t>
  </si>
  <si>
    <t>64308341.0</t>
  </si>
  <si>
    <t>62421722.0</t>
  </si>
  <si>
    <t>48603563.0</t>
  </si>
  <si>
    <t>210860.0</t>
  </si>
  <si>
    <t>166745.0</t>
  </si>
  <si>
    <t>207.56</t>
  </si>
  <si>
    <t>19.743</t>
  </si>
  <si>
    <t>317370.0</t>
  </si>
  <si>
    <t>173120630.0</t>
  </si>
  <si>
    <t>64315053.0</t>
  </si>
  <si>
    <t>62449535.0</t>
  </si>
  <si>
    <t>48650151.0</t>
  </si>
  <si>
    <t>81113.0</t>
  </si>
  <si>
    <t>162558.0</t>
  </si>
  <si>
    <t>207.65</t>
  </si>
  <si>
    <t>109364166.0</t>
  </si>
  <si>
    <t>1311.186</t>
  </si>
  <si>
    <t>310965.0</t>
  </si>
  <si>
    <t>173151614.0</t>
  </si>
  <si>
    <t>64317439.0</t>
  </si>
  <si>
    <t>62458967.0</t>
  </si>
  <si>
    <t>48669317.0</t>
  </si>
  <si>
    <t>207.69</t>
  </si>
  <si>
    <t>89724.9</t>
  </si>
  <si>
    <t>1076.22732633288</t>
  </si>
  <si>
    <t>307239.0</t>
  </si>
  <si>
    <t>173284131.0</t>
  </si>
  <si>
    <t>64327727.0</t>
  </si>
  <si>
    <t>62487387.0</t>
  </si>
  <si>
    <t>48763126.0</t>
  </si>
  <si>
    <t>132517.0</t>
  </si>
  <si>
    <t>161832.0</t>
  </si>
  <si>
    <t>303513.0</t>
  </si>
  <si>
    <t>173487871.0</t>
  </si>
  <si>
    <t>64339432.0</t>
  </si>
  <si>
    <t>62525933.0</t>
  </si>
  <si>
    <t>48916615.0</t>
  </si>
  <si>
    <t>203740.0</t>
  </si>
  <si>
    <t>158936.0</t>
  </si>
  <si>
    <t>208.09</t>
  </si>
  <si>
    <t>299788.0</t>
  </si>
  <si>
    <t>173695560.0</t>
  </si>
  <si>
    <t>64350212.0</t>
  </si>
  <si>
    <t>62562291.0</t>
  </si>
  <si>
    <t>49077166.0</t>
  </si>
  <si>
    <t>207689.0</t>
  </si>
  <si>
    <t>156492.0</t>
  </si>
  <si>
    <t>27.396</t>
  </si>
  <si>
    <t>296062.0</t>
  </si>
  <si>
    <t>173906214.0</t>
  </si>
  <si>
    <t>64361612.0</t>
  </si>
  <si>
    <t>62600540.0</t>
  </si>
  <si>
    <t>49238171.0</t>
  </si>
  <si>
    <t>210654.0</t>
  </si>
  <si>
    <t>153937.0</t>
  </si>
  <si>
    <t>10369.0</t>
  </si>
  <si>
    <t>124.374</t>
  </si>
  <si>
    <t>292336.0</t>
  </si>
  <si>
    <t>174082235.0</t>
  </si>
  <si>
    <t>64371136.0</t>
  </si>
  <si>
    <t>62634528.0</t>
  </si>
  <si>
    <t>49370680.0</t>
  </si>
  <si>
    <t>176021.0</t>
  </si>
  <si>
    <t>148960.0</t>
  </si>
  <si>
    <t>288611.0</t>
  </si>
  <si>
    <t>174144145.0</t>
  </si>
  <si>
    <t>64376123.0</t>
  </si>
  <si>
    <t>62652931.0</t>
  </si>
  <si>
    <t>49409200.0</t>
  </si>
  <si>
    <t>146216.0</t>
  </si>
  <si>
    <t>208.88</t>
  </si>
  <si>
    <t>111358360.0</t>
  </si>
  <si>
    <t>1335.095</t>
  </si>
  <si>
    <t>284885.0</t>
  </si>
  <si>
    <t>174163467.0</t>
  </si>
  <si>
    <t>64378481.0</t>
  </si>
  <si>
    <t>62657940.0</t>
  </si>
  <si>
    <t>49421155.0</t>
  </si>
  <si>
    <t>144550.0</t>
  </si>
  <si>
    <t>87966.1</t>
  </si>
  <si>
    <t>1055.13096822544</t>
  </si>
  <si>
    <t>282420.0</t>
  </si>
  <si>
    <t>174266881.0</t>
  </si>
  <si>
    <t>64387285.0</t>
  </si>
  <si>
    <t>62676183.0</t>
  </si>
  <si>
    <t>49497522.0</t>
  </si>
  <si>
    <t>103414.0</t>
  </si>
  <si>
    <t>209.03</t>
  </si>
  <si>
    <t>279955.0</t>
  </si>
  <si>
    <t>174429528.0</t>
  </si>
  <si>
    <t>64397401.0</t>
  </si>
  <si>
    <t>62700628.0</t>
  </si>
  <si>
    <t>49625608.0</t>
  </si>
  <si>
    <t>162647.0</t>
  </si>
  <si>
    <t>134522.0</t>
  </si>
  <si>
    <t>18.676</t>
  </si>
  <si>
    <t>277490.0</t>
  </si>
  <si>
    <t>174590469.0</t>
  </si>
  <si>
    <t>64408355.0</t>
  </si>
  <si>
    <t>62724710.0</t>
  </si>
  <si>
    <t>49751513.0</t>
  </si>
  <si>
    <t>160941.0</t>
  </si>
  <si>
    <t>275025.0</t>
  </si>
  <si>
    <t>174806857.0</t>
  </si>
  <si>
    <t>64419735.0</t>
  </si>
  <si>
    <t>62754490.0</t>
  </si>
  <si>
    <t>49926741.0</t>
  </si>
  <si>
    <t>216388.0</t>
  </si>
  <si>
    <t>128663.0</t>
  </si>
  <si>
    <t>209.68</t>
  </si>
  <si>
    <t>272560.0</t>
  </si>
  <si>
    <t>174970028.0</t>
  </si>
  <si>
    <t>64431109.0</t>
  </si>
  <si>
    <t>62779565.0</t>
  </si>
  <si>
    <t>50053463.0</t>
  </si>
  <si>
    <t>163171.0</t>
  </si>
  <si>
    <t>126828.0</t>
  </si>
  <si>
    <t>209.87</t>
  </si>
  <si>
    <t>270095.0</t>
  </si>
  <si>
    <t>175025002.0</t>
  </si>
  <si>
    <t>64437524.0</t>
  </si>
  <si>
    <t>62791156.0</t>
  </si>
  <si>
    <t>50090431.0</t>
  </si>
  <si>
    <t>54974.0</t>
  </si>
  <si>
    <t>209.94</t>
  </si>
  <si>
    <t>18.904</t>
  </si>
  <si>
    <t>113231769.0</t>
  </si>
  <si>
    <t>1357.556</t>
  </si>
  <si>
    <t>267630.0</t>
  </si>
  <si>
    <t>175047473.0</t>
  </si>
  <si>
    <t>64441824.0</t>
  </si>
  <si>
    <t>62795445.0</t>
  </si>
  <si>
    <t>50104313.0</t>
  </si>
  <si>
    <t>209.96</t>
  </si>
  <si>
    <t>86064.9</t>
  </si>
  <si>
    <t>-8.39</t>
  </si>
  <si>
    <t>1032.3265583813</t>
  </si>
  <si>
    <t>119.06</t>
  </si>
  <si>
    <t>276296.0</t>
  </si>
  <si>
    <t>175142808.0</t>
  </si>
  <si>
    <t>64449824.0</t>
  </si>
  <si>
    <t>62809335.0</t>
  </si>
  <si>
    <t>50177758.0</t>
  </si>
  <si>
    <t>95335.0</t>
  </si>
  <si>
    <t>125132.0</t>
  </si>
  <si>
    <t>210.08</t>
  </si>
  <si>
    <t>25.885</t>
  </si>
  <si>
    <t>284963.0</t>
  </si>
  <si>
    <t>175311851.0</t>
  </si>
  <si>
    <t>64459028.0</t>
  </si>
  <si>
    <t>62830258.0</t>
  </si>
  <si>
    <t>50316674.0</t>
  </si>
  <si>
    <t>169043.0</t>
  </si>
  <si>
    <t>126046.0</t>
  </si>
  <si>
    <t>210.28</t>
  </si>
  <si>
    <t>293630.0</t>
  </si>
  <si>
    <t>175490440.0</t>
  </si>
  <si>
    <t>64467227.0</t>
  </si>
  <si>
    <t>62849412.0</t>
  </si>
  <si>
    <t>50467910.0</t>
  </si>
  <si>
    <t>178589.0</t>
  </si>
  <si>
    <t>128567.0</t>
  </si>
  <si>
    <t>302296.0</t>
  </si>
  <si>
    <t>175685373.0</t>
  </si>
  <si>
    <t>64475798.0</t>
  </si>
  <si>
    <t>62870328.0</t>
  </si>
  <si>
    <t>50633356.0</t>
  </si>
  <si>
    <t>194933.0</t>
  </si>
  <si>
    <t>125502.0</t>
  </si>
  <si>
    <t>310963.0</t>
  </si>
  <si>
    <t>175853130.0</t>
  </si>
  <si>
    <t>64485308.0</t>
  </si>
  <si>
    <t>62890893.0</t>
  </si>
  <si>
    <t>50771038.0</t>
  </si>
  <si>
    <t>167757.0</t>
  </si>
  <si>
    <t>126157.0</t>
  </si>
  <si>
    <t>210.93</t>
  </si>
  <si>
    <t>319629.0</t>
  </si>
  <si>
    <t>175905352.0</t>
  </si>
  <si>
    <t>64489810.0</t>
  </si>
  <si>
    <t>62899879.0</t>
  </si>
  <si>
    <t>50809772.0</t>
  </si>
  <si>
    <t>52222.0</t>
  </si>
  <si>
    <t>125764.0</t>
  </si>
  <si>
    <t>26.292</t>
  </si>
  <si>
    <t>11386.0</t>
  </si>
  <si>
    <t>115529840.0</t>
  </si>
  <si>
    <t>1385.108</t>
  </si>
  <si>
    <t>328296.0</t>
  </si>
  <si>
    <t>175923853.0</t>
  </si>
  <si>
    <t>64491456.0</t>
  </si>
  <si>
    <t>62902813.0</t>
  </si>
  <si>
    <t>50823693.0</t>
  </si>
  <si>
    <t>18501.0</t>
  </si>
  <si>
    <t>125197.0</t>
  </si>
  <si>
    <t>85123.1</t>
  </si>
  <si>
    <t>1021.02990721825</t>
  </si>
  <si>
    <t>332152.0</t>
  </si>
  <si>
    <t>176016316.0</t>
  </si>
  <si>
    <t>64496375.0</t>
  </si>
  <si>
    <t>62912134.0</t>
  </si>
  <si>
    <t>50901916.0</t>
  </si>
  <si>
    <t>92463.0</t>
  </si>
  <si>
    <t>124787.0</t>
  </si>
  <si>
    <t>211.13</t>
  </si>
  <si>
    <t>176190647.0</t>
  </si>
  <si>
    <t>64503654.0</t>
  </si>
  <si>
    <t>62928126.0</t>
  </si>
  <si>
    <t>51052976.0</t>
  </si>
  <si>
    <t>174331.0</t>
  </si>
  <si>
    <t>211.34</t>
  </si>
  <si>
    <t>339864.0</t>
  </si>
  <si>
    <t>176374125.0</t>
  </si>
  <si>
    <t>64510201.0</t>
  </si>
  <si>
    <t>62942028.0</t>
  </si>
  <si>
    <t>51216005.0</t>
  </si>
  <si>
    <t>126241.0</t>
  </si>
  <si>
    <t>343720.0</t>
  </si>
  <si>
    <t>176568590.0</t>
  </si>
  <si>
    <t>64516626.0</t>
  </si>
  <si>
    <t>62956671.0</t>
  </si>
  <si>
    <t>51389402.0</t>
  </si>
  <si>
    <t>194465.0</t>
  </si>
  <si>
    <t>126174.0</t>
  </si>
  <si>
    <t>347575.0</t>
  </si>
  <si>
    <t>4.167</t>
  </si>
  <si>
    <t>176718106.0</t>
  </si>
  <si>
    <t>64523084.0</t>
  </si>
  <si>
    <t>62970071.0</t>
  </si>
  <si>
    <t>51519060.0</t>
  </si>
  <si>
    <t>123568.0</t>
  </si>
  <si>
    <t>351431.0</t>
  </si>
  <si>
    <t>176766129.0</t>
  </si>
  <si>
    <t>64526546.0</t>
  </si>
  <si>
    <t>62976541.0</t>
  </si>
  <si>
    <t>51557151.0</t>
  </si>
  <si>
    <t>122968.0</t>
  </si>
  <si>
    <t>118016851.0</t>
  </si>
  <si>
    <t>1414.925</t>
  </si>
  <si>
    <t>355287.0</t>
  </si>
  <si>
    <t>176783191.0</t>
  </si>
  <si>
    <t>64528349.0</t>
  </si>
  <si>
    <t>62979643.0</t>
  </si>
  <si>
    <t>51569308.0</t>
  </si>
  <si>
    <t>17062.0</t>
  </si>
  <si>
    <t>122763.0</t>
  </si>
  <si>
    <t>212.05</t>
  </si>
  <si>
    <t>85240.5</t>
  </si>
  <si>
    <t>1022.43809032139</t>
  </si>
  <si>
    <t>23.306</t>
  </si>
  <si>
    <t>352120.0</t>
  </si>
  <si>
    <t>176877992.0</t>
  </si>
  <si>
    <t>64532364.0</t>
  </si>
  <si>
    <t>62988425.0</t>
  </si>
  <si>
    <t>51651312.0</t>
  </si>
  <si>
    <t>94801.0</t>
  </si>
  <si>
    <t>123097.0</t>
  </si>
  <si>
    <t>348953.0</t>
  </si>
  <si>
    <t>177045976.0</t>
  </si>
  <si>
    <t>64539378.0</t>
  </si>
  <si>
    <t>63002505.0</t>
  </si>
  <si>
    <t>51798202.0</t>
  </si>
  <si>
    <t>167984.0</t>
  </si>
  <si>
    <t>122190.0</t>
  </si>
  <si>
    <t>345785.0</t>
  </si>
  <si>
    <t>177224970.0</t>
  </si>
  <si>
    <t>64545227.0</t>
  </si>
  <si>
    <t>63015937.0</t>
  </si>
  <si>
    <t>51957915.0</t>
  </si>
  <si>
    <t>178994.0</t>
  </si>
  <si>
    <t>121549.0</t>
  </si>
  <si>
    <t>212.58</t>
  </si>
  <si>
    <t>177408938.0</t>
  </si>
  <si>
    <t>64551262.0</t>
  </si>
  <si>
    <t>63029438.0</t>
  </si>
  <si>
    <t>52122347.0</t>
  </si>
  <si>
    <t>183968.0</t>
  </si>
  <si>
    <t>120050.0</t>
  </si>
  <si>
    <t>339451.0</t>
  </si>
  <si>
    <t>177561263.0</t>
  </si>
  <si>
    <t>64556608.0</t>
  </si>
  <si>
    <t>63042799.0</t>
  </si>
  <si>
    <t>52255965.0</t>
  </si>
  <si>
    <t>152325.0</t>
  </si>
  <si>
    <t>120451.0</t>
  </si>
  <si>
    <t>212.98</t>
  </si>
  <si>
    <t>336283.0</t>
  </si>
  <si>
    <t>177604150.0</t>
  </si>
  <si>
    <t>64559453.0</t>
  </si>
  <si>
    <t>63049671.0</t>
  </si>
  <si>
    <t>52289135.0</t>
  </si>
  <si>
    <t>42887.0</t>
  </si>
  <si>
    <t>119717.0</t>
  </si>
  <si>
    <t>120348662.0</t>
  </si>
  <si>
    <t>1442.882</t>
  </si>
  <si>
    <t>333116.0</t>
  </si>
  <si>
    <t>177620320.0</t>
  </si>
  <si>
    <t>64560382.0</t>
  </si>
  <si>
    <t>63052420.0</t>
  </si>
  <si>
    <t>52301627.0</t>
  </si>
  <si>
    <t>119590.0</t>
  </si>
  <si>
    <t>86069.5</t>
  </si>
  <si>
    <t>1032.38173420988</t>
  </si>
  <si>
    <t>325725.0</t>
  </si>
  <si>
    <t>177714138.0</t>
  </si>
  <si>
    <t>64563736.0</t>
  </si>
  <si>
    <t>63060885.0</t>
  </si>
  <si>
    <t>52383626.0</t>
  </si>
  <si>
    <t>119449.0</t>
  </si>
  <si>
    <t>318334.0</t>
  </si>
  <si>
    <t>177880172.0</t>
  </si>
  <si>
    <t>64569350.0</t>
  </si>
  <si>
    <t>63072286.0</t>
  </si>
  <si>
    <t>52532645.0</t>
  </si>
  <si>
    <t>166034.0</t>
  </si>
  <si>
    <t>119171.0</t>
  </si>
  <si>
    <t>310943.0</t>
  </si>
  <si>
    <t>178067159.0</t>
  </si>
  <si>
    <t>64574445.0</t>
  </si>
  <si>
    <t>63083289.0</t>
  </si>
  <si>
    <t>52703534.0</t>
  </si>
  <si>
    <t>186987.0</t>
  </si>
  <si>
    <t>120313.0</t>
  </si>
  <si>
    <t>213.59</t>
  </si>
  <si>
    <t>303553.0</t>
  </si>
  <si>
    <t>178248779.0</t>
  </si>
  <si>
    <t>64580277.0</t>
  </si>
  <si>
    <t>63095853.0</t>
  </si>
  <si>
    <t>52866758.0</t>
  </si>
  <si>
    <t>181620.0</t>
  </si>
  <si>
    <t>119977.0</t>
  </si>
  <si>
    <t>178368798.0</t>
  </si>
  <si>
    <t>64584298.0</t>
  </si>
  <si>
    <t>63105018.0</t>
  </si>
  <si>
    <t>52973591.0</t>
  </si>
  <si>
    <t>120019.0</t>
  </si>
  <si>
    <t>115362.0</t>
  </si>
  <si>
    <t>213.95</t>
  </si>
  <si>
    <t>135.085</t>
  </si>
  <si>
    <t>288771.0</t>
  </si>
  <si>
    <t>178403706.0</t>
  </si>
  <si>
    <t>64586334.0</t>
  </si>
  <si>
    <t>63109176.0</t>
  </si>
  <si>
    <t>53002305.0</t>
  </si>
  <si>
    <t>34908.0</t>
  </si>
  <si>
    <t>114222.0</t>
  </si>
  <si>
    <t>21.663</t>
  </si>
  <si>
    <t>131.918</t>
  </si>
  <si>
    <t>122318323.0</t>
  </si>
  <si>
    <t>1466.496</t>
  </si>
  <si>
    <t>281380.0</t>
  </si>
  <si>
    <t>178417525.0</t>
  </si>
  <si>
    <t>64587298.0</t>
  </si>
  <si>
    <t>63110686.0</t>
  </si>
  <si>
    <t>53013650.0</t>
  </si>
  <si>
    <t>113886.0</t>
  </si>
  <si>
    <t>87243.7</t>
  </si>
  <si>
    <t>1046.46596419041</t>
  </si>
  <si>
    <t>26.796</t>
  </si>
  <si>
    <t>20.631</t>
  </si>
  <si>
    <t>272986.0</t>
  </si>
  <si>
    <t>178492598.0</t>
  </si>
  <si>
    <t>64589566.0</t>
  </si>
  <si>
    <t>63115648.0</t>
  </si>
  <si>
    <t>53081493.0</t>
  </si>
  <si>
    <t>75073.0</t>
  </si>
  <si>
    <t>264593.0</t>
  </si>
  <si>
    <t>178645044.0</t>
  </si>
  <si>
    <t>64593775.0</t>
  </si>
  <si>
    <t>63124274.0</t>
  </si>
  <si>
    <t>53221104.0</t>
  </si>
  <si>
    <t>152446.0</t>
  </si>
  <si>
    <t>109267.0</t>
  </si>
  <si>
    <t>256199.0</t>
  </si>
  <si>
    <t>178828134.0</t>
  </si>
  <si>
    <t>64599420.0</t>
  </si>
  <si>
    <t>63136332.0</t>
  </si>
  <si>
    <t>53386491.0</t>
  </si>
  <si>
    <t>183090.0</t>
  </si>
  <si>
    <t>108711.0</t>
  </si>
  <si>
    <t>118.976</t>
  </si>
  <si>
    <t>247805.0</t>
  </si>
  <si>
    <t>179011329.0</t>
  </si>
  <si>
    <t>64603319.0</t>
  </si>
  <si>
    <t>63145274.0</t>
  </si>
  <si>
    <t>53556845.0</t>
  </si>
  <si>
    <t>183195.0</t>
  </si>
  <si>
    <t>108936.0</t>
  </si>
  <si>
    <t>9661.0</t>
  </si>
  <si>
    <t>239411.0</t>
  </si>
  <si>
    <t>179153583.0</t>
  </si>
  <si>
    <t>64606951.0</t>
  </si>
  <si>
    <t>63153651.0</t>
  </si>
  <si>
    <t>53687090.0</t>
  </si>
  <si>
    <t>112112.0</t>
  </si>
  <si>
    <t>19.084</t>
  </si>
  <si>
    <t>231018.0</t>
  </si>
  <si>
    <t>179187030.0</t>
  </si>
  <si>
    <t>64608519.0</t>
  </si>
  <si>
    <t>63157498.0</t>
  </si>
  <si>
    <t>53715122.0</t>
  </si>
  <si>
    <t>214.93</t>
  </si>
  <si>
    <t>9558.0</t>
  </si>
  <si>
    <t>114.646</t>
  </si>
  <si>
    <t>123876691.0</t>
  </si>
  <si>
    <t>1485.18</t>
  </si>
  <si>
    <t>222624.0</t>
  </si>
  <si>
    <t>179198235.0</t>
  </si>
  <si>
    <t>64609068.0</t>
  </si>
  <si>
    <t>63158738.0</t>
  </si>
  <si>
    <t>53724538.0</t>
  </si>
  <si>
    <t>111530.0</t>
  </si>
  <si>
    <t>88912.5</t>
  </si>
  <si>
    <t>1066.48279521707</t>
  </si>
  <si>
    <t>214135.0</t>
  </si>
  <si>
    <t>179262227.0</t>
  </si>
  <si>
    <t>64611002.0</t>
  </si>
  <si>
    <t>63163034.0</t>
  </si>
  <si>
    <t>53782300.0</t>
  </si>
  <si>
    <t>63992.0</t>
  </si>
  <si>
    <t>109947.0</t>
  </si>
  <si>
    <t>205647.0</t>
  </si>
  <si>
    <t>179381604.0</t>
  </si>
  <si>
    <t>64613552.0</t>
  </si>
  <si>
    <t>63168679.0</t>
  </si>
  <si>
    <t>53893482.0</t>
  </si>
  <si>
    <t>105223.0</t>
  </si>
  <si>
    <t>197158.0</t>
  </si>
  <si>
    <t>179508309.0</t>
  </si>
  <si>
    <t>64617928.0</t>
  </si>
  <si>
    <t>63174273.0</t>
  </si>
  <si>
    <t>54010217.0</t>
  </si>
  <si>
    <t>126705.0</t>
  </si>
  <si>
    <t>97168.0</t>
  </si>
  <si>
    <t>21.842</t>
  </si>
  <si>
    <t>17.105</t>
  </si>
  <si>
    <t>188669.0</t>
  </si>
  <si>
    <t>179613857.0</t>
  </si>
  <si>
    <t>64620660.0</t>
  </si>
  <si>
    <t>63180299.0</t>
  </si>
  <si>
    <t>54107007.0</t>
  </si>
  <si>
    <t>105548.0</t>
  </si>
  <si>
    <t>86075.0</t>
  </si>
  <si>
    <t>180181.0</t>
  </si>
  <si>
    <t>179620199.0</t>
  </si>
  <si>
    <t>64620971.0</t>
  </si>
  <si>
    <t>63180926.0</t>
  </si>
  <si>
    <t>54112411.0</t>
  </si>
  <si>
    <t>66659.0</t>
  </si>
  <si>
    <t>179627340.0</t>
  </si>
  <si>
    <t>64621456.0</t>
  </si>
  <si>
    <t>63182016.0</t>
  </si>
  <si>
    <t>54117977.0</t>
  </si>
  <si>
    <t>62901.0</t>
  </si>
  <si>
    <t>215.46</t>
  </si>
  <si>
    <t>125019114.0</t>
  </si>
  <si>
    <t>1498.876</t>
  </si>
  <si>
    <t>163203.0</t>
  </si>
  <si>
    <t>179629296.0</t>
  </si>
  <si>
    <t>64621679.0</t>
  </si>
  <si>
    <t>63182301.0</t>
  </si>
  <si>
    <t>54119425.0</t>
  </si>
  <si>
    <t>61580.0</t>
  </si>
  <si>
    <t>90504.3</t>
  </si>
  <si>
    <t>1085.5760308524</t>
  </si>
  <si>
    <t>161752.0</t>
  </si>
  <si>
    <t>179632096.0</t>
  </si>
  <si>
    <t>64621852.0</t>
  </si>
  <si>
    <t>63182662.0</t>
  </si>
  <si>
    <t>54121691.0</t>
  </si>
  <si>
    <t>52838.0</t>
  </si>
  <si>
    <t>14.706</t>
  </si>
  <si>
    <t>179707231.0</t>
  </si>
  <si>
    <t>64626360.0</t>
  </si>
  <si>
    <t>63187454.0</t>
  </si>
  <si>
    <t>54187526.0</t>
  </si>
  <si>
    <t>75135.0</t>
  </si>
  <si>
    <t>46518.0</t>
  </si>
  <si>
    <t>215.55</t>
  </si>
  <si>
    <t>14.082</t>
  </si>
  <si>
    <t>158849.0</t>
  </si>
  <si>
    <t>179799586.0</t>
  </si>
  <si>
    <t>64628476.0</t>
  </si>
  <si>
    <t>63192413.0</t>
  </si>
  <si>
    <t>54272806.0</t>
  </si>
  <si>
    <t>92355.0</t>
  </si>
  <si>
    <t>41611.0</t>
  </si>
  <si>
    <t>215.67</t>
  </si>
  <si>
    <t>157397.0</t>
  </si>
  <si>
    <t>179903779.0</t>
  </si>
  <si>
    <t>64630606.0</t>
  </si>
  <si>
    <t>63198005.0</t>
  </si>
  <si>
    <t>54369277.0</t>
  </si>
  <si>
    <t>104193.0</t>
  </si>
  <si>
    <t>215.79</t>
  </si>
  <si>
    <t>155946.0</t>
  </si>
  <si>
    <t>179988952.0</t>
  </si>
  <si>
    <t>64633029.0</t>
  </si>
  <si>
    <t>63204211.0</t>
  </si>
  <si>
    <t>54445821.0</t>
  </si>
  <si>
    <t>85173.0</t>
  </si>
  <si>
    <t>52679.0</t>
  </si>
  <si>
    <t>215.89</t>
  </si>
  <si>
    <t>154494.0</t>
  </si>
  <si>
    <t>180009343.0</t>
  </si>
  <si>
    <t>64634192.0</t>
  </si>
  <si>
    <t>63207084.0</t>
  </si>
  <si>
    <t>54462176.0</t>
  </si>
  <si>
    <t>20391.0</t>
  </si>
  <si>
    <t>215.92</t>
  </si>
  <si>
    <t>126090412.0</t>
  </si>
  <si>
    <t>1511.72</t>
  </si>
  <si>
    <t>153043.0</t>
  </si>
  <si>
    <t>180015893.0</t>
  </si>
  <si>
    <t>64634568.0</t>
  </si>
  <si>
    <t>63207878.0</t>
  </si>
  <si>
    <t>54467556.0</t>
  </si>
  <si>
    <t>55228.0</t>
  </si>
  <si>
    <t>91845.1</t>
  </si>
  <si>
    <t>1101.65858540691</t>
  </si>
  <si>
    <t>153492.0</t>
  </si>
  <si>
    <t>180069906.0</t>
  </si>
  <si>
    <t>64636512.0</t>
  </si>
  <si>
    <t>63212061.0</t>
  </si>
  <si>
    <t>54515442.0</t>
  </si>
  <si>
    <t>54013.0</t>
  </si>
  <si>
    <t>62544.0</t>
  </si>
  <si>
    <t>153942.0</t>
  </si>
  <si>
    <t>180186842.0</t>
  </si>
  <si>
    <t>64641510.0</t>
  </si>
  <si>
    <t>63220510.0</t>
  </si>
  <si>
    <t>54618931.0</t>
  </si>
  <si>
    <t>116936.0</t>
  </si>
  <si>
    <t>68516.0</t>
  </si>
  <si>
    <t>154391.0</t>
  </si>
  <si>
    <t>180306611.0</t>
  </si>
  <si>
    <t>64644072.0</t>
  </si>
  <si>
    <t>63226554.0</t>
  </si>
  <si>
    <t>54730094.0</t>
  </si>
  <si>
    <t>119769.0</t>
  </si>
  <si>
    <t>72432.0</t>
  </si>
  <si>
    <t>16.865</t>
  </si>
  <si>
    <t>13.098</t>
  </si>
  <si>
    <t>154841.0</t>
  </si>
  <si>
    <t>180429135.0</t>
  </si>
  <si>
    <t>64646623.0</t>
  </si>
  <si>
    <t>63232804.0</t>
  </si>
  <si>
    <t>54843817.0</t>
  </si>
  <si>
    <t>122524.0</t>
  </si>
  <si>
    <t>75051.0</t>
  </si>
  <si>
    <t>180532489.0</t>
  </si>
  <si>
    <t>64654186.0</t>
  </si>
  <si>
    <t>63243213.0</t>
  </si>
  <si>
    <t>54929199.0</t>
  </si>
  <si>
    <t>103354.0</t>
  </si>
  <si>
    <t>216.54</t>
  </si>
  <si>
    <t>155740.0</t>
  </si>
  <si>
    <t>180553698.0</t>
  </si>
  <si>
    <t>64655357.0</t>
  </si>
  <si>
    <t>63246037.0</t>
  </si>
  <si>
    <t>54946413.0</t>
  </si>
  <si>
    <t>77765.0</t>
  </si>
  <si>
    <t>216.57</t>
  </si>
  <si>
    <t>127183738.0</t>
  </si>
  <si>
    <t>1524.828</t>
  </si>
  <si>
    <t>156189.0</t>
  </si>
  <si>
    <t>180558086.0</t>
  </si>
  <si>
    <t>64655615.0</t>
  </si>
  <si>
    <t>63246383.0</t>
  </si>
  <si>
    <t>54950197.0</t>
  </si>
  <si>
    <t>77456.0</t>
  </si>
  <si>
    <t>93025.3</t>
  </si>
  <si>
    <t>1115.81478385949</t>
  </si>
  <si>
    <t>152161.0</t>
  </si>
  <si>
    <t>180601052.0</t>
  </si>
  <si>
    <t>64656992.0</t>
  </si>
  <si>
    <t>63249029.0</t>
  </si>
  <si>
    <t>54989140.0</t>
  </si>
  <si>
    <t>75878.0</t>
  </si>
  <si>
    <t>216.63</t>
  </si>
  <si>
    <t>148132.0</t>
  </si>
  <si>
    <t>180692766.0</t>
  </si>
  <si>
    <t>64659947.0</t>
  </si>
  <si>
    <t>63255023.0</t>
  </si>
  <si>
    <t>55071905.0</t>
  </si>
  <si>
    <t>91714.0</t>
  </si>
  <si>
    <t>72275.0</t>
  </si>
  <si>
    <t>14.418</t>
  </si>
  <si>
    <t>12.163</t>
  </si>
  <si>
    <t>144104.0</t>
  </si>
  <si>
    <t>180840910.0</t>
  </si>
  <si>
    <t>64662515.0</t>
  </si>
  <si>
    <t>63260864.0</t>
  </si>
  <si>
    <t>55211640.0</t>
  </si>
  <si>
    <t>148144.0</t>
  </si>
  <si>
    <t>216.91</t>
  </si>
  <si>
    <t>140075.0</t>
  </si>
  <si>
    <t>180946579.0</t>
  </si>
  <si>
    <t>64665604.0</t>
  </si>
  <si>
    <t>63266901.0</t>
  </si>
  <si>
    <t>55308183.0</t>
  </si>
  <si>
    <t>105669.0</t>
  </si>
  <si>
    <t>136047.0</t>
  </si>
  <si>
    <t>181023346.0</t>
  </si>
  <si>
    <t>64667571.0</t>
  </si>
  <si>
    <t>63271007.0</t>
  </si>
  <si>
    <t>55378877.0</t>
  </si>
  <si>
    <t>76767.0</t>
  </si>
  <si>
    <t>70122.0</t>
  </si>
  <si>
    <t>132018.0</t>
  </si>
  <si>
    <t>181038684.0</t>
  </si>
  <si>
    <t>64668415.0</t>
  </si>
  <si>
    <t>63272772.0</t>
  </si>
  <si>
    <t>55391606.0</t>
  </si>
  <si>
    <t>69284.0</t>
  </si>
  <si>
    <t>128079667.0</t>
  </si>
  <si>
    <t>1535.57</t>
  </si>
  <si>
    <t>127990.0</t>
  </si>
  <si>
    <t>181043032.0</t>
  </si>
  <si>
    <t>64668619.0</t>
  </si>
  <si>
    <t>63273226.0</t>
  </si>
  <si>
    <t>55395296.0</t>
  </si>
  <si>
    <t>69278.0</t>
  </si>
  <si>
    <t>94518.3</t>
  </si>
  <si>
    <t>1133.72293865503</t>
  </si>
  <si>
    <t>126128.0</t>
  </si>
  <si>
    <t>181078858.0</t>
  </si>
  <si>
    <t>64669659.0</t>
  </si>
  <si>
    <t>63275338.0</t>
  </si>
  <si>
    <t>55427970.0</t>
  </si>
  <si>
    <t>68258.0</t>
  </si>
  <si>
    <t>181161548.0</t>
  </si>
  <si>
    <t>64672030.0</t>
  </si>
  <si>
    <t>63279719.0</t>
  </si>
  <si>
    <t>55503908.0</t>
  </si>
  <si>
    <t>82690.0</t>
  </si>
  <si>
    <t>66969.0</t>
  </si>
  <si>
    <t>122406.0</t>
  </si>
  <si>
    <t>181244993.0</t>
  </si>
  <si>
    <t>64673822.0</t>
  </si>
  <si>
    <t>63283178.0</t>
  </si>
  <si>
    <t>55582102.0</t>
  </si>
  <si>
    <t>57726.0</t>
  </si>
  <si>
    <t>120544.0</t>
  </si>
  <si>
    <t>181331251.0</t>
  </si>
  <si>
    <t>64675716.0</t>
  </si>
  <si>
    <t>63286930.0</t>
  </si>
  <si>
    <t>55662714.0</t>
  </si>
  <si>
    <t>54953.0</t>
  </si>
  <si>
    <t>118683.0</t>
  </si>
  <si>
    <t>181390945.0</t>
  </si>
  <si>
    <t>64677178.0</t>
  </si>
  <si>
    <t>63290245.0</t>
  </si>
  <si>
    <t>55717631.0</t>
  </si>
  <si>
    <t>52514.0</t>
  </si>
  <si>
    <t>8.984</t>
  </si>
  <si>
    <t>58.246</t>
  </si>
  <si>
    <t>181402611.0</t>
  </si>
  <si>
    <t>64677834.0</t>
  </si>
  <si>
    <t>63291668.0</t>
  </si>
  <si>
    <t>55727218.0</t>
  </si>
  <si>
    <t>217.59</t>
  </si>
  <si>
    <t>128884386.0</t>
  </si>
  <si>
    <t>1545.218</t>
  </si>
  <si>
    <t>114960.0</t>
  </si>
  <si>
    <t>181406753.0</t>
  </si>
  <si>
    <t>64678097.0</t>
  </si>
  <si>
    <t>63292191.0</t>
  </si>
  <si>
    <t>55730574.0</t>
  </si>
  <si>
    <t>95759.3</t>
  </si>
  <si>
    <t>1148.60841762441</t>
  </si>
  <si>
    <t>112421.0</t>
  </si>
  <si>
    <t>181437764.0</t>
  </si>
  <si>
    <t>64679063.0</t>
  </si>
  <si>
    <t>63294173.0</t>
  </si>
  <si>
    <t>55758637.0</t>
  </si>
  <si>
    <t>51272.0</t>
  </si>
  <si>
    <t>181507394.0</t>
  </si>
  <si>
    <t>64681338.0</t>
  </si>
  <si>
    <t>63298320.0</t>
  </si>
  <si>
    <t>55821845.0</t>
  </si>
  <si>
    <t>69630.0</t>
  </si>
  <si>
    <t>107344.0</t>
  </si>
  <si>
    <t>181575880.0</t>
  </si>
  <si>
    <t>64682687.0</t>
  </si>
  <si>
    <t>63301487.0</t>
  </si>
  <si>
    <t>55885815.0</t>
  </si>
  <si>
    <t>68486.0</t>
  </si>
  <si>
    <t>217.8</t>
  </si>
  <si>
    <t>104806.0</t>
  </si>
  <si>
    <t>181650875.0</t>
  </si>
  <si>
    <t>64684395.0</t>
  </si>
  <si>
    <t>63305267.0</t>
  </si>
  <si>
    <t>55955322.0</t>
  </si>
  <si>
    <t>74995.0</t>
  </si>
  <si>
    <t>45661.0</t>
  </si>
  <si>
    <t>7.917</t>
  </si>
  <si>
    <t>181706239.0</t>
  </si>
  <si>
    <t>64685788.0</t>
  </si>
  <si>
    <t>63308398.0</t>
  </si>
  <si>
    <t>56006162.0</t>
  </si>
  <si>
    <t>55364.0</t>
  </si>
  <si>
    <t>99729.0</t>
  </si>
  <si>
    <t>181717986.0</t>
  </si>
  <si>
    <t>64686490.0</t>
  </si>
  <si>
    <t>63309922.0</t>
  </si>
  <si>
    <t>56015683.0</t>
  </si>
  <si>
    <t>45054.0</t>
  </si>
  <si>
    <t>45.268</t>
  </si>
  <si>
    <t>129564717.0</t>
  </si>
  <si>
    <t>1553.374</t>
  </si>
  <si>
    <t>97190.0</t>
  </si>
  <si>
    <t>181721570.0</t>
  </si>
  <si>
    <t>64686661.0</t>
  </si>
  <si>
    <t>63310315.0</t>
  </si>
  <si>
    <t>56018703.0</t>
  </si>
  <si>
    <t>44974.0</t>
  </si>
  <si>
    <t>96736.9</t>
  </si>
  <si>
    <t>1160.33448067071</t>
  </si>
  <si>
    <t>7.161</t>
  </si>
  <si>
    <t>93633.0</t>
  </si>
  <si>
    <t>181750527.0</t>
  </si>
  <si>
    <t>64687559.0</t>
  </si>
  <si>
    <t>63312283.0</t>
  </si>
  <si>
    <t>56044794.0</t>
  </si>
  <si>
    <t>28957.0</t>
  </si>
  <si>
    <t>44680.0</t>
  </si>
  <si>
    <t>181813754.0</t>
  </si>
  <si>
    <t>64689930.0</t>
  </si>
  <si>
    <t>63316577.0</t>
  </si>
  <si>
    <t>56101356.0</t>
  </si>
  <si>
    <t>43766.0</t>
  </si>
  <si>
    <t>86520.0</t>
  </si>
  <si>
    <t>181874847.0</t>
  </si>
  <si>
    <t>64691793.0</t>
  </si>
  <si>
    <t>63319980.0</t>
  </si>
  <si>
    <t>56157183.0</t>
  </si>
  <si>
    <t>42710.0</t>
  </si>
  <si>
    <t>218.15</t>
  </si>
  <si>
    <t>8.432</t>
  </si>
  <si>
    <t>5.829</t>
  </si>
  <si>
    <t>82963.0</t>
  </si>
  <si>
    <t>181877340.0</t>
  </si>
  <si>
    <t>64691974.0</t>
  </si>
  <si>
    <t>63320208.0</t>
  </si>
  <si>
    <t>56159267.0</t>
  </si>
  <si>
    <t>32352.0</t>
  </si>
  <si>
    <t>218.16</t>
  </si>
  <si>
    <t>79406.0</t>
  </si>
  <si>
    <t>181898249.0</t>
  </si>
  <si>
    <t>64692926.0</t>
  </si>
  <si>
    <t>63322063.0</t>
  </si>
  <si>
    <t>56177369.0</t>
  </si>
  <si>
    <t>218.18</t>
  </si>
  <si>
    <t>8.024</t>
  </si>
  <si>
    <t>181906020.0</t>
  </si>
  <si>
    <t>64693573.0</t>
  </si>
  <si>
    <t>63323072.0</t>
  </si>
  <si>
    <t>56183484.0</t>
  </si>
  <si>
    <t>26862.0</t>
  </si>
  <si>
    <t>218.19</t>
  </si>
  <si>
    <t>130070765.0</t>
  </si>
  <si>
    <t>1559.442</t>
  </si>
  <si>
    <t>72293.0</t>
  </si>
  <si>
    <t>181908639.0</t>
  </si>
  <si>
    <t>64693803.0</t>
  </si>
  <si>
    <t>63323416.0</t>
  </si>
  <si>
    <t>56185529.0</t>
  </si>
  <si>
    <t>96678.5</t>
  </si>
  <si>
    <t>1159.63398754274</t>
  </si>
  <si>
    <t>74143.0</t>
  </si>
  <si>
    <t>181933705.0</t>
  </si>
  <si>
    <t>64694688.0</t>
  </si>
  <si>
    <t>63325221.0</t>
  </si>
  <si>
    <t>56207905.0</t>
  </si>
  <si>
    <t>218.22</t>
  </si>
  <si>
    <t>8.192</t>
  </si>
  <si>
    <t>75994.0</t>
  </si>
  <si>
    <t>181982525.0</t>
  </si>
  <si>
    <t>64696206.0</t>
  </si>
  <si>
    <t>63328224.0</t>
  </si>
  <si>
    <t>56252204.0</t>
  </si>
  <si>
    <t>48820.0</t>
  </si>
  <si>
    <t>24110.0</t>
  </si>
  <si>
    <t>182032356.0</t>
  </si>
  <si>
    <t>64697516.0</t>
  </si>
  <si>
    <t>63330841.0</t>
  </si>
  <si>
    <t>56298108.0</t>
  </si>
  <si>
    <t>49831.0</t>
  </si>
  <si>
    <t>31.642</t>
  </si>
  <si>
    <t>79696.0</t>
  </si>
  <si>
    <t>182089244.0</t>
  </si>
  <si>
    <t>64698987.0</t>
  </si>
  <si>
    <t>63334160.0</t>
  </si>
  <si>
    <t>56350206.0</t>
  </si>
  <si>
    <t>56888.0</t>
  </si>
  <si>
    <t>218.41</t>
  </si>
  <si>
    <t>7.641</t>
  </si>
  <si>
    <t>81547.0</t>
  </si>
  <si>
    <t>182132179.0</t>
  </si>
  <si>
    <t>64700522.0</t>
  </si>
  <si>
    <t>63336939.0</t>
  </si>
  <si>
    <t>56388827.0</t>
  </si>
  <si>
    <t>83398.0</t>
  </si>
  <si>
    <t>182139940.0</t>
  </si>
  <si>
    <t>64701036.0</t>
  </si>
  <si>
    <t>63337759.0</t>
  </si>
  <si>
    <t>56395254.0</t>
  </si>
  <si>
    <t>130667506.0</t>
  </si>
  <si>
    <t>1566.596</t>
  </si>
  <si>
    <t>85249.0</t>
  </si>
  <si>
    <t>182141552.0</t>
  </si>
  <si>
    <t>64701093.0</t>
  </si>
  <si>
    <t>63337900.0</t>
  </si>
  <si>
    <t>56396668.0</t>
  </si>
  <si>
    <t>97346.5</t>
  </si>
  <si>
    <t>1167.64647743117</t>
  </si>
  <si>
    <t>7.581</t>
  </si>
  <si>
    <t>85709.0</t>
  </si>
  <si>
    <t>182143358.0</t>
  </si>
  <si>
    <t>64701153.0</t>
  </si>
  <si>
    <t>63338042.0</t>
  </si>
  <si>
    <t>56398272.0</t>
  </si>
  <si>
    <t>218.48</t>
  </si>
  <si>
    <t>86169.0</t>
  </si>
  <si>
    <t>182176911.0</t>
  </si>
  <si>
    <t>64702314.0</t>
  </si>
  <si>
    <t>63340312.0</t>
  </si>
  <si>
    <t>56428394.0</t>
  </si>
  <si>
    <t>27769.0</t>
  </si>
  <si>
    <t>218.52</t>
  </si>
  <si>
    <t>86630.0</t>
  </si>
  <si>
    <t>182219511.0</t>
  </si>
  <si>
    <t>64703544.0</t>
  </si>
  <si>
    <t>63342568.0</t>
  </si>
  <si>
    <t>56467508.0</t>
  </si>
  <si>
    <t>87090.0</t>
  </si>
  <si>
    <t>182271524.0</t>
  </si>
  <si>
    <t>64705080.0</t>
  </si>
  <si>
    <t>63345546.0</t>
  </si>
  <si>
    <t>56515007.0</t>
  </si>
  <si>
    <t>52013.0</t>
  </si>
  <si>
    <t>7.509</t>
  </si>
  <si>
    <t>87550.0</t>
  </si>
  <si>
    <t>182309412.0</t>
  </si>
  <si>
    <t>64706406.0</t>
  </si>
  <si>
    <t>63348099.0</t>
  </si>
  <si>
    <t>56549016.0</t>
  </si>
  <si>
    <t>25319.0</t>
  </si>
  <si>
    <t>88011.0</t>
  </si>
  <si>
    <t>182319058.0</t>
  </si>
  <si>
    <t>64707154.0</t>
  </si>
  <si>
    <t>63349099.0</t>
  </si>
  <si>
    <t>56556914.0</t>
  </si>
  <si>
    <t>25588.0</t>
  </si>
  <si>
    <t>47.187</t>
  </si>
  <si>
    <t>131286804.0</t>
  </si>
  <si>
    <t>1574.021</t>
  </si>
  <si>
    <t>88471.0</t>
  </si>
  <si>
    <t>182321431.0</t>
  </si>
  <si>
    <t>64707362.0</t>
  </si>
  <si>
    <t>63349418.0</t>
  </si>
  <si>
    <t>56558760.0</t>
  </si>
  <si>
    <t>98051.7</t>
  </si>
  <si>
    <t>1176.10517184632</t>
  </si>
  <si>
    <t>182344615.0</t>
  </si>
  <si>
    <t>64708214.0</t>
  </si>
  <si>
    <t>63351014.0</t>
  </si>
  <si>
    <t>56579496.0</t>
  </si>
  <si>
    <t>182390465.0</t>
  </si>
  <si>
    <t>64709558.0</t>
  </si>
  <si>
    <t>63353535.0</t>
  </si>
  <si>
    <t>56621481.0</t>
  </si>
  <si>
    <t>45850.0</t>
  </si>
  <si>
    <t>218.77</t>
  </si>
  <si>
    <t>57.431</t>
  </si>
  <si>
    <t>182438632.0</t>
  </si>
  <si>
    <t>64711465.0</t>
  </si>
  <si>
    <t>63356097.0</t>
  </si>
  <si>
    <t>56665179.0</t>
  </si>
  <si>
    <t>218.83</t>
  </si>
  <si>
    <t>182465797.0</t>
  </si>
  <si>
    <t>64712462.0</t>
  </si>
  <si>
    <t>63357960.0</t>
  </si>
  <si>
    <t>56689484.0</t>
  </si>
  <si>
    <t>53.533</t>
  </si>
  <si>
    <t>182499446.0</t>
  </si>
  <si>
    <t>64713570.0</t>
  </si>
  <si>
    <t>63359925.0</t>
  </si>
  <si>
    <t>56720060.0</t>
  </si>
  <si>
    <t>182509265.0</t>
  </si>
  <si>
    <t>64714169.0</t>
  </si>
  <si>
    <t>63360717.0</t>
  </si>
  <si>
    <t>56728488.0</t>
  </si>
  <si>
    <t>27172.0</t>
  </si>
  <si>
    <t>58.846</t>
  </si>
  <si>
    <t>182513703.0</t>
  </si>
  <si>
    <t>64714507.0</t>
  </si>
  <si>
    <t>63361165.0</t>
  </si>
  <si>
    <t>56732140.0</t>
  </si>
  <si>
    <t>99740.9</t>
  </si>
  <si>
    <t>1196.36669567796</t>
  </si>
  <si>
    <t>182539411.0</t>
  </si>
  <si>
    <t>64715437.0</t>
  </si>
  <si>
    <t>63362539.0</t>
  </si>
  <si>
    <t>56755544.0</t>
  </si>
  <si>
    <t>27828.0</t>
  </si>
  <si>
    <t>218.95</t>
  </si>
  <si>
    <t>182589235.0</t>
  </si>
  <si>
    <t>64716765.0</t>
  </si>
  <si>
    <t>63364957.0</t>
  </si>
  <si>
    <t>56801622.0</t>
  </si>
  <si>
    <t>49824.0</t>
  </si>
  <si>
    <t>28396.0</t>
  </si>
  <si>
    <t>219.01</t>
  </si>
  <si>
    <t>182644140.0</t>
  </si>
  <si>
    <t>64718075.0</t>
  </si>
  <si>
    <t>63367209.0</t>
  </si>
  <si>
    <t>56852965.0</t>
  </si>
  <si>
    <t>54905.0</t>
  </si>
  <si>
    <t>219.08</t>
  </si>
  <si>
    <t>182708579.0</t>
  </si>
  <si>
    <t>64719590.0</t>
  </si>
  <si>
    <t>63369772.0</t>
  </si>
  <si>
    <t>56913326.0</t>
  </si>
  <si>
    <t>64439.0</t>
  </si>
  <si>
    <t>6815.0</t>
  </si>
  <si>
    <t>182757253.0</t>
  </si>
  <si>
    <t>64721321.0</t>
  </si>
  <si>
    <t>63372437.0</t>
  </si>
  <si>
    <t>56957604.0</t>
  </si>
  <si>
    <t>48674.0</t>
  </si>
  <si>
    <t>36830.0</t>
  </si>
  <si>
    <t>82.212</t>
  </si>
  <si>
    <t>182769478.0</t>
  </si>
  <si>
    <t>64722040.0</t>
  </si>
  <si>
    <t>63373414.0</t>
  </si>
  <si>
    <t>56968133.0</t>
  </si>
  <si>
    <t>37173.0</t>
  </si>
  <si>
    <t>182772739.0</t>
  </si>
  <si>
    <t>64722294.0</t>
  </si>
  <si>
    <t>63373783.0</t>
  </si>
  <si>
    <t>56970771.0</t>
  </si>
  <si>
    <t>101666.5</t>
  </si>
  <si>
    <t>1219.46377730844</t>
  </si>
  <si>
    <t>11.179</t>
  </si>
  <si>
    <t>182797279.0</t>
  </si>
  <si>
    <t>64723115.0</t>
  </si>
  <si>
    <t>63375036.0</t>
  </si>
  <si>
    <t>56993237.0</t>
  </si>
  <si>
    <t>36838.0</t>
  </si>
  <si>
    <t>182853072.0</t>
  </si>
  <si>
    <t>64725534.0</t>
  </si>
  <si>
    <t>63378028.0</t>
  </si>
  <si>
    <t>57043619.0</t>
  </si>
  <si>
    <t>55793.0</t>
  </si>
  <si>
    <t>37691.0</t>
  </si>
  <si>
    <t>10.951</t>
  </si>
  <si>
    <t>182907615.0</t>
  </si>
  <si>
    <t>64726965.0</t>
  </si>
  <si>
    <t>63380230.0</t>
  </si>
  <si>
    <t>57094529.0</t>
  </si>
  <si>
    <t>37639.0</t>
  </si>
  <si>
    <t>182968989.0</t>
  </si>
  <si>
    <t>64728571.0</t>
  </si>
  <si>
    <t>63383112.0</t>
  </si>
  <si>
    <t>57151415.0</t>
  </si>
  <si>
    <t>61374.0</t>
  </si>
  <si>
    <t>219.47</t>
  </si>
  <si>
    <t>183004722.0</t>
  </si>
  <si>
    <t>64729900.0</t>
  </si>
  <si>
    <t>63385049.0</t>
  </si>
  <si>
    <t>57183882.0</t>
  </si>
  <si>
    <t>35733.0</t>
  </si>
  <si>
    <t>35353.0</t>
  </si>
  <si>
    <t>11.419</t>
  </si>
  <si>
    <t>183015179.0</t>
  </si>
  <si>
    <t>64730415.0</t>
  </si>
  <si>
    <t>63385944.0</t>
  </si>
  <si>
    <t>57192929.0</t>
  </si>
  <si>
    <t>10457.0</t>
  </si>
  <si>
    <t>219.52</t>
  </si>
  <si>
    <t>183017881.0</t>
  </si>
  <si>
    <t>64730519.0</t>
  </si>
  <si>
    <t>63386149.0</t>
  </si>
  <si>
    <t>57195322.0</t>
  </si>
  <si>
    <t>102981.3</t>
  </si>
  <si>
    <t>1235.23446848405</t>
  </si>
  <si>
    <t>183038953.0</t>
  </si>
  <si>
    <t>64731139.0</t>
  </si>
  <si>
    <t>63387127.0</t>
  </si>
  <si>
    <t>57214796.0</t>
  </si>
  <si>
    <t>34525.0</t>
  </si>
  <si>
    <t>219.55</t>
  </si>
  <si>
    <t>11.743</t>
  </si>
  <si>
    <t>183086646.0</t>
  </si>
  <si>
    <t>64732300.0</t>
  </si>
  <si>
    <t>63388920.0</t>
  </si>
  <si>
    <t>57259535.0</t>
  </si>
  <si>
    <t>47693.0</t>
  </si>
  <si>
    <t>33368.0</t>
  </si>
  <si>
    <t>183139188.0</t>
  </si>
  <si>
    <t>64733600.0</t>
  </si>
  <si>
    <t>63390951.0</t>
  </si>
  <si>
    <t>57308746.0</t>
  </si>
  <si>
    <t>183199640.0</t>
  </si>
  <si>
    <t>64735155.0</t>
  </si>
  <si>
    <t>63393901.0</t>
  </si>
  <si>
    <t>57364693.0</t>
  </si>
  <si>
    <t>32950.0</t>
  </si>
  <si>
    <t>183242177.0</t>
  </si>
  <si>
    <t>64736494.0</t>
  </si>
  <si>
    <t>63395865.0</t>
  </si>
  <si>
    <t>57403927.0</t>
  </si>
  <si>
    <t>183253740.0</t>
  </si>
  <si>
    <t>64737098.0</t>
  </si>
  <si>
    <t>63396645.0</t>
  </si>
  <si>
    <t>57414106.0</t>
  </si>
  <si>
    <t>34080.0</t>
  </si>
  <si>
    <t>183256532.0</t>
  </si>
  <si>
    <t>64737181.0</t>
  </si>
  <si>
    <t>63396803.0</t>
  </si>
  <si>
    <t>57416657.0</t>
  </si>
  <si>
    <t>103381.1</t>
  </si>
  <si>
    <t>1240.02996767176</t>
  </si>
  <si>
    <t>13.806</t>
  </si>
  <si>
    <t>183281733.0</t>
  </si>
  <si>
    <t>64738163.0</t>
  </si>
  <si>
    <t>63398404.0</t>
  </si>
  <si>
    <t>57439275.0</t>
  </si>
  <si>
    <t>14.574</t>
  </si>
  <si>
    <t>183339143.0</t>
  </si>
  <si>
    <t>64739638.0</t>
  </si>
  <si>
    <t>63400638.0</t>
  </si>
  <si>
    <t>57492976.0</t>
  </si>
  <si>
    <t>57410.0</t>
  </si>
  <si>
    <t>183399093.0</t>
  </si>
  <si>
    <t>64740822.0</t>
  </si>
  <si>
    <t>63402597.0</t>
  </si>
  <si>
    <t>57549783.0</t>
  </si>
  <si>
    <t>219.98</t>
  </si>
  <si>
    <t>15.305</t>
  </si>
  <si>
    <t>183464828.0</t>
  </si>
  <si>
    <t>64741988.0</t>
  </si>
  <si>
    <t>63404503.0</t>
  </si>
  <si>
    <t>57612446.0</t>
  </si>
  <si>
    <t>65735.0</t>
  </si>
  <si>
    <t>37884.0</t>
  </si>
  <si>
    <t>14.646</t>
  </si>
  <si>
    <t>15.881</t>
  </si>
  <si>
    <t>183519586.0</t>
  </si>
  <si>
    <t>64743389.0</t>
  </si>
  <si>
    <t>63406655.0</t>
  </si>
  <si>
    <t>57663651.0</t>
  </si>
  <si>
    <t>39630.0</t>
  </si>
  <si>
    <t>16.253</t>
  </si>
  <si>
    <t>183535939.0</t>
  </si>
  <si>
    <t>64744061.0</t>
  </si>
  <si>
    <t>63407454.0</t>
  </si>
  <si>
    <t>57678533.0</t>
  </si>
  <si>
    <t>16.085</t>
  </si>
  <si>
    <t>183539839.0</t>
  </si>
  <si>
    <t>64744219.0</t>
  </si>
  <si>
    <t>63407668.0</t>
  </si>
  <si>
    <t>57682061.0</t>
  </si>
  <si>
    <t>40472.0</t>
  </si>
  <si>
    <t>105294.7</t>
  </si>
  <si>
    <t>1262.98311235814</t>
  </si>
  <si>
    <t>183566035.0</t>
  </si>
  <si>
    <t>64744898.0</t>
  </si>
  <si>
    <t>63408603.0</t>
  </si>
  <si>
    <t>57706643.0</t>
  </si>
  <si>
    <t>40615.0</t>
  </si>
  <si>
    <t>183618251.0</t>
  </si>
  <si>
    <t>64745919.0</t>
  </si>
  <si>
    <t>63410196.0</t>
  </si>
  <si>
    <t>57756245.0</t>
  </si>
  <si>
    <t>52216.0</t>
  </si>
  <si>
    <t>39873.0</t>
  </si>
  <si>
    <t>220.25</t>
  </si>
  <si>
    <t>183669058.0</t>
  </si>
  <si>
    <t>64746895.0</t>
  </si>
  <si>
    <t>63411696.0</t>
  </si>
  <si>
    <t>57804576.0</t>
  </si>
  <si>
    <t>124.386</t>
  </si>
  <si>
    <t>183733048.0</t>
  </si>
  <si>
    <t>64748150.0</t>
  </si>
  <si>
    <t>63413483.0</t>
  </si>
  <si>
    <t>57865524.0</t>
  </si>
  <si>
    <t>63990.0</t>
  </si>
  <si>
    <t>183782084.0</t>
  </si>
  <si>
    <t>64750198.0</t>
  </si>
  <si>
    <t>63415647.0</t>
  </si>
  <si>
    <t>57910348.0</t>
  </si>
  <si>
    <t>49036.0</t>
  </si>
  <si>
    <t>37500.0</t>
  </si>
  <si>
    <t>183793128.0</t>
  </si>
  <si>
    <t>64750750.0</t>
  </si>
  <si>
    <t>63416328.0</t>
  </si>
  <si>
    <t>57920159.0</t>
  </si>
  <si>
    <t>36741.0</t>
  </si>
  <si>
    <t>220.46</t>
  </si>
  <si>
    <t>183797375.0</t>
  </si>
  <si>
    <t>64751122.0</t>
  </si>
  <si>
    <t>63416843.0</t>
  </si>
  <si>
    <t>57923519.0</t>
  </si>
  <si>
    <t>108775.5</t>
  </si>
  <si>
    <t>1304.73442194444</t>
  </si>
  <si>
    <t>183819632.0</t>
  </si>
  <si>
    <t>64751698.0</t>
  </si>
  <si>
    <t>63417738.0</t>
  </si>
  <si>
    <t>57944305.0</t>
  </si>
  <si>
    <t>22257.0</t>
  </si>
  <si>
    <t>36228.0</t>
  </si>
  <si>
    <t>183871007.0</t>
  </si>
  <si>
    <t>64752827.0</t>
  </si>
  <si>
    <t>63419420.0</t>
  </si>
  <si>
    <t>57992869.0</t>
  </si>
  <si>
    <t>51375.0</t>
  </si>
  <si>
    <t>36108.0</t>
  </si>
  <si>
    <t>220.55</t>
  </si>
  <si>
    <t>183923972.0</t>
  </si>
  <si>
    <t>64753886.0</t>
  </si>
  <si>
    <t>63420977.0</t>
  </si>
  <si>
    <t>58043218.0</t>
  </si>
  <si>
    <t>52965.0</t>
  </si>
  <si>
    <t>18.628</t>
  </si>
  <si>
    <t>183979249.0</t>
  </si>
  <si>
    <t>64754859.0</t>
  </si>
  <si>
    <t>63422542.0</t>
  </si>
  <si>
    <t>58095957.0</t>
  </si>
  <si>
    <t>55277.0</t>
  </si>
  <si>
    <t>35172.0</t>
  </si>
  <si>
    <t>17.932</t>
  </si>
  <si>
    <t>184021074.0</t>
  </si>
  <si>
    <t>64756189.0</t>
  </si>
  <si>
    <t>63424019.0</t>
  </si>
  <si>
    <t>58134975.0</t>
  </si>
  <si>
    <t>41825.0</t>
  </si>
  <si>
    <t>220.73</t>
  </si>
  <si>
    <t>184030621.0</t>
  </si>
  <si>
    <t>64756665.0</t>
  </si>
  <si>
    <t>63424727.0</t>
  </si>
  <si>
    <t>58143338.0</t>
  </si>
  <si>
    <t>184033457.0</t>
  </si>
  <si>
    <t>64756789.0</t>
  </si>
  <si>
    <t>63424873.0</t>
  </si>
  <si>
    <t>58145904.0</t>
  </si>
  <si>
    <t>111001.7</t>
  </si>
  <si>
    <t>1331.43712402471</t>
  </si>
  <si>
    <t>9439.0</t>
  </si>
  <si>
    <t>184052966.0</t>
  </si>
  <si>
    <t>64757606.0</t>
  </si>
  <si>
    <t>63425864.0</t>
  </si>
  <si>
    <t>58163605.0</t>
  </si>
  <si>
    <t>33333.0</t>
  </si>
  <si>
    <t>184091257.0</t>
  </si>
  <si>
    <t>64758387.0</t>
  </si>
  <si>
    <t>63427048.0</t>
  </si>
  <si>
    <t>58199931.0</t>
  </si>
  <si>
    <t>184132936.0</t>
  </si>
  <si>
    <t>64759296.0</t>
  </si>
  <si>
    <t>63428526.0</t>
  </si>
  <si>
    <t>58239223.0</t>
  </si>
  <si>
    <t>29852.0</t>
  </si>
  <si>
    <t>184175595.0</t>
  </si>
  <si>
    <t>64760178.0</t>
  </si>
  <si>
    <t>63429820.0</t>
  </si>
  <si>
    <t>58279706.0</t>
  </si>
  <si>
    <t>42659.0</t>
  </si>
  <si>
    <t>28049.0</t>
  </si>
  <si>
    <t>184208223.0</t>
  </si>
  <si>
    <t>64761126.0</t>
  </si>
  <si>
    <t>63431113.0</t>
  </si>
  <si>
    <t>58310093.0</t>
  </si>
  <si>
    <t>32628.0</t>
  </si>
  <si>
    <t>16.121</t>
  </si>
  <si>
    <t>13.122</t>
  </si>
  <si>
    <t>184217433.0</t>
  </si>
  <si>
    <t>64761582.0</t>
  </si>
  <si>
    <t>63431757.0</t>
  </si>
  <si>
    <t>58318203.0</t>
  </si>
  <si>
    <t>184219525.0</t>
  </si>
  <si>
    <t>64761684.0</t>
  </si>
  <si>
    <t>63431893.0</t>
  </si>
  <si>
    <t>58320057.0</t>
  </si>
  <si>
    <t>26581.0</t>
  </si>
  <si>
    <t>113202.3</t>
  </si>
  <si>
    <t>1357.83276062423</t>
  </si>
  <si>
    <t>184236765.0</t>
  </si>
  <si>
    <t>64762218.0</t>
  </si>
  <si>
    <t>63432607.0</t>
  </si>
  <si>
    <t>58336049.0</t>
  </si>
  <si>
    <t>26257.0</t>
  </si>
  <si>
    <t>184274829.0</t>
  </si>
  <si>
    <t>64763031.0</t>
  </si>
  <si>
    <t>63433897.0</t>
  </si>
  <si>
    <t>58372010.0</t>
  </si>
  <si>
    <t>38064.0</t>
  </si>
  <si>
    <t>26225.0</t>
  </si>
  <si>
    <t>12.199</t>
  </si>
  <si>
    <t>184314153.0</t>
  </si>
  <si>
    <t>64763897.0</t>
  </si>
  <si>
    <t>63435321.0</t>
  </si>
  <si>
    <t>58409044.0</t>
  </si>
  <si>
    <t>25888.0</t>
  </si>
  <si>
    <t>184354874.0</t>
  </si>
  <si>
    <t>64764780.0</t>
  </si>
  <si>
    <t>63436741.0</t>
  </si>
  <si>
    <t>58447462.0</t>
  </si>
  <si>
    <t>40721.0</t>
  </si>
  <si>
    <t>184383687.0</t>
  </si>
  <si>
    <t>64765661.0</t>
  </si>
  <si>
    <t>63437962.0</t>
  </si>
  <si>
    <t>58474173.0</t>
  </si>
  <si>
    <t>11.563</t>
  </si>
  <si>
    <t>79.441</t>
  </si>
  <si>
    <t>184389624.0</t>
  </si>
  <si>
    <t>64766031.0</t>
  </si>
  <si>
    <t>63438459.0</t>
  </si>
  <si>
    <t>58479243.0</t>
  </si>
  <si>
    <t>184391587.0</t>
  </si>
  <si>
    <t>64766146.0</t>
  </si>
  <si>
    <t>63438604.0</t>
  </si>
  <si>
    <t>58480946.0</t>
  </si>
  <si>
    <t>24580.0</t>
  </si>
  <si>
    <t>115636.9</t>
  </si>
  <si>
    <t>1387.03516763376</t>
  </si>
  <si>
    <t>184405187.0</t>
  </si>
  <si>
    <t>64766636.0</t>
  </si>
  <si>
    <t>63439293.0</t>
  </si>
  <si>
    <t>58493367.0</t>
  </si>
  <si>
    <t>221.19</t>
  </si>
  <si>
    <t>10.819</t>
  </si>
  <si>
    <t>184437753.0</t>
  </si>
  <si>
    <t>64767458.0</t>
  </si>
  <si>
    <t>63440587.0</t>
  </si>
  <si>
    <t>58523817.0</t>
  </si>
  <si>
    <t>32566.0</t>
  </si>
  <si>
    <t>23275.0</t>
  </si>
  <si>
    <t>184473158.0</t>
  </si>
  <si>
    <t>64768548.0</t>
  </si>
  <si>
    <t>63442072.0</t>
  </si>
  <si>
    <t>58556647.0</t>
  </si>
  <si>
    <t>35405.0</t>
  </si>
  <si>
    <t>13.254</t>
  </si>
  <si>
    <t>184515543.0</t>
  </si>
  <si>
    <t>64772413.0</t>
  </si>
  <si>
    <t>63445699.0</t>
  </si>
  <si>
    <t>58591540.0</t>
  </si>
  <si>
    <t>42385.0</t>
  </si>
  <si>
    <t>184544905.0</t>
  </si>
  <si>
    <t>64773373.0</t>
  </si>
  <si>
    <t>63447114.0</t>
  </si>
  <si>
    <t>58618527.0</t>
  </si>
  <si>
    <t>29362.0</t>
  </si>
  <si>
    <t>23031.0</t>
  </si>
  <si>
    <t>9.968</t>
  </si>
  <si>
    <t>184551999.0</t>
  </si>
  <si>
    <t>64773674.0</t>
  </si>
  <si>
    <t>63447620.0</t>
  </si>
  <si>
    <t>58624814.0</t>
  </si>
  <si>
    <t>184554303.0</t>
  </si>
  <si>
    <t>64773771.0</t>
  </si>
  <si>
    <t>63447782.0</t>
  </si>
  <si>
    <t>58626859.0</t>
  </si>
  <si>
    <t>118326.3</t>
  </si>
  <si>
    <t>1419.29383575643</t>
  </si>
  <si>
    <t>9.332</t>
  </si>
  <si>
    <t>184571232.0</t>
  </si>
  <si>
    <t>64774343.0</t>
  </si>
  <si>
    <t>63448571.0</t>
  </si>
  <si>
    <t>58642427.0</t>
  </si>
  <si>
    <t>23721.0</t>
  </si>
  <si>
    <t>11.491</t>
  </si>
  <si>
    <t>184606124.0</t>
  </si>
  <si>
    <t>64775192.0</t>
  </si>
  <si>
    <t>63449818.0</t>
  </si>
  <si>
    <t>58675223.0</t>
  </si>
  <si>
    <t>8.852</t>
  </si>
  <si>
    <t>69.174</t>
  </si>
  <si>
    <t>184644405.0</t>
  </si>
  <si>
    <t>64776116.0</t>
  </si>
  <si>
    <t>63451135.0</t>
  </si>
  <si>
    <t>58711263.0</t>
  </si>
  <si>
    <t>38281.0</t>
  </si>
  <si>
    <t>184682472.0</t>
  </si>
  <si>
    <t>64776879.0</t>
  </si>
  <si>
    <t>63452376.0</t>
  </si>
  <si>
    <t>58747326.0</t>
  </si>
  <si>
    <t>23847.0</t>
  </si>
  <si>
    <t>184711594.0</t>
  </si>
  <si>
    <t>64777695.0</t>
  </si>
  <si>
    <t>63453714.0</t>
  </si>
  <si>
    <t>58774294.0</t>
  </si>
  <si>
    <t>23813.0</t>
  </si>
  <si>
    <t>184718503.0</t>
  </si>
  <si>
    <t>64778041.0</t>
  </si>
  <si>
    <t>63454188.0</t>
  </si>
  <si>
    <t>58780383.0</t>
  </si>
  <si>
    <t>23786.0</t>
  </si>
  <si>
    <t>184720320.0</t>
  </si>
  <si>
    <t>64778142.0</t>
  </si>
  <si>
    <t>63454294.0</t>
  </si>
  <si>
    <t>58781993.0</t>
  </si>
  <si>
    <t>23717.0</t>
  </si>
  <si>
    <t>120265.9</t>
  </si>
  <si>
    <t>1442.5588438217</t>
  </si>
  <si>
    <t>184737158.0</t>
  </si>
  <si>
    <t>64778699.0</t>
  </si>
  <si>
    <t>63455062.0</t>
  </si>
  <si>
    <t>58797506.0</t>
  </si>
  <si>
    <t>184770446.0</t>
  </si>
  <si>
    <t>64779478.0</t>
  </si>
  <si>
    <t>63456285.0</t>
  </si>
  <si>
    <t>58828792.0</t>
  </si>
  <si>
    <t>33288.0</t>
  </si>
  <si>
    <t>221.63</t>
  </si>
  <si>
    <t>184806737.0</t>
  </si>
  <si>
    <t>64780425.0</t>
  </si>
  <si>
    <t>63457630.0</t>
  </si>
  <si>
    <t>58862791.0</t>
  </si>
  <si>
    <t>36291.0</t>
  </si>
  <si>
    <t>184838872.0</t>
  </si>
  <si>
    <t>64781211.0</t>
  </si>
  <si>
    <t>63458723.0</t>
  </si>
  <si>
    <t>58893047.0</t>
  </si>
  <si>
    <t>184866316.0</t>
  </si>
  <si>
    <t>64782180.0</t>
  </si>
  <si>
    <t>63459949.0</t>
  </si>
  <si>
    <t>58918296.0</t>
  </si>
  <si>
    <t>184872298.0</t>
  </si>
  <si>
    <t>64782550.0</t>
  </si>
  <si>
    <t>63460517.0</t>
  </si>
  <si>
    <t>58923340.0</t>
  </si>
  <si>
    <t>21971.0</t>
  </si>
  <si>
    <t>184874087.0</t>
  </si>
  <si>
    <t>64782632.0</t>
  </si>
  <si>
    <t>63460619.0</t>
  </si>
  <si>
    <t>58924945.0</t>
  </si>
  <si>
    <t>21967.0</t>
  </si>
  <si>
    <t>121331.7</t>
  </si>
  <si>
    <t>1455.34284340716</t>
  </si>
  <si>
    <t>9.188</t>
  </si>
  <si>
    <t>184888062.0</t>
  </si>
  <si>
    <t>64783251.0</t>
  </si>
  <si>
    <t>63461319.0</t>
  </si>
  <si>
    <t>58937601.0</t>
  </si>
  <si>
    <t>184916109.0</t>
  </si>
  <si>
    <t>64784107.0</t>
  </si>
  <si>
    <t>63462521.0</t>
  </si>
  <si>
    <t>58963590.0</t>
  </si>
  <si>
    <t>20809.0</t>
  </si>
  <si>
    <t>221.8</t>
  </si>
  <si>
    <t>7.833</t>
  </si>
  <si>
    <t>184945433.0</t>
  </si>
  <si>
    <t>64784890.0</t>
  </si>
  <si>
    <t>63463671.0</t>
  </si>
  <si>
    <t>58990981.0</t>
  </si>
  <si>
    <t>29324.0</t>
  </si>
  <si>
    <t>221.84</t>
  </si>
  <si>
    <t>184975135.0</t>
  </si>
  <si>
    <t>64785742.0</t>
  </si>
  <si>
    <t>63464869.0</t>
  </si>
  <si>
    <t>59018633.0</t>
  </si>
  <si>
    <t>29702.0</t>
  </si>
  <si>
    <t>184996762.0</t>
  </si>
  <si>
    <t>64786623.0</t>
  </si>
  <si>
    <t>63465989.0</t>
  </si>
  <si>
    <t>59038259.0</t>
  </si>
  <si>
    <t>18635.0</t>
  </si>
  <si>
    <t>8.132</t>
  </si>
  <si>
    <t>185003538.0</t>
  </si>
  <si>
    <t>64786998.0</t>
  </si>
  <si>
    <t>63466502.0</t>
  </si>
  <si>
    <t>59044147.0</t>
  </si>
  <si>
    <t>185005307.0</t>
  </si>
  <si>
    <t>64787103.0</t>
  </si>
  <si>
    <t>63466660.0</t>
  </si>
  <si>
    <t>59045653.0</t>
  </si>
  <si>
    <t>123307.5</t>
  </si>
  <si>
    <t>1479.04206125381</t>
  </si>
  <si>
    <t>185020271.0</t>
  </si>
  <si>
    <t>64787642.0</t>
  </si>
  <si>
    <t>63467348.0</t>
  </si>
  <si>
    <t>59059390.0</t>
  </si>
  <si>
    <t>14964.0</t>
  </si>
  <si>
    <t>18887.0</t>
  </si>
  <si>
    <t>221.93</t>
  </si>
  <si>
    <t>185064451.0</t>
  </si>
  <si>
    <t>64788486.0</t>
  </si>
  <si>
    <t>63468588.0</t>
  </si>
  <si>
    <t>59101486.0</t>
  </si>
  <si>
    <t>21192.0</t>
  </si>
  <si>
    <t>185115476.0</t>
  </si>
  <si>
    <t>64789377.0</t>
  </si>
  <si>
    <t>63469851.0</t>
  </si>
  <si>
    <t>59150357.0</t>
  </si>
  <si>
    <t>185170497.0</t>
  </si>
  <si>
    <t>64790252.0</t>
  </si>
  <si>
    <t>63471185.0</t>
  </si>
  <si>
    <t>59203169.0</t>
  </si>
  <si>
    <t>55021.0</t>
  </si>
  <si>
    <t>185214589.0</t>
  </si>
  <si>
    <t>64791051.0</t>
  </si>
  <si>
    <t>63472364.0</t>
  </si>
  <si>
    <t>59245283.0</t>
  </si>
  <si>
    <t>44092.0</t>
  </si>
  <si>
    <t>185226820.0</t>
  </si>
  <si>
    <t>64791363.0</t>
  </si>
  <si>
    <t>63472836.0</t>
  </si>
  <si>
    <t>59256730.0</t>
  </si>
  <si>
    <t>31897.0</t>
  </si>
  <si>
    <t>7.485</t>
  </si>
  <si>
    <t>185230154.0</t>
  </si>
  <si>
    <t>64791459.0</t>
  </si>
  <si>
    <t>63473001.0</t>
  </si>
  <si>
    <t>59259803.0</t>
  </si>
  <si>
    <t>32121.0</t>
  </si>
  <si>
    <t>124456.1</t>
  </si>
  <si>
    <t>1492.81922575358</t>
  </si>
  <si>
    <t>185253497.0</t>
  </si>
  <si>
    <t>64792050.0</t>
  </si>
  <si>
    <t>63473678.0</t>
  </si>
  <si>
    <t>59281878.0</t>
  </si>
  <si>
    <t>185306270.0</t>
  </si>
  <si>
    <t>64792739.0</t>
  </si>
  <si>
    <t>63474808.0</t>
  </si>
  <si>
    <t>59332832.0</t>
  </si>
  <si>
    <t>185364804.0</t>
  </si>
  <si>
    <t>64793570.0</t>
  </si>
  <si>
    <t>63475865.0</t>
  </si>
  <si>
    <t>59389478.0</t>
  </si>
  <si>
    <t>58534.0</t>
  </si>
  <si>
    <t>7.977</t>
  </si>
  <si>
    <t>185429706.0</t>
  </si>
  <si>
    <t>64794413.0</t>
  </si>
  <si>
    <t>63477168.0</t>
  </si>
  <si>
    <t>59452234.0</t>
  </si>
  <si>
    <t>64902.0</t>
  </si>
  <si>
    <t>37030.0</t>
  </si>
  <si>
    <t>222.42</t>
  </si>
  <si>
    <t>185480077.0</t>
  </si>
  <si>
    <t>64795124.0</t>
  </si>
  <si>
    <t>63478298.0</t>
  </si>
  <si>
    <t>59500764.0</t>
  </si>
  <si>
    <t>185493648.0</t>
  </si>
  <si>
    <t>64795488.0</t>
  </si>
  <si>
    <t>63478887.0</t>
  </si>
  <si>
    <t>59513382.0</t>
  </si>
  <si>
    <t>38118.0</t>
  </si>
  <si>
    <t>185498679.0</t>
  </si>
  <si>
    <t>64795640.0</t>
  </si>
  <si>
    <t>63479070.0</t>
  </si>
  <si>
    <t>59518078.0</t>
  </si>
  <si>
    <t>126382.5</t>
  </si>
  <si>
    <t>1515.92590318034</t>
  </si>
  <si>
    <t>185529991.0</t>
  </si>
  <si>
    <t>64796338.0</t>
  </si>
  <si>
    <t>63479799.0</t>
  </si>
  <si>
    <t>59547963.0</t>
  </si>
  <si>
    <t>31312.0</t>
  </si>
  <si>
    <t>39499.0</t>
  </si>
  <si>
    <t>185605203.0</t>
  </si>
  <si>
    <t>64797196.0</t>
  </si>
  <si>
    <t>63481008.0</t>
  </si>
  <si>
    <t>59621108.0</t>
  </si>
  <si>
    <t>75212.0</t>
  </si>
  <si>
    <t>185689113.0</t>
  </si>
  <si>
    <t>64798329.0</t>
  </si>
  <si>
    <t>63482637.0</t>
  </si>
  <si>
    <t>59702256.0</t>
  </si>
  <si>
    <t>83910.0</t>
  </si>
  <si>
    <t>46330.0</t>
  </si>
  <si>
    <t>185787100.0</t>
  </si>
  <si>
    <t>64799310.0</t>
  </si>
  <si>
    <t>63484480.0</t>
  </si>
  <si>
    <t>59797419.0</t>
  </si>
  <si>
    <t>97987.0</t>
  </si>
  <si>
    <t>51056.0</t>
  </si>
  <si>
    <t>11.011</t>
  </si>
  <si>
    <t>185869828.0</t>
  </si>
  <si>
    <t>64800244.0</t>
  </si>
  <si>
    <t>63486033.0</t>
  </si>
  <si>
    <t>59877660.0</t>
  </si>
  <si>
    <t>82728.0</t>
  </si>
  <si>
    <t>185895024.0</t>
  </si>
  <si>
    <t>64800611.0</t>
  </si>
  <si>
    <t>63486655.0</t>
  </si>
  <si>
    <t>59901867.0</t>
  </si>
  <si>
    <t>25196.0</t>
  </si>
  <si>
    <t>57339.0</t>
  </si>
  <si>
    <t>185901232.0</t>
  </si>
  <si>
    <t>64800784.0</t>
  </si>
  <si>
    <t>63487025.0</t>
  </si>
  <si>
    <t>59907532.0</t>
  </si>
  <si>
    <t>57508.0</t>
  </si>
  <si>
    <t>129426.9</t>
  </si>
  <si>
    <t>1552.4427058994</t>
  </si>
  <si>
    <t>12.582</t>
  </si>
  <si>
    <t>10890.0</t>
  </si>
  <si>
    <t>185910005.0</t>
  </si>
  <si>
    <t>64801066.0</t>
  </si>
  <si>
    <t>63487398.0</t>
  </si>
  <si>
    <t>59915650.0</t>
  </si>
  <si>
    <t>54288.0</t>
  </si>
  <si>
    <t>185972149.0</t>
  </si>
  <si>
    <t>64801898.0</t>
  </si>
  <si>
    <t>63488571.0</t>
  </si>
  <si>
    <t>59975789.0</t>
  </si>
  <si>
    <t>62144.0</t>
  </si>
  <si>
    <t>52421.0</t>
  </si>
  <si>
    <t>16.073</t>
  </si>
  <si>
    <t>186060588.0</t>
  </si>
  <si>
    <t>64803028.0</t>
  </si>
  <si>
    <t>63489830.0</t>
  </si>
  <si>
    <t>60061839.0</t>
  </si>
  <si>
    <t>53068.0</t>
  </si>
  <si>
    <t>186165563.0</t>
  </si>
  <si>
    <t>64804244.0</t>
  </si>
  <si>
    <t>63491133.0</t>
  </si>
  <si>
    <t>60164295.0</t>
  </si>
  <si>
    <t>104975.0</t>
  </si>
  <si>
    <t>54066.0</t>
  </si>
  <si>
    <t>186258391.0</t>
  </si>
  <si>
    <t>64805557.0</t>
  </si>
  <si>
    <t>63492541.0</t>
  </si>
  <si>
    <t>60254402.0</t>
  </si>
  <si>
    <t>92828.0</t>
  </si>
  <si>
    <t>55509.0</t>
  </si>
  <si>
    <t>14629.0</t>
  </si>
  <si>
    <t>186285918.0</t>
  </si>
  <si>
    <t>64805980.0</t>
  </si>
  <si>
    <t>63493072.0</t>
  </si>
  <si>
    <t>60280975.0</t>
  </si>
  <si>
    <t>55842.0</t>
  </si>
  <si>
    <t>186293695.0</t>
  </si>
  <si>
    <t>64806243.0</t>
  </si>
  <si>
    <t>63493328.0</t>
  </si>
  <si>
    <t>60288233.0</t>
  </si>
  <si>
    <t>56066.0</t>
  </si>
  <si>
    <t>132508.3</t>
  </si>
  <si>
    <t>1589.40331419612</t>
  </si>
  <si>
    <t>186344385.0</t>
  </si>
  <si>
    <t>64806899.0</t>
  </si>
  <si>
    <t>63494125.0</t>
  </si>
  <si>
    <t>60337470.0</t>
  </si>
  <si>
    <t>50690.0</t>
  </si>
  <si>
    <t>62054.0</t>
  </si>
  <si>
    <t>19.923</t>
  </si>
  <si>
    <t>186443392.0</t>
  </si>
  <si>
    <t>64807851.0</t>
  </si>
  <si>
    <t>63495135.0</t>
  </si>
  <si>
    <t>60434515.0</t>
  </si>
  <si>
    <t>99007.0</t>
  </si>
  <si>
    <t>67320.0</t>
  </si>
  <si>
    <t>186550230.0</t>
  </si>
  <si>
    <t>64808988.0</t>
  </si>
  <si>
    <t>63496243.0</t>
  </si>
  <si>
    <t>60539108.0</t>
  </si>
  <si>
    <t>106838.0</t>
  </si>
  <si>
    <t>69949.0</t>
  </si>
  <si>
    <t>186675124.0</t>
  </si>
  <si>
    <t>64810141.0</t>
  </si>
  <si>
    <t>63497494.0</t>
  </si>
  <si>
    <t>60661598.0</t>
  </si>
  <si>
    <t>124894.0</t>
  </si>
  <si>
    <t>186783130.0</t>
  </si>
  <si>
    <t>64811840.0</t>
  </si>
  <si>
    <t>63498581.0</t>
  </si>
  <si>
    <t>60766818.0</t>
  </si>
  <si>
    <t>108006.0</t>
  </si>
  <si>
    <t>74963.0</t>
  </si>
  <si>
    <t>224.04</t>
  </si>
  <si>
    <t>19.863</t>
  </si>
  <si>
    <t>20.595</t>
  </si>
  <si>
    <t>186818930.0</t>
  </si>
  <si>
    <t>64812333.0</t>
  </si>
  <si>
    <t>63499146.0</t>
  </si>
  <si>
    <t>60801560.0</t>
  </si>
  <si>
    <t>35800.0</t>
  </si>
  <si>
    <t>76145.0</t>
  </si>
  <si>
    <t>224.08</t>
  </si>
  <si>
    <t>20.451</t>
  </si>
  <si>
    <t>186828943.0</t>
  </si>
  <si>
    <t>64812500.0</t>
  </si>
  <si>
    <t>63499343.0</t>
  </si>
  <si>
    <t>60811209.0</t>
  </si>
  <si>
    <t>76464.0</t>
  </si>
  <si>
    <t>136044.5</t>
  </si>
  <si>
    <t>1631.81913267436</t>
  </si>
  <si>
    <t>186888759.0</t>
  </si>
  <si>
    <t>64813085.0</t>
  </si>
  <si>
    <t>63499984.0</t>
  </si>
  <si>
    <t>60869799.0</t>
  </si>
  <si>
    <t>59816.0</t>
  </si>
  <si>
    <t>77768.0</t>
  </si>
  <si>
    <t>187000093.0</t>
  </si>
  <si>
    <t>64813942.0</t>
  </si>
  <si>
    <t>63501006.0</t>
  </si>
  <si>
    <t>60979254.0</t>
  </si>
  <si>
    <t>111334.0</t>
  </si>
  <si>
    <t>79529.0</t>
  </si>
  <si>
    <t>187122406.0</t>
  </si>
  <si>
    <t>64815072.0</t>
  </si>
  <si>
    <t>63502193.0</t>
  </si>
  <si>
    <t>61099250.0</t>
  </si>
  <si>
    <t>122313.0</t>
  </si>
  <si>
    <t>81739.0</t>
  </si>
  <si>
    <t>19.707</t>
  </si>
  <si>
    <t>187248210.0</t>
  </si>
  <si>
    <t>64816101.0</t>
  </si>
  <si>
    <t>63503230.0</t>
  </si>
  <si>
    <t>61222988.0</t>
  </si>
  <si>
    <t>81869.0</t>
  </si>
  <si>
    <t>16995.0</t>
  </si>
  <si>
    <t>187362171.0</t>
  </si>
  <si>
    <t>64817371.0</t>
  </si>
  <si>
    <t>63504301.0</t>
  </si>
  <si>
    <t>61334608.0</t>
  </si>
  <si>
    <t>113961.0</t>
  </si>
  <si>
    <t>82720.0</t>
  </si>
  <si>
    <t>224.74</t>
  </si>
  <si>
    <t>187395626.0</t>
  </si>
  <si>
    <t>64817742.0</t>
  </si>
  <si>
    <t>63504677.0</t>
  </si>
  <si>
    <t>61367316.0</t>
  </si>
  <si>
    <t>82385.0</t>
  </si>
  <si>
    <t>224.78</t>
  </si>
  <si>
    <t>20.883</t>
  </si>
  <si>
    <t>187403489.0</t>
  </si>
  <si>
    <t>64817799.0</t>
  </si>
  <si>
    <t>63504764.0</t>
  </si>
  <si>
    <t>61375035.0</t>
  </si>
  <si>
    <t>139748.9</t>
  </si>
  <si>
    <t>1676.25246731912</t>
  </si>
  <si>
    <t>18.208</t>
  </si>
  <si>
    <t>16282.0</t>
  </si>
  <si>
    <t>187474395.0</t>
  </si>
  <si>
    <t>64818648.0</t>
  </si>
  <si>
    <t>63505348.0</t>
  </si>
  <si>
    <t>61444508.0</t>
  </si>
  <si>
    <t>83662.0</t>
  </si>
  <si>
    <t>224.87</t>
  </si>
  <si>
    <t>181.409</t>
  </si>
  <si>
    <t>187583238.0</t>
  </si>
  <si>
    <t>64819492.0</t>
  </si>
  <si>
    <t>63506273.0</t>
  </si>
  <si>
    <t>61551582.0</t>
  </si>
  <si>
    <t>108843.0</t>
  </si>
  <si>
    <t>187680842.0</t>
  </si>
  <si>
    <t>64820457.0</t>
  </si>
  <si>
    <t>63507081.0</t>
  </si>
  <si>
    <t>61647413.0</t>
  </si>
  <si>
    <t>97604.0</t>
  </si>
  <si>
    <t>79777.0</t>
  </si>
  <si>
    <t>13393.0</t>
  </si>
  <si>
    <t>187812818.0</t>
  </si>
  <si>
    <t>64821407.0</t>
  </si>
  <si>
    <t>63508232.0</t>
  </si>
  <si>
    <t>61777288.0</t>
  </si>
  <si>
    <t>131976.0</t>
  </si>
  <si>
    <t>80658.0</t>
  </si>
  <si>
    <t>225.28</t>
  </si>
  <si>
    <t>187912875.0</t>
  </si>
  <si>
    <t>64822834.0</t>
  </si>
  <si>
    <t>63509215.0</t>
  </si>
  <si>
    <t>61874935.0</t>
  </si>
  <si>
    <t>100057.0</t>
  </si>
  <si>
    <t>78672.0</t>
  </si>
  <si>
    <t>187937874.0</t>
  </si>
  <si>
    <t>64823206.0</t>
  </si>
  <si>
    <t>63509560.0</t>
  </si>
  <si>
    <t>61899217.0</t>
  </si>
  <si>
    <t>77464.0</t>
  </si>
  <si>
    <t>187943567.0</t>
  </si>
  <si>
    <t>64823242.0</t>
  </si>
  <si>
    <t>63509630.0</t>
  </si>
  <si>
    <t>61904804.0</t>
  </si>
  <si>
    <t>77154.0</t>
  </si>
  <si>
    <t>143059.3</t>
  </si>
  <si>
    <t>1715.95987229914</t>
  </si>
  <si>
    <t>187973624.0</t>
  </si>
  <si>
    <t>64823589.0</t>
  </si>
  <si>
    <t>63509988.0</t>
  </si>
  <si>
    <t>61934156.0</t>
  </si>
  <si>
    <t>71318.0</t>
  </si>
  <si>
    <t>225.47</t>
  </si>
  <si>
    <t>188017824.0</t>
  </si>
  <si>
    <t>64824070.0</t>
  </si>
  <si>
    <t>63510504.0</t>
  </si>
  <si>
    <t>61977359.0</t>
  </si>
  <si>
    <t>62084.0</t>
  </si>
  <si>
    <t>188107115.0</t>
  </si>
  <si>
    <t>64824867.0</t>
  </si>
  <si>
    <t>63511401.0</t>
  </si>
  <si>
    <t>62064956.0</t>
  </si>
  <si>
    <t>89291.0</t>
  </si>
  <si>
    <t>60896.0</t>
  </si>
  <si>
    <t>188224231.0</t>
  </si>
  <si>
    <t>64825979.0</t>
  </si>
  <si>
    <t>63512616.0</t>
  </si>
  <si>
    <t>62179745.0</t>
  </si>
  <si>
    <t>117116.0</t>
  </si>
  <si>
    <t>58773.0</t>
  </si>
  <si>
    <t>225.77</t>
  </si>
  <si>
    <t>188312264.0</t>
  </si>
  <si>
    <t>64826840.0</t>
  </si>
  <si>
    <t>63513554.0</t>
  </si>
  <si>
    <t>62265979.0</t>
  </si>
  <si>
    <t>188333205.0</t>
  </si>
  <si>
    <t>64827168.0</t>
  </si>
  <si>
    <t>63513960.0</t>
  </si>
  <si>
    <t>62286186.0</t>
  </si>
  <si>
    <t>188339803.0</t>
  </si>
  <si>
    <t>64827279.0</t>
  </si>
  <si>
    <t>63514071.0</t>
  </si>
  <si>
    <t>62292562.0</t>
  </si>
  <si>
    <t>145011.9</t>
  </si>
  <si>
    <t>1739.38081205386</t>
  </si>
  <si>
    <t>188387760.0</t>
  </si>
  <si>
    <t>64827787.0</t>
  </si>
  <si>
    <t>63514534.0</t>
  </si>
  <si>
    <t>62339548.0</t>
  </si>
  <si>
    <t>47957.0</t>
  </si>
  <si>
    <t>225.97</t>
  </si>
  <si>
    <t>188495634.0</t>
  </si>
  <si>
    <t>64829044.0</t>
  </si>
  <si>
    <t>63515519.0</t>
  </si>
  <si>
    <t>62445180.0</t>
  </si>
  <si>
    <t>107874.0</t>
  </si>
  <si>
    <t>68259.0</t>
  </si>
  <si>
    <t>226.1</t>
  </si>
  <si>
    <t>188601847.0</t>
  </si>
  <si>
    <t>64829992.0</t>
  </si>
  <si>
    <t>63516318.0</t>
  </si>
  <si>
    <t>62549646.0</t>
  </si>
  <si>
    <t>106213.0</t>
  </si>
  <si>
    <t>70676.0</t>
  </si>
  <si>
    <t>188717291.0</t>
  </si>
  <si>
    <t>64831193.0</t>
  </si>
  <si>
    <t>63517266.0</t>
  </si>
  <si>
    <t>62662941.0</t>
  </si>
  <si>
    <t>115444.0</t>
  </si>
  <si>
    <t>70437.0</t>
  </si>
  <si>
    <t>226.36</t>
  </si>
  <si>
    <t>13.674</t>
  </si>
  <si>
    <t>188806720.0</t>
  </si>
  <si>
    <t>64831941.0</t>
  </si>
  <si>
    <t>63518144.0</t>
  </si>
  <si>
    <t>62750744.0</t>
  </si>
  <si>
    <t>89429.0</t>
  </si>
  <si>
    <t>70637.0</t>
  </si>
  <si>
    <t>226.47</t>
  </si>
  <si>
    <t>89.985</t>
  </si>
  <si>
    <t>188826409.0</t>
  </si>
  <si>
    <t>64832175.0</t>
  </si>
  <si>
    <t>63518417.0</t>
  </si>
  <si>
    <t>62769926.0</t>
  </si>
  <si>
    <t>188832654.0</t>
  </si>
  <si>
    <t>64832245.0</t>
  </si>
  <si>
    <t>63518507.0</t>
  </si>
  <si>
    <t>62776011.0</t>
  </si>
  <si>
    <t>146876.5</t>
  </si>
  <si>
    <t>1761.74621421848</t>
  </si>
  <si>
    <t>188877947.0</t>
  </si>
  <si>
    <t>64832778.0</t>
  </si>
  <si>
    <t>63518970.0</t>
  </si>
  <si>
    <t>62820308.0</t>
  </si>
  <si>
    <t>70027.0</t>
  </si>
  <si>
    <t>12.511</t>
  </si>
  <si>
    <t>188964144.0</t>
  </si>
  <si>
    <t>64833547.0</t>
  </si>
  <si>
    <t>63519665.0</t>
  </si>
  <si>
    <t>62905041.0</t>
  </si>
  <si>
    <t>226.66</t>
  </si>
  <si>
    <t>189052136.0</t>
  </si>
  <si>
    <t>64834425.0</t>
  </si>
  <si>
    <t>63520342.0</t>
  </si>
  <si>
    <t>62991478.0</t>
  </si>
  <si>
    <t>87992.0</t>
  </si>
  <si>
    <t>64327.0</t>
  </si>
  <si>
    <t>189152960.0</t>
  </si>
  <si>
    <t>64835082.0</t>
  </si>
  <si>
    <t>63521028.0</t>
  </si>
  <si>
    <t>63090959.0</t>
  </si>
  <si>
    <t>62238.0</t>
  </si>
  <si>
    <t>226.88</t>
  </si>
  <si>
    <t>189227589.0</t>
  </si>
  <si>
    <t>64835825.0</t>
  </si>
  <si>
    <t>63521790.0</t>
  </si>
  <si>
    <t>63164083.0</t>
  </si>
  <si>
    <t>60124.0</t>
  </si>
  <si>
    <t>226.97</t>
  </si>
  <si>
    <t>189245865.0</t>
  </si>
  <si>
    <t>64836255.0</t>
  </si>
  <si>
    <t>63522050.0</t>
  </si>
  <si>
    <t>63181669.0</t>
  </si>
  <si>
    <t>59922.0</t>
  </si>
  <si>
    <t>189250592.0</t>
  </si>
  <si>
    <t>64836302.0</t>
  </si>
  <si>
    <t>63522116.0</t>
  </si>
  <si>
    <t>63186283.0</t>
  </si>
  <si>
    <t>59705.0</t>
  </si>
  <si>
    <t>149101.7</t>
  </si>
  <si>
    <t>1788.43692155341</t>
  </si>
  <si>
    <t>189289413.0</t>
  </si>
  <si>
    <t>64836709.0</t>
  </si>
  <si>
    <t>63522605.0</t>
  </si>
  <si>
    <t>63224208.0</t>
  </si>
  <si>
    <t>227.05</t>
  </si>
  <si>
    <t>189363407.0</t>
  </si>
  <si>
    <t>64837310.0</t>
  </si>
  <si>
    <t>63523239.0</t>
  </si>
  <si>
    <t>63296967.0</t>
  </si>
  <si>
    <t>73994.0</t>
  </si>
  <si>
    <t>85.774</t>
  </si>
  <si>
    <t>189438957.0</t>
  </si>
  <si>
    <t>64838025.0</t>
  </si>
  <si>
    <t>63523860.0</t>
  </si>
  <si>
    <t>63371181.0</t>
  </si>
  <si>
    <t>75550.0</t>
  </si>
  <si>
    <t>55260.0</t>
  </si>
  <si>
    <t>227.23</t>
  </si>
  <si>
    <t>189524073.0</t>
  </si>
  <si>
    <t>64838736.0</t>
  </si>
  <si>
    <t>63524560.0</t>
  </si>
  <si>
    <t>63454886.0</t>
  </si>
  <si>
    <t>85116.0</t>
  </si>
  <si>
    <t>53016.0</t>
  </si>
  <si>
    <t>189583250.0</t>
  </si>
  <si>
    <t>64839269.0</t>
  </si>
  <si>
    <t>63525206.0</t>
  </si>
  <si>
    <t>63512884.0</t>
  </si>
  <si>
    <t>59177.0</t>
  </si>
  <si>
    <t>50809.0</t>
  </si>
  <si>
    <t>227.4</t>
  </si>
  <si>
    <t>189596057.0</t>
  </si>
  <si>
    <t>64839605.0</t>
  </si>
  <si>
    <t>63525445.0</t>
  </si>
  <si>
    <t>63525116.0</t>
  </si>
  <si>
    <t>50027.0</t>
  </si>
  <si>
    <t>227.42</t>
  </si>
  <si>
    <t>189600652.0</t>
  </si>
  <si>
    <t>64839702.0</t>
  </si>
  <si>
    <t>63525554.0</t>
  </si>
  <si>
    <t>63529505.0</t>
  </si>
  <si>
    <t>50009.0</t>
  </si>
  <si>
    <t>151561.1</t>
  </si>
  <si>
    <t>1817.93679824742</t>
  </si>
  <si>
    <t>7597.0</t>
  </si>
  <si>
    <t>189629380.0</t>
  </si>
  <si>
    <t>64840043.0</t>
  </si>
  <si>
    <t>63525836.0</t>
  </si>
  <si>
    <t>63557610.0</t>
  </si>
  <si>
    <t>28728.0</t>
  </si>
  <si>
    <t>48567.0</t>
  </si>
  <si>
    <t>227.46</t>
  </si>
  <si>
    <t>189688395.0</t>
  </si>
  <si>
    <t>64840565.0</t>
  </si>
  <si>
    <t>63526365.0</t>
  </si>
  <si>
    <t>63615574.0</t>
  </si>
  <si>
    <t>59015.0</t>
  </si>
  <si>
    <t>189749266.0</t>
  </si>
  <si>
    <t>64841133.0</t>
  </si>
  <si>
    <t>63527053.0</t>
  </si>
  <si>
    <t>63675189.0</t>
  </si>
  <si>
    <t>44330.0</t>
  </si>
  <si>
    <t>189815154.0</t>
  </si>
  <si>
    <t>64841731.0</t>
  </si>
  <si>
    <t>63527643.0</t>
  </si>
  <si>
    <t>63739889.0</t>
  </si>
  <si>
    <t>227.68</t>
  </si>
  <si>
    <t>189861678.0</t>
  </si>
  <si>
    <t>64842370.0</t>
  </si>
  <si>
    <t>63528203.0</t>
  </si>
  <si>
    <t>63785214.0</t>
  </si>
  <si>
    <t>46524.0</t>
  </si>
  <si>
    <t>39775.0</t>
  </si>
  <si>
    <t>11.107</t>
  </si>
  <si>
    <t>10.016</t>
  </si>
  <si>
    <t>189872575.0</t>
  </si>
  <si>
    <t>64842631.0</t>
  </si>
  <si>
    <t>63528715.0</t>
  </si>
  <si>
    <t>63795338.0</t>
  </si>
  <si>
    <t>11.407</t>
  </si>
  <si>
    <t>189875123.0</t>
  </si>
  <si>
    <t>64842651.0</t>
  </si>
  <si>
    <t>63528754.0</t>
  </si>
  <si>
    <t>63797827.0</t>
  </si>
  <si>
    <t>10.747</t>
  </si>
  <si>
    <t>189899529.0</t>
  </si>
  <si>
    <t>64842865.0</t>
  </si>
  <si>
    <t>63529022.0</t>
  </si>
  <si>
    <t>63821751.0</t>
  </si>
  <si>
    <t>24406.0</t>
  </si>
  <si>
    <t>38593.0</t>
  </si>
  <si>
    <t>227.78</t>
  </si>
  <si>
    <t>189947009.0</t>
  </si>
  <si>
    <t>64843257.0</t>
  </si>
  <si>
    <t>63529368.0</t>
  </si>
  <si>
    <t>63868493.0</t>
  </si>
  <si>
    <t>227.84</t>
  </si>
  <si>
    <t>115.689</t>
  </si>
  <si>
    <t>190000973.0</t>
  </si>
  <si>
    <t>64843693.0</t>
  </si>
  <si>
    <t>63529957.0</t>
  </si>
  <si>
    <t>63921432.0</t>
  </si>
  <si>
    <t>118.16</t>
  </si>
  <si>
    <t>190056932.0</t>
  </si>
  <si>
    <t>64844205.0</t>
  </si>
  <si>
    <t>63530496.0</t>
  </si>
  <si>
    <t>63976340.0</t>
  </si>
  <si>
    <t>55959.0</t>
  </si>
  <si>
    <t>34540.0</t>
  </si>
  <si>
    <t>227.97</t>
  </si>
  <si>
    <t>190096768.0</t>
  </si>
  <si>
    <t>64844691.0</t>
  </si>
  <si>
    <t>63531017.0</t>
  </si>
  <si>
    <t>64015169.0</t>
  </si>
  <si>
    <t>39836.0</t>
  </si>
  <si>
    <t>11.755</t>
  </si>
  <si>
    <t>190105739.0</t>
  </si>
  <si>
    <t>64844835.0</t>
  </si>
  <si>
    <t>63531233.0</t>
  </si>
  <si>
    <t>64023780.0</t>
  </si>
  <si>
    <t>190109348.0</t>
  </si>
  <si>
    <t>64844890.0</t>
  </si>
  <si>
    <t>63531356.0</t>
  </si>
  <si>
    <t>64027211.0</t>
  </si>
  <si>
    <t>190129377.0</t>
  </si>
  <si>
    <t>64845216.0</t>
  </si>
  <si>
    <t>63531665.0</t>
  </si>
  <si>
    <t>64046605.0</t>
  </si>
  <si>
    <t>20029.0</t>
  </si>
  <si>
    <t>32835.0</t>
  </si>
  <si>
    <t>228.06</t>
  </si>
  <si>
    <t>190170370.0</t>
  </si>
  <si>
    <t>64845606.0</t>
  </si>
  <si>
    <t>63532112.0</t>
  </si>
  <si>
    <t>64086761.0</t>
  </si>
  <si>
    <t>136.74</t>
  </si>
  <si>
    <t>190213600.0</t>
  </si>
  <si>
    <t>64846076.0</t>
  </si>
  <si>
    <t>63532728.0</t>
  </si>
  <si>
    <t>64128905.0</t>
  </si>
  <si>
    <t>43230.0</t>
  </si>
  <si>
    <t>30375.0</t>
  </si>
  <si>
    <t>228.16</t>
  </si>
  <si>
    <t>190260910.0</t>
  </si>
  <si>
    <t>64846606.0</t>
  </si>
  <si>
    <t>63533185.0</t>
  </si>
  <si>
    <t>64175228.0</t>
  </si>
  <si>
    <t>47310.0</t>
  </si>
  <si>
    <t>29140.0</t>
  </si>
  <si>
    <t>12.031</t>
  </si>
  <si>
    <t>190295504.0</t>
  </si>
  <si>
    <t>64846882.0</t>
  </si>
  <si>
    <t>63533601.0</t>
  </si>
  <si>
    <t>64209130.0</t>
  </si>
  <si>
    <t>190303168.0</t>
  </si>
  <si>
    <t>64847015.0</t>
  </si>
  <si>
    <t>63533761.0</t>
  </si>
  <si>
    <t>64216501.0</t>
  </si>
  <si>
    <t>28204.0</t>
  </si>
  <si>
    <t>228.26</t>
  </si>
  <si>
    <t>190305344.0</t>
  </si>
  <si>
    <t>64847042.0</t>
  </si>
  <si>
    <t>63533796.0</t>
  </si>
  <si>
    <t>64218615.0</t>
  </si>
  <si>
    <t>228.27</t>
  </si>
  <si>
    <t>190322637.0</t>
  </si>
  <si>
    <t>64847319.0</t>
  </si>
  <si>
    <t>63534125.0</t>
  </si>
  <si>
    <t>64235302.0</t>
  </si>
  <si>
    <t>228.29</t>
  </si>
  <si>
    <t>190348445.0</t>
  </si>
  <si>
    <t>64847553.0</t>
  </si>
  <si>
    <t>63534494.0</t>
  </si>
  <si>
    <t>64260507.0</t>
  </si>
  <si>
    <t>25808.0</t>
  </si>
  <si>
    <t>228.32</t>
  </si>
  <si>
    <t>12613.0</t>
  </si>
  <si>
    <t>151.29</t>
  </si>
  <si>
    <t>190374391.0</t>
  </si>
  <si>
    <t>64847994.0</t>
  </si>
  <si>
    <t>63535025.0</t>
  </si>
  <si>
    <t>64285481.0</t>
  </si>
  <si>
    <t>25946.0</t>
  </si>
  <si>
    <t>228.35</t>
  </si>
  <si>
    <t>14.909</t>
  </si>
  <si>
    <t>13.542</t>
  </si>
  <si>
    <t>190396727.0</t>
  </si>
  <si>
    <t>64848369.0</t>
  </si>
  <si>
    <t>63535521.0</t>
  </si>
  <si>
    <t>64306946.0</t>
  </si>
  <si>
    <t>19402.0</t>
  </si>
  <si>
    <t>190410886.0</t>
  </si>
  <si>
    <t>64848542.0</t>
  </si>
  <si>
    <t>63535773.0</t>
  </si>
  <si>
    <t>64320680.0</t>
  </si>
  <si>
    <t>16483.0</t>
  </si>
  <si>
    <t>228.39</t>
  </si>
  <si>
    <t>14.046</t>
  </si>
  <si>
    <t>190411845.0</t>
  </si>
  <si>
    <t>64848579.0</t>
  </si>
  <si>
    <t>63535848.0</t>
  </si>
  <si>
    <t>64321527.0</t>
  </si>
  <si>
    <t>15525.0</t>
  </si>
  <si>
    <t>15.209</t>
  </si>
  <si>
    <t>190412918.0</t>
  </si>
  <si>
    <t>64848581.0</t>
  </si>
  <si>
    <t>63535850.0</t>
  </si>
  <si>
    <t>64322596.0</t>
  </si>
  <si>
    <t>15.737</t>
  </si>
  <si>
    <t>190413791.0</t>
  </si>
  <si>
    <t>64848606.0</t>
  </si>
  <si>
    <t>63535877.0</t>
  </si>
  <si>
    <t>64323417.0</t>
  </si>
  <si>
    <t>190422930.0</t>
  </si>
  <si>
    <t>64848794.0</t>
  </si>
  <si>
    <t>63536192.0</t>
  </si>
  <si>
    <t>64332053.0</t>
  </si>
  <si>
    <t>228.41</t>
  </si>
  <si>
    <t>190433663.0</t>
  </si>
  <si>
    <t>64849031.0</t>
  </si>
  <si>
    <t>63536531.0</t>
  </si>
  <si>
    <t>64342210.0</t>
  </si>
  <si>
    <t>228.42</t>
  </si>
  <si>
    <t>13.602</t>
  </si>
  <si>
    <t>118.568</t>
  </si>
  <si>
    <t>190444495.0</t>
  </si>
  <si>
    <t>64849313.0</t>
  </si>
  <si>
    <t>63536800.0</t>
  </si>
  <si>
    <t>64352491.0</t>
  </si>
  <si>
    <t>228.43</t>
  </si>
  <si>
    <t>190456707.0</t>
  </si>
  <si>
    <t>64849567.0</t>
  </si>
  <si>
    <t>63537187.0</t>
  </si>
  <si>
    <t>64364062.0</t>
  </si>
  <si>
    <t>190461190.0</t>
  </si>
  <si>
    <t>64849614.0</t>
  </si>
  <si>
    <t>63537251.0</t>
  </si>
  <si>
    <t>64368434.0</t>
  </si>
  <si>
    <t>190461445.0</t>
  </si>
  <si>
    <t>64849619.0</t>
  </si>
  <si>
    <t>63537253.0</t>
  </si>
  <si>
    <t>64368682.0</t>
  </si>
  <si>
    <t>190464604.0</t>
  </si>
  <si>
    <t>64849717.0</t>
  </si>
  <si>
    <t>63537407.0</t>
  </si>
  <si>
    <t>64371589.0</t>
  </si>
  <si>
    <t>228.46</t>
  </si>
  <si>
    <t>190471254.0</t>
  </si>
  <si>
    <t>64849797.0</t>
  </si>
  <si>
    <t>63537498.0</t>
  </si>
  <si>
    <t>64378068.0</t>
  </si>
  <si>
    <t>16.169</t>
  </si>
  <si>
    <t>109.152</t>
  </si>
  <si>
    <t>190480832.0</t>
  </si>
  <si>
    <t>64849943.0</t>
  </si>
  <si>
    <t>63537727.0</t>
  </si>
  <si>
    <t>64387271.0</t>
  </si>
  <si>
    <t>228.48</t>
  </si>
  <si>
    <t>GHA</t>
  </si>
  <si>
    <t>Ghana</t>
  </si>
  <si>
    <t>14611.0</t>
  </si>
  <si>
    <t>27346.0</t>
  </si>
  <si>
    <t>12735.0</t>
  </si>
  <si>
    <t>37954.0</t>
  </si>
  <si>
    <t>50719.0</t>
  </si>
  <si>
    <t>166.1</t>
  </si>
  <si>
    <t>68591.0</t>
  </si>
  <si>
    <t>88188.0</t>
  </si>
  <si>
    <t>100622.0</t>
  </si>
  <si>
    <t>113497.0</t>
  </si>
  <si>
    <t>3.457</t>
  </si>
  <si>
    <t>117049.0</t>
  </si>
  <si>
    <t>129461.0</t>
  </si>
  <si>
    <t>135902.0</t>
  </si>
  <si>
    <t>149948.0</t>
  </si>
  <si>
    <t>155201.0</t>
  </si>
  <si>
    <t>160501.0</t>
  </si>
  <si>
    <t>162184.0</t>
  </si>
  <si>
    <t>168685.0</t>
  </si>
  <si>
    <t>5.138</t>
  </si>
  <si>
    <t>172623.0</t>
  </si>
  <si>
    <t>5.258</t>
  </si>
  <si>
    <t>174077.0</t>
  </si>
  <si>
    <t>180567.0</t>
  </si>
  <si>
    <t>184343.0</t>
  </si>
  <si>
    <t>187929.0</t>
  </si>
  <si>
    <t>192194.0</t>
  </si>
  <si>
    <t>194763.0</t>
  </si>
  <si>
    <t>198175.0</t>
  </si>
  <si>
    <t>202130.0</t>
  </si>
  <si>
    <t>203383.0</t>
  </si>
  <si>
    <t>205890.0</t>
  </si>
  <si>
    <t>208328.0</t>
  </si>
  <si>
    <t>211622.0</t>
  </si>
  <si>
    <t>214956.0</t>
  </si>
  <si>
    <t>218425.0</t>
  </si>
  <si>
    <t>219825.0</t>
  </si>
  <si>
    <t>6.695</t>
  </si>
  <si>
    <t>220153.0</t>
  </si>
  <si>
    <t>223065.0</t>
  </si>
  <si>
    <t>6.794</t>
  </si>
  <si>
    <t>226741.0</t>
  </si>
  <si>
    <t>6.906</t>
  </si>
  <si>
    <t>229093.0</t>
  </si>
  <si>
    <t>233734.0</t>
  </si>
  <si>
    <t>235443.0</t>
  </si>
  <si>
    <t>239395.0</t>
  </si>
  <si>
    <t>7.291</t>
  </si>
  <si>
    <t>240204.0</t>
  </si>
  <si>
    <t>7.316</t>
  </si>
  <si>
    <t>242218.0</t>
  </si>
  <si>
    <t>245448.0</t>
  </si>
  <si>
    <t>247592.0</t>
  </si>
  <si>
    <t>250894.0</t>
  </si>
  <si>
    <t>254331.0</t>
  </si>
  <si>
    <t>7.746</t>
  </si>
  <si>
    <t>258010.0</t>
  </si>
  <si>
    <t>7.959</t>
  </si>
  <si>
    <t>263725.0</t>
  </si>
  <si>
    <t>8.032</t>
  </si>
  <si>
    <t>267286.0</t>
  </si>
  <si>
    <t>270300.0</t>
  </si>
  <si>
    <t>277550.0</t>
  </si>
  <si>
    <t>280116.0</t>
  </si>
  <si>
    <t>283124.0</t>
  </si>
  <si>
    <t>288465.0</t>
  </si>
  <si>
    <t>290365.0</t>
  </si>
  <si>
    <t>294867.0</t>
  </si>
  <si>
    <t>297591.0</t>
  </si>
  <si>
    <t>300520.0</t>
  </si>
  <si>
    <t>307133.0</t>
  </si>
  <si>
    <t>9.354</t>
  </si>
  <si>
    <t>310159.0</t>
  </si>
  <si>
    <t>313457.0</t>
  </si>
  <si>
    <t>9.547</t>
  </si>
  <si>
    <t>316798.0</t>
  </si>
  <si>
    <t>0.1348</t>
  </si>
  <si>
    <t>320071.0</t>
  </si>
  <si>
    <t>9.748</t>
  </si>
  <si>
    <t>322910.0</t>
  </si>
  <si>
    <t>9.835</t>
  </si>
  <si>
    <t>325450.0</t>
  </si>
  <si>
    <t>327009.0</t>
  </si>
  <si>
    <t>328383.0</t>
  </si>
  <si>
    <t>331366.0</t>
  </si>
  <si>
    <t>10.092</t>
  </si>
  <si>
    <t>334101.0</t>
  </si>
  <si>
    <t>10.176</t>
  </si>
  <si>
    <t>0.2767</t>
  </si>
  <si>
    <t>339491.0</t>
  </si>
  <si>
    <t>0.2358</t>
  </si>
  <si>
    <t>341919.0</t>
  </si>
  <si>
    <t>344137.0</t>
  </si>
  <si>
    <t>10.481</t>
  </si>
  <si>
    <t>346990.0</t>
  </si>
  <si>
    <t>349752.0</t>
  </si>
  <si>
    <t>10.652</t>
  </si>
  <si>
    <t>353752.0</t>
  </si>
  <si>
    <t>357220.0</t>
  </si>
  <si>
    <t>361542.0</t>
  </si>
  <si>
    <t>365281.0</t>
  </si>
  <si>
    <t>0.1713</t>
  </si>
  <si>
    <t>369180.0</t>
  </si>
  <si>
    <t>11.244</t>
  </si>
  <si>
    <t>372573.0</t>
  </si>
  <si>
    <t>11.348</t>
  </si>
  <si>
    <t>374612.0</t>
  </si>
  <si>
    <t>378735.0</t>
  </si>
  <si>
    <t>382752.0</t>
  </si>
  <si>
    <t>11.658</t>
  </si>
  <si>
    <t>387336.0</t>
  </si>
  <si>
    <t>11.797</t>
  </si>
  <si>
    <t>391378.0</t>
  </si>
  <si>
    <t>396731.0</t>
  </si>
  <si>
    <t>12.083</t>
  </si>
  <si>
    <t>0.2264</t>
  </si>
  <si>
    <t>399446.0</t>
  </si>
  <si>
    <t>12.166</t>
  </si>
  <si>
    <t>402564.0</t>
  </si>
  <si>
    <t>12.261</t>
  </si>
  <si>
    <t>405817.0</t>
  </si>
  <si>
    <t>407588.0</t>
  </si>
  <si>
    <t>12.414</t>
  </si>
  <si>
    <t>409373.0</t>
  </si>
  <si>
    <t>12.468</t>
  </si>
  <si>
    <t>0.1893</t>
  </si>
  <si>
    <t>411539.0</t>
  </si>
  <si>
    <t>413835.0</t>
  </si>
  <si>
    <t>12.604</t>
  </si>
  <si>
    <t>0.2631</t>
  </si>
  <si>
    <t>415671.0</t>
  </si>
  <si>
    <t>416988.0</t>
  </si>
  <si>
    <t>12.741</t>
  </si>
  <si>
    <t>0.3189</t>
  </si>
  <si>
    <t>419590.0</t>
  </si>
  <si>
    <t>421588.0</t>
  </si>
  <si>
    <t>423008.0</t>
  </si>
  <si>
    <t>12.884</t>
  </si>
  <si>
    <t>424315.0</t>
  </si>
  <si>
    <t>12.923</t>
  </si>
  <si>
    <t>425969.0</t>
  </si>
  <si>
    <t>12.974</t>
  </si>
  <si>
    <t>427121.0</t>
  </si>
  <si>
    <t>428695.0</t>
  </si>
  <si>
    <t>429773.0</t>
  </si>
  <si>
    <t>431272.0</t>
  </si>
  <si>
    <t>13.135</t>
  </si>
  <si>
    <t>432372.0</t>
  </si>
  <si>
    <t>0.1625</t>
  </si>
  <si>
    <t>433503.0</t>
  </si>
  <si>
    <t>13.203</t>
  </si>
  <si>
    <t>435109.0</t>
  </si>
  <si>
    <t>0.1617</t>
  </si>
  <si>
    <t>436253.0</t>
  </si>
  <si>
    <t>437001.0</t>
  </si>
  <si>
    <t>437750.0</t>
  </si>
  <si>
    <t>439246.0</t>
  </si>
  <si>
    <t>440984.0</t>
  </si>
  <si>
    <t>442185.0</t>
  </si>
  <si>
    <t>444081.0</t>
  </si>
  <si>
    <t>13.525</t>
  </si>
  <si>
    <t>444797.0</t>
  </si>
  <si>
    <t>13.547</t>
  </si>
  <si>
    <t>445653.0</t>
  </si>
  <si>
    <t>13.573</t>
  </si>
  <si>
    <t>446208.0</t>
  </si>
  <si>
    <t>446867.0</t>
  </si>
  <si>
    <t>447901.0</t>
  </si>
  <si>
    <t>13.642</t>
  </si>
  <si>
    <t>448820.0</t>
  </si>
  <si>
    <t>449688.0</t>
  </si>
  <si>
    <t>13.696</t>
  </si>
  <si>
    <t>450872.0</t>
  </si>
  <si>
    <t>451590.0</t>
  </si>
  <si>
    <t>13.754</t>
  </si>
  <si>
    <t>452184.0</t>
  </si>
  <si>
    <t>453250.0</t>
  </si>
  <si>
    <t>454102.0</t>
  </si>
  <si>
    <t>13.831</t>
  </si>
  <si>
    <t>454912.0</t>
  </si>
  <si>
    <t>13.855</t>
  </si>
  <si>
    <t>456049.0</t>
  </si>
  <si>
    <t>457092.0</t>
  </si>
  <si>
    <t>13.922</t>
  </si>
  <si>
    <t>464420.0</t>
  </si>
  <si>
    <t>14.145</t>
  </si>
  <si>
    <t>466845.0</t>
  </si>
  <si>
    <t>467428.0</t>
  </si>
  <si>
    <t>14.237</t>
  </si>
  <si>
    <t>469176.0</t>
  </si>
  <si>
    <t>470730.0</t>
  </si>
  <si>
    <t>14.337</t>
  </si>
  <si>
    <t>472289.0</t>
  </si>
  <si>
    <t>474120.0</t>
  </si>
  <si>
    <t>475657.0</t>
  </si>
  <si>
    <t>476612.0</t>
  </si>
  <si>
    <t>14.516</t>
  </si>
  <si>
    <t>477192.0</t>
  </si>
  <si>
    <t>14.534</t>
  </si>
  <si>
    <t>479104.0</t>
  </si>
  <si>
    <t>479931.0</t>
  </si>
  <si>
    <t>14.617</t>
  </si>
  <si>
    <t>480715.0</t>
  </si>
  <si>
    <t>483540.0</t>
  </si>
  <si>
    <t>14.727</t>
  </si>
  <si>
    <t>484310.0</t>
  </si>
  <si>
    <t>14.751</t>
  </si>
  <si>
    <t>486320.0</t>
  </si>
  <si>
    <t>14.812</t>
  </si>
  <si>
    <t>487672.0</t>
  </si>
  <si>
    <t>488427.0</t>
  </si>
  <si>
    <t>492768.0</t>
  </si>
  <si>
    <t>15.008</t>
  </si>
  <si>
    <t>493509.0</t>
  </si>
  <si>
    <t>495625.0</t>
  </si>
  <si>
    <t>496425.0</t>
  </si>
  <si>
    <t>497782.0</t>
  </si>
  <si>
    <t>15.161</t>
  </si>
  <si>
    <t>498890.0</t>
  </si>
  <si>
    <t>15.195</t>
  </si>
  <si>
    <t>500351.0</t>
  </si>
  <si>
    <t>503097.0</t>
  </si>
  <si>
    <t>15.323</t>
  </si>
  <si>
    <t>503524.0</t>
  </si>
  <si>
    <t>504558.0</t>
  </si>
  <si>
    <t>506606.0</t>
  </si>
  <si>
    <t>508081.0</t>
  </si>
  <si>
    <t>15.475</t>
  </si>
  <si>
    <t>510074.0</t>
  </si>
  <si>
    <t>512523.0</t>
  </si>
  <si>
    <t>514422.0</t>
  </si>
  <si>
    <t>515890.0</t>
  </si>
  <si>
    <t>15.713</t>
  </si>
  <si>
    <t>517264.0</t>
  </si>
  <si>
    <t>15.754</t>
  </si>
  <si>
    <t>518785.0</t>
  </si>
  <si>
    <t>520835.0</t>
  </si>
  <si>
    <t>522285.0</t>
  </si>
  <si>
    <t>15.907</t>
  </si>
  <si>
    <t>525428.0</t>
  </si>
  <si>
    <t>16.003</t>
  </si>
  <si>
    <t>529381.0</t>
  </si>
  <si>
    <t>16.123</t>
  </si>
  <si>
    <t>530421.0</t>
  </si>
  <si>
    <t>16.155</t>
  </si>
  <si>
    <t>532197.0</t>
  </si>
  <si>
    <t>534364.0</t>
  </si>
  <si>
    <t>538972.0</t>
  </si>
  <si>
    <t>16.416</t>
  </si>
  <si>
    <t>541153.0</t>
  </si>
  <si>
    <t>16.482</t>
  </si>
  <si>
    <t>543316.0</t>
  </si>
  <si>
    <t>16.548</t>
  </si>
  <si>
    <t>544309.0</t>
  </si>
  <si>
    <t>545226.0</t>
  </si>
  <si>
    <t>16.606</t>
  </si>
  <si>
    <t>16.729</t>
  </si>
  <si>
    <t>551271.0</t>
  </si>
  <si>
    <t>553270.0</t>
  </si>
  <si>
    <t>16.851</t>
  </si>
  <si>
    <t>555802.0</t>
  </si>
  <si>
    <t>16.928</t>
  </si>
  <si>
    <t>556606.0</t>
  </si>
  <si>
    <t>16.953</t>
  </si>
  <si>
    <t>559193.0</t>
  </si>
  <si>
    <t>17.031</t>
  </si>
  <si>
    <t>560713.0</t>
  </si>
  <si>
    <t>17.078</t>
  </si>
  <si>
    <t>563218.0</t>
  </si>
  <si>
    <t>17.154</t>
  </si>
  <si>
    <t>565298.0</t>
  </si>
  <si>
    <t>17.217</t>
  </si>
  <si>
    <t>17.276</t>
  </si>
  <si>
    <t>569707.0</t>
  </si>
  <si>
    <t>17.352</t>
  </si>
  <si>
    <t>571825.0</t>
  </si>
  <si>
    <t>573754.0</t>
  </si>
  <si>
    <t>575991.0</t>
  </si>
  <si>
    <t>17.543</t>
  </si>
  <si>
    <t>578117.0</t>
  </si>
  <si>
    <t>580352.0</t>
  </si>
  <si>
    <t>17.676</t>
  </si>
  <si>
    <t>582707.0</t>
  </si>
  <si>
    <t>17.748</t>
  </si>
  <si>
    <t>583545.0</t>
  </si>
  <si>
    <t>17.773</t>
  </si>
  <si>
    <t>586711.0</t>
  </si>
  <si>
    <t>588753.0</t>
  </si>
  <si>
    <t>589932.0</t>
  </si>
  <si>
    <t>17.968</t>
  </si>
  <si>
    <t>591185.0</t>
  </si>
  <si>
    <t>18.006</t>
  </si>
  <si>
    <t>592285.0</t>
  </si>
  <si>
    <t>18.039</t>
  </si>
  <si>
    <t>597395.0</t>
  </si>
  <si>
    <t>18.195</t>
  </si>
  <si>
    <t>599863.0</t>
  </si>
  <si>
    <t>601007.0</t>
  </si>
  <si>
    <t>18.305</t>
  </si>
  <si>
    <t>602106.0</t>
  </si>
  <si>
    <t>606736.0</t>
  </si>
  <si>
    <t>608959.0</t>
  </si>
  <si>
    <t>18.547</t>
  </si>
  <si>
    <t>611624.0</t>
  </si>
  <si>
    <t>613831.0</t>
  </si>
  <si>
    <t>18.696</t>
  </si>
  <si>
    <t>616231.0</t>
  </si>
  <si>
    <t>618271.0</t>
  </si>
  <si>
    <t>620148.0</t>
  </si>
  <si>
    <t>18.888</t>
  </si>
  <si>
    <t>622086.0</t>
  </si>
  <si>
    <t>18.947</t>
  </si>
  <si>
    <t>624771.0</t>
  </si>
  <si>
    <t>19.029</t>
  </si>
  <si>
    <t>627116.0</t>
  </si>
  <si>
    <t>629522.0</t>
  </si>
  <si>
    <t>19.173</t>
  </si>
  <si>
    <t>630540.0</t>
  </si>
  <si>
    <t>634174.0</t>
  </si>
  <si>
    <t>636366.0</t>
  </si>
  <si>
    <t>19.382</t>
  </si>
  <si>
    <t>638690.0</t>
  </si>
  <si>
    <t>19.453</t>
  </si>
  <si>
    <t>641277.0</t>
  </si>
  <si>
    <t>19.531</t>
  </si>
  <si>
    <t>644113.0</t>
  </si>
  <si>
    <t>19.618</t>
  </si>
  <si>
    <t>646687.0</t>
  </si>
  <si>
    <t>19.696</t>
  </si>
  <si>
    <t>651835.0</t>
  </si>
  <si>
    <t>653941.0</t>
  </si>
  <si>
    <t>19.917</t>
  </si>
  <si>
    <t>656754.0</t>
  </si>
  <si>
    <t>20.003</t>
  </si>
  <si>
    <t>659272.0</t>
  </si>
  <si>
    <t>663709.0</t>
  </si>
  <si>
    <t>665661.0</t>
  </si>
  <si>
    <t>667642.0</t>
  </si>
  <si>
    <t>20.334</t>
  </si>
  <si>
    <t>669306.0</t>
  </si>
  <si>
    <t>20.385</t>
  </si>
  <si>
    <t>671458.0</t>
  </si>
  <si>
    <t>672364.0</t>
  </si>
  <si>
    <t>20.478</t>
  </si>
  <si>
    <t>679087.0</t>
  </si>
  <si>
    <t>20.683</t>
  </si>
  <si>
    <t>681301.0</t>
  </si>
  <si>
    <t>683426.0</t>
  </si>
  <si>
    <t>20.815</t>
  </si>
  <si>
    <t>686304.0</t>
  </si>
  <si>
    <t>20.903</t>
  </si>
  <si>
    <t>689095.0</t>
  </si>
  <si>
    <t>691902.0</t>
  </si>
  <si>
    <t>21.073</t>
  </si>
  <si>
    <t>694948.0</t>
  </si>
  <si>
    <t>21.166</t>
  </si>
  <si>
    <t>697995.0</t>
  </si>
  <si>
    <t>21.259</t>
  </si>
  <si>
    <t>701137.0</t>
  </si>
  <si>
    <t>21.355</t>
  </si>
  <si>
    <t>706673.0</t>
  </si>
  <si>
    <t>21.523</t>
  </si>
  <si>
    <t>709758.0</t>
  </si>
  <si>
    <t>21.617</t>
  </si>
  <si>
    <t>713408.0</t>
  </si>
  <si>
    <t>21.728</t>
  </si>
  <si>
    <t>717279.0</t>
  </si>
  <si>
    <t>21.846</t>
  </si>
  <si>
    <t>721263.0</t>
  </si>
  <si>
    <t>21.968</t>
  </si>
  <si>
    <t>726313.0</t>
  </si>
  <si>
    <t>22.121</t>
  </si>
  <si>
    <t>730557.0</t>
  </si>
  <si>
    <t>22.251</t>
  </si>
  <si>
    <t>735234.0</t>
  </si>
  <si>
    <t>22.393</t>
  </si>
  <si>
    <t>740217.0</t>
  </si>
  <si>
    <t>745095.0</t>
  </si>
  <si>
    <t>22.693</t>
  </si>
  <si>
    <t>749486.0</t>
  </si>
  <si>
    <t>22.827</t>
  </si>
  <si>
    <t>757560.0</t>
  </si>
  <si>
    <t>762654.0</t>
  </si>
  <si>
    <t>23.228</t>
  </si>
  <si>
    <t>766932.0</t>
  </si>
  <si>
    <t>23.359</t>
  </si>
  <si>
    <t>773119.0</t>
  </si>
  <si>
    <t>23.547</t>
  </si>
  <si>
    <t>778284.0</t>
  </si>
  <si>
    <t>23.704</t>
  </si>
  <si>
    <t>783432.0</t>
  </si>
  <si>
    <t>23.861</t>
  </si>
  <si>
    <t>788526.0</t>
  </si>
  <si>
    <t>792936.0</t>
  </si>
  <si>
    <t>796223.0</t>
  </si>
  <si>
    <t>802153.0</t>
  </si>
  <si>
    <t>24.431</t>
  </si>
  <si>
    <t>805652.0</t>
  </si>
  <si>
    <t>810040.0</t>
  </si>
  <si>
    <t>814434.0</t>
  </si>
  <si>
    <t>24.805</t>
  </si>
  <si>
    <t>817990.0</t>
  </si>
  <si>
    <t>822643.0</t>
  </si>
  <si>
    <t>25.055</t>
  </si>
  <si>
    <t>827784.0</t>
  </si>
  <si>
    <t>25.212</t>
  </si>
  <si>
    <t>832760.0</t>
  </si>
  <si>
    <t>25.363</t>
  </si>
  <si>
    <t>837925.0</t>
  </si>
  <si>
    <t>25.521</t>
  </si>
  <si>
    <t>841363.0</t>
  </si>
  <si>
    <t>25.626</t>
  </si>
  <si>
    <t>846174.0</t>
  </si>
  <si>
    <t>25.772</t>
  </si>
  <si>
    <t>849891.0</t>
  </si>
  <si>
    <t>854108.0</t>
  </si>
  <si>
    <t>858325.0</t>
  </si>
  <si>
    <t>26.142</t>
  </si>
  <si>
    <t>26.284</t>
  </si>
  <si>
    <t>868173.0</t>
  </si>
  <si>
    <t>26.442</t>
  </si>
  <si>
    <t>872594.0</t>
  </si>
  <si>
    <t>876839.0</t>
  </si>
  <si>
    <t>26.706</t>
  </si>
  <si>
    <t>880917.0</t>
  </si>
  <si>
    <t>26.83</t>
  </si>
  <si>
    <t>885214.0</t>
  </si>
  <si>
    <t>26.961</t>
  </si>
  <si>
    <t>889632.0</t>
  </si>
  <si>
    <t>893602.0</t>
  </si>
  <si>
    <t>27.217</t>
  </si>
  <si>
    <t>898269.0</t>
  </si>
  <si>
    <t>27.359</t>
  </si>
  <si>
    <t>902813.0</t>
  </si>
  <si>
    <t>27.497</t>
  </si>
  <si>
    <t>906827.0</t>
  </si>
  <si>
    <t>27.619</t>
  </si>
  <si>
    <t>910673.0</t>
  </si>
  <si>
    <t>27.736</t>
  </si>
  <si>
    <t>913557.0</t>
  </si>
  <si>
    <t>27.824</t>
  </si>
  <si>
    <t>917581.0</t>
  </si>
  <si>
    <t>27.947</t>
  </si>
  <si>
    <t>28893.0</t>
  </si>
  <si>
    <t>921378.0</t>
  </si>
  <si>
    <t>925611.0</t>
  </si>
  <si>
    <t>28.191</t>
  </si>
  <si>
    <t>929189.0</t>
  </si>
  <si>
    <t>932651.0</t>
  </si>
  <si>
    <t>28.406</t>
  </si>
  <si>
    <t>934748.0</t>
  </si>
  <si>
    <t>937326.0</t>
  </si>
  <si>
    <t>202252.0</t>
  </si>
  <si>
    <t>939736.0</t>
  </si>
  <si>
    <t>28.622</t>
  </si>
  <si>
    <t>942348.0</t>
  </si>
  <si>
    <t>28.701</t>
  </si>
  <si>
    <t>34602.0</t>
  </si>
  <si>
    <t>945743.0</t>
  </si>
  <si>
    <t>32617.0</t>
  </si>
  <si>
    <t>953041.0</t>
  </si>
  <si>
    <t>30632.0</t>
  </si>
  <si>
    <t>955937.0</t>
  </si>
  <si>
    <t>29.115</t>
  </si>
  <si>
    <t>26663.0</t>
  </si>
  <si>
    <t>961744.0</t>
  </si>
  <si>
    <t>29.292</t>
  </si>
  <si>
    <t>964174.0</t>
  </si>
  <si>
    <t>29.366</t>
  </si>
  <si>
    <t>966970.0</t>
  </si>
  <si>
    <t>29.451</t>
  </si>
  <si>
    <t>970048.0</t>
  </si>
  <si>
    <t>29.545</t>
  </si>
  <si>
    <t>420000.0</t>
  </si>
  <si>
    <t>29.631</t>
  </si>
  <si>
    <t>975812.0</t>
  </si>
  <si>
    <t>979476.0</t>
  </si>
  <si>
    <t>29.832</t>
  </si>
  <si>
    <t>14286.0</t>
  </si>
  <si>
    <t>981024.0</t>
  </si>
  <si>
    <t>14048.0</t>
  </si>
  <si>
    <t>983387.0</t>
  </si>
  <si>
    <t>29.951</t>
  </si>
  <si>
    <t>986349.0</t>
  </si>
  <si>
    <t>30.041</t>
  </si>
  <si>
    <t>996046.0</t>
  </si>
  <si>
    <t>30.337</t>
  </si>
  <si>
    <t>998389.0</t>
  </si>
  <si>
    <t>1001526.0</t>
  </si>
  <si>
    <t>30.504</t>
  </si>
  <si>
    <t>1004216.0</t>
  </si>
  <si>
    <t>30.586</t>
  </si>
  <si>
    <t>1007513.0</t>
  </si>
  <si>
    <t>1011223.0</t>
  </si>
  <si>
    <t>1014092.0</t>
  </si>
  <si>
    <t>1016808.0</t>
  </si>
  <si>
    <t>30.969</t>
  </si>
  <si>
    <t>1018900.0</t>
  </si>
  <si>
    <t>31.033</t>
  </si>
  <si>
    <t>1020874.0</t>
  </si>
  <si>
    <t>31.093</t>
  </si>
  <si>
    <t>1022771.0</t>
  </si>
  <si>
    <t>31.151</t>
  </si>
  <si>
    <t>1025654.0</t>
  </si>
  <si>
    <t>31.238</t>
  </si>
  <si>
    <t>599128.0</t>
  </si>
  <si>
    <t>647380.0</t>
  </si>
  <si>
    <t>1032114.0</t>
  </si>
  <si>
    <t>31.435</t>
  </si>
  <si>
    <t>681211.0</t>
  </si>
  <si>
    <t>33831.0</t>
  </si>
  <si>
    <t>16784.0</t>
  </si>
  <si>
    <t>1034099.0</t>
  </si>
  <si>
    <t>31.496</t>
  </si>
  <si>
    <t>17382.0</t>
  </si>
  <si>
    <t>703752.0</t>
  </si>
  <si>
    <t>1039284.0</t>
  </si>
  <si>
    <t>31.654</t>
  </si>
  <si>
    <t>742349.0</t>
  </si>
  <si>
    <t>38597.0</t>
  </si>
  <si>
    <t>1043734.0</t>
  </si>
  <si>
    <t>31.789</t>
  </si>
  <si>
    <t>1047048.0</t>
  </si>
  <si>
    <t>755686.0</t>
  </si>
  <si>
    <t>15472.0</t>
  </si>
  <si>
    <t>1049742.0</t>
  </si>
  <si>
    <t>1055797.0</t>
  </si>
  <si>
    <t>32.157</t>
  </si>
  <si>
    <t>1061121.0</t>
  </si>
  <si>
    <t>32.319</t>
  </si>
  <si>
    <t>842521.0</t>
  </si>
  <si>
    <t>1063581.0</t>
  </si>
  <si>
    <t>1066767.0</t>
  </si>
  <si>
    <t>1073220.0</t>
  </si>
  <si>
    <t>1075602.0</t>
  </si>
  <si>
    <t>846588.0</t>
  </si>
  <si>
    <t>1081113.0</t>
  </si>
  <si>
    <t>32.928</t>
  </si>
  <si>
    <t>1095041.0</t>
  </si>
  <si>
    <t>1097081.0</t>
  </si>
  <si>
    <t>33.414</t>
  </si>
  <si>
    <t>1102233.0</t>
  </si>
  <si>
    <t>33.571</t>
  </si>
  <si>
    <t>1105482.0</t>
  </si>
  <si>
    <t>1111142.0</t>
  </si>
  <si>
    <t>33.842</t>
  </si>
  <si>
    <t>1113553.0</t>
  </si>
  <si>
    <t>33.916</t>
  </si>
  <si>
    <t>1116513.0</t>
  </si>
  <si>
    <t>1118523.0</t>
  </si>
  <si>
    <t>34.067</t>
  </si>
  <si>
    <t>1123985.0</t>
  </si>
  <si>
    <t>1127136.0</t>
  </si>
  <si>
    <t>34.329</t>
  </si>
  <si>
    <t>1130406.0</t>
  </si>
  <si>
    <t>34.429</t>
  </si>
  <si>
    <t>1138228.0</t>
  </si>
  <si>
    <t>34.667</t>
  </si>
  <si>
    <t>1140227.0</t>
  </si>
  <si>
    <t>34.728</t>
  </si>
  <si>
    <t>1143933.0</t>
  </si>
  <si>
    <t>34.841</t>
  </si>
  <si>
    <t>1146633.0</t>
  </si>
  <si>
    <t>34.923</t>
  </si>
  <si>
    <t>1152871.0</t>
  </si>
  <si>
    <t>35.113</t>
  </si>
  <si>
    <t>1155699.0</t>
  </si>
  <si>
    <t>35.199</t>
  </si>
  <si>
    <t>1158835.0</t>
  </si>
  <si>
    <t>35.295</t>
  </si>
  <si>
    <t>847871.0</t>
  </si>
  <si>
    <t>1164383.0</t>
  </si>
  <si>
    <t>23313.0</t>
  </si>
  <si>
    <t>1170855.0</t>
  </si>
  <si>
    <t>35.661</t>
  </si>
  <si>
    <t>31068.0</t>
  </si>
  <si>
    <t>38824.0</t>
  </si>
  <si>
    <t>46579.0</t>
  </si>
  <si>
    <t>1228216.0</t>
  </si>
  <si>
    <t>852047.0</t>
  </si>
  <si>
    <t>376169.0</t>
  </si>
  <si>
    <t>54335.0</t>
  </si>
  <si>
    <t>1185809.0</t>
  </si>
  <si>
    <t>1188952.0</t>
  </si>
  <si>
    <t>36.212</t>
  </si>
  <si>
    <t>23420.0</t>
  </si>
  <si>
    <t>1199082.0</t>
  </si>
  <si>
    <t>36.521</t>
  </si>
  <si>
    <t>1205313.0</t>
  </si>
  <si>
    <t>1208386.0</t>
  </si>
  <si>
    <t>36.804</t>
  </si>
  <si>
    <t>1215518.0</t>
  </si>
  <si>
    <t>37.021</t>
  </si>
  <si>
    <t>1218439.0</t>
  </si>
  <si>
    <t>1223378.0</t>
  </si>
  <si>
    <t>37.261</t>
  </si>
  <si>
    <t>1230125.0</t>
  </si>
  <si>
    <t>1237117.0</t>
  </si>
  <si>
    <t>37.679</t>
  </si>
  <si>
    <t>1241303.0</t>
  </si>
  <si>
    <t>37.807</t>
  </si>
  <si>
    <t>1248552.0</t>
  </si>
  <si>
    <t>38.027</t>
  </si>
  <si>
    <t>1252073.0</t>
  </si>
  <si>
    <t>38.135</t>
  </si>
  <si>
    <t>1232876.0</t>
  </si>
  <si>
    <t>380829.0</t>
  </si>
  <si>
    <t>1259852.0</t>
  </si>
  <si>
    <t>38.371</t>
  </si>
  <si>
    <t>1264190.0</t>
  </si>
  <si>
    <t>38.504</t>
  </si>
  <si>
    <t>38.633</t>
  </si>
  <si>
    <t>1276266.0</t>
  </si>
  <si>
    <t>38.871</t>
  </si>
  <si>
    <t>1284163.0</t>
  </si>
  <si>
    <t>39.112</t>
  </si>
  <si>
    <t>1292900.0</t>
  </si>
  <si>
    <t>39.378</t>
  </si>
  <si>
    <t>1297568.0</t>
  </si>
  <si>
    <t>1305749.0</t>
  </si>
  <si>
    <t>39.769</t>
  </si>
  <si>
    <t>1309608.0</t>
  </si>
  <si>
    <t>39.887</t>
  </si>
  <si>
    <t>1313962.0</t>
  </si>
  <si>
    <t>1261677.0</t>
  </si>
  <si>
    <t>864918.0</t>
  </si>
  <si>
    <t>396759.0</t>
  </si>
  <si>
    <t>1318104.0</t>
  </si>
  <si>
    <t>40.146</t>
  </si>
  <si>
    <t>1322907.0</t>
  </si>
  <si>
    <t>40.292</t>
  </si>
  <si>
    <t>1327990.0</t>
  </si>
  <si>
    <t>40.447</t>
  </si>
  <si>
    <t>1332546.0</t>
  </si>
  <si>
    <t>40.586</t>
  </si>
  <si>
    <t>1337035.0</t>
  </si>
  <si>
    <t>1341973.0</t>
  </si>
  <si>
    <t>40.873</t>
  </si>
  <si>
    <t>1265306.0</t>
  </si>
  <si>
    <t>864964.0</t>
  </si>
  <si>
    <t>400342.0</t>
  </si>
  <si>
    <t>1351596.0</t>
  </si>
  <si>
    <t>1357389.0</t>
  </si>
  <si>
    <t>41.342</t>
  </si>
  <si>
    <t>1362587.0</t>
  </si>
  <si>
    <t>1369099.0</t>
  </si>
  <si>
    <t>41.699</t>
  </si>
  <si>
    <t>1374779.0</t>
  </si>
  <si>
    <t>1379016.0</t>
  </si>
  <si>
    <t>42.001</t>
  </si>
  <si>
    <t>1384479.0</t>
  </si>
  <si>
    <t>42.167</t>
  </si>
  <si>
    <t>1271393.0</t>
  </si>
  <si>
    <t>865422.0</t>
  </si>
  <si>
    <t>405971.0</t>
  </si>
  <si>
    <t>1389154.0</t>
  </si>
  <si>
    <t>1394540.0</t>
  </si>
  <si>
    <t>42.474</t>
  </si>
  <si>
    <t>1406011.0</t>
  </si>
  <si>
    <t>42.823</t>
  </si>
  <si>
    <t>1412464.0</t>
  </si>
  <si>
    <t>1416952.0</t>
  </si>
  <si>
    <t>43.156</t>
  </si>
  <si>
    <t>1422916.0</t>
  </si>
  <si>
    <t>43.338</t>
  </si>
  <si>
    <t>1435223.0</t>
  </si>
  <si>
    <t>43.713</t>
  </si>
  <si>
    <t>1441900.0</t>
  </si>
  <si>
    <t>43.916</t>
  </si>
  <si>
    <t>1448507.0</t>
  </si>
  <si>
    <t>1454579.0</t>
  </si>
  <si>
    <t>1459845.0</t>
  </si>
  <si>
    <t>44.463</t>
  </si>
  <si>
    <t>1466128.0</t>
  </si>
  <si>
    <t>44.654</t>
  </si>
  <si>
    <t>1472554.0</t>
  </si>
  <si>
    <t>1478019.0</t>
  </si>
  <si>
    <t>45.016</t>
  </si>
  <si>
    <t>1484878.0</t>
  </si>
  <si>
    <t>45.225</t>
  </si>
  <si>
    <t>1491366.0</t>
  </si>
  <si>
    <t>45.423</t>
  </si>
  <si>
    <t>1497628.0</t>
  </si>
  <si>
    <t>45.613</t>
  </si>
  <si>
    <t>1502659.0</t>
  </si>
  <si>
    <t>45.767</t>
  </si>
  <si>
    <t>1508864.0</t>
  </si>
  <si>
    <t>45.956</t>
  </si>
  <si>
    <t>1514855.0</t>
  </si>
  <si>
    <t>46.138</t>
  </si>
  <si>
    <t>1521833.0</t>
  </si>
  <si>
    <t>46.351</t>
  </si>
  <si>
    <t>1528732.0</t>
  </si>
  <si>
    <t>46.561</t>
  </si>
  <si>
    <t>1539582.0</t>
  </si>
  <si>
    <t>46.891</t>
  </si>
  <si>
    <t>1544519.0</t>
  </si>
  <si>
    <t>47.042</t>
  </si>
  <si>
    <t>1558126.0</t>
  </si>
  <si>
    <t>1565303.0</t>
  </si>
  <si>
    <t>47.675</t>
  </si>
  <si>
    <t>1571719.0</t>
  </si>
  <si>
    <t>6141.0</t>
  </si>
  <si>
    <t>1577398.0</t>
  </si>
  <si>
    <t>48.043</t>
  </si>
  <si>
    <t>1582950.0</t>
  </si>
  <si>
    <t>1587422.0</t>
  </si>
  <si>
    <t>48.348</t>
  </si>
  <si>
    <t>1593355.0</t>
  </si>
  <si>
    <t>48.529</t>
  </si>
  <si>
    <t>1598732.0</t>
  </si>
  <si>
    <t>48.693</t>
  </si>
  <si>
    <t>1604760.0</t>
  </si>
  <si>
    <t>48.876</t>
  </si>
  <si>
    <t>1609659.0</t>
  </si>
  <si>
    <t>1615169.0</t>
  </si>
  <si>
    <t>49.193</t>
  </si>
  <si>
    <t>1629277.0</t>
  </si>
  <si>
    <t>49.623</t>
  </si>
  <si>
    <t>1634485.0</t>
  </si>
  <si>
    <t>49.782</t>
  </si>
  <si>
    <t>1645128.0</t>
  </si>
  <si>
    <t>50.106</t>
  </si>
  <si>
    <t>1649408.0</t>
  </si>
  <si>
    <t>50.236</t>
  </si>
  <si>
    <t>1654516.0</t>
  </si>
  <si>
    <t>50.392</t>
  </si>
  <si>
    <t>1659997.0</t>
  </si>
  <si>
    <t>50.559</t>
  </si>
  <si>
    <t>1663693.0</t>
  </si>
  <si>
    <t>50.671</t>
  </si>
  <si>
    <t>1668839.0</t>
  </si>
  <si>
    <t>50.828</t>
  </si>
  <si>
    <t>1673662.0</t>
  </si>
  <si>
    <t>50.975</t>
  </si>
  <si>
    <t>1678470.0</t>
  </si>
  <si>
    <t>1683209.0</t>
  </si>
  <si>
    <t>1695610.0</t>
  </si>
  <si>
    <t>51.643</t>
  </si>
  <si>
    <t>1704233.0</t>
  </si>
  <si>
    <t>51.906</t>
  </si>
  <si>
    <t>1709105.0</t>
  </si>
  <si>
    <t>52.054</t>
  </si>
  <si>
    <t>1714444.0</t>
  </si>
  <si>
    <t>52.217</t>
  </si>
  <si>
    <t>1718576.0</t>
  </si>
  <si>
    <t>52.343</t>
  </si>
  <si>
    <t>1727318.0</t>
  </si>
  <si>
    <t>52.609</t>
  </si>
  <si>
    <t>1731115.0</t>
  </si>
  <si>
    <t>52.725</t>
  </si>
  <si>
    <t>1623582.0</t>
  </si>
  <si>
    <t>758160.0</t>
  </si>
  <si>
    <t>1733401.0</t>
  </si>
  <si>
    <t>52.794</t>
  </si>
  <si>
    <t>1737122.0</t>
  </si>
  <si>
    <t>52.908</t>
  </si>
  <si>
    <t>1741147.0</t>
  </si>
  <si>
    <t>21420.0</t>
  </si>
  <si>
    <t>1745348.0</t>
  </si>
  <si>
    <t>53.158</t>
  </si>
  <si>
    <t>1753234.0</t>
  </si>
  <si>
    <t>53.398</t>
  </si>
  <si>
    <t>25416.0</t>
  </si>
  <si>
    <t>1757650.0</t>
  </si>
  <si>
    <t>29653.0</t>
  </si>
  <si>
    <t>1761857.0</t>
  </si>
  <si>
    <t>53.661</t>
  </si>
  <si>
    <t>1766259.0</t>
  </si>
  <si>
    <t>53.795</t>
  </si>
  <si>
    <t>1770296.0</t>
  </si>
  <si>
    <t>1773549.0</t>
  </si>
  <si>
    <t>54.017</t>
  </si>
  <si>
    <t>1777585.0</t>
  </si>
  <si>
    <t>1781277.0</t>
  </si>
  <si>
    <t>2189552.0</t>
  </si>
  <si>
    <t>1369515.0</t>
  </si>
  <si>
    <t>820037.0</t>
  </si>
  <si>
    <t>34026.0</t>
  </si>
  <si>
    <t>30848.0</t>
  </si>
  <si>
    <t>34760.0</t>
  </si>
  <si>
    <t>35493.0</t>
  </si>
  <si>
    <t>1812777.0</t>
  </si>
  <si>
    <t>55.212</t>
  </si>
  <si>
    <t>34435.0</t>
  </si>
  <si>
    <t>1820128.0</t>
  </si>
  <si>
    <t>55.436</t>
  </si>
  <si>
    <t>38428.0</t>
  </si>
  <si>
    <t>1827212.0</t>
  </si>
  <si>
    <t>55.652</t>
  </si>
  <si>
    <t>1842458.0</t>
  </si>
  <si>
    <t>56.116</t>
  </si>
  <si>
    <t>1849677.0</t>
  </si>
  <si>
    <t>56.336</t>
  </si>
  <si>
    <t>2727537.0</t>
  </si>
  <si>
    <t>1901831.0</t>
  </si>
  <si>
    <t>825706.0</t>
  </si>
  <si>
    <t>38085.0</t>
  </si>
  <si>
    <t>1857963.0</t>
  </si>
  <si>
    <t>56.588</t>
  </si>
  <si>
    <t>37253.0</t>
  </si>
  <si>
    <t>1861475.0</t>
  </si>
  <si>
    <t>56.695</t>
  </si>
  <si>
    <t>37401.0</t>
  </si>
  <si>
    <t>36482.0</t>
  </si>
  <si>
    <t>1873852.0</t>
  </si>
  <si>
    <t>57.072</t>
  </si>
  <si>
    <t>2979766.0</t>
  </si>
  <si>
    <t>2149123.0</t>
  </si>
  <si>
    <t>830643.0</t>
  </si>
  <si>
    <t>35327.0</t>
  </si>
  <si>
    <t>32727.0</t>
  </si>
  <si>
    <t>1885473.0</t>
  </si>
  <si>
    <t>57.426</t>
  </si>
  <si>
    <t>30743.0</t>
  </si>
  <si>
    <t>28098.0</t>
  </si>
  <si>
    <t>25453.0</t>
  </si>
  <si>
    <t>24926.0</t>
  </si>
  <si>
    <t>22326.0</t>
  </si>
  <si>
    <t>3102396.0</t>
  </si>
  <si>
    <t>2269003.0</t>
  </si>
  <si>
    <t>833393.0</t>
  </si>
  <si>
    <t>17126.0</t>
  </si>
  <si>
    <t>3162666.0</t>
  </si>
  <si>
    <t>2328335.0</t>
  </si>
  <si>
    <t>834331.0</t>
  </si>
  <si>
    <t>21850.0</t>
  </si>
  <si>
    <t>21388.0</t>
  </si>
  <si>
    <t>17855.0</t>
  </si>
  <si>
    <t>3188114.0</t>
  </si>
  <si>
    <t>2352125.0</t>
  </si>
  <si>
    <t>835989.0</t>
  </si>
  <si>
    <t>14748.0</t>
  </si>
  <si>
    <t>14321.0</t>
  </si>
  <si>
    <t>15011.0</t>
  </si>
  <si>
    <t>14585.0</t>
  </si>
  <si>
    <t>228.2</t>
  </si>
  <si>
    <t>19498.0</t>
  </si>
  <si>
    <t>21954.0</t>
  </si>
  <si>
    <t>3367531.0</t>
  </si>
  <si>
    <t>2527761.0</t>
  </si>
  <si>
    <t>839770.0</t>
  </si>
  <si>
    <t>21763.0</t>
  </si>
  <si>
    <t>22027.0</t>
  </si>
  <si>
    <t>21827.0</t>
  </si>
  <si>
    <t>21381.0</t>
  </si>
  <si>
    <t>20999.0</t>
  </si>
  <si>
    <t>3493688.0</t>
  </si>
  <si>
    <t>2651463.0</t>
  </si>
  <si>
    <t>842225.0</t>
  </si>
  <si>
    <t>26776.0</t>
  </si>
  <si>
    <t>34442.0</t>
  </si>
  <si>
    <t>4216970.0</t>
  </si>
  <si>
    <t>1565507.0</t>
  </si>
  <si>
    <t>92705.0</t>
  </si>
  <si>
    <t>150968.0</t>
  </si>
  <si>
    <t>111534.0</t>
  </si>
  <si>
    <t>209231.0</t>
  </si>
  <si>
    <t>167301.0</t>
  </si>
  <si>
    <t>267494.0</t>
  </si>
  <si>
    <t>223068.0</t>
  </si>
  <si>
    <t>325757.0</t>
  </si>
  <si>
    <t>278835.0</t>
  </si>
  <si>
    <t>384020.0</t>
  </si>
  <si>
    <t>334602.0</t>
  </si>
  <si>
    <t>2091103.0</t>
  </si>
  <si>
    <t>63.689</t>
  </si>
  <si>
    <t>442283.0</t>
  </si>
  <si>
    <t>390369.0</t>
  </si>
  <si>
    <t>7755231.0</t>
  </si>
  <si>
    <t>5774413.0</t>
  </si>
  <si>
    <t>2334010.0</t>
  </si>
  <si>
    <t>387596.0</t>
  </si>
  <si>
    <t>336719.0</t>
  </si>
  <si>
    <t>283069.0</t>
  </si>
  <si>
    <t>278223.0</t>
  </si>
  <si>
    <t>229419.0</t>
  </si>
  <si>
    <t>175769.0</t>
  </si>
  <si>
    <t>168849.0</t>
  </si>
  <si>
    <t>122120.0</t>
  </si>
  <si>
    <t>114163.0</t>
  </si>
  <si>
    <t>68470.0</t>
  </si>
  <si>
    <t>2132704.0</t>
  </si>
  <si>
    <t>64.956</t>
  </si>
  <si>
    <t>59476.0</t>
  </si>
  <si>
    <t>2142004.0</t>
  </si>
  <si>
    <t>65.239</t>
  </si>
  <si>
    <t>2168003.0</t>
  </si>
  <si>
    <t>66.031</t>
  </si>
  <si>
    <t>2172569.0</t>
  </si>
  <si>
    <t>2180320.0</t>
  </si>
  <si>
    <t>66.406</t>
  </si>
  <si>
    <t>0.2065</t>
  </si>
  <si>
    <t>9004225.0</t>
  </si>
  <si>
    <t>6085629.0</t>
  </si>
  <si>
    <t>2918596.0</t>
  </si>
  <si>
    <t>87110.0</t>
  </si>
  <si>
    <t>114744.0</t>
  </si>
  <si>
    <t>67161.0</t>
  </si>
  <si>
    <t>142379.0</t>
  </si>
  <si>
    <t>93331.0</t>
  </si>
  <si>
    <t>10015888.0</t>
  </si>
  <si>
    <t>6877682.0</t>
  </si>
  <si>
    <t>3138206.0</t>
  </si>
  <si>
    <t>170013.0</t>
  </si>
  <si>
    <t>119502.0</t>
  </si>
  <si>
    <t>173586.0</t>
  </si>
  <si>
    <t>120929.0</t>
  </si>
  <si>
    <t>177159.0</t>
  </si>
  <si>
    <t>122356.0</t>
  </si>
  <si>
    <t>2194883.0</t>
  </si>
  <si>
    <t>180732.0</t>
  </si>
  <si>
    <t>123784.0</t>
  </si>
  <si>
    <t>2199525.0</t>
  </si>
  <si>
    <t>66.991</t>
  </si>
  <si>
    <t>156671.0</t>
  </si>
  <si>
    <t>132609.0</t>
  </si>
  <si>
    <t>108548.0</t>
  </si>
  <si>
    <t>2215094.0</t>
  </si>
  <si>
    <t>67.465</t>
  </si>
  <si>
    <t>84487.0</t>
  </si>
  <si>
    <t>24811.0</t>
  </si>
  <si>
    <t>2222501.0</t>
  </si>
  <si>
    <t>2235234.0</t>
  </si>
  <si>
    <t>68.079</t>
  </si>
  <si>
    <t>2241487.0</t>
  </si>
  <si>
    <t>68.269</t>
  </si>
  <si>
    <t>2250718.0</t>
  </si>
  <si>
    <t>2267437.0</t>
  </si>
  <si>
    <t>12043575.0</t>
  </si>
  <si>
    <t>7473144.0</t>
  </si>
  <si>
    <t>4570431.0</t>
  </si>
  <si>
    <t>78074.0</t>
  </si>
  <si>
    <t>71661.0</t>
  </si>
  <si>
    <t>51905.0</t>
  </si>
  <si>
    <t>58836.0</t>
  </si>
  <si>
    <t>2275959.0</t>
  </si>
  <si>
    <t>52423.0</t>
  </si>
  <si>
    <t>46011.0</t>
  </si>
  <si>
    <t>78999.0</t>
  </si>
  <si>
    <t>100169.0</t>
  </si>
  <si>
    <t>88030.0</t>
  </si>
  <si>
    <t>2284338.0</t>
  </si>
  <si>
    <t>69.574</t>
  </si>
  <si>
    <t>2287642.0</t>
  </si>
  <si>
    <t>69.675</t>
  </si>
  <si>
    <t>2305405.0</t>
  </si>
  <si>
    <t>70.216</t>
  </si>
  <si>
    <t>12637542.0</t>
  </si>
  <si>
    <t>8793591.0</t>
  </si>
  <si>
    <t>4867214.0</t>
  </si>
  <si>
    <t>36355.0</t>
  </si>
  <si>
    <t>65338.0</t>
  </si>
  <si>
    <t>42646.0</t>
  </si>
  <si>
    <t>2327529.0</t>
  </si>
  <si>
    <t>20140.0</t>
  </si>
  <si>
    <t>2333852.0</t>
  </si>
  <si>
    <t>71.082</t>
  </si>
  <si>
    <t>2363430.0</t>
  </si>
  <si>
    <t>71.983</t>
  </si>
  <si>
    <t>2365638.0</t>
  </si>
  <si>
    <t>72.051</t>
  </si>
  <si>
    <t>2384624.0</t>
  </si>
  <si>
    <t>72.629</t>
  </si>
  <si>
    <t>13026180.0</t>
  </si>
  <si>
    <t>8991580.0</t>
  </si>
  <si>
    <t>5050369.0</t>
  </si>
  <si>
    <t>119019.0</t>
  </si>
  <si>
    <t>12757.0</t>
  </si>
  <si>
    <t>2401739.0</t>
  </si>
  <si>
    <t>2410734.0</t>
  </si>
  <si>
    <t>360.6</t>
  </si>
  <si>
    <t>13047826.0</t>
  </si>
  <si>
    <t>8999937.0</t>
  </si>
  <si>
    <t>5070306.0</t>
  </si>
  <si>
    <t>158605.0</t>
  </si>
  <si>
    <t>324.3</t>
  </si>
  <si>
    <t>2419852.0</t>
  </si>
  <si>
    <t>73.702</t>
  </si>
  <si>
    <t>314.3</t>
  </si>
  <si>
    <t>2424907.0</t>
  </si>
  <si>
    <t>10574.0</t>
  </si>
  <si>
    <t>2426051.0</t>
  </si>
  <si>
    <t>73.891</t>
  </si>
  <si>
    <t>2430490.0</t>
  </si>
  <si>
    <t>74.026</t>
  </si>
  <si>
    <t>2433244.0</t>
  </si>
  <si>
    <t>9274857.0</t>
  </si>
  <si>
    <t>5532611.0</t>
  </si>
  <si>
    <t>230419.0</t>
  </si>
  <si>
    <t>2435325.0</t>
  </si>
  <si>
    <t>74.173</t>
  </si>
  <si>
    <t>29246.0</t>
  </si>
  <si>
    <t>2435846.0</t>
  </si>
  <si>
    <t>74.189</t>
  </si>
  <si>
    <t>9491108.0</t>
  </si>
  <si>
    <t>5807263.0</t>
  </si>
  <si>
    <t>360201.0</t>
  </si>
  <si>
    <t>36430.0</t>
  </si>
  <si>
    <t>38946.0</t>
  </si>
  <si>
    <t>2438498.0</t>
  </si>
  <si>
    <t>34642.0</t>
  </si>
  <si>
    <t>2438745.0</t>
  </si>
  <si>
    <t>74.277</t>
  </si>
  <si>
    <t>9688415.0</t>
  </si>
  <si>
    <t>6030567.0</t>
  </si>
  <si>
    <t>438799.0</t>
  </si>
  <si>
    <t>74463.0</t>
  </si>
  <si>
    <t>2441751.0</t>
  </si>
  <si>
    <t>111695.0</t>
  </si>
  <si>
    <t>148926.0</t>
  </si>
  <si>
    <t>186158.0</t>
  </si>
  <si>
    <t>223390.0</t>
  </si>
  <si>
    <t>2442206.0</t>
  </si>
  <si>
    <t>14872174.0</t>
  </si>
  <si>
    <t>6126483.0</t>
  </si>
  <si>
    <t>483337.0</t>
  </si>
  <si>
    <t>260621.0</t>
  </si>
  <si>
    <t>248914.0</t>
  </si>
  <si>
    <t>237206.0</t>
  </si>
  <si>
    <t>2445003.0</t>
  </si>
  <si>
    <t>74.468</t>
  </si>
  <si>
    <t>225499.0</t>
  </si>
  <si>
    <t>202084.0</t>
  </si>
  <si>
    <t>190377.0</t>
  </si>
  <si>
    <t>16122862.0</t>
  </si>
  <si>
    <t>6329702.0</t>
  </si>
  <si>
    <t>537380.0</t>
  </si>
  <si>
    <t>178670.0</t>
  </si>
  <si>
    <t>154794.0</t>
  </si>
  <si>
    <t>130918.0</t>
  </si>
  <si>
    <t>107042.0</t>
  </si>
  <si>
    <t>59290.0</t>
  </si>
  <si>
    <t>2447976.0</t>
  </si>
  <si>
    <t>16203630.0</t>
  </si>
  <si>
    <t>9786631.0</t>
  </si>
  <si>
    <t>6410470.0</t>
  </si>
  <si>
    <t>570557.0</t>
  </si>
  <si>
    <t>11033.0</t>
  </si>
  <si>
    <t>22155.0</t>
  </si>
  <si>
    <t>2451373.0</t>
  </si>
  <si>
    <t>74.662</t>
  </si>
  <si>
    <t>36311.0</t>
  </si>
  <si>
    <t>2454320.0</t>
  </si>
  <si>
    <t>74.752</t>
  </si>
  <si>
    <t>0.3936</t>
  </si>
  <si>
    <t>2458238.0</t>
  </si>
  <si>
    <t>74.871</t>
  </si>
  <si>
    <t>10352002.0</t>
  </si>
  <si>
    <t>7089576.0</t>
  </si>
  <si>
    <t>1006920.0</t>
  </si>
  <si>
    <t>2465238.0</t>
  </si>
  <si>
    <t>75.084</t>
  </si>
  <si>
    <t>24941.0</t>
  </si>
  <si>
    <t>17015.0</t>
  </si>
  <si>
    <t>10443364.0</t>
  </si>
  <si>
    <t>7193153.0</t>
  </si>
  <si>
    <t>18087.0</t>
  </si>
  <si>
    <t>28156.0</t>
  </si>
  <si>
    <t>30674.0</t>
  </si>
  <si>
    <t>10872794.0</t>
  </si>
  <si>
    <t>7691954.0</t>
  </si>
  <si>
    <t>1318780.0</t>
  </si>
  <si>
    <t>29761.0</t>
  </si>
  <si>
    <t>28849.0</t>
  </si>
  <si>
    <t>27025.0</t>
  </si>
  <si>
    <t>26112.0</t>
  </si>
  <si>
    <t>11042809.0</t>
  </si>
  <si>
    <t>7880395.0</t>
  </si>
  <si>
    <t>1479643.0</t>
  </si>
  <si>
    <t>24288.0</t>
  </si>
  <si>
    <t>18237036.0</t>
  </si>
  <si>
    <t>11079814.0</t>
  </si>
  <si>
    <t>7928573.0</t>
  </si>
  <si>
    <t>1522013.0</t>
  </si>
  <si>
    <t>34369.0</t>
  </si>
  <si>
    <t>32427.0</t>
  </si>
  <si>
    <t>28544.0</t>
  </si>
  <si>
    <t>26602.0</t>
  </si>
  <si>
    <t>24661.0</t>
  </si>
  <si>
    <t>9730.0</t>
  </si>
  <si>
    <t>18396070.0</t>
  </si>
  <si>
    <t>11153112.0</t>
  </si>
  <si>
    <t>8010792.0</t>
  </si>
  <si>
    <t>1581895.0</t>
  </si>
  <si>
    <t>11235113.0</t>
  </si>
  <si>
    <t>8105359.0</t>
  </si>
  <si>
    <t>1668363.0</t>
  </si>
  <si>
    <t>12043.0</t>
  </si>
  <si>
    <t>24086.0</t>
  </si>
  <si>
    <t>36129.0</t>
  </si>
  <si>
    <t>48172.0</t>
  </si>
  <si>
    <t>60215.0</t>
  </si>
  <si>
    <t>18986179.0</t>
  </si>
  <si>
    <t>11351092.0</t>
  </si>
  <si>
    <t>8224173.0</t>
  </si>
  <si>
    <t>1753748.0</t>
  </si>
  <si>
    <t>84301.0</t>
  </si>
  <si>
    <t>16568.0</t>
  </si>
  <si>
    <t>73664.0</t>
  </si>
  <si>
    <t>63027.0</t>
  </si>
  <si>
    <t>12670.0</t>
  </si>
  <si>
    <t>41752.0</t>
  </si>
  <si>
    <t>20477.0</t>
  </si>
  <si>
    <t>19055059.0</t>
  </si>
  <si>
    <t>11371567.0</t>
  </si>
  <si>
    <t>8251886.0</t>
  </si>
  <si>
    <t>1780905.0</t>
  </si>
  <si>
    <t>24385.0</t>
  </si>
  <si>
    <t>31658.0</t>
  </si>
  <si>
    <t>19302116.0</t>
  </si>
  <si>
    <t>11456256.0</t>
  </si>
  <si>
    <t>8343375.0</t>
  </si>
  <si>
    <t>1875293.0</t>
  </si>
  <si>
    <t>26789.0</t>
  </si>
  <si>
    <t>18284.0</t>
  </si>
  <si>
    <t>19340804.0</t>
  </si>
  <si>
    <t>11471547.0</t>
  </si>
  <si>
    <t>8361840.0</t>
  </si>
  <si>
    <t>16803.0</t>
  </si>
  <si>
    <t>22441.0</t>
  </si>
  <si>
    <t>25260.0</t>
  </si>
  <si>
    <t>19694444.0</t>
  </si>
  <si>
    <t>11585739.0</t>
  </si>
  <si>
    <t>8493646.0</t>
  </si>
  <si>
    <t>2042654.0</t>
  </si>
  <si>
    <t>36752.0</t>
  </si>
  <si>
    <t>42498.0</t>
  </si>
  <si>
    <t>48245.0</t>
  </si>
  <si>
    <t>53991.0</t>
  </si>
  <si>
    <t>59737.0</t>
  </si>
  <si>
    <t>21703.0</t>
  </si>
  <si>
    <t>20152826.0</t>
  </si>
  <si>
    <t>11753461.0</t>
  </si>
  <si>
    <t>8674764.0</t>
  </si>
  <si>
    <t>2236453.0</t>
  </si>
  <si>
    <t>23960.0</t>
  </si>
  <si>
    <t>57534.0</t>
  </si>
  <si>
    <t>49585.0</t>
  </si>
  <si>
    <t>18257.0</t>
  </si>
  <si>
    <t>41636.0</t>
  </si>
  <si>
    <t>33687.0</t>
  </si>
  <si>
    <t>25737.0</t>
  </si>
  <si>
    <t>20359448.0</t>
  </si>
  <si>
    <t>11837459.0</t>
  </si>
  <si>
    <t>8758799.0</t>
  </si>
  <si>
    <t>2329799.0</t>
  </si>
  <si>
    <t>16086.0</t>
  </si>
  <si>
    <t>28580.0</t>
  </si>
  <si>
    <t>31703.0</t>
  </si>
  <si>
    <t>20803295.0</t>
  </si>
  <si>
    <t>12016344.0</t>
  </si>
  <si>
    <t>8951034.0</t>
  </si>
  <si>
    <t>2515191.0</t>
  </si>
  <si>
    <t>20869800.0</t>
  </si>
  <si>
    <t>12034108.0</t>
  </si>
  <si>
    <t>8977750.0</t>
  </si>
  <si>
    <t>2544214.0</t>
  </si>
  <si>
    <t>28456.0</t>
  </si>
  <si>
    <t>33197.0</t>
  </si>
  <si>
    <t>37938.0</t>
  </si>
  <si>
    <t>21400939.0</t>
  </si>
  <si>
    <t>12163179.0</t>
  </si>
  <si>
    <t>9183560.0</t>
  </si>
  <si>
    <t>2744852.0</t>
  </si>
  <si>
    <t>GIB</t>
  </si>
  <si>
    <t>Gibraltar</t>
  </si>
  <si>
    <t>-91.807693484714</t>
  </si>
  <si>
    <t>-5.2</t>
  </si>
  <si>
    <t>-4.68</t>
  </si>
  <si>
    <t>-9.48</t>
  </si>
  <si>
    <t>-159.133335373504</t>
  </si>
  <si>
    <t>-12.46</t>
  </si>
  <si>
    <t>-49.15</t>
  </si>
  <si>
    <t>-514.123083514399</t>
  </si>
  <si>
    <t>-23.6</t>
  </si>
  <si>
    <t>-14.97</t>
  </si>
  <si>
    <t>-29.82</t>
  </si>
  <si>
    <t>-722.22052207975</t>
  </si>
  <si>
    <t>-20.8</t>
  </si>
  <si>
    <t>-636.533341494017</t>
  </si>
  <si>
    <t>-22.8</t>
  </si>
  <si>
    <t>-11.3</t>
  </si>
  <si>
    <t>-697.738470483827</t>
  </si>
  <si>
    <t>-25.0</t>
  </si>
  <si>
    <t>-8.73</t>
  </si>
  <si>
    <t>-765.064112372617</t>
  </si>
  <si>
    <t>-24.8</t>
  </si>
  <si>
    <t>-9.85</t>
  </si>
  <si>
    <t>-758.943599473636</t>
  </si>
  <si>
    <t>-34.8</t>
  </si>
  <si>
    <t>-11.42</t>
  </si>
  <si>
    <t>-45.16</t>
  </si>
  <si>
    <t>-1064.96924442268</t>
  </si>
  <si>
    <t>31368.0</t>
  </si>
  <si>
    <t>31827.0</t>
  </si>
  <si>
    <t>28858.0</t>
  </si>
  <si>
    <t>27665.0</t>
  </si>
  <si>
    <t>21820.0</t>
  </si>
  <si>
    <t>19739.0</t>
  </si>
  <si>
    <t>17933.0</t>
  </si>
  <si>
    <t>12332.0</t>
  </si>
  <si>
    <t>599.810264100132</t>
  </si>
  <si>
    <t>15391.0</t>
  </si>
  <si>
    <t>18882.0</t>
  </si>
  <si>
    <t>13166.0</t>
  </si>
  <si>
    <t>17189.0</t>
  </si>
  <si>
    <t>27144.0</t>
  </si>
  <si>
    <t>20044.0</t>
  </si>
  <si>
    <t>13904.0</t>
  </si>
  <si>
    <t>25125.0</t>
  </si>
  <si>
    <t>21021.0</t>
  </si>
  <si>
    <t>25890.0</t>
  </si>
  <si>
    <t>25287.0</t>
  </si>
  <si>
    <t>15765.0</t>
  </si>
  <si>
    <t>9522.0</t>
  </si>
  <si>
    <t>25941.0</t>
  </si>
  <si>
    <t>10053.0</t>
  </si>
  <si>
    <t>30021.0</t>
  </si>
  <si>
    <t>16135.0</t>
  </si>
  <si>
    <t>27033.0</t>
  </si>
  <si>
    <t>27687.0</t>
  </si>
  <si>
    <t>22462.0</t>
  </si>
  <si>
    <t>17688.0</t>
  </si>
  <si>
    <t>93.13</t>
  </si>
  <si>
    <t>31631.0</t>
  </si>
  <si>
    <t>22952.0</t>
  </si>
  <si>
    <t>32705.0</t>
  </si>
  <si>
    <t>24788.0</t>
  </si>
  <si>
    <t>33371.0</t>
  </si>
  <si>
    <t>102.12</t>
  </si>
  <si>
    <t>35890.0</t>
  </si>
  <si>
    <t>28675.0</t>
  </si>
  <si>
    <t>36808.0</t>
  </si>
  <si>
    <t>38056.0</t>
  </si>
  <si>
    <t>116.46</t>
  </si>
  <si>
    <t>28093.0</t>
  </si>
  <si>
    <t>40652.0</t>
  </si>
  <si>
    <t>124.41</t>
  </si>
  <si>
    <t>2.268</t>
  </si>
  <si>
    <t>41318.0</t>
  </si>
  <si>
    <t>26163.0</t>
  </si>
  <si>
    <t>29378.0</t>
  </si>
  <si>
    <t>42548.0</t>
  </si>
  <si>
    <t>15403.0</t>
  </si>
  <si>
    <t>28140.0</t>
  </si>
  <si>
    <t>15809.0</t>
  </si>
  <si>
    <t>44894.0</t>
  </si>
  <si>
    <t>18545.0</t>
  </si>
  <si>
    <t>45488.0</t>
  </si>
  <si>
    <t>18239.0</t>
  </si>
  <si>
    <t>46136.0</t>
  </si>
  <si>
    <t>29610.0</t>
  </si>
  <si>
    <t>29631.0</t>
  </si>
  <si>
    <t>144.47</t>
  </si>
  <si>
    <t>48296.0</t>
  </si>
  <si>
    <t>18629.0</t>
  </si>
  <si>
    <t>29749.0</t>
  </si>
  <si>
    <t>19371.0</t>
  </si>
  <si>
    <t>49981.0</t>
  </si>
  <si>
    <t>29834.0</t>
  </si>
  <si>
    <t>20147.0</t>
  </si>
  <si>
    <t>152.95</t>
  </si>
  <si>
    <t>51163.0</t>
  </si>
  <si>
    <t>29913.0</t>
  </si>
  <si>
    <t>52331.0</t>
  </si>
  <si>
    <t>160.15</t>
  </si>
  <si>
    <t>27083.0</t>
  </si>
  <si>
    <t>23052.0</t>
  </si>
  <si>
    <t>26073.0</t>
  </si>
  <si>
    <t>54587.0</t>
  </si>
  <si>
    <t>167.05</t>
  </si>
  <si>
    <t>92.52</t>
  </si>
  <si>
    <t>25767.0</t>
  </si>
  <si>
    <t>56536.0</t>
  </si>
  <si>
    <t>173.01</t>
  </si>
  <si>
    <t>23503.0</t>
  </si>
  <si>
    <t>23227.0</t>
  </si>
  <si>
    <t>58756.0</t>
  </si>
  <si>
    <t>27662.0</t>
  </si>
  <si>
    <t>179.81</t>
  </si>
  <si>
    <t>24421.0</t>
  </si>
  <si>
    <t>59050.0</t>
  </si>
  <si>
    <t>180.71</t>
  </si>
  <si>
    <t>22677.0</t>
  </si>
  <si>
    <t>59698.0</t>
  </si>
  <si>
    <t>31206.0</t>
  </si>
  <si>
    <t>28492.0</t>
  </si>
  <si>
    <t>22340.0</t>
  </si>
  <si>
    <t>60265.0</t>
  </si>
  <si>
    <t>31739.0</t>
  </si>
  <si>
    <t>184.43</t>
  </si>
  <si>
    <t>19188.0</t>
  </si>
  <si>
    <t>28614.0</t>
  </si>
  <si>
    <t>32895.0</t>
  </si>
  <si>
    <t>29446.0</t>
  </si>
  <si>
    <t>190.78</t>
  </si>
  <si>
    <t>100.67</t>
  </si>
  <si>
    <t>63017.0</t>
  </si>
  <si>
    <t>192.85</t>
  </si>
  <si>
    <t>102.39</t>
  </si>
  <si>
    <t>63671.0</t>
  </si>
  <si>
    <t>33979.0</t>
  </si>
  <si>
    <t>29692.0</t>
  </si>
  <si>
    <t>103.98</t>
  </si>
  <si>
    <t>34529.0</t>
  </si>
  <si>
    <t>105.67</t>
  </si>
  <si>
    <t>35084.0</t>
  </si>
  <si>
    <t>66209.0</t>
  </si>
  <si>
    <t>35825.0</t>
  </si>
  <si>
    <t>66232.0</t>
  </si>
  <si>
    <t>35830.0</t>
  </si>
  <si>
    <t>30402.0</t>
  </si>
  <si>
    <t>202.69</t>
  </si>
  <si>
    <t>93.04</t>
  </si>
  <si>
    <t>66712.0</t>
  </si>
  <si>
    <t>30811.0</t>
  </si>
  <si>
    <t>109.87</t>
  </si>
  <si>
    <t>31454.0</t>
  </si>
  <si>
    <t>96.26</t>
  </si>
  <si>
    <t>67972.0</t>
  </si>
  <si>
    <t>31999.0</t>
  </si>
  <si>
    <t>208.01</t>
  </si>
  <si>
    <t>110.09</t>
  </si>
  <si>
    <t>97.93</t>
  </si>
  <si>
    <t>68752.0</t>
  </si>
  <si>
    <t>69532.0</t>
  </si>
  <si>
    <t>37478.0</t>
  </si>
  <si>
    <t>212.79</t>
  </si>
  <si>
    <t>114.69</t>
  </si>
  <si>
    <t>215.24</t>
  </si>
  <si>
    <t>100.49</t>
  </si>
  <si>
    <t>33611.0</t>
  </si>
  <si>
    <t>37614.0</t>
  </si>
  <si>
    <t>34280.0</t>
  </si>
  <si>
    <t>115.11</t>
  </si>
  <si>
    <t>72674.0</t>
  </si>
  <si>
    <t>37988.0</t>
  </si>
  <si>
    <t>117.68</t>
  </si>
  <si>
    <t>74256.0</t>
  </si>
  <si>
    <t>35529.0</t>
  </si>
  <si>
    <t>227.24</t>
  </si>
  <si>
    <t>118.51</t>
  </si>
  <si>
    <t>108.73</t>
  </si>
  <si>
    <t>74461.0</t>
  </si>
  <si>
    <t>35556.0</t>
  </si>
  <si>
    <t>75181.0</t>
  </si>
  <si>
    <t>38923.0</t>
  </si>
  <si>
    <t>230.07</t>
  </si>
  <si>
    <t>110.96</t>
  </si>
  <si>
    <t>75961.0</t>
  </si>
  <si>
    <t>38953.0</t>
  </si>
  <si>
    <t>232.46</t>
  </si>
  <si>
    <t>119.21</t>
  </si>
  <si>
    <t>113.25</t>
  </si>
  <si>
    <t>76189.0</t>
  </si>
  <si>
    <t>38990.0</t>
  </si>
  <si>
    <t>233.16</t>
  </si>
  <si>
    <t>76711.0</t>
  </si>
  <si>
    <t>39033.0</t>
  </si>
  <si>
    <t>77231.0</t>
  </si>
  <si>
    <t>236.35</t>
  </si>
  <si>
    <t>116.81</t>
  </si>
  <si>
    <t>77519.0</t>
  </si>
  <si>
    <t>38439.0</t>
  </si>
  <si>
    <t>117.63</t>
  </si>
  <si>
    <t>77717.0</t>
  </si>
  <si>
    <t>237.83</t>
  </si>
  <si>
    <t>77753.0</t>
  </si>
  <si>
    <t>39118.0</t>
  </si>
  <si>
    <t>118.23</t>
  </si>
  <si>
    <t>77969.0</t>
  </si>
  <si>
    <t>39174.0</t>
  </si>
  <si>
    <t>38795.0</t>
  </si>
  <si>
    <t>238.61</t>
  </si>
  <si>
    <t>78047.0</t>
  </si>
  <si>
    <t>38836.0</t>
  </si>
  <si>
    <t>238.84</t>
  </si>
  <si>
    <t>118.85</t>
  </si>
  <si>
    <t>78089.0</t>
  </si>
  <si>
    <t>238.97</t>
  </si>
  <si>
    <t>78125.0</t>
  </si>
  <si>
    <t>39259.0</t>
  </si>
  <si>
    <t>38866.0</t>
  </si>
  <si>
    <t>78233.0</t>
  </si>
  <si>
    <t>38939.0</t>
  </si>
  <si>
    <t>119.16</t>
  </si>
  <si>
    <t>78281.0</t>
  </si>
  <si>
    <t>39305.0</t>
  </si>
  <si>
    <t>38976.0</t>
  </si>
  <si>
    <t>239.56</t>
  </si>
  <si>
    <t>39029.0</t>
  </si>
  <si>
    <t>239.74</t>
  </si>
  <si>
    <t>78381.0</t>
  </si>
  <si>
    <t>39320.0</t>
  </si>
  <si>
    <t>39061.0</t>
  </si>
  <si>
    <t>120.33</t>
  </si>
  <si>
    <t>78399.0</t>
  </si>
  <si>
    <t>39327.0</t>
  </si>
  <si>
    <t>39072.0</t>
  </si>
  <si>
    <t>120.35</t>
  </si>
  <si>
    <t>78406.0</t>
  </si>
  <si>
    <t>239.94</t>
  </si>
  <si>
    <t>78440.0</t>
  </si>
  <si>
    <t>39334.0</t>
  </si>
  <si>
    <t>39106.0</t>
  </si>
  <si>
    <t>78459.0</t>
  </si>
  <si>
    <t>39340.0</t>
  </si>
  <si>
    <t>39119.0</t>
  </si>
  <si>
    <t>240.1</t>
  </si>
  <si>
    <t>78489.0</t>
  </si>
  <si>
    <t>39143.0</t>
  </si>
  <si>
    <t>78510.0</t>
  </si>
  <si>
    <t>39150.0</t>
  </si>
  <si>
    <t>78516.0</t>
  </si>
  <si>
    <t>240.28</t>
  </si>
  <si>
    <t>119.83</t>
  </si>
  <si>
    <t>78528.0</t>
  </si>
  <si>
    <t>39162.0</t>
  </si>
  <si>
    <t>240.32</t>
  </si>
  <si>
    <t>78570.0</t>
  </si>
  <si>
    <t>39396.0</t>
  </si>
  <si>
    <t>240.44</t>
  </si>
  <si>
    <t>120.56</t>
  </si>
  <si>
    <t>78607.0</t>
  </si>
  <si>
    <t>39428.0</t>
  </si>
  <si>
    <t>39179.0</t>
  </si>
  <si>
    <t>240.56</t>
  </si>
  <si>
    <t>120.66</t>
  </si>
  <si>
    <t>78667.0</t>
  </si>
  <si>
    <t>39486.0</t>
  </si>
  <si>
    <t>39195.0</t>
  </si>
  <si>
    <t>120.86</t>
  </si>
  <si>
    <t>78718.0</t>
  </si>
  <si>
    <t>120.95</t>
  </si>
  <si>
    <t>78749.0</t>
  </si>
  <si>
    <t>39546.0</t>
  </si>
  <si>
    <t>39203.0</t>
  </si>
  <si>
    <t>119.97</t>
  </si>
  <si>
    <t>78777.0</t>
  </si>
  <si>
    <t>78812.0</t>
  </si>
  <si>
    <t>39216.0</t>
  </si>
  <si>
    <t>120.01</t>
  </si>
  <si>
    <t>78854.0</t>
  </si>
  <si>
    <t>39629.0</t>
  </si>
  <si>
    <t>121.27</t>
  </si>
  <si>
    <t>78889.0</t>
  </si>
  <si>
    <t>39658.0</t>
  </si>
  <si>
    <t>39231.0</t>
  </si>
  <si>
    <t>121.36</t>
  </si>
  <si>
    <t>78961.0</t>
  </si>
  <si>
    <t>39729.0</t>
  </si>
  <si>
    <t>121.58</t>
  </si>
  <si>
    <t>79015.0</t>
  </si>
  <si>
    <t>39757.0</t>
  </si>
  <si>
    <t>241.81</t>
  </si>
  <si>
    <t>121.67</t>
  </si>
  <si>
    <t>79027.0</t>
  </si>
  <si>
    <t>241.84</t>
  </si>
  <si>
    <t>79074.0</t>
  </si>
  <si>
    <t>39772.0</t>
  </si>
  <si>
    <t>39302.0</t>
  </si>
  <si>
    <t>241.99</t>
  </si>
  <si>
    <t>120.27</t>
  </si>
  <si>
    <t>39787.0</t>
  </si>
  <si>
    <t>39331.0</t>
  </si>
  <si>
    <t>242.12</t>
  </si>
  <si>
    <t>121.76</t>
  </si>
  <si>
    <t>242.34</t>
  </si>
  <si>
    <t>79233.0</t>
  </si>
  <si>
    <t>39824.0</t>
  </si>
  <si>
    <t>39409.0</t>
  </si>
  <si>
    <t>242.47</t>
  </si>
  <si>
    <t>79269.0</t>
  </si>
  <si>
    <t>39432.0</t>
  </si>
  <si>
    <t>120.67</t>
  </si>
  <si>
    <t>242.69</t>
  </si>
  <si>
    <t>121.94</t>
  </si>
  <si>
    <t>79335.0</t>
  </si>
  <si>
    <t>122.02</t>
  </si>
  <si>
    <t>79377.0</t>
  </si>
  <si>
    <t>242.91</t>
  </si>
  <si>
    <t>79472.0</t>
  </si>
  <si>
    <t>39910.0</t>
  </si>
  <si>
    <t>243.2</t>
  </si>
  <si>
    <t>39927.0</t>
  </si>
  <si>
    <t>39575.0</t>
  </si>
  <si>
    <t>243.3</t>
  </si>
  <si>
    <t>121.11</t>
  </si>
  <si>
    <t>79527.0</t>
  </si>
  <si>
    <t>39589.0</t>
  </si>
  <si>
    <t>122.22</t>
  </si>
  <si>
    <t>79546.0</t>
  </si>
  <si>
    <t>243.43</t>
  </si>
  <si>
    <t>79569.0</t>
  </si>
  <si>
    <t>39951.0</t>
  </si>
  <si>
    <t>39613.0</t>
  </si>
  <si>
    <t>243.5</t>
  </si>
  <si>
    <t>121.23</t>
  </si>
  <si>
    <t>79587.0</t>
  </si>
  <si>
    <t>39952.0</t>
  </si>
  <si>
    <t>243.56</t>
  </si>
  <si>
    <t>121.28</t>
  </si>
  <si>
    <t>79599.0</t>
  </si>
  <si>
    <t>39953.0</t>
  </si>
  <si>
    <t>243.59</t>
  </si>
  <si>
    <t>122.27</t>
  </si>
  <si>
    <t>79653.0</t>
  </si>
  <si>
    <t>39653.0</t>
  </si>
  <si>
    <t>243.76</t>
  </si>
  <si>
    <t>121.35</t>
  </si>
  <si>
    <t>79764.0</t>
  </si>
  <si>
    <t>39671.0</t>
  </si>
  <si>
    <t>79910.0</t>
  </si>
  <si>
    <t>39955.0</t>
  </si>
  <si>
    <t>39683.0</t>
  </si>
  <si>
    <t>121.44</t>
  </si>
  <si>
    <t>79925.0</t>
  </si>
  <si>
    <t>39696.0</t>
  </si>
  <si>
    <t>79927.0</t>
  </si>
  <si>
    <t>39698.0</t>
  </si>
  <si>
    <t>121.49</t>
  </si>
  <si>
    <t>39959.0</t>
  </si>
  <si>
    <t>39714.0</t>
  </si>
  <si>
    <t>246.63</t>
  </si>
  <si>
    <t>121.54</t>
  </si>
  <si>
    <t>81080.0</t>
  </si>
  <si>
    <t>248.13</t>
  </si>
  <si>
    <t>122.29</t>
  </si>
  <si>
    <t>121.57</t>
  </si>
  <si>
    <t>81505.0</t>
  </si>
  <si>
    <t>39740.0</t>
  </si>
  <si>
    <t>249.43</t>
  </si>
  <si>
    <t>39751.0</t>
  </si>
  <si>
    <t>250.84</t>
  </si>
  <si>
    <t>121.65</t>
  </si>
  <si>
    <t>83039.0</t>
  </si>
  <si>
    <t>39768.0</t>
  </si>
  <si>
    <t>254.12</t>
  </si>
  <si>
    <t>13618.0</t>
  </si>
  <si>
    <t>83825.0</t>
  </si>
  <si>
    <t>39782.0</t>
  </si>
  <si>
    <t>256.53</t>
  </si>
  <si>
    <t>121.74</t>
  </si>
  <si>
    <t>84477.0</t>
  </si>
  <si>
    <t>39796.0</t>
  </si>
  <si>
    <t>122.94</t>
  </si>
  <si>
    <t>121.79</t>
  </si>
  <si>
    <t>260.3</t>
  </si>
  <si>
    <t>15516.0</t>
  </si>
  <si>
    <t>85576.0</t>
  </si>
  <si>
    <t>40440.0</t>
  </si>
  <si>
    <t>261.88</t>
  </si>
  <si>
    <t>85967.0</t>
  </si>
  <si>
    <t>86700.0</t>
  </si>
  <si>
    <t>40546.0</t>
  </si>
  <si>
    <t>265.32</t>
  </si>
  <si>
    <t>124.08</t>
  </si>
  <si>
    <t>16005.0</t>
  </si>
  <si>
    <t>87370.0</t>
  </si>
  <si>
    <t>267.37</t>
  </si>
  <si>
    <t>87663.0</t>
  </si>
  <si>
    <t>268.27</t>
  </si>
  <si>
    <t>88024.0</t>
  </si>
  <si>
    <t>40547.0</t>
  </si>
  <si>
    <t>269.38</t>
  </si>
  <si>
    <t>88394.0</t>
  </si>
  <si>
    <t>270.51</t>
  </si>
  <si>
    <t>88756.0</t>
  </si>
  <si>
    <t>271.62</t>
  </si>
  <si>
    <t>272.57</t>
  </si>
  <si>
    <t>91051.0</t>
  </si>
  <si>
    <t>40577.0</t>
  </si>
  <si>
    <t>278.64</t>
  </si>
  <si>
    <t>121.84</t>
  </si>
  <si>
    <t>91369.0</t>
  </si>
  <si>
    <t>40578.0</t>
  </si>
  <si>
    <t>10977.0</t>
  </si>
  <si>
    <t>279.61</t>
  </si>
  <si>
    <t>91990.0</t>
  </si>
  <si>
    <t>281.51</t>
  </si>
  <si>
    <t>92256.0</t>
  </si>
  <si>
    <t>282.33</t>
  </si>
  <si>
    <t>92749.0</t>
  </si>
  <si>
    <t>40763.0</t>
  </si>
  <si>
    <t>12172.0</t>
  </si>
  <si>
    <t>283.84</t>
  </si>
  <si>
    <t>93018.0</t>
  </si>
  <si>
    <t>284.66</t>
  </si>
  <si>
    <t>94019.0</t>
  </si>
  <si>
    <t>40786.0</t>
  </si>
  <si>
    <t>287.72</t>
  </si>
  <si>
    <t>124.82</t>
  </si>
  <si>
    <t>94020.0</t>
  </si>
  <si>
    <t>287.73</t>
  </si>
  <si>
    <t>94469.0</t>
  </si>
  <si>
    <t>40787.0</t>
  </si>
  <si>
    <t>94937.0</t>
  </si>
  <si>
    <t>290.53</t>
  </si>
  <si>
    <t>95407.0</t>
  </si>
  <si>
    <t>291.97</t>
  </si>
  <si>
    <t>95734.0</t>
  </si>
  <si>
    <t>39816.0</t>
  </si>
  <si>
    <t>292.97</t>
  </si>
  <si>
    <t>124.84</t>
  </si>
  <si>
    <t>96021.0</t>
  </si>
  <si>
    <t>40892.0</t>
  </si>
  <si>
    <t>15313.0</t>
  </si>
  <si>
    <t>293.85</t>
  </si>
  <si>
    <t>96391.0</t>
  </si>
  <si>
    <t>40893.0</t>
  </si>
  <si>
    <t>15681.0</t>
  </si>
  <si>
    <t>294.98</t>
  </si>
  <si>
    <t>40909.0</t>
  </si>
  <si>
    <t>39818.0</t>
  </si>
  <si>
    <t>298.65</t>
  </si>
  <si>
    <t>97601.0</t>
  </si>
  <si>
    <t>298.68</t>
  </si>
  <si>
    <t>98034.0</t>
  </si>
  <si>
    <t>17301.0</t>
  </si>
  <si>
    <t>300.01</t>
  </si>
  <si>
    <t>125.21</t>
  </si>
  <si>
    <t>98421.0</t>
  </si>
  <si>
    <t>40945.0</t>
  </si>
  <si>
    <t>39820.0</t>
  </si>
  <si>
    <t>301.19</t>
  </si>
  <si>
    <t>125.3</t>
  </si>
  <si>
    <t>99028.0</t>
  </si>
  <si>
    <t>18263.0</t>
  </si>
  <si>
    <t>303.05</t>
  </si>
  <si>
    <t>99749.0</t>
  </si>
  <si>
    <t>40995.0</t>
  </si>
  <si>
    <t>305.26</t>
  </si>
  <si>
    <t>125.46</t>
  </si>
  <si>
    <t>100396.0</t>
  </si>
  <si>
    <t>41002.0</t>
  </si>
  <si>
    <t>39840.0</t>
  </si>
  <si>
    <t>19554.0</t>
  </si>
  <si>
    <t>307.24</t>
  </si>
  <si>
    <t>125.48</t>
  </si>
  <si>
    <t>101255.0</t>
  </si>
  <si>
    <t>41010.0</t>
  </si>
  <si>
    <t>39870.0</t>
  </si>
  <si>
    <t>309.87</t>
  </si>
  <si>
    <t>14077.0</t>
  </si>
  <si>
    <t>102158.0</t>
  </si>
  <si>
    <t>41025.0</t>
  </si>
  <si>
    <t>21263.0</t>
  </si>
  <si>
    <t>312.63</t>
  </si>
  <si>
    <t>103355.0</t>
  </si>
  <si>
    <t>41041.0</t>
  </si>
  <si>
    <t>39904.0</t>
  </si>
  <si>
    <t>316.29</t>
  </si>
  <si>
    <t>15760.0</t>
  </si>
  <si>
    <t>103818.0</t>
  </si>
  <si>
    <t>39907.0</t>
  </si>
  <si>
    <t>14903.0</t>
  </si>
  <si>
    <t>104657.0</t>
  </si>
  <si>
    <t>39931.0</t>
  </si>
  <si>
    <t>320.28</t>
  </si>
  <si>
    <t>14873.0</t>
  </si>
  <si>
    <t>105512.0</t>
  </si>
  <si>
    <t>41099.0</t>
  </si>
  <si>
    <t>322.89</t>
  </si>
  <si>
    <t>125.77</t>
  </si>
  <si>
    <t>106221.0</t>
  </si>
  <si>
    <t>40012.0</t>
  </si>
  <si>
    <t>325.06</t>
  </si>
  <si>
    <t>125.84</t>
  </si>
  <si>
    <t>122.45</t>
  </si>
  <si>
    <t>106745.0</t>
  </si>
  <si>
    <t>326.67</t>
  </si>
  <si>
    <t>125.88</t>
  </si>
  <si>
    <t>122.47</t>
  </si>
  <si>
    <t>107273.0</t>
  </si>
  <si>
    <t>328.28</t>
  </si>
  <si>
    <t>125.91</t>
  </si>
  <si>
    <t>122.49</t>
  </si>
  <si>
    <t>108149.0</t>
  </si>
  <si>
    <t>41162.0</t>
  </si>
  <si>
    <t>40046.0</t>
  </si>
  <si>
    <t>26941.0</t>
  </si>
  <si>
    <t>330.96</t>
  </si>
  <si>
    <t>125.97</t>
  </si>
  <si>
    <t>122.55</t>
  </si>
  <si>
    <t>108323.0</t>
  </si>
  <si>
    <t>41173.0</t>
  </si>
  <si>
    <t>40065.0</t>
  </si>
  <si>
    <t>331.5</t>
  </si>
  <si>
    <t>122.61</t>
  </si>
  <si>
    <t>108577.0</t>
  </si>
  <si>
    <t>41199.0</t>
  </si>
  <si>
    <t>332.27</t>
  </si>
  <si>
    <t>122.65</t>
  </si>
  <si>
    <t>108913.0</t>
  </si>
  <si>
    <t>40110.0</t>
  </si>
  <si>
    <t>126.14</t>
  </si>
  <si>
    <t>109110.0</t>
  </si>
  <si>
    <t>41232.0</t>
  </si>
  <si>
    <t>40117.0</t>
  </si>
  <si>
    <t>27761.0</t>
  </si>
  <si>
    <t>109271.0</t>
  </si>
  <si>
    <t>41235.0</t>
  </si>
  <si>
    <t>40128.0</t>
  </si>
  <si>
    <t>334.4</t>
  </si>
  <si>
    <t>126.19</t>
  </si>
  <si>
    <t>109445.0</t>
  </si>
  <si>
    <t>40137.0</t>
  </si>
  <si>
    <t>334.93</t>
  </si>
  <si>
    <t>126.21</t>
  </si>
  <si>
    <t>40143.0</t>
  </si>
  <si>
    <t>335.43</t>
  </si>
  <si>
    <t>40301.0</t>
  </si>
  <si>
    <t>28260.0</t>
  </si>
  <si>
    <t>123.33</t>
  </si>
  <si>
    <t>40416.0</t>
  </si>
  <si>
    <t>336.61</t>
  </si>
  <si>
    <t>126.32</t>
  </si>
  <si>
    <t>110157.0</t>
  </si>
  <si>
    <t>337.11</t>
  </si>
  <si>
    <t>110192.0</t>
  </si>
  <si>
    <t>337.22</t>
  </si>
  <si>
    <t>110437.0</t>
  </si>
  <si>
    <t>40666.0</t>
  </si>
  <si>
    <t>337.97</t>
  </si>
  <si>
    <t>110843.0</t>
  </si>
  <si>
    <t>41343.0</t>
  </si>
  <si>
    <t>40696.0</t>
  </si>
  <si>
    <t>28804.0</t>
  </si>
  <si>
    <t>339.21</t>
  </si>
  <si>
    <t>110991.0</t>
  </si>
  <si>
    <t>41352.0</t>
  </si>
  <si>
    <t>339.66</t>
  </si>
  <si>
    <t>111101.0</t>
  </si>
  <si>
    <t>40722.0</t>
  </si>
  <si>
    <t>124.62</t>
  </si>
  <si>
    <t>111222.0</t>
  </si>
  <si>
    <t>41370.0</t>
  </si>
  <si>
    <t>29115.0</t>
  </si>
  <si>
    <t>340.37</t>
  </si>
  <si>
    <t>124.67</t>
  </si>
  <si>
    <t>111323.0</t>
  </si>
  <si>
    <t>29202.0</t>
  </si>
  <si>
    <t>340.68</t>
  </si>
  <si>
    <t>126.63</t>
  </si>
  <si>
    <t>111838.0</t>
  </si>
  <si>
    <t>41657.0</t>
  </si>
  <si>
    <t>342.25</t>
  </si>
  <si>
    <t>112023.0</t>
  </si>
  <si>
    <t>40757.0</t>
  </si>
  <si>
    <t>342.82</t>
  </si>
  <si>
    <t>127.55</t>
  </si>
  <si>
    <t>124.73</t>
  </si>
  <si>
    <t>112137.0</t>
  </si>
  <si>
    <t>40770.0</t>
  </si>
  <si>
    <t>343.17</t>
  </si>
  <si>
    <t>112234.0</t>
  </si>
  <si>
    <t>40784.0</t>
  </si>
  <si>
    <t>343.46</t>
  </si>
  <si>
    <t>91.09</t>
  </si>
  <si>
    <t>112447.0</t>
  </si>
  <si>
    <t>41691.0</t>
  </si>
  <si>
    <t>29943.0</t>
  </si>
  <si>
    <t>344.12</t>
  </si>
  <si>
    <t>40831.0</t>
  </si>
  <si>
    <t>344.23</t>
  </si>
  <si>
    <t>112567.0</t>
  </si>
  <si>
    <t>41705.0</t>
  </si>
  <si>
    <t>40840.0</t>
  </si>
  <si>
    <t>344.48</t>
  </si>
  <si>
    <t>124.98</t>
  </si>
  <si>
    <t>112820.0</t>
  </si>
  <si>
    <t>41795.0</t>
  </si>
  <si>
    <t>40879.0</t>
  </si>
  <si>
    <t>30146.0</t>
  </si>
  <si>
    <t>345.26</t>
  </si>
  <si>
    <t>92.25</t>
  </si>
  <si>
    <t>112912.0</t>
  </si>
  <si>
    <t>41847.0</t>
  </si>
  <si>
    <t>30175.0</t>
  </si>
  <si>
    <t>345.54</t>
  </si>
  <si>
    <t>125.13</t>
  </si>
  <si>
    <t>92.34</t>
  </si>
  <si>
    <t>112975.0</t>
  </si>
  <si>
    <t>30195.0</t>
  </si>
  <si>
    <t>345.73</t>
  </si>
  <si>
    <t>128.17</t>
  </si>
  <si>
    <t>113009.0</t>
  </si>
  <si>
    <t>41902.0</t>
  </si>
  <si>
    <t>40905.0</t>
  </si>
  <si>
    <t>30202.0</t>
  </si>
  <si>
    <t>345.84</t>
  </si>
  <si>
    <t>113138.0</t>
  </si>
  <si>
    <t>40917.0</t>
  </si>
  <si>
    <t>346.23</t>
  </si>
  <si>
    <t>125.22</t>
  </si>
  <si>
    <t>113176.0</t>
  </si>
  <si>
    <t>40922.0</t>
  </si>
  <si>
    <t>30276.0</t>
  </si>
  <si>
    <t>346.35</t>
  </si>
  <si>
    <t>128.46</t>
  </si>
  <si>
    <t>125.23</t>
  </si>
  <si>
    <t>516965.0</t>
  </si>
  <si>
    <t>15823.845</t>
  </si>
  <si>
    <t>113255.0</t>
  </si>
  <si>
    <t>41995.0</t>
  </si>
  <si>
    <t>30317.0</t>
  </si>
  <si>
    <t>346.59</t>
  </si>
  <si>
    <t>128.52</t>
  </si>
  <si>
    <t>92.78</t>
  </si>
  <si>
    <t>519626.0</t>
  </si>
  <si>
    <t>15905.295</t>
  </si>
  <si>
    <t>113295.0</t>
  </si>
  <si>
    <t>41998.0</t>
  </si>
  <si>
    <t>40951.0</t>
  </si>
  <si>
    <t>30346.0</t>
  </si>
  <si>
    <t>346.71</t>
  </si>
  <si>
    <t>113720.0</t>
  </si>
  <si>
    <t>348.01</t>
  </si>
  <si>
    <t>520880.0</t>
  </si>
  <si>
    <t>15943.679</t>
  </si>
  <si>
    <t>521394.0</t>
  </si>
  <si>
    <t>15959.412</t>
  </si>
  <si>
    <t>17.049</t>
  </si>
  <si>
    <t>114204.0</t>
  </si>
  <si>
    <t>31228.0</t>
  </si>
  <si>
    <t>349.49</t>
  </si>
  <si>
    <t>125.37</t>
  </si>
  <si>
    <t>17.753</t>
  </si>
  <si>
    <t>42012.0</t>
  </si>
  <si>
    <t>31439.0</t>
  </si>
  <si>
    <t>350.15</t>
  </si>
  <si>
    <t>128.57</t>
  </si>
  <si>
    <t>125.38</t>
  </si>
  <si>
    <t>17.508</t>
  </si>
  <si>
    <t>114581.0</t>
  </si>
  <si>
    <t>350.65</t>
  </si>
  <si>
    <t>125.44</t>
  </si>
  <si>
    <t>41101.0</t>
  </si>
  <si>
    <t>31647.0</t>
  </si>
  <si>
    <t>351.24</t>
  </si>
  <si>
    <t>125.78</t>
  </si>
  <si>
    <t>96.85</t>
  </si>
  <si>
    <t>525406.0</t>
  </si>
  <si>
    <t>16082.216</t>
  </si>
  <si>
    <t>17.539</t>
  </si>
  <si>
    <t>351.93</t>
  </si>
  <si>
    <t>17.661</t>
  </si>
  <si>
    <t>17.723</t>
  </si>
  <si>
    <t>115273.0</t>
  </si>
  <si>
    <t>352.76</t>
  </si>
  <si>
    <t>128.61</t>
  </si>
  <si>
    <t>98.32</t>
  </si>
  <si>
    <t>115581.0</t>
  </si>
  <si>
    <t>41123.0</t>
  </si>
  <si>
    <t>125.85</t>
  </si>
  <si>
    <t>115847.0</t>
  </si>
  <si>
    <t>42028.0</t>
  </si>
  <si>
    <t>41205.0</t>
  </si>
  <si>
    <t>354.52</t>
  </si>
  <si>
    <t>528926.0</t>
  </si>
  <si>
    <t>16189.96</t>
  </si>
  <si>
    <t>17.906</t>
  </si>
  <si>
    <t>116358.0</t>
  </si>
  <si>
    <t>42034.0</t>
  </si>
  <si>
    <t>41228.0</t>
  </si>
  <si>
    <t>356.09</t>
  </si>
  <si>
    <t>101.28</t>
  </si>
  <si>
    <t>17.447</t>
  </si>
  <si>
    <t>116649.0</t>
  </si>
  <si>
    <t>41246.0</t>
  </si>
  <si>
    <t>356.98</t>
  </si>
  <si>
    <t>16.957</t>
  </si>
  <si>
    <t>16.437</t>
  </si>
  <si>
    <t>530813.0</t>
  </si>
  <si>
    <t>16247.72</t>
  </si>
  <si>
    <t>15.947</t>
  </si>
  <si>
    <t>8263.0</t>
  </si>
  <si>
    <t>117336.0</t>
  </si>
  <si>
    <t>42037.0</t>
  </si>
  <si>
    <t>41285.0</t>
  </si>
  <si>
    <t>34014.0</t>
  </si>
  <si>
    <t>359.08</t>
  </si>
  <si>
    <t>128.64</t>
  </si>
  <si>
    <t>104.09</t>
  </si>
  <si>
    <t>16.315</t>
  </si>
  <si>
    <t>117937.0</t>
  </si>
  <si>
    <t>42042.0</t>
  </si>
  <si>
    <t>360.92</t>
  </si>
  <si>
    <t>105.84</t>
  </si>
  <si>
    <t>533268.0</t>
  </si>
  <si>
    <t>16322.865</t>
  </si>
  <si>
    <t>16.927</t>
  </si>
  <si>
    <t>118192.0</t>
  </si>
  <si>
    <t>42043.0</t>
  </si>
  <si>
    <t>41317.0</t>
  </si>
  <si>
    <t>34832.0</t>
  </si>
  <si>
    <t>361.7</t>
  </si>
  <si>
    <t>118596.0</t>
  </si>
  <si>
    <t>41328.0</t>
  </si>
  <si>
    <t>35224.0</t>
  </si>
  <si>
    <t>362.93</t>
  </si>
  <si>
    <t>118741.0</t>
  </si>
  <si>
    <t>35365.0</t>
  </si>
  <si>
    <t>363.38</t>
  </si>
  <si>
    <t>108.23</t>
  </si>
  <si>
    <t>118943.0</t>
  </si>
  <si>
    <t>42046.0</t>
  </si>
  <si>
    <t>35561.0</t>
  </si>
  <si>
    <t>119578.0</t>
  </si>
  <si>
    <t>42069.0</t>
  </si>
  <si>
    <t>365.94</t>
  </si>
  <si>
    <t>119855.0</t>
  </si>
  <si>
    <t>41421.0</t>
  </si>
  <si>
    <t>36360.0</t>
  </si>
  <si>
    <t>366.79</t>
  </si>
  <si>
    <t>132810.0</t>
  </si>
  <si>
    <t>406.43</t>
  </si>
  <si>
    <t>GRC</t>
  </si>
  <si>
    <t>Greece</t>
  </si>
  <si>
    <t>-87.0</t>
  </si>
  <si>
    <t>-8.37749008856259</t>
  </si>
  <si>
    <t>3.58209921028193</t>
  </si>
  <si>
    <t>14.5209828201751</t>
  </si>
  <si>
    <t>280.4</t>
  </si>
  <si>
    <t>27.0005542624477</t>
  </si>
  <si>
    <t>13477.0</t>
  </si>
  <si>
    <t>33.5292189521551</t>
  </si>
  <si>
    <t>23333.0</t>
  </si>
  <si>
    <t>391.6</t>
  </si>
  <si>
    <t>37.708334697484</t>
  </si>
  <si>
    <t>26193.0</t>
  </si>
  <si>
    <t>28584.0</t>
  </si>
  <si>
    <t>33634.0</t>
  </si>
  <si>
    <t>35432.0</t>
  </si>
  <si>
    <t>37344.0</t>
  </si>
  <si>
    <t>35.397302948915</t>
  </si>
  <si>
    <t>43431.0</t>
  </si>
  <si>
    <t>47389.0</t>
  </si>
  <si>
    <t>4.728</t>
  </si>
  <si>
    <t>5.102</t>
  </si>
  <si>
    <t>28.4064319094938</t>
  </si>
  <si>
    <t>55666.0</t>
  </si>
  <si>
    <t>61407.0</t>
  </si>
  <si>
    <t>63087.0</t>
  </si>
  <si>
    <t>6.185</t>
  </si>
  <si>
    <t>19.1623049152179</t>
  </si>
  <si>
    <t>69833.0</t>
  </si>
  <si>
    <t>72130.0</t>
  </si>
  <si>
    <t>75170.0</t>
  </si>
  <si>
    <t>78207.0</t>
  </si>
  <si>
    <t>7.487</t>
  </si>
  <si>
    <t>79332.0</t>
  </si>
  <si>
    <t>7.595</t>
  </si>
  <si>
    <t>16.8512731666489</t>
  </si>
  <si>
    <t>80951.0</t>
  </si>
  <si>
    <t>83750.0</t>
  </si>
  <si>
    <t>87052.0</t>
  </si>
  <si>
    <t>8.334</t>
  </si>
  <si>
    <t>90043.0</t>
  </si>
  <si>
    <t>94291.0</t>
  </si>
  <si>
    <t>215.7</t>
  </si>
  <si>
    <t>98877.0</t>
  </si>
  <si>
    <t>4.73761508456643</t>
  </si>
  <si>
    <t>99363.0</t>
  </si>
  <si>
    <t>10.153</t>
  </si>
  <si>
    <t>112042.0</t>
  </si>
  <si>
    <t>284.6</t>
  </si>
  <si>
    <t>120015.0</t>
  </si>
  <si>
    <t>126283.0</t>
  </si>
  <si>
    <t>265.1</t>
  </si>
  <si>
    <t>128525.0</t>
  </si>
  <si>
    <t>359.8</t>
  </si>
  <si>
    <t>34.6462176306301</t>
  </si>
  <si>
    <t>131684.0</t>
  </si>
  <si>
    <t>12.607</t>
  </si>
  <si>
    <t>293.8</t>
  </si>
  <si>
    <t>136001.0</t>
  </si>
  <si>
    <t>139445.0</t>
  </si>
  <si>
    <t>304.5</t>
  </si>
  <si>
    <t>144078.0</t>
  </si>
  <si>
    <t>335.5</t>
  </si>
  <si>
    <t>147958.0</t>
  </si>
  <si>
    <t>14.165</t>
  </si>
  <si>
    <t>443.6</t>
  </si>
  <si>
    <t>152998.0</t>
  </si>
  <si>
    <t>14.647</t>
  </si>
  <si>
    <t>468.6</t>
  </si>
  <si>
    <t>153963.0</t>
  </si>
  <si>
    <t>565.4</t>
  </si>
  <si>
    <t>54.4440562767045</t>
  </si>
  <si>
    <t>155037.0</t>
  </si>
  <si>
    <t>14.843</t>
  </si>
  <si>
    <t>507.7</t>
  </si>
  <si>
    <t>160991.0</t>
  </si>
  <si>
    <t>15.413</t>
  </si>
  <si>
    <t>166245.0</t>
  </si>
  <si>
    <t>15.916</t>
  </si>
  <si>
    <t>505.7</t>
  </si>
  <si>
    <t>170467.0</t>
  </si>
  <si>
    <t>174844.0</t>
  </si>
  <si>
    <t>16.739</t>
  </si>
  <si>
    <t>746.8</t>
  </si>
  <si>
    <t>178316.0</t>
  </si>
  <si>
    <t>17.071</t>
  </si>
  <si>
    <t>649.3</t>
  </si>
  <si>
    <t>17.282</t>
  </si>
  <si>
    <t>-11.88</t>
  </si>
  <si>
    <t>28.9841898466361</t>
  </si>
  <si>
    <t>182423.0</t>
  </si>
  <si>
    <t>760.6</t>
  </si>
  <si>
    <t>17.768</t>
  </si>
  <si>
    <t>512.5</t>
  </si>
  <si>
    <t>479.9</t>
  </si>
  <si>
    <t>193929.0</t>
  </si>
  <si>
    <t>510.1</t>
  </si>
  <si>
    <t>249.3</t>
  </si>
  <si>
    <t>-5.09</t>
  </si>
  <si>
    <t>18.1415992262666</t>
  </si>
  <si>
    <t>21.973</t>
  </si>
  <si>
    <t>359.5</t>
  </si>
  <si>
    <t>231759.0</t>
  </si>
  <si>
    <t>22.188</t>
  </si>
  <si>
    <t>381.6</t>
  </si>
  <si>
    <t>385.9</t>
  </si>
  <si>
    <t>237276.0</t>
  </si>
  <si>
    <t>22.716</t>
  </si>
  <si>
    <t>243867.0</t>
  </si>
  <si>
    <t>695.6</t>
  </si>
  <si>
    <t>247452.0</t>
  </si>
  <si>
    <t>567.1</t>
  </si>
  <si>
    <t>250923.0</t>
  </si>
  <si>
    <t>420.9</t>
  </si>
  <si>
    <t>11.0544351973217</t>
  </si>
  <si>
    <t>254854.0</t>
  </si>
  <si>
    <t>259736.0</t>
  </si>
  <si>
    <t>24.866</t>
  </si>
  <si>
    <t>310.9</t>
  </si>
  <si>
    <t>264930.0</t>
  </si>
  <si>
    <t>225.3</t>
  </si>
  <si>
    <t>270338.0</t>
  </si>
  <si>
    <t>25.881</t>
  </si>
  <si>
    <t>237.9</t>
  </si>
  <si>
    <t>274711.0</t>
  </si>
  <si>
    <t>278895.0</t>
  </si>
  <si>
    <t>283146.0</t>
  </si>
  <si>
    <t>5.73906217561299</t>
  </si>
  <si>
    <t>291187.0</t>
  </si>
  <si>
    <t>27.877</t>
  </si>
  <si>
    <t>248.5</t>
  </si>
  <si>
    <t>291840.0</t>
  </si>
  <si>
    <t>228.8</t>
  </si>
  <si>
    <t>295851.0</t>
  </si>
  <si>
    <t>28.324</t>
  </si>
  <si>
    <t>199.4</t>
  </si>
  <si>
    <t>301144.0</t>
  </si>
  <si>
    <t>305137.0</t>
  </si>
  <si>
    <t>29.213</t>
  </si>
  <si>
    <t>-100.8</t>
  </si>
  <si>
    <t>-9.70633334398976</t>
  </si>
  <si>
    <t>308392.0</t>
  </si>
  <si>
    <t>29.524</t>
  </si>
  <si>
    <t>312775.0</t>
  </si>
  <si>
    <t>29.944</t>
  </si>
  <si>
    <t>201.8</t>
  </si>
  <si>
    <t>315982.0</t>
  </si>
  <si>
    <t>30.251</t>
  </si>
  <si>
    <t>200.6</t>
  </si>
  <si>
    <t>30.676</t>
  </si>
  <si>
    <t>325451.0</t>
  </si>
  <si>
    <t>331703.0</t>
  </si>
  <si>
    <t>31.756</t>
  </si>
  <si>
    <t>337154.0</t>
  </si>
  <si>
    <t>32.278</t>
  </si>
  <si>
    <t>223.9</t>
  </si>
  <si>
    <t>23.6495582270227</t>
  </si>
  <si>
    <t>340328.0</t>
  </si>
  <si>
    <t>32.582</t>
  </si>
  <si>
    <t>185.7</t>
  </si>
  <si>
    <t>355190.0</t>
  </si>
  <si>
    <t>34.005</t>
  </si>
  <si>
    <t>358725.0</t>
  </si>
  <si>
    <t>363412.0</t>
  </si>
  <si>
    <t>371167.0</t>
  </si>
  <si>
    <t>35.534</t>
  </si>
  <si>
    <t>373932.0</t>
  </si>
  <si>
    <t>35.799</t>
  </si>
  <si>
    <t>236.8</t>
  </si>
  <si>
    <t>22.802179919214</t>
  </si>
  <si>
    <t>382452.0</t>
  </si>
  <si>
    <t>36.615</t>
  </si>
  <si>
    <t>386307.0</t>
  </si>
  <si>
    <t>36.984</t>
  </si>
  <si>
    <t>391773.0</t>
  </si>
  <si>
    <t>37.507</t>
  </si>
  <si>
    <t>398347.0</t>
  </si>
  <si>
    <t>38.136</t>
  </si>
  <si>
    <t>402672.0</t>
  </si>
  <si>
    <t>406040.0</t>
  </si>
  <si>
    <t>38.873</t>
  </si>
  <si>
    <t>410766.0</t>
  </si>
  <si>
    <t>39.325</t>
  </si>
  <si>
    <t>16.6586871876015</t>
  </si>
  <si>
    <t>413760.0</t>
  </si>
  <si>
    <t>39.612</t>
  </si>
  <si>
    <t>419906.0</t>
  </si>
  <si>
    <t>424675.0</t>
  </si>
  <si>
    <t>190.1</t>
  </si>
  <si>
    <t>436510.0</t>
  </si>
  <si>
    <t>197.9</t>
  </si>
  <si>
    <t>447685.0</t>
  </si>
  <si>
    <t>-4.27</t>
  </si>
  <si>
    <t>7.04864683313541</t>
  </si>
  <si>
    <t>451317.0</t>
  </si>
  <si>
    <t>43.207</t>
  </si>
  <si>
    <t>457540.0</t>
  </si>
  <si>
    <t>43.803</t>
  </si>
  <si>
    <t>511429.0</t>
  </si>
  <si>
    <t>53889.0</t>
  </si>
  <si>
    <t>48.962</t>
  </si>
  <si>
    <t>519887.0</t>
  </si>
  <si>
    <t>49.772</t>
  </si>
  <si>
    <t>272.4</t>
  </si>
  <si>
    <t>539493.0</t>
  </si>
  <si>
    <t>545439.0</t>
  </si>
  <si>
    <t>52.218</t>
  </si>
  <si>
    <t>387.6</t>
  </si>
  <si>
    <t>37.3231627393892</t>
  </si>
  <si>
    <t>564856.0</t>
  </si>
  <si>
    <t>19417.0</t>
  </si>
  <si>
    <t>54.077</t>
  </si>
  <si>
    <t>599709.0</t>
  </si>
  <si>
    <t>34853.0</t>
  </si>
  <si>
    <t>57.414</t>
  </si>
  <si>
    <t>609583.0</t>
  </si>
  <si>
    <t>58.359</t>
  </si>
  <si>
    <t>619393.0</t>
  </si>
  <si>
    <t>59.298</t>
  </si>
  <si>
    <t>630983.0</t>
  </si>
  <si>
    <t>60.408</t>
  </si>
  <si>
    <t>640297.0</t>
  </si>
  <si>
    <t>650998.0</t>
  </si>
  <si>
    <t>62.324</t>
  </si>
  <si>
    <t>15080.0</t>
  </si>
  <si>
    <t>463.6</t>
  </si>
  <si>
    <t>44.641429943191</t>
  </si>
  <si>
    <t>658178.0</t>
  </si>
  <si>
    <t>63.011</t>
  </si>
  <si>
    <t>668739.0</t>
  </si>
  <si>
    <t>64.023</t>
  </si>
  <si>
    <t>679785.0</t>
  </si>
  <si>
    <t>687338.0</t>
  </si>
  <si>
    <t>704921.0</t>
  </si>
  <si>
    <t>67.486</t>
  </si>
  <si>
    <t>715503.0</t>
  </si>
  <si>
    <t>10582.0</t>
  </si>
  <si>
    <t>10744.0</t>
  </si>
  <si>
    <t>719311.0</t>
  </si>
  <si>
    <t>516.8</t>
  </si>
  <si>
    <t>49.7642169858523</t>
  </si>
  <si>
    <t>726961.0</t>
  </si>
  <si>
    <t>69.597</t>
  </si>
  <si>
    <t>740871.0</t>
  </si>
  <si>
    <t>70.928</t>
  </si>
  <si>
    <t>804282.0</t>
  </si>
  <si>
    <t>76.999</t>
  </si>
  <si>
    <t>6.071</t>
  </si>
  <si>
    <t>816450.0</t>
  </si>
  <si>
    <t>78.164</t>
  </si>
  <si>
    <t>848380.0</t>
  </si>
  <si>
    <t>81.221</t>
  </si>
  <si>
    <t>682.4</t>
  </si>
  <si>
    <t>65.7103360509783</t>
  </si>
  <si>
    <t>858138.0</t>
  </si>
  <si>
    <t>82.155</t>
  </si>
  <si>
    <t>18740.0</t>
  </si>
  <si>
    <t>872550.0</t>
  </si>
  <si>
    <t>83.535</t>
  </si>
  <si>
    <t>903432.0</t>
  </si>
  <si>
    <t>86.491</t>
  </si>
  <si>
    <t>917265.0</t>
  </si>
  <si>
    <t>87.816</t>
  </si>
  <si>
    <t>931002.0</t>
  </si>
  <si>
    <t>89.131</t>
  </si>
  <si>
    <t>13324.0</t>
  </si>
  <si>
    <t>940882.0</t>
  </si>
  <si>
    <t>90.077</t>
  </si>
  <si>
    <t>790.6</t>
  </si>
  <si>
    <t>76.1292375174435</t>
  </si>
  <si>
    <t>949367.0</t>
  </si>
  <si>
    <t>966346.0</t>
  </si>
  <si>
    <t>92.514</t>
  </si>
  <si>
    <t>980500.0</t>
  </si>
  <si>
    <t>93.869</t>
  </si>
  <si>
    <t>992566.0</t>
  </si>
  <si>
    <t>95.025</t>
  </si>
  <si>
    <t>1003142.0</t>
  </si>
  <si>
    <t>96.037</t>
  </si>
  <si>
    <t>12268.0</t>
  </si>
  <si>
    <t>1015064.0</t>
  </si>
  <si>
    <t>97.178</t>
  </si>
  <si>
    <t>19.572</t>
  </si>
  <si>
    <t>12427.0</t>
  </si>
  <si>
    <t>929.2</t>
  </si>
  <si>
    <t>89.4754458654294</t>
  </si>
  <si>
    <t>1066305.0</t>
  </si>
  <si>
    <t>102.084</t>
  </si>
  <si>
    <t>1094354.0</t>
  </si>
  <si>
    <t>104.769</t>
  </si>
  <si>
    <t>1125882.0</t>
  </si>
  <si>
    <t>107.788</t>
  </si>
  <si>
    <t>1097.4</t>
  </si>
  <si>
    <t>105.671926703317</t>
  </si>
  <si>
    <t>1133027.0</t>
  </si>
  <si>
    <t>108.472</t>
  </si>
  <si>
    <t>1157897.0</t>
  </si>
  <si>
    <t>110.853</t>
  </si>
  <si>
    <t>1181712.0</t>
  </si>
  <si>
    <t>113.133</t>
  </si>
  <si>
    <t>1194013.0</t>
  </si>
  <si>
    <t>114.31</t>
  </si>
  <si>
    <t>32.027</t>
  </si>
  <si>
    <t>1202213.0</t>
  </si>
  <si>
    <t>115.095</t>
  </si>
  <si>
    <t>125.989747492819</t>
  </si>
  <si>
    <t>1210118.0</t>
  </si>
  <si>
    <t>115.852</t>
  </si>
  <si>
    <t>1221017.0</t>
  </si>
  <si>
    <t>116.896</t>
  </si>
  <si>
    <t>1233229.0</t>
  </si>
  <si>
    <t>118.065</t>
  </si>
  <si>
    <t>1246363.0</t>
  </si>
  <si>
    <t>119.322</t>
  </si>
  <si>
    <t>1256436.0</t>
  </si>
  <si>
    <t>120.286</t>
  </si>
  <si>
    <t>1277934.0</t>
  </si>
  <si>
    <t>122.345</t>
  </si>
  <si>
    <t>11989.0</t>
  </si>
  <si>
    <t>1287900.0</t>
  </si>
  <si>
    <t>9966.0</t>
  </si>
  <si>
    <t>123.299</t>
  </si>
  <si>
    <t>137.217510071284</t>
  </si>
  <si>
    <t>1294596.0</t>
  </si>
  <si>
    <t>1319053.0</t>
  </si>
  <si>
    <t>126.281</t>
  </si>
  <si>
    <t>1330624.0</t>
  </si>
  <si>
    <t>127.389</t>
  </si>
  <si>
    <t>1341142.0</t>
  </si>
  <si>
    <t>128.396</t>
  </si>
  <si>
    <t>1353735.0</t>
  </si>
  <si>
    <t>12593.0</t>
  </si>
  <si>
    <t>129.602</t>
  </si>
  <si>
    <t>1364142.0</t>
  </si>
  <si>
    <t>130.598</t>
  </si>
  <si>
    <t>1525.8</t>
  </si>
  <si>
    <t>146.923843415274</t>
  </si>
  <si>
    <t>1371417.0</t>
  </si>
  <si>
    <t>131.294</t>
  </si>
  <si>
    <t>1384585.0</t>
  </si>
  <si>
    <t>132.555</t>
  </si>
  <si>
    <t>1397681.0</t>
  </si>
  <si>
    <t>133.809</t>
  </si>
  <si>
    <t>1410349.0</t>
  </si>
  <si>
    <t>135.022</t>
  </si>
  <si>
    <t>1422763.0</t>
  </si>
  <si>
    <t>1438164.0</t>
  </si>
  <si>
    <t>1448521.0</t>
  </si>
  <si>
    <t>138.676</t>
  </si>
  <si>
    <t>1556.2</t>
  </si>
  <si>
    <t>149.851150296794</t>
  </si>
  <si>
    <t>1455487.0</t>
  </si>
  <si>
    <t>139.343</t>
  </si>
  <si>
    <t>1476307.0</t>
  </si>
  <si>
    <t>20820.0</t>
  </si>
  <si>
    <t>141.336</t>
  </si>
  <si>
    <t>1497838.0</t>
  </si>
  <si>
    <t>143.397</t>
  </si>
  <si>
    <t>1519800.0</t>
  </si>
  <si>
    <t>145.5</t>
  </si>
  <si>
    <t>15636.0</t>
  </si>
  <si>
    <t>1541081.0</t>
  </si>
  <si>
    <t>21281.0</t>
  </si>
  <si>
    <t>147.537</t>
  </si>
  <si>
    <t>1562210.0</t>
  </si>
  <si>
    <t>17721.0</t>
  </si>
  <si>
    <t>39.237</t>
  </si>
  <si>
    <t>1577724.0</t>
  </si>
  <si>
    <t>151.045</t>
  </si>
  <si>
    <t>144.728363254133</t>
  </si>
  <si>
    <t>1585248.0</t>
  </si>
  <si>
    <t>151.766</t>
  </si>
  <si>
    <t>1606640.0</t>
  </si>
  <si>
    <t>21392.0</t>
  </si>
  <si>
    <t>153.814</t>
  </si>
  <si>
    <t>18619.0</t>
  </si>
  <si>
    <t>1630540.0</t>
  </si>
  <si>
    <t>156.102</t>
  </si>
  <si>
    <t>1653740.0</t>
  </si>
  <si>
    <t>158.323</t>
  </si>
  <si>
    <t>1677751.0</t>
  </si>
  <si>
    <t>24011.0</t>
  </si>
  <si>
    <t>160.622</t>
  </si>
  <si>
    <t>19524.0</t>
  </si>
  <si>
    <t>1700407.0</t>
  </si>
  <si>
    <t>22656.0</t>
  </si>
  <si>
    <t>162.791</t>
  </si>
  <si>
    <t>19742.0</t>
  </si>
  <si>
    <t>1719043.0</t>
  </si>
  <si>
    <t>18636.0</t>
  </si>
  <si>
    <t>164.575</t>
  </si>
  <si>
    <t>1504.4</t>
  </si>
  <si>
    <t>144.863173439466</t>
  </si>
  <si>
    <t>1732836.0</t>
  </si>
  <si>
    <t>165.895</t>
  </si>
  <si>
    <t>1755983.0</t>
  </si>
  <si>
    <t>23147.0</t>
  </si>
  <si>
    <t>168.111</t>
  </si>
  <si>
    <t>21335.0</t>
  </si>
  <si>
    <t>1780234.0</t>
  </si>
  <si>
    <t>24251.0</t>
  </si>
  <si>
    <t>170.433</t>
  </si>
  <si>
    <t>1793197.0</t>
  </si>
  <si>
    <t>171.674</t>
  </si>
  <si>
    <t>19922.0</t>
  </si>
  <si>
    <t>1822738.0</t>
  </si>
  <si>
    <t>174.502</t>
  </si>
  <si>
    <t>1848923.0</t>
  </si>
  <si>
    <t>26185.0</t>
  </si>
  <si>
    <t>177.009</t>
  </si>
  <si>
    <t>9.271</t>
  </si>
  <si>
    <t>1633.6</t>
  </si>
  <si>
    <t>157.304227685929</t>
  </si>
  <si>
    <t>1878534.0</t>
  </si>
  <si>
    <t>179.844</t>
  </si>
  <si>
    <t>1906522.0</t>
  </si>
  <si>
    <t>27988.0</t>
  </si>
  <si>
    <t>182.523</t>
  </si>
  <si>
    <t>1933810.0</t>
  </si>
  <si>
    <t>27288.0</t>
  </si>
  <si>
    <t>185.136</t>
  </si>
  <si>
    <t>1960038.0</t>
  </si>
  <si>
    <t>187.647</t>
  </si>
  <si>
    <t>1989628.0</t>
  </si>
  <si>
    <t>23841.0</t>
  </si>
  <si>
    <t>2017511.0</t>
  </si>
  <si>
    <t>193.149</t>
  </si>
  <si>
    <t>2033645.0</t>
  </si>
  <si>
    <t>194.694</t>
  </si>
  <si>
    <t>24274.0</t>
  </si>
  <si>
    <t>1820.2</t>
  </si>
  <si>
    <t>175.272499531053</t>
  </si>
  <si>
    <t>2044966.0</t>
  </si>
  <si>
    <t>195.777</t>
  </si>
  <si>
    <t>2072781.0</t>
  </si>
  <si>
    <t>2101971.0</t>
  </si>
  <si>
    <t>29190.0</t>
  </si>
  <si>
    <t>201.235</t>
  </si>
  <si>
    <t>24023.0</t>
  </si>
  <si>
    <t>2130565.0</t>
  </si>
  <si>
    <t>203.972</t>
  </si>
  <si>
    <t>24361.0</t>
  </si>
  <si>
    <t>2160000.0</t>
  </si>
  <si>
    <t>29435.0</t>
  </si>
  <si>
    <t>24339.0</t>
  </si>
  <si>
    <t>2188843.0</t>
  </si>
  <si>
    <t>209.552</t>
  </si>
  <si>
    <t>24476.0</t>
  </si>
  <si>
    <t>2204740.0</t>
  </si>
  <si>
    <t>211.074</t>
  </si>
  <si>
    <t>2253.8</t>
  </si>
  <si>
    <t>217.025139788533</t>
  </si>
  <si>
    <t>2217888.0</t>
  </si>
  <si>
    <t>212.332</t>
  </si>
  <si>
    <t>2247686.0</t>
  </si>
  <si>
    <t>215.185</t>
  </si>
  <si>
    <t>24986.0</t>
  </si>
  <si>
    <t>2279463.0</t>
  </si>
  <si>
    <t>218.227</t>
  </si>
  <si>
    <t>0.1054</t>
  </si>
  <si>
    <t>2310534.0</t>
  </si>
  <si>
    <t>221.202</t>
  </si>
  <si>
    <t>25710.0</t>
  </si>
  <si>
    <t>2341664.0</t>
  </si>
  <si>
    <t>224.182</t>
  </si>
  <si>
    <t>2372584.0</t>
  </si>
  <si>
    <t>227.142</t>
  </si>
  <si>
    <t>26249.0</t>
  </si>
  <si>
    <t>2388387.0</t>
  </si>
  <si>
    <t>228.655</t>
  </si>
  <si>
    <t>26235.0</t>
  </si>
  <si>
    <t>3017.2</t>
  </si>
  <si>
    <t>290.535207990932</t>
  </si>
  <si>
    <t>28107.0</t>
  </si>
  <si>
    <t>2467145.0</t>
  </si>
  <si>
    <t>236.195</t>
  </si>
  <si>
    <t>26812.0</t>
  </si>
  <si>
    <t>2498663.0</t>
  </si>
  <si>
    <t>239.213</t>
  </si>
  <si>
    <t>2529508.0</t>
  </si>
  <si>
    <t>30845.0</t>
  </si>
  <si>
    <t>242.166</t>
  </si>
  <si>
    <t>2558962.0</t>
  </si>
  <si>
    <t>29454.0</t>
  </si>
  <si>
    <t>244.985</t>
  </si>
  <si>
    <t>26625.0</t>
  </si>
  <si>
    <t>2575388.0</t>
  </si>
  <si>
    <t>16426.0</t>
  </si>
  <si>
    <t>246.558</t>
  </si>
  <si>
    <t>3924.4</t>
  </si>
  <si>
    <t>377.892208086839</t>
  </si>
  <si>
    <t>2586760.0</t>
  </si>
  <si>
    <t>247.647</t>
  </si>
  <si>
    <t>2617683.0</t>
  </si>
  <si>
    <t>30923.0</t>
  </si>
  <si>
    <t>250.607</t>
  </si>
  <si>
    <t>2646163.0</t>
  </si>
  <si>
    <t>28480.0</t>
  </si>
  <si>
    <t>253.334</t>
  </si>
  <si>
    <t>25574.0</t>
  </si>
  <si>
    <t>2675962.0</t>
  </si>
  <si>
    <t>256.187</t>
  </si>
  <si>
    <t>25328.0</t>
  </si>
  <si>
    <t>2703044.0</t>
  </si>
  <si>
    <t>258.779</t>
  </si>
  <si>
    <t>24791.0</t>
  </si>
  <si>
    <t>2730683.0</t>
  </si>
  <si>
    <t>261.425</t>
  </si>
  <si>
    <t>225.31</t>
  </si>
  <si>
    <t>2743651.0</t>
  </si>
  <si>
    <t>262.667</t>
  </si>
  <si>
    <t>4836.8</t>
  </si>
  <si>
    <t>465.74993172827</t>
  </si>
  <si>
    <t>2754177.0</t>
  </si>
  <si>
    <t>263.675</t>
  </si>
  <si>
    <t>23917.0</t>
  </si>
  <si>
    <t>2784227.0</t>
  </si>
  <si>
    <t>266.551</t>
  </si>
  <si>
    <t>23792.0</t>
  </si>
  <si>
    <t>2814519.0</t>
  </si>
  <si>
    <t>269.451</t>
  </si>
  <si>
    <t>2847013.0</t>
  </si>
  <si>
    <t>32494.0</t>
  </si>
  <si>
    <t>272.562</t>
  </si>
  <si>
    <t>2879760.0</t>
  </si>
  <si>
    <t>275.697</t>
  </si>
  <si>
    <t>2911044.0</t>
  </si>
  <si>
    <t>31284.0</t>
  </si>
  <si>
    <t>278.692</t>
  </si>
  <si>
    <t>2926836.0</t>
  </si>
  <si>
    <t>280.204</t>
  </si>
  <si>
    <t>26169.0</t>
  </si>
  <si>
    <t>5469.4</t>
  </si>
  <si>
    <t>526.664876900968</t>
  </si>
  <si>
    <t>2938815.0</t>
  </si>
  <si>
    <t>281.351</t>
  </si>
  <si>
    <t>26377.0</t>
  </si>
  <si>
    <t>2971752.0</t>
  </si>
  <si>
    <t>32937.0</t>
  </si>
  <si>
    <t>284.504</t>
  </si>
  <si>
    <t>3005479.0</t>
  </si>
  <si>
    <t>33727.0</t>
  </si>
  <si>
    <t>287.733</t>
  </si>
  <si>
    <t>27280.0</t>
  </si>
  <si>
    <t>3038988.0</t>
  </si>
  <si>
    <t>290.941</t>
  </si>
  <si>
    <t>3075072.0</t>
  </si>
  <si>
    <t>294.396</t>
  </si>
  <si>
    <t>3107673.0</t>
  </si>
  <si>
    <t>297.517</t>
  </si>
  <si>
    <t>3123299.0</t>
  </si>
  <si>
    <t>15626.0</t>
  </si>
  <si>
    <t>299.013</t>
  </si>
  <si>
    <t>5863.2</t>
  </si>
  <si>
    <t>564.585056175404</t>
  </si>
  <si>
    <t>3135160.0</t>
  </si>
  <si>
    <t>300.148</t>
  </si>
  <si>
    <t>3168883.0</t>
  </si>
  <si>
    <t>33723.0</t>
  </si>
  <si>
    <t>303.377</t>
  </si>
  <si>
    <t>3202470.0</t>
  </si>
  <si>
    <t>33587.0</t>
  </si>
  <si>
    <t>306.592</t>
  </si>
  <si>
    <t>3234245.0</t>
  </si>
  <si>
    <t>31775.0</t>
  </si>
  <si>
    <t>309.634</t>
  </si>
  <si>
    <t>27894.0</t>
  </si>
  <si>
    <t>3264307.0</t>
  </si>
  <si>
    <t>30062.0</t>
  </si>
  <si>
    <t>312.512</t>
  </si>
  <si>
    <t>27034.0</t>
  </si>
  <si>
    <t>3270139.0</t>
  </si>
  <si>
    <t>313.071</t>
  </si>
  <si>
    <t>23209.0</t>
  </si>
  <si>
    <t>3276282.0</t>
  </si>
  <si>
    <t>313.659</t>
  </si>
  <si>
    <t>5983.6</t>
  </si>
  <si>
    <t>576.178732114059</t>
  </si>
  <si>
    <t>3283621.0</t>
  </si>
  <si>
    <t>314.362</t>
  </si>
  <si>
    <t>3315550.0</t>
  </si>
  <si>
    <t>317.418</t>
  </si>
  <si>
    <t>3350565.0</t>
  </si>
  <si>
    <t>35015.0</t>
  </si>
  <si>
    <t>320.771</t>
  </si>
  <si>
    <t>31923.0</t>
  </si>
  <si>
    <t>323.827</t>
  </si>
  <si>
    <t>3411127.0</t>
  </si>
  <si>
    <t>326.568</t>
  </si>
  <si>
    <t>3415925.0</t>
  </si>
  <si>
    <t>327.028</t>
  </si>
  <si>
    <t>3424429.0</t>
  </si>
  <si>
    <t>327.842</t>
  </si>
  <si>
    <t>21164.0</t>
  </si>
  <si>
    <t>579.587503943198</t>
  </si>
  <si>
    <t>3432711.0</t>
  </si>
  <si>
    <t>328.635</t>
  </si>
  <si>
    <t>21299.0</t>
  </si>
  <si>
    <t>3464707.0</t>
  </si>
  <si>
    <t>31996.0</t>
  </si>
  <si>
    <t>331.698</t>
  </si>
  <si>
    <t>16631.0</t>
  </si>
  <si>
    <t>3494993.0</t>
  </si>
  <si>
    <t>30286.0</t>
  </si>
  <si>
    <t>334.597</t>
  </si>
  <si>
    <t>20633.0</t>
  </si>
  <si>
    <t>3503690.0</t>
  </si>
  <si>
    <t>17315.0</t>
  </si>
  <si>
    <t>3540148.0</t>
  </si>
  <si>
    <t>338.92</t>
  </si>
  <si>
    <t>35272.0</t>
  </si>
  <si>
    <t>3576831.0</t>
  </si>
  <si>
    <t>342.432</t>
  </si>
  <si>
    <t>40427.0</t>
  </si>
  <si>
    <t>3596539.0</t>
  </si>
  <si>
    <t>344.319</t>
  </si>
  <si>
    <t>24587.0</t>
  </si>
  <si>
    <t>5809.5</t>
  </si>
  <si>
    <t>559.414122637981</t>
  </si>
  <si>
    <t>3613209.0</t>
  </si>
  <si>
    <t>345.915</t>
  </si>
  <si>
    <t>50045.0</t>
  </si>
  <si>
    <t>41674.0</t>
  </si>
  <si>
    <t>349.905</t>
  </si>
  <si>
    <t>56475.0</t>
  </si>
  <si>
    <t>3689863.0</t>
  </si>
  <si>
    <t>34980.0</t>
  </si>
  <si>
    <t>353.254</t>
  </si>
  <si>
    <t>27839.0</t>
  </si>
  <si>
    <t>64932.0</t>
  </si>
  <si>
    <t>3724902.0</t>
  </si>
  <si>
    <t>356.608</t>
  </si>
  <si>
    <t>70960.0</t>
  </si>
  <si>
    <t>3757430.0</t>
  </si>
  <si>
    <t>359.722</t>
  </si>
  <si>
    <t>75412.0</t>
  </si>
  <si>
    <t>3787743.0</t>
  </si>
  <si>
    <t>80389.0</t>
  </si>
  <si>
    <t>9.833</t>
  </si>
  <si>
    <t>3798538.0</t>
  </si>
  <si>
    <t>363.658</t>
  </si>
  <si>
    <t>5257.4</t>
  </si>
  <si>
    <t>-18.1</t>
  </si>
  <si>
    <t>506.250763121942</t>
  </si>
  <si>
    <t>3806711.0</t>
  </si>
  <si>
    <t>364.44</t>
  </si>
  <si>
    <t>85898.0</t>
  </si>
  <si>
    <t>3838310.0</t>
  </si>
  <si>
    <t>31599.0</t>
  </si>
  <si>
    <t>367.465</t>
  </si>
  <si>
    <t>3868739.0</t>
  </si>
  <si>
    <t>30429.0</t>
  </si>
  <si>
    <t>370.379</t>
  </si>
  <si>
    <t>109831.0</t>
  </si>
  <si>
    <t>108167.0</t>
  </si>
  <si>
    <t>15377.0</t>
  </si>
  <si>
    <t>3898194.0</t>
  </si>
  <si>
    <t>373.198</t>
  </si>
  <si>
    <t>125928.0</t>
  </si>
  <si>
    <t>123667.0</t>
  </si>
  <si>
    <t>3930631.0</t>
  </si>
  <si>
    <t>376.304</t>
  </si>
  <si>
    <t>143877.0</t>
  </si>
  <si>
    <t>141298.0</t>
  </si>
  <si>
    <t>3961627.0</t>
  </si>
  <si>
    <t>30996.0</t>
  </si>
  <si>
    <t>379.271</t>
  </si>
  <si>
    <t>24841.0</t>
  </si>
  <si>
    <t>160101.0</t>
  </si>
  <si>
    <t>156966.0</t>
  </si>
  <si>
    <t>3973500.0</t>
  </si>
  <si>
    <t>380.408</t>
  </si>
  <si>
    <t>24995.0</t>
  </si>
  <si>
    <t>4956.7</t>
  </si>
  <si>
    <t>477.295461172163</t>
  </si>
  <si>
    <t>3982894.0</t>
  </si>
  <si>
    <t>381.307</t>
  </si>
  <si>
    <t>179951.0</t>
  </si>
  <si>
    <t>4019134.0</t>
  </si>
  <si>
    <t>36240.0</t>
  </si>
  <si>
    <t>384.777</t>
  </si>
  <si>
    <t>25832.0</t>
  </si>
  <si>
    <t>197755.0</t>
  </si>
  <si>
    <t>184610.0</t>
  </si>
  <si>
    <t>13145.0</t>
  </si>
  <si>
    <t>14757.0</t>
  </si>
  <si>
    <t>4056829.0</t>
  </si>
  <si>
    <t>26870.0</t>
  </si>
  <si>
    <t>216040.0</t>
  </si>
  <si>
    <t>198161.0</t>
  </si>
  <si>
    <t>4090873.0</t>
  </si>
  <si>
    <t>34044.0</t>
  </si>
  <si>
    <t>391.645</t>
  </si>
  <si>
    <t>234285.0</t>
  </si>
  <si>
    <t>210488.0</t>
  </si>
  <si>
    <t>4136254.0</t>
  </si>
  <si>
    <t>45381.0</t>
  </si>
  <si>
    <t>395.989</t>
  </si>
  <si>
    <t>29375.0</t>
  </si>
  <si>
    <t>253363.0</t>
  </si>
  <si>
    <t>220621.0</t>
  </si>
  <si>
    <t>32742.0</t>
  </si>
  <si>
    <t>19078.0</t>
  </si>
  <si>
    <t>4168158.0</t>
  </si>
  <si>
    <t>31904.0</t>
  </si>
  <si>
    <t>399.044</t>
  </si>
  <si>
    <t>29504.0</t>
  </si>
  <si>
    <t>271287.0</t>
  </si>
  <si>
    <t>232399.0</t>
  </si>
  <si>
    <t>38888.0</t>
  </si>
  <si>
    <t>15884.0</t>
  </si>
  <si>
    <t>4181315.0</t>
  </si>
  <si>
    <t>400.303</t>
  </si>
  <si>
    <t>10771.0</t>
  </si>
  <si>
    <t>-10.05</t>
  </si>
  <si>
    <t>449.110503138574</t>
  </si>
  <si>
    <t>4192666.0</t>
  </si>
  <si>
    <t>401.39</t>
  </si>
  <si>
    <t>293817.0</t>
  </si>
  <si>
    <t>46566.0</t>
  </si>
  <si>
    <t>4230257.0</t>
  </si>
  <si>
    <t>37591.0</t>
  </si>
  <si>
    <t>404.989</t>
  </si>
  <si>
    <t>30160.0</t>
  </si>
  <si>
    <t>315628.0</t>
  </si>
  <si>
    <t>261543.0</t>
  </si>
  <si>
    <t>54085.0</t>
  </si>
  <si>
    <t>4268953.0</t>
  </si>
  <si>
    <t>38696.0</t>
  </si>
  <si>
    <t>408.694</t>
  </si>
  <si>
    <t>338122.0</t>
  </si>
  <si>
    <t>276103.0</t>
  </si>
  <si>
    <t>62019.0</t>
  </si>
  <si>
    <t>17440.0</t>
  </si>
  <si>
    <t>4313349.0</t>
  </si>
  <si>
    <t>359723.0</t>
  </si>
  <si>
    <t>291259.0</t>
  </si>
  <si>
    <t>21601.0</t>
  </si>
  <si>
    <t>4359237.0</t>
  </si>
  <si>
    <t>45888.0</t>
  </si>
  <si>
    <t>417.337</t>
  </si>
  <si>
    <t>31855.0</t>
  </si>
  <si>
    <t>380136.0</t>
  </si>
  <si>
    <t>306441.0</t>
  </si>
  <si>
    <t>73695.0</t>
  </si>
  <si>
    <t>20413.0</t>
  </si>
  <si>
    <t>12260.0</t>
  </si>
  <si>
    <t>4405294.0</t>
  </si>
  <si>
    <t>46057.0</t>
  </si>
  <si>
    <t>421.746</t>
  </si>
  <si>
    <t>33877.0</t>
  </si>
  <si>
    <t>397857.0</t>
  </si>
  <si>
    <t>318097.0</t>
  </si>
  <si>
    <t>79760.0</t>
  </si>
  <si>
    <t>4427291.0</t>
  </si>
  <si>
    <t>21997.0</t>
  </si>
  <si>
    <t>423.852</t>
  </si>
  <si>
    <t>4299.3</t>
  </si>
  <si>
    <t>-12.76</t>
  </si>
  <si>
    <t>413.992449859277</t>
  </si>
  <si>
    <t>4445443.0</t>
  </si>
  <si>
    <t>425.59</t>
  </si>
  <si>
    <t>36111.0</t>
  </si>
  <si>
    <t>417565.0</t>
  </si>
  <si>
    <t>332812.0</t>
  </si>
  <si>
    <t>4498458.0</t>
  </si>
  <si>
    <t>53015.0</t>
  </si>
  <si>
    <t>430.665</t>
  </si>
  <si>
    <t>38314.0</t>
  </si>
  <si>
    <t>437872.0</t>
  </si>
  <si>
    <t>345290.0</t>
  </si>
  <si>
    <t>92582.0</t>
  </si>
  <si>
    <t>11964.0</t>
  </si>
  <si>
    <t>4549865.0</t>
  </si>
  <si>
    <t>51407.0</t>
  </si>
  <si>
    <t>435.587</t>
  </si>
  <si>
    <t>459535.0</t>
  </si>
  <si>
    <t>353412.0</t>
  </si>
  <si>
    <t>106123.0</t>
  </si>
  <si>
    <t>4600744.0</t>
  </si>
  <si>
    <t>440.458</t>
  </si>
  <si>
    <t>4.871</t>
  </si>
  <si>
    <t>41056.0</t>
  </si>
  <si>
    <t>482416.0</t>
  </si>
  <si>
    <t>360800.0</t>
  </si>
  <si>
    <t>121616.0</t>
  </si>
  <si>
    <t>22881.0</t>
  </si>
  <si>
    <t>4648406.0</t>
  </si>
  <si>
    <t>47662.0</t>
  </si>
  <si>
    <t>445.021</t>
  </si>
  <si>
    <t>506038.0</t>
  </si>
  <si>
    <t>366749.0</t>
  </si>
  <si>
    <t>139289.0</t>
  </si>
  <si>
    <t>23622.0</t>
  </si>
  <si>
    <t>4694239.0</t>
  </si>
  <si>
    <t>45833.0</t>
  </si>
  <si>
    <t>449.409</t>
  </si>
  <si>
    <t>41278.0</t>
  </si>
  <si>
    <t>526369.0</t>
  </si>
  <si>
    <t>371462.0</t>
  </si>
  <si>
    <t>4713933.0</t>
  </si>
  <si>
    <t>19694.0</t>
  </si>
  <si>
    <t>451.294</t>
  </si>
  <si>
    <t>18978.0</t>
  </si>
  <si>
    <t>4014.4</t>
  </si>
  <si>
    <t>386.558577143973</t>
  </si>
  <si>
    <t>4727237.0</t>
  </si>
  <si>
    <t>452.568</t>
  </si>
  <si>
    <t>554745.0</t>
  </si>
  <si>
    <t>386049.0</t>
  </si>
  <si>
    <t>168696.0</t>
  </si>
  <si>
    <t>4767683.0</t>
  </si>
  <si>
    <t>40446.0</t>
  </si>
  <si>
    <t>456.44</t>
  </si>
  <si>
    <t>38461.0</t>
  </si>
  <si>
    <t>575766.0</t>
  </si>
  <si>
    <t>397840.0</t>
  </si>
  <si>
    <t>177926.0</t>
  </si>
  <si>
    <t>19699.0</t>
  </si>
  <si>
    <t>4793407.0</t>
  </si>
  <si>
    <t>458.903</t>
  </si>
  <si>
    <t>34792.0</t>
  </si>
  <si>
    <t>603667.0</t>
  </si>
  <si>
    <t>412970.0</t>
  </si>
  <si>
    <t>190697.0</t>
  </si>
  <si>
    <t>4830416.0</t>
  </si>
  <si>
    <t>37009.0</t>
  </si>
  <si>
    <t>462.446</t>
  </si>
  <si>
    <t>634037.0</t>
  </si>
  <si>
    <t>430124.0</t>
  </si>
  <si>
    <t>203913.0</t>
  </si>
  <si>
    <t>30370.0</t>
  </si>
  <si>
    <t>4876069.0</t>
  </si>
  <si>
    <t>466.817</t>
  </si>
  <si>
    <t>664347.0</t>
  </si>
  <si>
    <t>449073.0</t>
  </si>
  <si>
    <t>215274.0</t>
  </si>
  <si>
    <t>30310.0</t>
  </si>
  <si>
    <t>4919379.0</t>
  </si>
  <si>
    <t>470.963</t>
  </si>
  <si>
    <t>693436.0</t>
  </si>
  <si>
    <t>465842.0</t>
  </si>
  <si>
    <t>227594.0</t>
  </si>
  <si>
    <t>29089.0</t>
  </si>
  <si>
    <t>13.391</t>
  </si>
  <si>
    <t>4942518.0</t>
  </si>
  <si>
    <t>473.178</t>
  </si>
  <si>
    <t>32655.0</t>
  </si>
  <si>
    <t>697245.0</t>
  </si>
  <si>
    <t>467656.0</t>
  </si>
  <si>
    <t>229589.0</t>
  </si>
  <si>
    <t>22384.0</t>
  </si>
  <si>
    <t>3932.3</t>
  </si>
  <si>
    <t>378.652922704077</t>
  </si>
  <si>
    <t>4958128.0</t>
  </si>
  <si>
    <t>474.673</t>
  </si>
  <si>
    <t>730410.0</t>
  </si>
  <si>
    <t>486820.0</t>
  </si>
  <si>
    <t>243590.0</t>
  </si>
  <si>
    <t>33165.0</t>
  </si>
  <si>
    <t>5058671.0</t>
  </si>
  <si>
    <t>100543.0</t>
  </si>
  <si>
    <t>484.298</t>
  </si>
  <si>
    <t>762624.0</t>
  </si>
  <si>
    <t>505148.0</t>
  </si>
  <si>
    <t>257476.0</t>
  </si>
  <si>
    <t>32214.0</t>
  </si>
  <si>
    <t>26694.0</t>
  </si>
  <si>
    <t>5062886.0</t>
  </si>
  <si>
    <t>484.702</t>
  </si>
  <si>
    <t>38497.0</t>
  </si>
  <si>
    <t>794347.0</t>
  </si>
  <si>
    <t>522510.0</t>
  </si>
  <si>
    <t>271837.0</t>
  </si>
  <si>
    <t>27240.0</t>
  </si>
  <si>
    <t>5113133.0</t>
  </si>
  <si>
    <t>489.512</t>
  </si>
  <si>
    <t>826370.0</t>
  </si>
  <si>
    <t>540039.0</t>
  </si>
  <si>
    <t>286331.0</t>
  </si>
  <si>
    <t>32023.0</t>
  </si>
  <si>
    <t>5163467.0</t>
  </si>
  <si>
    <t>50334.0</t>
  </si>
  <si>
    <t>494.331</t>
  </si>
  <si>
    <t>41057.0</t>
  </si>
  <si>
    <t>857306.0</t>
  </si>
  <si>
    <t>556380.0</t>
  </si>
  <si>
    <t>300926.0</t>
  </si>
  <si>
    <t>30936.0</t>
  </si>
  <si>
    <t>5209532.0</t>
  </si>
  <si>
    <t>46065.0</t>
  </si>
  <si>
    <t>498.741</t>
  </si>
  <si>
    <t>885821.0</t>
  </si>
  <si>
    <t>572174.0</t>
  </si>
  <si>
    <t>313647.0</t>
  </si>
  <si>
    <t>5235862.0</t>
  </si>
  <si>
    <t>501.262</t>
  </si>
  <si>
    <t>41906.0</t>
  </si>
  <si>
    <t>4010.8</t>
  </si>
  <si>
    <t>386.211922381688</t>
  </si>
  <si>
    <t>5253798.0</t>
  </si>
  <si>
    <t>502.979</t>
  </si>
  <si>
    <t>921189.0</t>
  </si>
  <si>
    <t>594053.0</t>
  </si>
  <si>
    <t>327136.0</t>
  </si>
  <si>
    <t>15319.0</t>
  </si>
  <si>
    <t>5315053.0</t>
  </si>
  <si>
    <t>61255.0</t>
  </si>
  <si>
    <t>508.843</t>
  </si>
  <si>
    <t>957139.0</t>
  </si>
  <si>
    <t>617737.0</t>
  </si>
  <si>
    <t>339402.0</t>
  </si>
  <si>
    <t>35950.0</t>
  </si>
  <si>
    <t>5369606.0</t>
  </si>
  <si>
    <t>54553.0</t>
  </si>
  <si>
    <t>514.066</t>
  </si>
  <si>
    <t>43817.0</t>
  </si>
  <si>
    <t>4.195</t>
  </si>
  <si>
    <t>991409.0</t>
  </si>
  <si>
    <t>643218.0</t>
  </si>
  <si>
    <t>348191.0</t>
  </si>
  <si>
    <t>34270.0</t>
  </si>
  <si>
    <t>28152.0</t>
  </si>
  <si>
    <t>5425308.0</t>
  </si>
  <si>
    <t>55702.0</t>
  </si>
  <si>
    <t>519.399</t>
  </si>
  <si>
    <t>1024711.0</t>
  </si>
  <si>
    <t>669152.0</t>
  </si>
  <si>
    <t>355559.0</t>
  </si>
  <si>
    <t>33302.0</t>
  </si>
  <si>
    <t>5481369.0</t>
  </si>
  <si>
    <t>524.766</t>
  </si>
  <si>
    <t>5.367</t>
  </si>
  <si>
    <t>45415.0</t>
  </si>
  <si>
    <t>1059304.0</t>
  </si>
  <si>
    <t>697876.0</t>
  </si>
  <si>
    <t>361427.0</t>
  </si>
  <si>
    <t>34593.0</t>
  </si>
  <si>
    <t>5534478.0</t>
  </si>
  <si>
    <t>53109.0</t>
  </si>
  <si>
    <t>529.85</t>
  </si>
  <si>
    <t>46421.0</t>
  </si>
  <si>
    <t>1091749.0</t>
  </si>
  <si>
    <t>725388.0</t>
  </si>
  <si>
    <t>366360.0</t>
  </si>
  <si>
    <t>29418.0</t>
  </si>
  <si>
    <t>5558976.0</t>
  </si>
  <si>
    <t>532.195</t>
  </si>
  <si>
    <t>46159.0</t>
  </si>
  <si>
    <t>29343.0</t>
  </si>
  <si>
    <t>4121.1</t>
  </si>
  <si>
    <t>396.833039126153</t>
  </si>
  <si>
    <t>5578001.0</t>
  </si>
  <si>
    <t>19025.0</t>
  </si>
  <si>
    <t>46315.0</t>
  </si>
  <si>
    <t>1126060.0</t>
  </si>
  <si>
    <t>753636.0</t>
  </si>
  <si>
    <t>372423.0</t>
  </si>
  <si>
    <t>5638039.0</t>
  </si>
  <si>
    <t>539.765</t>
  </si>
  <si>
    <t>1158386.0</t>
  </si>
  <si>
    <t>780536.0</t>
  </si>
  <si>
    <t>377848.0</t>
  </si>
  <si>
    <t>32326.0</t>
  </si>
  <si>
    <t>23257.0</t>
  </si>
  <si>
    <t>5689821.0</t>
  </si>
  <si>
    <t>51782.0</t>
  </si>
  <si>
    <t>544.722</t>
  </si>
  <si>
    <t>4.379</t>
  </si>
  <si>
    <t>1190723.0</t>
  </si>
  <si>
    <t>807280.0</t>
  </si>
  <si>
    <t>383441.0</t>
  </si>
  <si>
    <t>5739899.0</t>
  </si>
  <si>
    <t>50078.0</t>
  </si>
  <si>
    <t>549.516</t>
  </si>
  <si>
    <t>1222393.0</t>
  </si>
  <si>
    <t>831761.0</t>
  </si>
  <si>
    <t>390629.0</t>
  </si>
  <si>
    <t>31670.0</t>
  </si>
  <si>
    <t>28240.0</t>
  </si>
  <si>
    <t>23230.0</t>
  </si>
  <si>
    <t>5787456.0</t>
  </si>
  <si>
    <t>47557.0</t>
  </si>
  <si>
    <t>554.069</t>
  </si>
  <si>
    <t>1254087.0</t>
  </si>
  <si>
    <t>855151.0</t>
  </si>
  <si>
    <t>398933.0</t>
  </si>
  <si>
    <t>31694.0</t>
  </si>
  <si>
    <t>27826.0</t>
  </si>
  <si>
    <t>22468.0</t>
  </si>
  <si>
    <t>5837795.0</t>
  </si>
  <si>
    <t>50339.0</t>
  </si>
  <si>
    <t>558.889</t>
  </si>
  <si>
    <t>4.148</t>
  </si>
  <si>
    <t>1283472.0</t>
  </si>
  <si>
    <t>877402.0</t>
  </si>
  <si>
    <t>406067.0</t>
  </si>
  <si>
    <t>29385.0</t>
  </si>
  <si>
    <t>5856618.0</t>
  </si>
  <si>
    <t>560.691</t>
  </si>
  <si>
    <t>4237.2</t>
  </si>
  <si>
    <t>408.012655209855</t>
  </si>
  <si>
    <t>5868332.0</t>
  </si>
  <si>
    <t>561.812</t>
  </si>
  <si>
    <t>41476.0</t>
  </si>
  <si>
    <t>1285437.0</t>
  </si>
  <si>
    <t>877644.0</t>
  </si>
  <si>
    <t>407790.0</t>
  </si>
  <si>
    <t>17715.0</t>
  </si>
  <si>
    <t>5880791.0</t>
  </si>
  <si>
    <t>34679.0</t>
  </si>
  <si>
    <t>1316554.0</t>
  </si>
  <si>
    <t>895920.0</t>
  </si>
  <si>
    <t>420630.0</t>
  </si>
  <si>
    <t>31117.0</t>
  </si>
  <si>
    <t>5944445.0</t>
  </si>
  <si>
    <t>63654.0</t>
  </si>
  <si>
    <t>569.099</t>
  </si>
  <si>
    <t>915641.0</t>
  </si>
  <si>
    <t>430089.0</t>
  </si>
  <si>
    <t>29181.0</t>
  </si>
  <si>
    <t>5998051.0</t>
  </si>
  <si>
    <t>574.231</t>
  </si>
  <si>
    <t>1375828.0</t>
  </si>
  <si>
    <t>935269.0</t>
  </si>
  <si>
    <t>440554.0</t>
  </si>
  <si>
    <t>30093.0</t>
  </si>
  <si>
    <t>6050901.0</t>
  </si>
  <si>
    <t>52850.0</t>
  </si>
  <si>
    <t>579.291</t>
  </si>
  <si>
    <t>1407064.0</t>
  </si>
  <si>
    <t>956745.0</t>
  </si>
  <si>
    <t>450314.0</t>
  </si>
  <si>
    <t>31236.0</t>
  </si>
  <si>
    <t>6101959.0</t>
  </si>
  <si>
    <t>584.179</t>
  </si>
  <si>
    <t>37738.0</t>
  </si>
  <si>
    <t>1436491.0</t>
  </si>
  <si>
    <t>977045.0</t>
  </si>
  <si>
    <t>459441.0</t>
  </si>
  <si>
    <t>29427.0</t>
  </si>
  <si>
    <t>21860.0</t>
  </si>
  <si>
    <t>6120017.0</t>
  </si>
  <si>
    <t>585.907</t>
  </si>
  <si>
    <t>37628.0</t>
  </si>
  <si>
    <t>24043.0</t>
  </si>
  <si>
    <t>4521.7</t>
  </si>
  <si>
    <t>435.40801072935</t>
  </si>
  <si>
    <t>6134091.0</t>
  </si>
  <si>
    <t>587.255</t>
  </si>
  <si>
    <t>37966.0</t>
  </si>
  <si>
    <t>1469020.0</t>
  </si>
  <si>
    <t>997959.0</t>
  </si>
  <si>
    <t>471056.0</t>
  </si>
  <si>
    <t>6198512.0</t>
  </si>
  <si>
    <t>64421.0</t>
  </si>
  <si>
    <t>593.422</t>
  </si>
  <si>
    <t>45389.0</t>
  </si>
  <si>
    <t>1503487.0</t>
  </si>
  <si>
    <t>1018670.0</t>
  </si>
  <si>
    <t>484812.0</t>
  </si>
  <si>
    <t>34467.0</t>
  </si>
  <si>
    <t>26705.0</t>
  </si>
  <si>
    <t>6254354.0</t>
  </si>
  <si>
    <t>598.768</t>
  </si>
  <si>
    <t>44273.0</t>
  </si>
  <si>
    <t>1536957.0</t>
  </si>
  <si>
    <t>1035543.0</t>
  </si>
  <si>
    <t>501409.0</t>
  </si>
  <si>
    <t>27317.0</t>
  </si>
  <si>
    <t>6307247.0</t>
  </si>
  <si>
    <t>52893.0</t>
  </si>
  <si>
    <t>603.832</t>
  </si>
  <si>
    <t>44171.0</t>
  </si>
  <si>
    <t>1537104.0</t>
  </si>
  <si>
    <t>1035659.0</t>
  </si>
  <si>
    <t>501440.0</t>
  </si>
  <si>
    <t>6318789.0</t>
  </si>
  <si>
    <t>604.937</t>
  </si>
  <si>
    <t>1572726.0</t>
  </si>
  <si>
    <t>1046291.0</t>
  </si>
  <si>
    <t>526429.0</t>
  </si>
  <si>
    <t>35622.0</t>
  </si>
  <si>
    <t>23666.0</t>
  </si>
  <si>
    <t>6376947.0</t>
  </si>
  <si>
    <t>58158.0</t>
  </si>
  <si>
    <t>610.505</t>
  </si>
  <si>
    <t>5.568</t>
  </si>
  <si>
    <t>39284.0</t>
  </si>
  <si>
    <t>1604238.0</t>
  </si>
  <si>
    <t>1055744.0</t>
  </si>
  <si>
    <t>548488.0</t>
  </si>
  <si>
    <t>23964.0</t>
  </si>
  <si>
    <t>6398225.0</t>
  </si>
  <si>
    <t>612.542</t>
  </si>
  <si>
    <t>4844.2</t>
  </si>
  <si>
    <t>466.462499850746</t>
  </si>
  <si>
    <t>6413832.0</t>
  </si>
  <si>
    <t>614.036</t>
  </si>
  <si>
    <t>39963.0</t>
  </si>
  <si>
    <t>1635676.0</t>
  </si>
  <si>
    <t>1066873.0</t>
  </si>
  <si>
    <t>568796.0</t>
  </si>
  <si>
    <t>23808.0</t>
  </si>
  <si>
    <t>6479811.0</t>
  </si>
  <si>
    <t>65979.0</t>
  </si>
  <si>
    <t>620.353</t>
  </si>
  <si>
    <t>1668956.0</t>
  </si>
  <si>
    <t>1080658.0</t>
  </si>
  <si>
    <t>588291.0</t>
  </si>
  <si>
    <t>23638.0</t>
  </si>
  <si>
    <t>6535746.0</t>
  </si>
  <si>
    <t>55935.0</t>
  </si>
  <si>
    <t>625.708</t>
  </si>
  <si>
    <t>5.355</t>
  </si>
  <si>
    <t>40199.0</t>
  </si>
  <si>
    <t>1699807.0</t>
  </si>
  <si>
    <t>1092633.0</t>
  </si>
  <si>
    <t>607167.0</t>
  </si>
  <si>
    <t>6589204.0</t>
  </si>
  <si>
    <t>53458.0</t>
  </si>
  <si>
    <t>630.826</t>
  </si>
  <si>
    <t>40280.0</t>
  </si>
  <si>
    <t>1739051.0</t>
  </si>
  <si>
    <t>1114363.0</t>
  </si>
  <si>
    <t>624681.0</t>
  </si>
  <si>
    <t>28850.0</t>
  </si>
  <si>
    <t>6646107.0</t>
  </si>
  <si>
    <t>56903.0</t>
  </si>
  <si>
    <t>636.273</t>
  </si>
  <si>
    <t>46760.0</t>
  </si>
  <si>
    <t>1777502.0</t>
  </si>
  <si>
    <t>1135585.0</t>
  </si>
  <si>
    <t>641909.0</t>
  </si>
  <si>
    <t>38451.0</t>
  </si>
  <si>
    <t>12756.0</t>
  </si>
  <si>
    <t>6708228.0</t>
  </si>
  <si>
    <t>642.221</t>
  </si>
  <si>
    <t>47326.0</t>
  </si>
  <si>
    <t>1830362.0</t>
  </si>
  <si>
    <t>1171420.0</t>
  </si>
  <si>
    <t>658934.0</t>
  </si>
  <si>
    <t>6731522.0</t>
  </si>
  <si>
    <t>644.451</t>
  </si>
  <si>
    <t>4.558</t>
  </si>
  <si>
    <t>5383.9</t>
  </si>
  <si>
    <t>518.431826296691</t>
  </si>
  <si>
    <t>6747854.0</t>
  </si>
  <si>
    <t>646.014</t>
  </si>
  <si>
    <t>1886370.0</t>
  </si>
  <si>
    <t>1222682.0</t>
  </si>
  <si>
    <t>663680.0</t>
  </si>
  <si>
    <t>35813.0</t>
  </si>
  <si>
    <t>6823036.0</t>
  </si>
  <si>
    <t>75182.0</t>
  </si>
  <si>
    <t>653.212</t>
  </si>
  <si>
    <t>1946339.0</t>
  </si>
  <si>
    <t>1269938.0</t>
  </si>
  <si>
    <t>676393.0</t>
  </si>
  <si>
    <t>39626.0</t>
  </si>
  <si>
    <t>6878215.0</t>
  </si>
  <si>
    <t>55179.0</t>
  </si>
  <si>
    <t>658.494</t>
  </si>
  <si>
    <t>5.283</t>
  </si>
  <si>
    <t>4.684</t>
  </si>
  <si>
    <t>2003644.0</t>
  </si>
  <si>
    <t>1312896.0</t>
  </si>
  <si>
    <t>690740.0</t>
  </si>
  <si>
    <t>57305.0</t>
  </si>
  <si>
    <t>43405.0</t>
  </si>
  <si>
    <t>31466.0</t>
  </si>
  <si>
    <t>6936671.0</t>
  </si>
  <si>
    <t>58456.0</t>
  </si>
  <si>
    <t>664.091</t>
  </si>
  <si>
    <t>2058750.0</t>
  </si>
  <si>
    <t>1353956.0</t>
  </si>
  <si>
    <t>704785.0</t>
  </si>
  <si>
    <t>55106.0</t>
  </si>
  <si>
    <t>45671.0</t>
  </si>
  <si>
    <t>6994041.0</t>
  </si>
  <si>
    <t>57370.0</t>
  </si>
  <si>
    <t>669.583</t>
  </si>
  <si>
    <t>2114222.0</t>
  </si>
  <si>
    <t>1394013.0</t>
  </si>
  <si>
    <t>720200.0</t>
  </si>
  <si>
    <t>7059912.0</t>
  </si>
  <si>
    <t>65871.0</t>
  </si>
  <si>
    <t>675.889</t>
  </si>
  <si>
    <t>50241.0</t>
  </si>
  <si>
    <t>2169353.0</t>
  </si>
  <si>
    <t>1435503.0</t>
  </si>
  <si>
    <t>733840.0</t>
  </si>
  <si>
    <t>55131.0</t>
  </si>
  <si>
    <t>32.776</t>
  </si>
  <si>
    <t>7088799.0</t>
  </si>
  <si>
    <t>28887.0</t>
  </si>
  <si>
    <t>678.655</t>
  </si>
  <si>
    <t>51040.0</t>
  </si>
  <si>
    <t>5853.2</t>
  </si>
  <si>
    <t>563.622126280167</t>
  </si>
  <si>
    <t>7109471.0</t>
  </si>
  <si>
    <t>680.634</t>
  </si>
  <si>
    <t>51660.0</t>
  </si>
  <si>
    <t>2225878.0</t>
  </si>
  <si>
    <t>1480479.0</t>
  </si>
  <si>
    <t>745389.0</t>
  </si>
  <si>
    <t>36828.0</t>
  </si>
  <si>
    <t>7185541.0</t>
  </si>
  <si>
    <t>687.917</t>
  </si>
  <si>
    <t>2280934.0</t>
  </si>
  <si>
    <t>1524902.0</t>
  </si>
  <si>
    <t>756022.0</t>
  </si>
  <si>
    <t>55056.0</t>
  </si>
  <si>
    <t>47799.0</t>
  </si>
  <si>
    <t>7249251.0</t>
  </si>
  <si>
    <t>694.016</t>
  </si>
  <si>
    <t>53005.0</t>
  </si>
  <si>
    <t>2334557.0</t>
  </si>
  <si>
    <t>1569559.0</t>
  </si>
  <si>
    <t>764988.0</t>
  </si>
  <si>
    <t>50717.0</t>
  </si>
  <si>
    <t>2387148.0</t>
  </si>
  <si>
    <t>1620067.0</t>
  </si>
  <si>
    <t>767071.0</t>
  </si>
  <si>
    <t>52591.0</t>
  </si>
  <si>
    <t>46914.0</t>
  </si>
  <si>
    <t>38016.0</t>
  </si>
  <si>
    <t>7334123.0</t>
  </si>
  <si>
    <t>702.141</t>
  </si>
  <si>
    <t>48583.0</t>
  </si>
  <si>
    <t>2440210.0</t>
  </si>
  <si>
    <t>1671324.0</t>
  </si>
  <si>
    <t>768876.0</t>
  </si>
  <si>
    <t>53062.0</t>
  </si>
  <si>
    <t>46570.0</t>
  </si>
  <si>
    <t>39616.0</t>
  </si>
  <si>
    <t>7443639.0</t>
  </si>
  <si>
    <t>109516.0</t>
  </si>
  <si>
    <t>712.626</t>
  </si>
  <si>
    <t>54818.0</t>
  </si>
  <si>
    <t>2491857.0</t>
  </si>
  <si>
    <t>1721650.0</t>
  </si>
  <si>
    <t>770197.0</t>
  </si>
  <si>
    <t>7468808.0</t>
  </si>
  <si>
    <t>715.036</t>
  </si>
  <si>
    <t>45913.0</t>
  </si>
  <si>
    <t>41413.0</t>
  </si>
  <si>
    <t>6418.1</t>
  </si>
  <si>
    <t>618.01803606211</t>
  </si>
  <si>
    <t>7489656.0</t>
  </si>
  <si>
    <t>717.032</t>
  </si>
  <si>
    <t>2546154.0</t>
  </si>
  <si>
    <t>1774120.0</t>
  </si>
  <si>
    <t>772024.0</t>
  </si>
  <si>
    <t>45754.0</t>
  </si>
  <si>
    <t>7568084.0</t>
  </si>
  <si>
    <t>78428.0</t>
  </si>
  <si>
    <t>724.54</t>
  </si>
  <si>
    <t>7.508</t>
  </si>
  <si>
    <t>54649.0</t>
  </si>
  <si>
    <t>2600998.0</t>
  </si>
  <si>
    <t>1826618.0</t>
  </si>
  <si>
    <t>774370.0</t>
  </si>
  <si>
    <t>54844.0</t>
  </si>
  <si>
    <t>43102.0</t>
  </si>
  <si>
    <t>7629407.0</t>
  </si>
  <si>
    <t>730.411</t>
  </si>
  <si>
    <t>2652448.0</t>
  </si>
  <si>
    <t>1876009.0</t>
  </si>
  <si>
    <t>776429.0</t>
  </si>
  <si>
    <t>51450.0</t>
  </si>
  <si>
    <t>45413.0</t>
  </si>
  <si>
    <t>7692455.0</t>
  </si>
  <si>
    <t>736.447</t>
  </si>
  <si>
    <t>2708780.0</t>
  </si>
  <si>
    <t>1924630.0</t>
  </si>
  <si>
    <t>784140.0</t>
  </si>
  <si>
    <t>56332.0</t>
  </si>
  <si>
    <t>43509.0</t>
  </si>
  <si>
    <t>7758817.0</t>
  </si>
  <si>
    <t>66362.0</t>
  </si>
  <si>
    <t>6.353</t>
  </si>
  <si>
    <t>60671.0</t>
  </si>
  <si>
    <t>2765367.0</t>
  </si>
  <si>
    <t>1971361.0</t>
  </si>
  <si>
    <t>793996.0</t>
  </si>
  <si>
    <t>42862.0</t>
  </si>
  <si>
    <t>7824968.0</t>
  </si>
  <si>
    <t>66151.0</t>
  </si>
  <si>
    <t>749.133</t>
  </si>
  <si>
    <t>54476.0</t>
  </si>
  <si>
    <t>5.215</t>
  </si>
  <si>
    <t>2821625.0</t>
  </si>
  <si>
    <t>2004512.0</t>
  </si>
  <si>
    <t>817103.0</t>
  </si>
  <si>
    <t>47110.0</t>
  </si>
  <si>
    <t>7848074.0</t>
  </si>
  <si>
    <t>751.345</t>
  </si>
  <si>
    <t>54181.0</t>
  </si>
  <si>
    <t>5.187</t>
  </si>
  <si>
    <t>47630.0</t>
  </si>
  <si>
    <t>38631.0</t>
  </si>
  <si>
    <t>6724.4</t>
  </si>
  <si>
    <t>647.512578753222</t>
  </si>
  <si>
    <t>7870447.0</t>
  </si>
  <si>
    <t>22373.0</t>
  </si>
  <si>
    <t>753.487</t>
  </si>
  <si>
    <t>54399.0</t>
  </si>
  <si>
    <t>2883199.0</t>
  </si>
  <si>
    <t>2032090.0</t>
  </si>
  <si>
    <t>851099.0</t>
  </si>
  <si>
    <t>7947301.0</t>
  </si>
  <si>
    <t>76854.0</t>
  </si>
  <si>
    <t>760.845</t>
  </si>
  <si>
    <t>54174.0</t>
  </si>
  <si>
    <t>2945058.0</t>
  </si>
  <si>
    <t>2063824.0</t>
  </si>
  <si>
    <t>881224.0</t>
  </si>
  <si>
    <t>61859.0</t>
  </si>
  <si>
    <t>49151.0</t>
  </si>
  <si>
    <t>8008592.0</t>
  </si>
  <si>
    <t>766.713</t>
  </si>
  <si>
    <t>54169.0</t>
  </si>
  <si>
    <t>3009488.0</t>
  </si>
  <si>
    <t>2099343.0</t>
  </si>
  <si>
    <t>910135.0</t>
  </si>
  <si>
    <t>64430.0</t>
  </si>
  <si>
    <t>31905.0</t>
  </si>
  <si>
    <t>8079691.0</t>
  </si>
  <si>
    <t>71099.0</t>
  </si>
  <si>
    <t>773.519</t>
  </si>
  <si>
    <t>6.807</t>
  </si>
  <si>
    <t>55319.0</t>
  </si>
  <si>
    <t>5.296</t>
  </si>
  <si>
    <t>3075698.0</t>
  </si>
  <si>
    <t>2131890.0</t>
  </si>
  <si>
    <t>943798.0</t>
  </si>
  <si>
    <t>66210.0</t>
  </si>
  <si>
    <t>52417.0</t>
  </si>
  <si>
    <t>29609.0</t>
  </si>
  <si>
    <t>51976.0</t>
  </si>
  <si>
    <t>3097693.0</t>
  </si>
  <si>
    <t>2153560.0</t>
  </si>
  <si>
    <t>944123.0</t>
  </si>
  <si>
    <t>8165612.0</t>
  </si>
  <si>
    <t>781.745</t>
  </si>
  <si>
    <t>3115339.0</t>
  </si>
  <si>
    <t>2170847.0</t>
  </si>
  <si>
    <t>944481.0</t>
  </si>
  <si>
    <t>7211.3</t>
  </si>
  <si>
    <t>694.397635352315</t>
  </si>
  <si>
    <t>8189449.0</t>
  </si>
  <si>
    <t>784.027</t>
  </si>
  <si>
    <t>3136791.0</t>
  </si>
  <si>
    <t>2191449.0</t>
  </si>
  <si>
    <t>945331.0</t>
  </si>
  <si>
    <t>8210960.0</t>
  </si>
  <si>
    <t>21511.0</t>
  </si>
  <si>
    <t>786.086</t>
  </si>
  <si>
    <t>3201212.0</t>
  </si>
  <si>
    <t>986552.0</t>
  </si>
  <si>
    <t>36593.0</t>
  </si>
  <si>
    <t>21546.0</t>
  </si>
  <si>
    <t>8244918.0</t>
  </si>
  <si>
    <t>33958.0</t>
  </si>
  <si>
    <t>789.337</t>
  </si>
  <si>
    <t>3309765.0</t>
  </si>
  <si>
    <t>2272642.0</t>
  </si>
  <si>
    <t>1041838.0</t>
  </si>
  <si>
    <t>108553.0</t>
  </si>
  <si>
    <t>42897.0</t>
  </si>
  <si>
    <t>8324935.0</t>
  </si>
  <si>
    <t>80017.0</t>
  </si>
  <si>
    <t>796.998</t>
  </si>
  <si>
    <t>7.661</t>
  </si>
  <si>
    <t>35035.0</t>
  </si>
  <si>
    <t>3424441.0</t>
  </si>
  <si>
    <t>2333913.0</t>
  </si>
  <si>
    <t>1100081.0</t>
  </si>
  <si>
    <t>114676.0</t>
  </si>
  <si>
    <t>49820.0</t>
  </si>
  <si>
    <t>28860.0</t>
  </si>
  <si>
    <t>8386740.0</t>
  </si>
  <si>
    <t>61805.0</t>
  </si>
  <si>
    <t>802.915</t>
  </si>
  <si>
    <t>3535148.0</t>
  </si>
  <si>
    <t>2391470.0</t>
  </si>
  <si>
    <t>1158110.0</t>
  </si>
  <si>
    <t>33987.0</t>
  </si>
  <si>
    <t>8445689.0</t>
  </si>
  <si>
    <t>58949.0</t>
  </si>
  <si>
    <t>808.559</t>
  </si>
  <si>
    <t>40011.0</t>
  </si>
  <si>
    <t>3647616.0</t>
  </si>
  <si>
    <t>2450303.0</t>
  </si>
  <si>
    <t>1216683.0</t>
  </si>
  <si>
    <t>76040.0</t>
  </si>
  <si>
    <t>8468558.0</t>
  </si>
  <si>
    <t>810.748</t>
  </si>
  <si>
    <t>42517.0</t>
  </si>
  <si>
    <t>7799.2</t>
  </si>
  <si>
    <t>751.008283893303</t>
  </si>
  <si>
    <t>8496685.0</t>
  </si>
  <si>
    <t>813.441</t>
  </si>
  <si>
    <t>43891.0</t>
  </si>
  <si>
    <t>3760640.0</t>
  </si>
  <si>
    <t>2507229.0</t>
  </si>
  <si>
    <t>1277825.0</t>
  </si>
  <si>
    <t>89121.0</t>
  </si>
  <si>
    <t>45111.0</t>
  </si>
  <si>
    <t>8582255.0</t>
  </si>
  <si>
    <t>821.633</t>
  </si>
  <si>
    <t>53042.0</t>
  </si>
  <si>
    <t>5.078</t>
  </si>
  <si>
    <t>3868356.0</t>
  </si>
  <si>
    <t>2561858.0</t>
  </si>
  <si>
    <t>1335798.0</t>
  </si>
  <si>
    <t>107716.0</t>
  </si>
  <si>
    <t>95306.0</t>
  </si>
  <si>
    <t>49601.0</t>
  </si>
  <si>
    <t>8645362.0</t>
  </si>
  <si>
    <t>827.674</t>
  </si>
  <si>
    <t>6.042</t>
  </si>
  <si>
    <t>5.477</t>
  </si>
  <si>
    <t>3973336.0</t>
  </si>
  <si>
    <t>2615123.0</t>
  </si>
  <si>
    <t>1392281.0</t>
  </si>
  <si>
    <t>104980.0</t>
  </si>
  <si>
    <t>94796.0</t>
  </si>
  <si>
    <t>8707677.0</t>
  </si>
  <si>
    <t>62315.0</t>
  </si>
  <si>
    <t>833.64</t>
  </si>
  <si>
    <t>5.966</t>
  </si>
  <si>
    <t>54677.0</t>
  </si>
  <si>
    <t>4079168.0</t>
  </si>
  <si>
    <t>2666895.0</t>
  </si>
  <si>
    <t>1450838.0</t>
  </si>
  <si>
    <t>105832.0</t>
  </si>
  <si>
    <t>47569.0</t>
  </si>
  <si>
    <t>54781.0</t>
  </si>
  <si>
    <t>4185347.0</t>
  </si>
  <si>
    <t>2718390.0</t>
  </si>
  <si>
    <t>1510095.0</t>
  </si>
  <si>
    <t>106179.0</t>
  </si>
  <si>
    <t>92886.0</t>
  </si>
  <si>
    <t>8832737.0</t>
  </si>
  <si>
    <t>845.613</t>
  </si>
  <si>
    <t>55293.0</t>
  </si>
  <si>
    <t>4292541.0</t>
  </si>
  <si>
    <t>2772414.0</t>
  </si>
  <si>
    <t>1568229.0</t>
  </si>
  <si>
    <t>107194.0</t>
  </si>
  <si>
    <t>92132.0</t>
  </si>
  <si>
    <t>8856180.0</t>
  </si>
  <si>
    <t>847.857</t>
  </si>
  <si>
    <t>92136.0</t>
  </si>
  <si>
    <t>46561.0</t>
  </si>
  <si>
    <t>7963.3</t>
  </si>
  <si>
    <t>766.809963474143</t>
  </si>
  <si>
    <t>8879508.0</t>
  </si>
  <si>
    <t>23328.0</t>
  </si>
  <si>
    <t>850.091</t>
  </si>
  <si>
    <t>54689.0</t>
  </si>
  <si>
    <t>4405618.0</t>
  </si>
  <si>
    <t>2836972.0</t>
  </si>
  <si>
    <t>1624604.0</t>
  </si>
  <si>
    <t>92140.0</t>
  </si>
  <si>
    <t>47106.0</t>
  </si>
  <si>
    <t>8950025.0</t>
  </si>
  <si>
    <t>70517.0</t>
  </si>
  <si>
    <t>856.842</t>
  </si>
  <si>
    <t>52539.0</t>
  </si>
  <si>
    <t>4513979.0</t>
  </si>
  <si>
    <t>2905212.0</t>
  </si>
  <si>
    <t>1672775.0</t>
  </si>
  <si>
    <t>108361.0</t>
  </si>
  <si>
    <t>92232.0</t>
  </si>
  <si>
    <t>9003208.0</t>
  </si>
  <si>
    <t>53183.0</t>
  </si>
  <si>
    <t>861.933</t>
  </si>
  <si>
    <t>51121.0</t>
  </si>
  <si>
    <t>4.894</t>
  </si>
  <si>
    <t>4615746.0</t>
  </si>
  <si>
    <t>2974175.0</t>
  </si>
  <si>
    <t>1709388.0</t>
  </si>
  <si>
    <t>101767.0</t>
  </si>
  <si>
    <t>91773.0</t>
  </si>
  <si>
    <t>51293.0</t>
  </si>
  <si>
    <t>9059731.0</t>
  </si>
  <si>
    <t>56523.0</t>
  </si>
  <si>
    <t>867.345</t>
  </si>
  <si>
    <t>50293.0</t>
  </si>
  <si>
    <t>4716739.0</t>
  </si>
  <si>
    <t>3044700.0</t>
  </si>
  <si>
    <t>1743394.0</t>
  </si>
  <si>
    <t>100993.0</t>
  </si>
  <si>
    <t>91082.0</t>
  </si>
  <si>
    <t>45.42</t>
  </si>
  <si>
    <t>53972.0</t>
  </si>
  <si>
    <t>9112421.0</t>
  </si>
  <si>
    <t>52690.0</t>
  </si>
  <si>
    <t>872.389</t>
  </si>
  <si>
    <t>5.044</t>
  </si>
  <si>
    <t>4814981.0</t>
  </si>
  <si>
    <t>3121394.0</t>
  </si>
  <si>
    <t>1768771.0</t>
  </si>
  <si>
    <t>98242.0</t>
  </si>
  <si>
    <t>89948.0</t>
  </si>
  <si>
    <t>9167566.0</t>
  </si>
  <si>
    <t>55145.0</t>
  </si>
  <si>
    <t>877.668</t>
  </si>
  <si>
    <t>47833.0</t>
  </si>
  <si>
    <t>4913334.0</t>
  </si>
  <si>
    <t>3200861.0</t>
  </si>
  <si>
    <t>1791271.0</t>
  </si>
  <si>
    <t>88685.0</t>
  </si>
  <si>
    <t>61207.0</t>
  </si>
  <si>
    <t>9187642.0</t>
  </si>
  <si>
    <t>879.59</t>
  </si>
  <si>
    <t>47352.0</t>
  </si>
  <si>
    <t>4.533</t>
  </si>
  <si>
    <t>87703.0</t>
  </si>
  <si>
    <t>62359.0</t>
  </si>
  <si>
    <t>8281.8</t>
  </si>
  <si>
    <t>797.479280637444</t>
  </si>
  <si>
    <t>9208817.0</t>
  </si>
  <si>
    <t>881.618</t>
  </si>
  <si>
    <t>5012666.0</t>
  </si>
  <si>
    <t>3281550.0</t>
  </si>
  <si>
    <t>1813815.0</t>
  </si>
  <si>
    <t>86721.0</t>
  </si>
  <si>
    <t>63511.0</t>
  </si>
  <si>
    <t>9278919.0</t>
  </si>
  <si>
    <t>70102.0</t>
  </si>
  <si>
    <t>888.329</t>
  </si>
  <si>
    <t>46985.0</t>
  </si>
  <si>
    <t>5107830.0</t>
  </si>
  <si>
    <t>3357664.0</t>
  </si>
  <si>
    <t>1836773.0</t>
  </si>
  <si>
    <t>95164.0</t>
  </si>
  <si>
    <t>84836.0</t>
  </si>
  <si>
    <t>64636.0</t>
  </si>
  <si>
    <t>9328911.0</t>
  </si>
  <si>
    <t>49992.0</t>
  </si>
  <si>
    <t>893.115</t>
  </si>
  <si>
    <t>46529.0</t>
  </si>
  <si>
    <t>5206825.0</t>
  </si>
  <si>
    <t>3416341.0</t>
  </si>
  <si>
    <t>1880694.0</t>
  </si>
  <si>
    <t>98995.0</t>
  </si>
  <si>
    <t>84440.0</t>
  </si>
  <si>
    <t>63167.0</t>
  </si>
  <si>
    <t>9378348.0</t>
  </si>
  <si>
    <t>49437.0</t>
  </si>
  <si>
    <t>897.848</t>
  </si>
  <si>
    <t>45517.0</t>
  </si>
  <si>
    <t>5305355.0</t>
  </si>
  <si>
    <t>3474645.0</t>
  </si>
  <si>
    <t>1924490.0</t>
  </si>
  <si>
    <t>98530.0</t>
  </si>
  <si>
    <t>84088.0</t>
  </si>
  <si>
    <t>61421.0</t>
  </si>
  <si>
    <t>9427337.0</t>
  </si>
  <si>
    <t>902.538</t>
  </si>
  <si>
    <t>5402105.0</t>
  </si>
  <si>
    <t>3532531.0</t>
  </si>
  <si>
    <t>1967849.0</t>
  </si>
  <si>
    <t>96750.0</t>
  </si>
  <si>
    <t>8077.0</t>
  </si>
  <si>
    <t>58734.0</t>
  </si>
  <si>
    <t>9477804.0</t>
  </si>
  <si>
    <t>50467.0</t>
  </si>
  <si>
    <t>907.369</t>
  </si>
  <si>
    <t>44320.0</t>
  </si>
  <si>
    <t>5498042.0</t>
  </si>
  <si>
    <t>3589514.0</t>
  </si>
  <si>
    <t>2010989.0</t>
  </si>
  <si>
    <t>95937.0</t>
  </si>
  <si>
    <t>83530.0</t>
  </si>
  <si>
    <t>9497579.0</t>
  </si>
  <si>
    <t>19775.0</t>
  </si>
  <si>
    <t>909.263</t>
  </si>
  <si>
    <t>44277.0</t>
  </si>
  <si>
    <t>83548.0</t>
  </si>
  <si>
    <t>8725.3</t>
  </si>
  <si>
    <t>840.185221491209</t>
  </si>
  <si>
    <t>9520565.0</t>
  </si>
  <si>
    <t>911.463</t>
  </si>
  <si>
    <t>44535.0</t>
  </si>
  <si>
    <t>5597624.0</t>
  </si>
  <si>
    <t>3647975.0</t>
  </si>
  <si>
    <t>2058287.0</t>
  </si>
  <si>
    <t>83565.0</t>
  </si>
  <si>
    <t>52346.0</t>
  </si>
  <si>
    <t>9582209.0</t>
  </si>
  <si>
    <t>61644.0</t>
  </si>
  <si>
    <t>917.365</t>
  </si>
  <si>
    <t>5.902</t>
  </si>
  <si>
    <t>43327.0</t>
  </si>
  <si>
    <t>5691818.0</t>
  </si>
  <si>
    <t>3698975.0</t>
  </si>
  <si>
    <t>2105971.0</t>
  </si>
  <si>
    <t>94194.0</t>
  </si>
  <si>
    <t>83427.0</t>
  </si>
  <si>
    <t>48759.0</t>
  </si>
  <si>
    <t>9627393.0</t>
  </si>
  <si>
    <t>921.69</t>
  </si>
  <si>
    <t>42640.0</t>
  </si>
  <si>
    <t>5791280.0</t>
  </si>
  <si>
    <t>3752217.0</t>
  </si>
  <si>
    <t>99462.0</t>
  </si>
  <si>
    <t>83494.0</t>
  </si>
  <si>
    <t>9673644.0</t>
  </si>
  <si>
    <t>46251.0</t>
  </si>
  <si>
    <t>926.118</t>
  </si>
  <si>
    <t>5888281.0</t>
  </si>
  <si>
    <t>3803175.0</t>
  </si>
  <si>
    <t>2204220.0</t>
  </si>
  <si>
    <t>46933.0</t>
  </si>
  <si>
    <t>9721452.0</t>
  </si>
  <si>
    <t>47808.0</t>
  </si>
  <si>
    <t>930.695</t>
  </si>
  <si>
    <t>42016.0</t>
  </si>
  <si>
    <t>5986480.0</t>
  </si>
  <si>
    <t>3854947.0</t>
  </si>
  <si>
    <t>2253347.0</t>
  </si>
  <si>
    <t>98199.0</t>
  </si>
  <si>
    <t>83482.0</t>
  </si>
  <si>
    <t>9771260.0</t>
  </si>
  <si>
    <t>49808.0</t>
  </si>
  <si>
    <t>935.464</t>
  </si>
  <si>
    <t>6084963.0</t>
  </si>
  <si>
    <t>3904249.0</t>
  </si>
  <si>
    <t>2305626.0</t>
  </si>
  <si>
    <t>98483.0</t>
  </si>
  <si>
    <t>83846.0</t>
  </si>
  <si>
    <t>9.739</t>
  </si>
  <si>
    <t>104.04</t>
  </si>
  <si>
    <t>9791765.0</t>
  </si>
  <si>
    <t>937.427</t>
  </si>
  <si>
    <t>42027.0</t>
  </si>
  <si>
    <t>6156375.0</t>
  </si>
  <si>
    <t>3972036.0</t>
  </si>
  <si>
    <t>2309366.0</t>
  </si>
  <si>
    <t>71412.0</t>
  </si>
  <si>
    <t>86935.0</t>
  </si>
  <si>
    <t>8799.8</t>
  </si>
  <si>
    <t>847.359049210725</t>
  </si>
  <si>
    <t>9812468.0</t>
  </si>
  <si>
    <t>939.409</t>
  </si>
  <si>
    <t>6258951.0</t>
  </si>
  <si>
    <t>4021033.0</t>
  </si>
  <si>
    <t>2369187.0</t>
  </si>
  <si>
    <t>102576.0</t>
  </si>
  <si>
    <t>94475.0</t>
  </si>
  <si>
    <t>9868380.0</t>
  </si>
  <si>
    <t>55912.0</t>
  </si>
  <si>
    <t>944.762</t>
  </si>
  <si>
    <t>6361417.0</t>
  </si>
  <si>
    <t>4062809.0</t>
  </si>
  <si>
    <t>2435852.0</t>
  </si>
  <si>
    <t>102466.0</t>
  </si>
  <si>
    <t>95657.0</t>
  </si>
  <si>
    <t>40415.0</t>
  </si>
  <si>
    <t>6463465.0</t>
  </si>
  <si>
    <t>4100020.0</t>
  </si>
  <si>
    <t>2506621.0</t>
  </si>
  <si>
    <t>102048.0</t>
  </si>
  <si>
    <t>96026.0</t>
  </si>
  <si>
    <t>49686.0</t>
  </si>
  <si>
    <t>9952216.0</t>
  </si>
  <si>
    <t>952.788</t>
  </si>
  <si>
    <t>6564056.0</t>
  </si>
  <si>
    <t>4130759.0</t>
  </si>
  <si>
    <t>2582154.0</t>
  </si>
  <si>
    <t>100591.0</t>
  </si>
  <si>
    <t>96539.0</t>
  </si>
  <si>
    <t>6665626.0</t>
  </si>
  <si>
    <t>4160286.0</t>
  </si>
  <si>
    <t>2660260.0</t>
  </si>
  <si>
    <t>101570.0</t>
  </si>
  <si>
    <t>43620.0</t>
  </si>
  <si>
    <t>10039094.0</t>
  </si>
  <si>
    <t>961.105</t>
  </si>
  <si>
    <t>6770033.0</t>
  </si>
  <si>
    <t>4187201.0</t>
  </si>
  <si>
    <t>2743851.0</t>
  </si>
  <si>
    <t>104407.0</t>
  </si>
  <si>
    <t>40422.0</t>
  </si>
  <si>
    <t>6.087</t>
  </si>
  <si>
    <t>10059608.0</t>
  </si>
  <si>
    <t>20514.0</t>
  </si>
  <si>
    <t>963.069</t>
  </si>
  <si>
    <t>6835783.0</t>
  </si>
  <si>
    <t>4247276.0</t>
  </si>
  <si>
    <t>2749592.0</t>
  </si>
  <si>
    <t>97058.0</t>
  </si>
  <si>
    <t>8961.1</t>
  </si>
  <si>
    <t>862.891108420899</t>
  </si>
  <si>
    <t>10079010.0</t>
  </si>
  <si>
    <t>964.927</t>
  </si>
  <si>
    <t>6938959.0</t>
  </si>
  <si>
    <t>4274435.0</t>
  </si>
  <si>
    <t>2831081.0</t>
  </si>
  <si>
    <t>103176.0</t>
  </si>
  <si>
    <t>97144.0</t>
  </si>
  <si>
    <t>36200.0</t>
  </si>
  <si>
    <t>10129590.0</t>
  </si>
  <si>
    <t>50580.0</t>
  </si>
  <si>
    <t>969.769</t>
  </si>
  <si>
    <t>4.842</t>
  </si>
  <si>
    <t>7041432.0</t>
  </si>
  <si>
    <t>4302109.0</t>
  </si>
  <si>
    <t>2911340.0</t>
  </si>
  <si>
    <t>102473.0</t>
  </si>
  <si>
    <t>97145.0</t>
  </si>
  <si>
    <t>10168315.0</t>
  </si>
  <si>
    <t>973.476</t>
  </si>
  <si>
    <t>36860.0</t>
  </si>
  <si>
    <t>7142822.0</t>
  </si>
  <si>
    <t>4338990.0</t>
  </si>
  <si>
    <t>2980883.0</t>
  </si>
  <si>
    <t>97051.0</t>
  </si>
  <si>
    <t>34139.0</t>
  </si>
  <si>
    <t>10207626.0</t>
  </si>
  <si>
    <t>977.24</t>
  </si>
  <si>
    <t>36487.0</t>
  </si>
  <si>
    <t>7244517.0</t>
  </si>
  <si>
    <t>4381177.0</t>
  </si>
  <si>
    <t>3045889.0</t>
  </si>
  <si>
    <t>97209.0</t>
  </si>
  <si>
    <t>10248295.0</t>
  </si>
  <si>
    <t>40669.0</t>
  </si>
  <si>
    <t>981.133</t>
  </si>
  <si>
    <t>7345346.0</t>
  </si>
  <si>
    <t>4424124.0</t>
  </si>
  <si>
    <t>3108991.0</t>
  </si>
  <si>
    <t>97103.0</t>
  </si>
  <si>
    <t>10289041.0</t>
  </si>
  <si>
    <t>40746.0</t>
  </si>
  <si>
    <t>985.034</t>
  </si>
  <si>
    <t>7446861.0</t>
  </si>
  <si>
    <t>4468526.0</t>
  </si>
  <si>
    <t>3171374.0</t>
  </si>
  <si>
    <t>101515.0</t>
  </si>
  <si>
    <t>40189.0</t>
  </si>
  <si>
    <t>10309057.0</t>
  </si>
  <si>
    <t>986.95</t>
  </si>
  <si>
    <t>35636.0</t>
  </si>
  <si>
    <t>7508584.0</t>
  </si>
  <si>
    <t>4526238.0</t>
  </si>
  <si>
    <t>3175443.0</t>
  </si>
  <si>
    <t>61723.0</t>
  </si>
  <si>
    <t>863.979219202517</t>
  </si>
  <si>
    <t>10324505.0</t>
  </si>
  <si>
    <t>988.429</t>
  </si>
  <si>
    <t>35071.0</t>
  </si>
  <si>
    <t>7510968.0</t>
  </si>
  <si>
    <t>4528564.0</t>
  </si>
  <si>
    <t>3175501.0</t>
  </si>
  <si>
    <t>81716.0</t>
  </si>
  <si>
    <t>10346864.0</t>
  </si>
  <si>
    <t>22359.0</t>
  </si>
  <si>
    <t>990.57</t>
  </si>
  <si>
    <t>7616421.0</t>
  </si>
  <si>
    <t>4565918.0</t>
  </si>
  <si>
    <t>3248653.0</t>
  </si>
  <si>
    <t>105453.0</t>
  </si>
  <si>
    <t>10392583.0</t>
  </si>
  <si>
    <t>45719.0</t>
  </si>
  <si>
    <t>994.947</t>
  </si>
  <si>
    <t>32038.0</t>
  </si>
  <si>
    <t>7722093.0</t>
  </si>
  <si>
    <t>4604203.0</t>
  </si>
  <si>
    <t>3321644.0</t>
  </si>
  <si>
    <t>105672.0</t>
  </si>
  <si>
    <t>10430875.0</t>
  </si>
  <si>
    <t>38292.0</t>
  </si>
  <si>
    <t>998.613</t>
  </si>
  <si>
    <t>31893.0</t>
  </si>
  <si>
    <t>7822697.0</t>
  </si>
  <si>
    <t>4641844.0</t>
  </si>
  <si>
    <t>3390060.0</t>
  </si>
  <si>
    <t>100604.0</t>
  </si>
  <si>
    <t>82597.0</t>
  </si>
  <si>
    <t>37238.0</t>
  </si>
  <si>
    <t>10468182.0</t>
  </si>
  <si>
    <t>1002.184</t>
  </si>
  <si>
    <t>7925253.0</t>
  </si>
  <si>
    <t>4678423.0</t>
  </si>
  <si>
    <t>3461165.0</t>
  </si>
  <si>
    <t>102556.0</t>
  </si>
  <si>
    <t>82844.0</t>
  </si>
  <si>
    <t>36328.0</t>
  </si>
  <si>
    <t>10505135.0</t>
  </si>
  <si>
    <t>36953.0</t>
  </si>
  <si>
    <t>1005.722</t>
  </si>
  <si>
    <t>8028343.0</t>
  </si>
  <si>
    <t>4714281.0</t>
  </si>
  <si>
    <t>3534001.0</t>
  </si>
  <si>
    <t>103090.0</t>
  </si>
  <si>
    <t>83069.0</t>
  </si>
  <si>
    <t>35108.0</t>
  </si>
  <si>
    <t>10528950.0</t>
  </si>
  <si>
    <t>23815.0</t>
  </si>
  <si>
    <t>1008.002</t>
  </si>
  <si>
    <t>31413.0</t>
  </si>
  <si>
    <t>8098959.0</t>
  </si>
  <si>
    <t>4728534.0</t>
  </si>
  <si>
    <t>3590937.0</t>
  </si>
  <si>
    <t>70616.0</t>
  </si>
  <si>
    <t>84339.0</t>
  </si>
  <si>
    <t>9504.1</t>
  </si>
  <si>
    <t>915.178201732272</t>
  </si>
  <si>
    <t>10548412.0</t>
  </si>
  <si>
    <t>1009.865</t>
  </si>
  <si>
    <t>8202338.0</t>
  </si>
  <si>
    <t>4762181.0</t>
  </si>
  <si>
    <t>3666080.0</t>
  </si>
  <si>
    <t>103379.0</t>
  </si>
  <si>
    <t>98767.0</t>
  </si>
  <si>
    <t>33374.0</t>
  </si>
  <si>
    <t>10593963.0</t>
  </si>
  <si>
    <t>45551.0</t>
  </si>
  <si>
    <t>1014.226</t>
  </si>
  <si>
    <t>35300.0</t>
  </si>
  <si>
    <t>8299173.0</t>
  </si>
  <si>
    <t>4800314.0</t>
  </si>
  <si>
    <t>3730060.0</t>
  </si>
  <si>
    <t>33485.0</t>
  </si>
  <si>
    <t>10632619.0</t>
  </si>
  <si>
    <t>38656.0</t>
  </si>
  <si>
    <t>1017.927</t>
  </si>
  <si>
    <t>8391535.0</t>
  </si>
  <si>
    <t>4839188.0</t>
  </si>
  <si>
    <t>3788906.0</t>
  </si>
  <si>
    <t>92362.0</t>
  </si>
  <si>
    <t>95635.0</t>
  </si>
  <si>
    <t>33569.0</t>
  </si>
  <si>
    <t>10674006.0</t>
  </si>
  <si>
    <t>1021.889</t>
  </si>
  <si>
    <t>34733.0</t>
  </si>
  <si>
    <t>8475823.0</t>
  </si>
  <si>
    <t>4883996.0</t>
  </si>
  <si>
    <t>3831147.0</t>
  </si>
  <si>
    <t>84288.0</t>
  </si>
  <si>
    <t>93304.0</t>
  </si>
  <si>
    <t>10714146.0</t>
  </si>
  <si>
    <t>40140.0</t>
  </si>
  <si>
    <t>1025.732</t>
  </si>
  <si>
    <t>3.843</t>
  </si>
  <si>
    <t>35138.0</t>
  </si>
  <si>
    <t>8559280.0</t>
  </si>
  <si>
    <t>4923627.0</t>
  </si>
  <si>
    <t>3878045.0</t>
  </si>
  <si>
    <t>90575.0</t>
  </si>
  <si>
    <t>35029.0</t>
  </si>
  <si>
    <t>10757582.0</t>
  </si>
  <si>
    <t>1029.89</t>
  </si>
  <si>
    <t>36064.0</t>
  </si>
  <si>
    <t>8641748.0</t>
  </si>
  <si>
    <t>4970687.0</t>
  </si>
  <si>
    <t>3917016.0</t>
  </si>
  <si>
    <t>87629.0</t>
  </si>
  <si>
    <t>36629.0</t>
  </si>
  <si>
    <t>10787512.0</t>
  </si>
  <si>
    <t>1032.756</t>
  </si>
  <si>
    <t>8710475.0</t>
  </si>
  <si>
    <t>4988117.0</t>
  </si>
  <si>
    <t>3968350.0</t>
  </si>
  <si>
    <t>87359.0</t>
  </si>
  <si>
    <t>8412.0</t>
  </si>
  <si>
    <t>10298.6</t>
  </si>
  <si>
    <t>991.682981908858</t>
  </si>
  <si>
    <t>10813961.0</t>
  </si>
  <si>
    <t>26449.0</t>
  </si>
  <si>
    <t>1035.288</t>
  </si>
  <si>
    <t>37936.0</t>
  </si>
  <si>
    <t>8802118.0</t>
  </si>
  <si>
    <t>5034743.0</t>
  </si>
  <si>
    <t>4017820.0</t>
  </si>
  <si>
    <t>91643.0</t>
  </si>
  <si>
    <t>85683.0</t>
  </si>
  <si>
    <t>38937.0</t>
  </si>
  <si>
    <t>10880425.0</t>
  </si>
  <si>
    <t>66464.0</t>
  </si>
  <si>
    <t>1041.651</t>
  </si>
  <si>
    <t>6.363</t>
  </si>
  <si>
    <t>40923.0</t>
  </si>
  <si>
    <t>8884422.0</t>
  </si>
  <si>
    <t>5081723.0</t>
  </si>
  <si>
    <t>4058143.0</t>
  </si>
  <si>
    <t>82304.0</t>
  </si>
  <si>
    <t>83607.0</t>
  </si>
  <si>
    <t>40201.0</t>
  </si>
  <si>
    <t>10940328.0</t>
  </si>
  <si>
    <t>59903.0</t>
  </si>
  <si>
    <t>1047.386</t>
  </si>
  <si>
    <t>5.735</t>
  </si>
  <si>
    <t>8966023.0</t>
  </si>
  <si>
    <t>5120593.0</t>
  </si>
  <si>
    <t>4105653.0</t>
  </si>
  <si>
    <t>81601.0</t>
  </si>
  <si>
    <t>82070.0</t>
  </si>
  <si>
    <t>11005339.0</t>
  </si>
  <si>
    <t>1053.61</t>
  </si>
  <si>
    <t>47333.0</t>
  </si>
  <si>
    <t>9050766.0</t>
  </si>
  <si>
    <t>5162882.0</t>
  </si>
  <si>
    <t>4151907.0</t>
  </si>
  <si>
    <t>82135.0</t>
  </si>
  <si>
    <t>39841.0</t>
  </si>
  <si>
    <t>11074061.0</t>
  </si>
  <si>
    <t>1060.189</t>
  </si>
  <si>
    <t>51416.0</t>
  </si>
  <si>
    <t>9138465.0</t>
  </si>
  <si>
    <t>5204251.0</t>
  </si>
  <si>
    <t>4201847.0</t>
  </si>
  <si>
    <t>87699.0</t>
  </si>
  <si>
    <t>40089.0</t>
  </si>
  <si>
    <t>11152447.0</t>
  </si>
  <si>
    <t>1067.693</t>
  </si>
  <si>
    <t>9228699.0</t>
  </si>
  <si>
    <t>5244136.0</t>
  </si>
  <si>
    <t>4255688.0</t>
  </si>
  <si>
    <t>90234.0</t>
  </si>
  <si>
    <t>83850.0</t>
  </si>
  <si>
    <t>11197595.0</t>
  </si>
  <si>
    <t>45148.0</t>
  </si>
  <si>
    <t>1072.016</t>
  </si>
  <si>
    <t>58583.0</t>
  </si>
  <si>
    <t>5.609</t>
  </si>
  <si>
    <t>9233521.0</t>
  </si>
  <si>
    <t>5246057.0</t>
  </si>
  <si>
    <t>4258610.0</t>
  </si>
  <si>
    <t>74721.0</t>
  </si>
  <si>
    <t>10657.9</t>
  </si>
  <si>
    <t>1026.28105304473</t>
  </si>
  <si>
    <t>11234385.0</t>
  </si>
  <si>
    <t>1075.538</t>
  </si>
  <si>
    <t>9325449.0</t>
  </si>
  <si>
    <t>5269184.0</t>
  </si>
  <si>
    <t>4331934.0</t>
  </si>
  <si>
    <t>91928.0</t>
  </si>
  <si>
    <t>33492.0</t>
  </si>
  <si>
    <t>11319681.0</t>
  </si>
  <si>
    <t>85296.0</t>
  </si>
  <si>
    <t>1083.704</t>
  </si>
  <si>
    <t>9409245.0</t>
  </si>
  <si>
    <t>5302266.0</t>
  </si>
  <si>
    <t>4388072.0</t>
  </si>
  <si>
    <t>74975.0</t>
  </si>
  <si>
    <t>11392249.0</t>
  </si>
  <si>
    <t>72568.0</t>
  </si>
  <si>
    <t>1090.651</t>
  </si>
  <si>
    <t>64560.0</t>
  </si>
  <si>
    <t>6.181</t>
  </si>
  <si>
    <t>9485402.0</t>
  </si>
  <si>
    <t>5332527.0</t>
  </si>
  <si>
    <t>4438726.0</t>
  </si>
  <si>
    <t>76157.0</t>
  </si>
  <si>
    <t>74197.0</t>
  </si>
  <si>
    <t>11473533.0</t>
  </si>
  <si>
    <t>81284.0</t>
  </si>
  <si>
    <t>1098.433</t>
  </si>
  <si>
    <t>7.782</t>
  </si>
  <si>
    <t>66885.0</t>
  </si>
  <si>
    <t>6.403</t>
  </si>
  <si>
    <t>9560592.0</t>
  </si>
  <si>
    <t>5364904.0</t>
  </si>
  <si>
    <t>4486033.0</t>
  </si>
  <si>
    <t>72832.0</t>
  </si>
  <si>
    <t>11561320.0</t>
  </si>
  <si>
    <t>87787.0</t>
  </si>
  <si>
    <t>1106.837</t>
  </si>
  <si>
    <t>9637701.0</t>
  </si>
  <si>
    <t>5398299.0</t>
  </si>
  <si>
    <t>4534255.0</t>
  </si>
  <si>
    <t>77109.0</t>
  </si>
  <si>
    <t>71319.0</t>
  </si>
  <si>
    <t>27721.0</t>
  </si>
  <si>
    <t>11653059.0</t>
  </si>
  <si>
    <t>91739.0</t>
  </si>
  <si>
    <t>1115.62</t>
  </si>
  <si>
    <t>8.783</t>
  </si>
  <si>
    <t>9717834.0</t>
  </si>
  <si>
    <t>5430103.0</t>
  </si>
  <si>
    <t>4586714.0</t>
  </si>
  <si>
    <t>93.58</t>
  </si>
  <si>
    <t>11708632.0</t>
  </si>
  <si>
    <t>55573.0</t>
  </si>
  <si>
    <t>1120.94</t>
  </si>
  <si>
    <t>73005.0</t>
  </si>
  <si>
    <t>9723233.0</t>
  </si>
  <si>
    <t>5431616.0</t>
  </si>
  <si>
    <t>4590758.0</t>
  </si>
  <si>
    <t>93.63</t>
  </si>
  <si>
    <t>26508.0</t>
  </si>
  <si>
    <t>1061.7265024884</t>
  </si>
  <si>
    <t>11747179.0</t>
  </si>
  <si>
    <t>1124.631</t>
  </si>
  <si>
    <t>73256.0</t>
  </si>
  <si>
    <t>7.013</t>
  </si>
  <si>
    <t>9807851.0</t>
  </si>
  <si>
    <t>5466055.0</t>
  </si>
  <si>
    <t>4644901.0</t>
  </si>
  <si>
    <t>84618.0</t>
  </si>
  <si>
    <t>68915.0</t>
  </si>
  <si>
    <t>28124.0</t>
  </si>
  <si>
    <t>11836700.0</t>
  </si>
  <si>
    <t>89521.0</t>
  </si>
  <si>
    <t>1133.201</t>
  </si>
  <si>
    <t>73860.0</t>
  </si>
  <si>
    <t>9880514.0</t>
  </si>
  <si>
    <t>5497274.0</t>
  </si>
  <si>
    <t>4690118.0</t>
  </si>
  <si>
    <t>72663.0</t>
  </si>
  <si>
    <t>27858.0</t>
  </si>
  <si>
    <t>11912278.0</t>
  </si>
  <si>
    <t>75578.0</t>
  </si>
  <si>
    <t>1140.437</t>
  </si>
  <si>
    <t>7.236</t>
  </si>
  <si>
    <t>74290.0</t>
  </si>
  <si>
    <t>9950017.0</t>
  </si>
  <si>
    <t>5525812.0</t>
  </si>
  <si>
    <t>4734403.0</t>
  </si>
  <si>
    <t>69503.0</t>
  </si>
  <si>
    <t>66374.0</t>
  </si>
  <si>
    <t>27612.0</t>
  </si>
  <si>
    <t>11996902.0</t>
  </si>
  <si>
    <t>1148.538</t>
  </si>
  <si>
    <t>8.102</t>
  </si>
  <si>
    <t>74767.0</t>
  </si>
  <si>
    <t>7.158</t>
  </si>
  <si>
    <t>10025958.0</t>
  </si>
  <si>
    <t>5551472.0</t>
  </si>
  <si>
    <t>4787767.0</t>
  </si>
  <si>
    <t>75941.0</t>
  </si>
  <si>
    <t>66481.0</t>
  </si>
  <si>
    <t>26653.0</t>
  </si>
  <si>
    <t>75343.0</t>
  </si>
  <si>
    <t>10093195.0</t>
  </si>
  <si>
    <t>5578596.0</t>
  </si>
  <si>
    <t>4830974.0</t>
  </si>
  <si>
    <t>67237.0</t>
  </si>
  <si>
    <t>65071.0</t>
  </si>
  <si>
    <t>97.19</t>
  </si>
  <si>
    <t>12180546.0</t>
  </si>
  <si>
    <t>1166.12</t>
  </si>
  <si>
    <t>75355.0</t>
  </si>
  <si>
    <t>10160738.0</t>
  </si>
  <si>
    <t>5598628.0</t>
  </si>
  <si>
    <t>4881022.0</t>
  </si>
  <si>
    <t>67543.0</t>
  </si>
  <si>
    <t>63272.0</t>
  </si>
  <si>
    <t>12242469.0</t>
  </si>
  <si>
    <t>61923.0</t>
  </si>
  <si>
    <t>1172.048</t>
  </si>
  <si>
    <t>76262.0</t>
  </si>
  <si>
    <t>10162629.0</t>
  </si>
  <si>
    <t>5599347.0</t>
  </si>
  <si>
    <t>4882228.0</t>
  </si>
  <si>
    <t>97.86</t>
  </si>
  <si>
    <t>23962.0</t>
  </si>
  <si>
    <t>11256.1</t>
  </si>
  <si>
    <t>1083.88351937781</t>
  </si>
  <si>
    <t>12287462.0</t>
  </si>
  <si>
    <t>44993.0</t>
  </si>
  <si>
    <t>1176.355</t>
  </si>
  <si>
    <t>77183.0</t>
  </si>
  <si>
    <t>10237691.0</t>
  </si>
  <si>
    <t>5616497.0</t>
  </si>
  <si>
    <t>4943131.0</t>
  </si>
  <si>
    <t>75062.0</t>
  </si>
  <si>
    <t>61406.0</t>
  </si>
  <si>
    <t>98.58</t>
  </si>
  <si>
    <t>12385126.0</t>
  </si>
  <si>
    <t>97664.0</t>
  </si>
  <si>
    <t>1185.705</t>
  </si>
  <si>
    <t>10304614.0</t>
  </si>
  <si>
    <t>5635856.0</t>
  </si>
  <si>
    <t>4993770.0</t>
  </si>
  <si>
    <t>66923.0</t>
  </si>
  <si>
    <t>60586.0</t>
  </si>
  <si>
    <t>99.23</t>
  </si>
  <si>
    <t>12471249.0</t>
  </si>
  <si>
    <t>86123.0</t>
  </si>
  <si>
    <t>1193.951</t>
  </si>
  <si>
    <t>79853.0</t>
  </si>
  <si>
    <t>7.645</t>
  </si>
  <si>
    <t>10362660.0</t>
  </si>
  <si>
    <t>5655731.0</t>
  </si>
  <si>
    <t>5034742.0</t>
  </si>
  <si>
    <t>18560.0</t>
  </si>
  <si>
    <t>12573283.0</t>
  </si>
  <si>
    <t>102034.0</t>
  </si>
  <si>
    <t>1203.719</t>
  </si>
  <si>
    <t>82340.0</t>
  </si>
  <si>
    <t>10417610.0</t>
  </si>
  <si>
    <t>5672206.0</t>
  </si>
  <si>
    <t>5075546.0</t>
  </si>
  <si>
    <t>12692216.0</t>
  </si>
  <si>
    <t>118933.0</t>
  </si>
  <si>
    <t>1215.105</t>
  </si>
  <si>
    <t>11.386</t>
  </si>
  <si>
    <t>86213.0</t>
  </si>
  <si>
    <t>8.254</t>
  </si>
  <si>
    <t>10475917.0</t>
  </si>
  <si>
    <t>5690258.0</t>
  </si>
  <si>
    <t>5118376.0</t>
  </si>
  <si>
    <t>58307.0</t>
  </si>
  <si>
    <t>15952.0</t>
  </si>
  <si>
    <t>12804347.0</t>
  </si>
  <si>
    <t>112131.0</t>
  </si>
  <si>
    <t>1225.84</t>
  </si>
  <si>
    <t>89114.0</t>
  </si>
  <si>
    <t>10536457.0</t>
  </si>
  <si>
    <t>5705615.0</t>
  </si>
  <si>
    <t>5165666.0</t>
  </si>
  <si>
    <t>60540.0</t>
  </si>
  <si>
    <t>101.46</t>
  </si>
  <si>
    <t>15284.0</t>
  </si>
  <si>
    <t>9.084</t>
  </si>
  <si>
    <t>113.404</t>
  </si>
  <si>
    <t>12872723.0</t>
  </si>
  <si>
    <t>68376.0</t>
  </si>
  <si>
    <t>1232.386</t>
  </si>
  <si>
    <t>90036.0</t>
  </si>
  <si>
    <t>10538744.0</t>
  </si>
  <si>
    <t>5706360.0</t>
  </si>
  <si>
    <t>5167260.0</t>
  </si>
  <si>
    <t>101.48</t>
  </si>
  <si>
    <t>11728.2</t>
  </si>
  <si>
    <t>1129.34343973195</t>
  </si>
  <si>
    <t>12921543.0</t>
  </si>
  <si>
    <t>1237.06</t>
  </si>
  <si>
    <t>90583.0</t>
  </si>
  <si>
    <t>10588397.0</t>
  </si>
  <si>
    <t>5726744.0</t>
  </si>
  <si>
    <t>5198378.0</t>
  </si>
  <si>
    <t>49653.0</t>
  </si>
  <si>
    <t>50101.0</t>
  </si>
  <si>
    <t>101.96</t>
  </si>
  <si>
    <t>15750.0</t>
  </si>
  <si>
    <t>13025244.0</t>
  </si>
  <si>
    <t>103701.0</t>
  </si>
  <si>
    <t>1246.988</t>
  </si>
  <si>
    <t>9.928</t>
  </si>
  <si>
    <t>91445.0</t>
  </si>
  <si>
    <t>8.755</t>
  </si>
  <si>
    <t>10634825.0</t>
  </si>
  <si>
    <t>5741514.0</t>
  </si>
  <si>
    <t>5231845.0</t>
  </si>
  <si>
    <t>15094.0</t>
  </si>
  <si>
    <t>13113083.0</t>
  </si>
  <si>
    <t>1255.397</t>
  </si>
  <si>
    <t>8.409</t>
  </si>
  <si>
    <t>91691.0</t>
  </si>
  <si>
    <t>10676924.0</t>
  </si>
  <si>
    <t>5755315.0</t>
  </si>
  <si>
    <t>5262223.0</t>
  </si>
  <si>
    <t>42099.0</t>
  </si>
  <si>
    <t>102.81</t>
  </si>
  <si>
    <t>13218608.0</t>
  </si>
  <si>
    <t>1265.5</t>
  </si>
  <si>
    <t>10.103</t>
  </si>
  <si>
    <t>92189.0</t>
  </si>
  <si>
    <t>8.826</t>
  </si>
  <si>
    <t>10718787.0</t>
  </si>
  <si>
    <t>5767655.0</t>
  </si>
  <si>
    <t>5293507.0</t>
  </si>
  <si>
    <t>103.21</t>
  </si>
  <si>
    <t>13636.0</t>
  </si>
  <si>
    <t>83057.0</t>
  </si>
  <si>
    <t>7.952</t>
  </si>
  <si>
    <t>10761438.0</t>
  </si>
  <si>
    <t>5780364.0</t>
  </si>
  <si>
    <t>5325349.0</t>
  </si>
  <si>
    <t>103.63</t>
  </si>
  <si>
    <t>13328626.0</t>
  </si>
  <si>
    <t>1276.033</t>
  </si>
  <si>
    <t>74897.0</t>
  </si>
  <si>
    <t>10806193.0</t>
  </si>
  <si>
    <t>5791340.0</t>
  </si>
  <si>
    <t>5360158.0</t>
  </si>
  <si>
    <t>44755.0</t>
  </si>
  <si>
    <t>38534.0</t>
  </si>
  <si>
    <t>13500753.0</t>
  </si>
  <si>
    <t>172127.0</t>
  </si>
  <si>
    <t>1292.511</t>
  </si>
  <si>
    <t>16.479</t>
  </si>
  <si>
    <t>89719.0</t>
  </si>
  <si>
    <t>8.589</t>
  </si>
  <si>
    <t>10807733.0</t>
  </si>
  <si>
    <t>5791836.0</t>
  </si>
  <si>
    <t>5361270.0</t>
  </si>
  <si>
    <t>13196.5</t>
  </si>
  <si>
    <t>1270.73043624961</t>
  </si>
  <si>
    <t>13545528.0</t>
  </si>
  <si>
    <t>1296.798</t>
  </si>
  <si>
    <t>89141.0</t>
  </si>
  <si>
    <t>10843911.0</t>
  </si>
  <si>
    <t>5799457.0</t>
  </si>
  <si>
    <t>5391529.0</t>
  </si>
  <si>
    <t>36178.0</t>
  </si>
  <si>
    <t>104.42</t>
  </si>
  <si>
    <t>13647803.0</t>
  </si>
  <si>
    <t>102275.0</t>
  </si>
  <si>
    <t>1306.589</t>
  </si>
  <si>
    <t>88937.0</t>
  </si>
  <si>
    <t>8.514</t>
  </si>
  <si>
    <t>10875211.0</t>
  </si>
  <si>
    <t>5807010.0</t>
  </si>
  <si>
    <t>5416918.0</t>
  </si>
  <si>
    <t>34341.0</t>
  </si>
  <si>
    <t>104.72</t>
  </si>
  <si>
    <t>13735872.0</t>
  </si>
  <si>
    <t>88069.0</t>
  </si>
  <si>
    <t>1315.021</t>
  </si>
  <si>
    <t>88970.0</t>
  </si>
  <si>
    <t>10906296.0</t>
  </si>
  <si>
    <t>5815086.0</t>
  </si>
  <si>
    <t>5441745.0</t>
  </si>
  <si>
    <t>32767.0</t>
  </si>
  <si>
    <t>13837533.0</t>
  </si>
  <si>
    <t>101661.0</t>
  </si>
  <si>
    <t>1324.753</t>
  </si>
  <si>
    <t>10936531.0</t>
  </si>
  <si>
    <t>5823139.0</t>
  </si>
  <si>
    <t>5465647.0</t>
  </si>
  <si>
    <t>30235.0</t>
  </si>
  <si>
    <t>105.31</t>
  </si>
  <si>
    <t>96010.0</t>
  </si>
  <si>
    <t>10965338.0</t>
  </si>
  <si>
    <t>5831355.0</t>
  </si>
  <si>
    <t>5487885.0</t>
  </si>
  <si>
    <t>28807.0</t>
  </si>
  <si>
    <t>14053838.0</t>
  </si>
  <si>
    <t>1345.462</t>
  </si>
  <si>
    <t>103602.0</t>
  </si>
  <si>
    <t>9.918</t>
  </si>
  <si>
    <t>10988409.0</t>
  </si>
  <si>
    <t>5838499.0</t>
  </si>
  <si>
    <t>5504723.0</t>
  </si>
  <si>
    <t>23071.0</t>
  </si>
  <si>
    <t>14113110.0</t>
  </si>
  <si>
    <t>59272.0</t>
  </si>
  <si>
    <t>1351.136</t>
  </si>
  <si>
    <t>87480.0</t>
  </si>
  <si>
    <t>10988838.0</t>
  </si>
  <si>
    <t>5838688.0</t>
  </si>
  <si>
    <t>5505041.0</t>
  </si>
  <si>
    <t>13678.4</t>
  </si>
  <si>
    <t>1317.13402790109</t>
  </si>
  <si>
    <t>14151427.0</t>
  </si>
  <si>
    <t>1354.804</t>
  </si>
  <si>
    <t>11018447.0</t>
  </si>
  <si>
    <t>5850692.0</t>
  </si>
  <si>
    <t>5524389.0</t>
  </si>
  <si>
    <t>24934.0</t>
  </si>
  <si>
    <t>14257566.0</t>
  </si>
  <si>
    <t>106139.0</t>
  </si>
  <si>
    <t>1364.966</t>
  </si>
  <si>
    <t>87109.0</t>
  </si>
  <si>
    <t>11047575.0</t>
  </si>
  <si>
    <t>5861691.0</t>
  </si>
  <si>
    <t>5544272.0</t>
  </si>
  <si>
    <t>29128.0</t>
  </si>
  <si>
    <t>1373.764</t>
  </si>
  <si>
    <t>8.798</t>
  </si>
  <si>
    <t>87656.0</t>
  </si>
  <si>
    <t>11076656.0</t>
  </si>
  <si>
    <t>5872951.0</t>
  </si>
  <si>
    <t>5563987.0</t>
  </si>
  <si>
    <t>106.66</t>
  </si>
  <si>
    <t>14451763.0</t>
  </si>
  <si>
    <t>102298.0</t>
  </si>
  <si>
    <t>1383.557</t>
  </si>
  <si>
    <t>87747.0</t>
  </si>
  <si>
    <t>11101460.0</t>
  </si>
  <si>
    <t>5883293.0</t>
  </si>
  <si>
    <t>5579852.0</t>
  </si>
  <si>
    <t>23561.0</t>
  </si>
  <si>
    <t>106.9</t>
  </si>
  <si>
    <t>14568611.0</t>
  </si>
  <si>
    <t>116848.0</t>
  </si>
  <si>
    <t>1394.744</t>
  </si>
  <si>
    <t>11.187</t>
  </si>
  <si>
    <t>88989.0</t>
  </si>
  <si>
    <t>11128403.0</t>
  </si>
  <si>
    <t>5894666.0</t>
  </si>
  <si>
    <t>5597167.0</t>
  </si>
  <si>
    <t>26943.0</t>
  </si>
  <si>
    <t>23295.0</t>
  </si>
  <si>
    <t>14667782.0</t>
  </si>
  <si>
    <t>1404.238</t>
  </si>
  <si>
    <t>87706.0</t>
  </si>
  <si>
    <t>11153817.0</t>
  </si>
  <si>
    <t>5904497.0</t>
  </si>
  <si>
    <t>5614071.0</t>
  </si>
  <si>
    <t>23630.0</t>
  </si>
  <si>
    <t>14730200.0</t>
  </si>
  <si>
    <t>1410.214</t>
  </si>
  <si>
    <t>5.976</t>
  </si>
  <si>
    <t>88156.0</t>
  </si>
  <si>
    <t>11154395.0</t>
  </si>
  <si>
    <t>5904741.0</t>
  </si>
  <si>
    <t>5614458.0</t>
  </si>
  <si>
    <t>23651.0</t>
  </si>
  <si>
    <t>14015.5</t>
  </si>
  <si>
    <t>1349.59439466953</t>
  </si>
  <si>
    <t>14777535.0</t>
  </si>
  <si>
    <t>47335.0</t>
  </si>
  <si>
    <t>1414.746</t>
  </si>
  <si>
    <t>4.532</t>
  </si>
  <si>
    <t>8.563</t>
  </si>
  <si>
    <t>11186043.0</t>
  </si>
  <si>
    <t>5917081.0</t>
  </si>
  <si>
    <t>5635437.0</t>
  </si>
  <si>
    <t>23942.0</t>
  </si>
  <si>
    <t>14899416.0</t>
  </si>
  <si>
    <t>121881.0</t>
  </si>
  <si>
    <t>1426.414</t>
  </si>
  <si>
    <t>11215341.0</t>
  </si>
  <si>
    <t>5932210.0</t>
  </si>
  <si>
    <t>5651654.0</t>
  </si>
  <si>
    <t>29298.0</t>
  </si>
  <si>
    <t>23967.0</t>
  </si>
  <si>
    <t>14993404.0</t>
  </si>
  <si>
    <t>1435.412</t>
  </si>
  <si>
    <t>91991.0</t>
  </si>
  <si>
    <t>8.807</t>
  </si>
  <si>
    <t>11247943.0</t>
  </si>
  <si>
    <t>5951175.0</t>
  </si>
  <si>
    <t>5668041.0</t>
  </si>
  <si>
    <t>24470.0</t>
  </si>
  <si>
    <t>15096664.0</t>
  </si>
  <si>
    <t>103260.0</t>
  </si>
  <si>
    <t>1445.298</t>
  </si>
  <si>
    <t>9.886</t>
  </si>
  <si>
    <t>11278583.0</t>
  </si>
  <si>
    <t>5970332.0</t>
  </si>
  <si>
    <t>5681994.0</t>
  </si>
  <si>
    <t>25303.0</t>
  </si>
  <si>
    <t>12434.0</t>
  </si>
  <si>
    <t>15209593.0</t>
  </si>
  <si>
    <t>112929.0</t>
  </si>
  <si>
    <t>1456.109</t>
  </si>
  <si>
    <t>91569.0</t>
  </si>
  <si>
    <t>8.766</t>
  </si>
  <si>
    <t>11311667.0</t>
  </si>
  <si>
    <t>5991165.0</t>
  </si>
  <si>
    <t>5697216.0</t>
  </si>
  <si>
    <t>108.92</t>
  </si>
  <si>
    <t>15305343.0</t>
  </si>
  <si>
    <t>95750.0</t>
  </si>
  <si>
    <t>1465.276</t>
  </si>
  <si>
    <t>91080.0</t>
  </si>
  <si>
    <t>11342438.0</t>
  </si>
  <si>
    <t>6009543.0</t>
  </si>
  <si>
    <t>5712066.0</t>
  </si>
  <si>
    <t>15007.0</t>
  </si>
  <si>
    <t>15361858.0</t>
  </si>
  <si>
    <t>56515.0</t>
  </si>
  <si>
    <t>1470.687</t>
  </si>
  <si>
    <t>90237.0</t>
  </si>
  <si>
    <t>11343445.0</t>
  </si>
  <si>
    <t>6010270.0</t>
  </si>
  <si>
    <t>5712497.0</t>
  </si>
  <si>
    <t>109.23</t>
  </si>
  <si>
    <t>1403.95178725566</t>
  </si>
  <si>
    <t>15411460.0</t>
  </si>
  <si>
    <t>49602.0</t>
  </si>
  <si>
    <t>1475.435</t>
  </si>
  <si>
    <t>90561.0</t>
  </si>
  <si>
    <t>11376741.0</t>
  </si>
  <si>
    <t>6033085.0</t>
  </si>
  <si>
    <t>5726036.0</t>
  </si>
  <si>
    <t>27243.0</t>
  </si>
  <si>
    <t>15520137.0</t>
  </si>
  <si>
    <t>108677.0</t>
  </si>
  <si>
    <t>1485.84</t>
  </si>
  <si>
    <t>10.404</t>
  </si>
  <si>
    <t>88674.0</t>
  </si>
  <si>
    <t>11408609.0</t>
  </si>
  <si>
    <t>6056183.0</t>
  </si>
  <si>
    <t>5738106.0</t>
  </si>
  <si>
    <t>27610.0</t>
  </si>
  <si>
    <t>15628356.0</t>
  </si>
  <si>
    <t>108219.0</t>
  </si>
  <si>
    <t>1496.2</t>
  </si>
  <si>
    <t>8.684</t>
  </si>
  <si>
    <t>11439413.0</t>
  </si>
  <si>
    <t>6079739.0</t>
  </si>
  <si>
    <t>5748030.0</t>
  </si>
  <si>
    <t>18366.0</t>
  </si>
  <si>
    <t>11466985.0</t>
  </si>
  <si>
    <t>6100506.0</t>
  </si>
  <si>
    <t>5757051.0</t>
  </si>
  <si>
    <t>110.42</t>
  </si>
  <si>
    <t>15841011.0</t>
  </si>
  <si>
    <t>1516.559</t>
  </si>
  <si>
    <t>11495740.0</t>
  </si>
  <si>
    <t>6122036.0</t>
  </si>
  <si>
    <t>5766616.0</t>
  </si>
  <si>
    <t>28755.0</t>
  </si>
  <si>
    <t>15934296.0</t>
  </si>
  <si>
    <t>93285.0</t>
  </si>
  <si>
    <t>1525.49</t>
  </si>
  <si>
    <t>8.931</t>
  </si>
  <si>
    <t>89850.0</t>
  </si>
  <si>
    <t>11522842.0</t>
  </si>
  <si>
    <t>6141453.0</t>
  </si>
  <si>
    <t>5776111.0</t>
  </si>
  <si>
    <t>27102.0</t>
  </si>
  <si>
    <t>25772.0</t>
  </si>
  <si>
    <t>16.762</t>
  </si>
  <si>
    <t>15987491.0</t>
  </si>
  <si>
    <t>53195.0</t>
  </si>
  <si>
    <t>1530.582</t>
  </si>
  <si>
    <t>5.093</t>
  </si>
  <si>
    <t>89376.0</t>
  </si>
  <si>
    <t>11523504.0</t>
  </si>
  <si>
    <t>6141966.0</t>
  </si>
  <si>
    <t>5776336.0</t>
  </si>
  <si>
    <t>25723.0</t>
  </si>
  <si>
    <t>14937.1</t>
  </si>
  <si>
    <t>1438.33801381458</t>
  </si>
  <si>
    <t>16033854.0</t>
  </si>
  <si>
    <t>46363.0</t>
  </si>
  <si>
    <t>1535.021</t>
  </si>
  <si>
    <t>88913.0</t>
  </si>
  <si>
    <t>8.512</t>
  </si>
  <si>
    <t>11552558.0</t>
  </si>
  <si>
    <t>6161023.0</t>
  </si>
  <si>
    <t>5788447.0</t>
  </si>
  <si>
    <t>16144097.0</t>
  </si>
  <si>
    <t>110243.0</t>
  </si>
  <si>
    <t>1545.575</t>
  </si>
  <si>
    <t>89137.0</t>
  </si>
  <si>
    <t>11579860.0</t>
  </si>
  <si>
    <t>6179889.0</t>
  </si>
  <si>
    <t>5799038.0</t>
  </si>
  <si>
    <t>16242760.0</t>
  </si>
  <si>
    <t>98663.0</t>
  </si>
  <si>
    <t>1555.021</t>
  </si>
  <si>
    <t>11608678.0</t>
  </si>
  <si>
    <t>6199953.0</t>
  </si>
  <si>
    <t>5809940.0</t>
  </si>
  <si>
    <t>24181.0</t>
  </si>
  <si>
    <t>16334635.0</t>
  </si>
  <si>
    <t>91875.0</t>
  </si>
  <si>
    <t>1563.817</t>
  </si>
  <si>
    <t>85707.0</t>
  </si>
  <si>
    <t>8.205</t>
  </si>
  <si>
    <t>11635474.0</t>
  </si>
  <si>
    <t>6218580.0</t>
  </si>
  <si>
    <t>5820279.0</t>
  </si>
  <si>
    <t>24070.0</t>
  </si>
  <si>
    <t>16436289.0</t>
  </si>
  <si>
    <t>101654.0</t>
  </si>
  <si>
    <t>1573.549</t>
  </si>
  <si>
    <t>85040.0</t>
  </si>
  <si>
    <t>11665847.0</t>
  </si>
  <si>
    <t>6239026.0</t>
  </si>
  <si>
    <t>5832628.0</t>
  </si>
  <si>
    <t>24301.0</t>
  </si>
  <si>
    <t>16713.0</t>
  </si>
  <si>
    <t>16536422.0</t>
  </si>
  <si>
    <t>100133.0</t>
  </si>
  <si>
    <t>1583.135</t>
  </si>
  <si>
    <t>9.586</t>
  </si>
  <si>
    <t>86018.0</t>
  </si>
  <si>
    <t>11696468.0</t>
  </si>
  <si>
    <t>6259410.0</t>
  </si>
  <si>
    <t>5845008.0</t>
  </si>
  <si>
    <t>30621.0</t>
  </si>
  <si>
    <t>16851.0</t>
  </si>
  <si>
    <t>16642397.0</t>
  </si>
  <si>
    <t>105975.0</t>
  </si>
  <si>
    <t>1593.281</t>
  </si>
  <si>
    <t>10.146</t>
  </si>
  <si>
    <t>93558.0</t>
  </si>
  <si>
    <t>11697197.0</t>
  </si>
  <si>
    <t>6259984.0</t>
  </si>
  <si>
    <t>5845265.0</t>
  </si>
  <si>
    <t>24813.0</t>
  </si>
  <si>
    <t>15261.6</t>
  </si>
  <si>
    <t>1469.58508891502</t>
  </si>
  <si>
    <t>16720566.0</t>
  </si>
  <si>
    <t>78169.0</t>
  </si>
  <si>
    <t>1600.764</t>
  </si>
  <si>
    <t>98102.0</t>
  </si>
  <si>
    <t>11728334.0</t>
  </si>
  <si>
    <t>6281530.0</t>
  </si>
  <si>
    <t>5857688.0</t>
  </si>
  <si>
    <t>31137.0</t>
  </si>
  <si>
    <t>17068604.0</t>
  </si>
  <si>
    <t>348038.0</t>
  </si>
  <si>
    <t>1634.084</t>
  </si>
  <si>
    <t>11759421.0</t>
  </si>
  <si>
    <t>6301139.0</t>
  </si>
  <si>
    <t>5870748.0</t>
  </si>
  <si>
    <t>31087.0</t>
  </si>
  <si>
    <t>17251434.0</t>
  </si>
  <si>
    <t>182830.0</t>
  </si>
  <si>
    <t>1651.587</t>
  </si>
  <si>
    <t>144096.0</t>
  </si>
  <si>
    <t>13.795</t>
  </si>
  <si>
    <t>11792922.0</t>
  </si>
  <si>
    <t>6318667.0</t>
  </si>
  <si>
    <t>5886568.0</t>
  </si>
  <si>
    <t>33501.0</t>
  </si>
  <si>
    <t>17406729.0</t>
  </si>
  <si>
    <t>1666.455</t>
  </si>
  <si>
    <t>14.867</t>
  </si>
  <si>
    <t>153156.0</t>
  </si>
  <si>
    <t>14.663</t>
  </si>
  <si>
    <t>11823448.0</t>
  </si>
  <si>
    <t>6333235.0</t>
  </si>
  <si>
    <t>5902009.0</t>
  </si>
  <si>
    <t>26853.0</t>
  </si>
  <si>
    <t>113.85</t>
  </si>
  <si>
    <t>16379.0</t>
  </si>
  <si>
    <t>160484.0</t>
  </si>
  <si>
    <t>15.364</t>
  </si>
  <si>
    <t>11856787.0</t>
  </si>
  <si>
    <t>6348675.0</t>
  </si>
  <si>
    <t>5919747.0</t>
  </si>
  <si>
    <t>9506.0</t>
  </si>
  <si>
    <t>168029.0</t>
  </si>
  <si>
    <t>11890088.0</t>
  </si>
  <si>
    <t>6362298.0</t>
  </si>
  <si>
    <t>5939290.0</t>
  </si>
  <si>
    <t>114.49</t>
  </si>
  <si>
    <t>11.987</t>
  </si>
  <si>
    <t>174740.0</t>
  </si>
  <si>
    <t>11891452.0</t>
  </si>
  <si>
    <t>6363055.0</t>
  </si>
  <si>
    <t>5940008.0</t>
  </si>
  <si>
    <t>27751.0</t>
  </si>
  <si>
    <t>114.51</t>
  </si>
  <si>
    <t>15856.7</t>
  </si>
  <si>
    <t>1526.88904698058</t>
  </si>
  <si>
    <t>18018525.0</t>
  </si>
  <si>
    <t>1725.026</t>
  </si>
  <si>
    <t>185423.0</t>
  </si>
  <si>
    <t>11922452.0</t>
  </si>
  <si>
    <t>6374325.0</t>
  </si>
  <si>
    <t>5958770.0</t>
  </si>
  <si>
    <t>27731.0</t>
  </si>
  <si>
    <t>18415470.0</t>
  </si>
  <si>
    <t>396945.0</t>
  </si>
  <si>
    <t>1763.028</t>
  </si>
  <si>
    <t>38.002</t>
  </si>
  <si>
    <t>192409.0</t>
  </si>
  <si>
    <t>18.421</t>
  </si>
  <si>
    <t>11949764.0</t>
  </si>
  <si>
    <t>6383886.0</t>
  </si>
  <si>
    <t>5975813.0</t>
  </si>
  <si>
    <t>27192.0</t>
  </si>
  <si>
    <t>115.07</t>
  </si>
  <si>
    <t>11821.0</t>
  </si>
  <si>
    <t>18615143.0</t>
  </si>
  <si>
    <t>199673.0</t>
  </si>
  <si>
    <t>1782.144</t>
  </si>
  <si>
    <t>194816.0</t>
  </si>
  <si>
    <t>18.651</t>
  </si>
  <si>
    <t>11977843.0</t>
  </si>
  <si>
    <t>6393017.0</t>
  </si>
  <si>
    <t>5994644.0</t>
  </si>
  <si>
    <t>17810.0</t>
  </si>
  <si>
    <t>18766422.0</t>
  </si>
  <si>
    <t>1796.627</t>
  </si>
  <si>
    <t>194242.0</t>
  </si>
  <si>
    <t>18.596</t>
  </si>
  <si>
    <t>12002672.0</t>
  </si>
  <si>
    <t>6400485.0</t>
  </si>
  <si>
    <t>6011426.0</t>
  </si>
  <si>
    <t>19804.0</t>
  </si>
  <si>
    <t>18983028.0</t>
  </si>
  <si>
    <t>216606.0</t>
  </si>
  <si>
    <t>1817.364</t>
  </si>
  <si>
    <t>203336.0</t>
  </si>
  <si>
    <t>19.467</t>
  </si>
  <si>
    <t>12031974.0</t>
  </si>
  <si>
    <t>6409283.0</t>
  </si>
  <si>
    <t>6031804.0</t>
  </si>
  <si>
    <t>29302.0</t>
  </si>
  <si>
    <t>205760.0</t>
  </si>
  <si>
    <t>19.699</t>
  </si>
  <si>
    <t>12062209.0</t>
  </si>
  <si>
    <t>6416690.0</t>
  </si>
  <si>
    <t>6054603.0</t>
  </si>
  <si>
    <t>19322863.0</t>
  </si>
  <si>
    <t>1849.898</t>
  </si>
  <si>
    <t>208184.0</t>
  </si>
  <si>
    <t>12063951.0</t>
  </si>
  <si>
    <t>6417150.0</t>
  </si>
  <si>
    <t>6055937.0</t>
  </si>
  <si>
    <t>16213.6</t>
  </si>
  <si>
    <t>1561.25601494159</t>
  </si>
  <si>
    <t>19401554.0</t>
  </si>
  <si>
    <t>78691.0</t>
  </si>
  <si>
    <t>1857.432</t>
  </si>
  <si>
    <t>7.534</t>
  </si>
  <si>
    <t>197576.0</t>
  </si>
  <si>
    <t>18.915</t>
  </si>
  <si>
    <t>12089060.0</t>
  </si>
  <si>
    <t>6424744.0</t>
  </si>
  <si>
    <t>6073342.0</t>
  </si>
  <si>
    <t>23433.0</t>
  </si>
  <si>
    <t>23801.0</t>
  </si>
  <si>
    <t>19790260.0</t>
  </si>
  <si>
    <t>388706.0</t>
  </si>
  <si>
    <t>1894.645</t>
  </si>
  <si>
    <t>37.213</t>
  </si>
  <si>
    <t>196399.0</t>
  </si>
  <si>
    <t>18.803</t>
  </si>
  <si>
    <t>12112187.0</t>
  </si>
  <si>
    <t>6431863.0</t>
  </si>
  <si>
    <t>6089410.0</t>
  </si>
  <si>
    <t>23127.0</t>
  </si>
  <si>
    <t>116.63</t>
  </si>
  <si>
    <t>19988340.0</t>
  </si>
  <si>
    <t>198080.0</t>
  </si>
  <si>
    <t>1913.609</t>
  </si>
  <si>
    <t>196171.0</t>
  </si>
  <si>
    <t>18.781</t>
  </si>
  <si>
    <t>12136422.0</t>
  </si>
  <si>
    <t>6438774.0</t>
  </si>
  <si>
    <t>6106943.0</t>
  </si>
  <si>
    <t>24235.0</t>
  </si>
  <si>
    <t>116.87</t>
  </si>
  <si>
    <t>20138773.0</t>
  </si>
  <si>
    <t>150433.0</t>
  </si>
  <si>
    <t>1928.01</t>
  </si>
  <si>
    <t>14.402</t>
  </si>
  <si>
    <t>196050.0</t>
  </si>
  <si>
    <t>12162958.0</t>
  </si>
  <si>
    <t>6445279.0</t>
  </si>
  <si>
    <t>6123386.0</t>
  </si>
  <si>
    <t>26536.0</t>
  </si>
  <si>
    <t>22898.0</t>
  </si>
  <si>
    <t>117.12</t>
  </si>
  <si>
    <t>193422.0</t>
  </si>
  <si>
    <t>18.517</t>
  </si>
  <si>
    <t>12192739.0</t>
  </si>
  <si>
    <t>6452132.0</t>
  </si>
  <si>
    <t>6139679.0</t>
  </si>
  <si>
    <t>37919.0</t>
  </si>
  <si>
    <t>29781.0</t>
  </si>
  <si>
    <t>22966.0</t>
  </si>
  <si>
    <t>20535193.0</t>
  </si>
  <si>
    <t>1965.962</t>
  </si>
  <si>
    <t>197464.0</t>
  </si>
  <si>
    <t>12223740.0</t>
  </si>
  <si>
    <t>6458085.0</t>
  </si>
  <si>
    <t>6158965.0</t>
  </si>
  <si>
    <t>23076.0</t>
  </si>
  <si>
    <t>12.361</t>
  </si>
  <si>
    <t>20685700.0</t>
  </si>
  <si>
    <t>150507.0</t>
  </si>
  <si>
    <t>1980.371</t>
  </si>
  <si>
    <t>14.409</t>
  </si>
  <si>
    <t>194691.0</t>
  </si>
  <si>
    <t>18.639</t>
  </si>
  <si>
    <t>12225389.0</t>
  </si>
  <si>
    <t>6458517.0</t>
  </si>
  <si>
    <t>6159916.0</t>
  </si>
  <si>
    <t>44790.0</t>
  </si>
  <si>
    <t>23063.0</t>
  </si>
  <si>
    <t>16595.1</t>
  </si>
  <si>
    <t>1597.99179044489</t>
  </si>
  <si>
    <t>20760125.0</t>
  </si>
  <si>
    <t>74425.0</t>
  </si>
  <si>
    <t>1987.496</t>
  </si>
  <si>
    <t>194082.0</t>
  </si>
  <si>
    <t>12255727.0</t>
  </si>
  <si>
    <t>6463763.0</t>
  </si>
  <si>
    <t>6175383.0</t>
  </si>
  <si>
    <t>30338.0</t>
  </si>
  <si>
    <t>118.01</t>
  </si>
  <si>
    <t>21130436.0</t>
  </si>
  <si>
    <t>370311.0</t>
  </si>
  <si>
    <t>2022.949</t>
  </si>
  <si>
    <t>191454.0</t>
  </si>
  <si>
    <t>18.329</t>
  </si>
  <si>
    <t>12286340.0</t>
  </si>
  <si>
    <t>6469348.0</t>
  </si>
  <si>
    <t>6190076.0</t>
  </si>
  <si>
    <t>66640.0</t>
  </si>
  <si>
    <t>30613.0</t>
  </si>
  <si>
    <t>24879.0</t>
  </si>
  <si>
    <t>118.31</t>
  </si>
  <si>
    <t>21326655.0</t>
  </si>
  <si>
    <t>196219.0</t>
  </si>
  <si>
    <t>2041.734</t>
  </si>
  <si>
    <t>191188.0</t>
  </si>
  <si>
    <t>18.304</t>
  </si>
  <si>
    <t>12317319.0</t>
  </si>
  <si>
    <t>6475455.0</t>
  </si>
  <si>
    <t>6203814.0</t>
  </si>
  <si>
    <t>30979.0</t>
  </si>
  <si>
    <t>25842.0</t>
  </si>
  <si>
    <t>21474989.0</t>
  </si>
  <si>
    <t>148334.0</t>
  </si>
  <si>
    <t>2055.935</t>
  </si>
  <si>
    <t>14.201</t>
  </si>
  <si>
    <t>18.275</t>
  </si>
  <si>
    <t>12346128.0</t>
  </si>
  <si>
    <t>6481675.0</t>
  </si>
  <si>
    <t>6215544.0</t>
  </si>
  <si>
    <t>90758.0</t>
  </si>
  <si>
    <t>28809.0</t>
  </si>
  <si>
    <t>26167.0</t>
  </si>
  <si>
    <t>118.88</t>
  </si>
  <si>
    <t>21676735.0</t>
  </si>
  <si>
    <t>201746.0</t>
  </si>
  <si>
    <t>2075.249</t>
  </si>
  <si>
    <t>19.314</t>
  </si>
  <si>
    <t>191393.0</t>
  </si>
  <si>
    <t>12378946.0</t>
  </si>
  <si>
    <t>6489305.0</t>
  </si>
  <si>
    <t>6229374.0</t>
  </si>
  <si>
    <t>103298.0</t>
  </si>
  <si>
    <t>26601.0</t>
  </si>
  <si>
    <t>21841498.0</t>
  </si>
  <si>
    <t>164763.0</t>
  </si>
  <si>
    <t>2091.023</t>
  </si>
  <si>
    <t>186615.0</t>
  </si>
  <si>
    <t>17.866</t>
  </si>
  <si>
    <t>12411310.0</t>
  </si>
  <si>
    <t>6496916.0</t>
  </si>
  <si>
    <t>6243653.0</t>
  </si>
  <si>
    <t>114661.0</t>
  </si>
  <si>
    <t>32364.0</t>
  </si>
  <si>
    <t>121.926</t>
  </si>
  <si>
    <t>21991126.0</t>
  </si>
  <si>
    <t>149628.0</t>
  </si>
  <si>
    <t>2105.348</t>
  </si>
  <si>
    <t>14.325</t>
  </si>
  <si>
    <t>186489.0</t>
  </si>
  <si>
    <t>12412827.0</t>
  </si>
  <si>
    <t>6497385.0</t>
  </si>
  <si>
    <t>6244395.0</t>
  </si>
  <si>
    <t>115052.0</t>
  </si>
  <si>
    <t>26777.0</t>
  </si>
  <si>
    <t>16910.8</t>
  </si>
  <si>
    <t>1628.39148723752</t>
  </si>
  <si>
    <t>22063969.0</t>
  </si>
  <si>
    <t>2112.321</t>
  </si>
  <si>
    <t>186263.0</t>
  </si>
  <si>
    <t>17.832</t>
  </si>
  <si>
    <t>12444537.0</t>
  </si>
  <si>
    <t>6504856.0</t>
  </si>
  <si>
    <t>6255574.0</t>
  </si>
  <si>
    <t>31710.0</t>
  </si>
  <si>
    <t>22434404.0</t>
  </si>
  <si>
    <t>370435.0</t>
  </si>
  <si>
    <t>2147.786</t>
  </si>
  <si>
    <t>186281.0</t>
  </si>
  <si>
    <t>12476953.0</t>
  </si>
  <si>
    <t>6512532.0</t>
  </si>
  <si>
    <t>6265394.0</t>
  </si>
  <si>
    <t>145319.0</t>
  </si>
  <si>
    <t>22626558.0</t>
  </si>
  <si>
    <t>192154.0</t>
  </si>
  <si>
    <t>2166.182</t>
  </si>
  <si>
    <t>18.396</t>
  </si>
  <si>
    <t>185700.0</t>
  </si>
  <si>
    <t>17.778</t>
  </si>
  <si>
    <t>12509353.0</t>
  </si>
  <si>
    <t>6519927.0</t>
  </si>
  <si>
    <t>6274331.0</t>
  </si>
  <si>
    <t>162580.0</t>
  </si>
  <si>
    <t>27433.0</t>
  </si>
  <si>
    <t>120.46</t>
  </si>
  <si>
    <t>22778198.0</t>
  </si>
  <si>
    <t>151640.0</t>
  </si>
  <si>
    <t>2180.699</t>
  </si>
  <si>
    <t>14.517</t>
  </si>
  <si>
    <t>186173.0</t>
  </si>
  <si>
    <t>17.824</t>
  </si>
  <si>
    <t>12537399.0</t>
  </si>
  <si>
    <t>6526808.0</t>
  </si>
  <si>
    <t>6281701.0</t>
  </si>
  <si>
    <t>177407.0</t>
  </si>
  <si>
    <t>28046.0</t>
  </si>
  <si>
    <t>177580.0</t>
  </si>
  <si>
    <t>17.001</t>
  </si>
  <si>
    <t>12566869.0</t>
  </si>
  <si>
    <t>6534800.0</t>
  </si>
  <si>
    <t>6290811.0</t>
  </si>
  <si>
    <t>190792.0</t>
  </si>
  <si>
    <t>174271.0</t>
  </si>
  <si>
    <t>12595035.0</t>
  </si>
  <si>
    <t>6542764.0</t>
  </si>
  <si>
    <t>6300798.0</t>
  </si>
  <si>
    <t>201861.0</t>
  </si>
  <si>
    <t>28166.0</t>
  </si>
  <si>
    <t>26246.0</t>
  </si>
  <si>
    <t>12596452.0</t>
  </si>
  <si>
    <t>6543348.0</t>
  </si>
  <si>
    <t>6301452.0</t>
  </si>
  <si>
    <t>202188.0</t>
  </si>
  <si>
    <t>17197.1</t>
  </si>
  <si>
    <t>1655.96017013816</t>
  </si>
  <si>
    <t>23344586.0</t>
  </si>
  <si>
    <t>2234.923</t>
  </si>
  <si>
    <t>182945.0</t>
  </si>
  <si>
    <t>17.514</t>
  </si>
  <si>
    <t>12624894.0</t>
  </si>
  <si>
    <t>6550663.0</t>
  </si>
  <si>
    <t>6309002.0</t>
  </si>
  <si>
    <t>216709.0</t>
  </si>
  <si>
    <t>25765.0</t>
  </si>
  <si>
    <t>23720970.0</t>
  </si>
  <si>
    <t>376384.0</t>
  </si>
  <si>
    <t>2270.957</t>
  </si>
  <si>
    <t>36.034</t>
  </si>
  <si>
    <t>183795.0</t>
  </si>
  <si>
    <t>17.596</t>
  </si>
  <si>
    <t>12652171.0</t>
  </si>
  <si>
    <t>6558273.0</t>
  </si>
  <si>
    <t>6315626.0</t>
  </si>
  <si>
    <t>230798.0</t>
  </si>
  <si>
    <t>25031.0</t>
  </si>
  <si>
    <t>23925913.0</t>
  </si>
  <si>
    <t>204943.0</t>
  </si>
  <si>
    <t>2290.577</t>
  </si>
  <si>
    <t>185622.0</t>
  </si>
  <si>
    <t>17.771</t>
  </si>
  <si>
    <t>12679428.0</t>
  </si>
  <si>
    <t>6566021.0</t>
  </si>
  <si>
    <t>6321918.0</t>
  </si>
  <si>
    <t>245101.0</t>
  </si>
  <si>
    <t>122.09</t>
  </si>
  <si>
    <t>24091374.0</t>
  </si>
  <si>
    <t>165461.0</t>
  </si>
  <si>
    <t>2306.418</t>
  </si>
  <si>
    <t>15.841</t>
  </si>
  <si>
    <t>187597.0</t>
  </si>
  <si>
    <t>12705670.0</t>
  </si>
  <si>
    <t>6573855.0</t>
  </si>
  <si>
    <t>6327941.0</t>
  </si>
  <si>
    <t>258547.0</t>
  </si>
  <si>
    <t>122.35</t>
  </si>
  <si>
    <t>197440.0</t>
  </si>
  <si>
    <t>18.902</t>
  </si>
  <si>
    <t>12733298.0</t>
  </si>
  <si>
    <t>6583131.0</t>
  </si>
  <si>
    <t>6334956.0</t>
  </si>
  <si>
    <t>270973.0</t>
  </si>
  <si>
    <t>24512381.0</t>
  </si>
  <si>
    <t>2346.723</t>
  </si>
  <si>
    <t>207284.0</t>
  </si>
  <si>
    <t>19.845</t>
  </si>
  <si>
    <t>12759638.0</t>
  </si>
  <si>
    <t>6593241.0</t>
  </si>
  <si>
    <t>6342127.0</t>
  </si>
  <si>
    <t>280980.0</t>
  </si>
  <si>
    <t>23515.0</t>
  </si>
  <si>
    <t>122.87</t>
  </si>
  <si>
    <t>24661319.0</t>
  </si>
  <si>
    <t>2360.982</t>
  </si>
  <si>
    <t>14.259</t>
  </si>
  <si>
    <t>208333.0</t>
  </si>
  <si>
    <t>12759982.0</t>
  </si>
  <si>
    <t>6593448.0</t>
  </si>
  <si>
    <t>6342240.0</t>
  </si>
  <si>
    <t>281033.0</t>
  </si>
  <si>
    <t>23361.0</t>
  </si>
  <si>
    <t>17495.8</t>
  </si>
  <si>
    <t>1684.72288610889</t>
  </si>
  <si>
    <t>24738112.0</t>
  </si>
  <si>
    <t>76793.0</t>
  </si>
  <si>
    <t>2368.334</t>
  </si>
  <si>
    <t>7.352</t>
  </si>
  <si>
    <t>199075.0</t>
  </si>
  <si>
    <t>12785479.0</t>
  </si>
  <si>
    <t>6602171.0</t>
  </si>
  <si>
    <t>6347807.0</t>
  </si>
  <si>
    <t>293266.0</t>
  </si>
  <si>
    <t>22941.0</t>
  </si>
  <si>
    <t>25123079.0</t>
  </si>
  <si>
    <t>384967.0</t>
  </si>
  <si>
    <t>2405.189</t>
  </si>
  <si>
    <t>36.855</t>
  </si>
  <si>
    <t>200301.0</t>
  </si>
  <si>
    <t>12805793.0</t>
  </si>
  <si>
    <t>6609484.0</t>
  </si>
  <si>
    <t>6352379.0</t>
  </si>
  <si>
    <t>302603.0</t>
  </si>
  <si>
    <t>20314.0</t>
  </si>
  <si>
    <t>21946.0</t>
  </si>
  <si>
    <t>123.31</t>
  </si>
  <si>
    <t>25317784.0</t>
  </si>
  <si>
    <t>2423.83</t>
  </si>
  <si>
    <t>198839.0</t>
  </si>
  <si>
    <t>12832032.0</t>
  </si>
  <si>
    <t>6618450.0</t>
  </si>
  <si>
    <t>6358339.0</t>
  </si>
  <si>
    <t>25510912.0</t>
  </si>
  <si>
    <t>193128.0</t>
  </si>
  <si>
    <t>2442.319</t>
  </si>
  <si>
    <t>202791.0</t>
  </si>
  <si>
    <t>19.414</t>
  </si>
  <si>
    <t>12832402.0</t>
  </si>
  <si>
    <t>6618651.0</t>
  </si>
  <si>
    <t>6358448.0</t>
  </si>
  <si>
    <t>315306.0</t>
  </si>
  <si>
    <t>123.57</t>
  </si>
  <si>
    <t>25572397.0</t>
  </si>
  <si>
    <t>61485.0</t>
  </si>
  <si>
    <t>2448.205</t>
  </si>
  <si>
    <t>5.886</t>
  </si>
  <si>
    <t>181503.0</t>
  </si>
  <si>
    <t>17.376</t>
  </si>
  <si>
    <t>12863008.0</t>
  </si>
  <si>
    <t>6628438.0</t>
  </si>
  <si>
    <t>6367956.0</t>
  </si>
  <si>
    <t>327793.0</t>
  </si>
  <si>
    <t>30606.0</t>
  </si>
  <si>
    <t>18530.0</t>
  </si>
  <si>
    <t>182520.0</t>
  </si>
  <si>
    <t>17.474</t>
  </si>
  <si>
    <t>12892412.0</t>
  </si>
  <si>
    <t>6638684.0</t>
  </si>
  <si>
    <t>6375603.0</t>
  </si>
  <si>
    <t>340451.0</t>
  </si>
  <si>
    <t>29404.0</t>
  </si>
  <si>
    <t>18968.0</t>
  </si>
  <si>
    <t>124.14</t>
  </si>
  <si>
    <t>26007643.0</t>
  </si>
  <si>
    <t>2489.874</t>
  </si>
  <si>
    <t>12892763.0</t>
  </si>
  <si>
    <t>6638876.0</t>
  </si>
  <si>
    <t>6375743.0</t>
  </si>
  <si>
    <t>340526.0</t>
  </si>
  <si>
    <t>18969.0</t>
  </si>
  <si>
    <t>17982.1</t>
  </si>
  <si>
    <t>1731.55016691427</t>
  </si>
  <si>
    <t>26090236.0</t>
  </si>
  <si>
    <t>82593.0</t>
  </si>
  <si>
    <t>2497.781</t>
  </si>
  <si>
    <t>193161.0</t>
  </si>
  <si>
    <t>18.493</t>
  </si>
  <si>
    <t>12921550.0</t>
  </si>
  <si>
    <t>6646533.0</t>
  </si>
  <si>
    <t>6382373.0</t>
  </si>
  <si>
    <t>355906.0</t>
  </si>
  <si>
    <t>124.43</t>
  </si>
  <si>
    <t>26509644.0</t>
  </si>
  <si>
    <t>419408.0</t>
  </si>
  <si>
    <t>2537.934</t>
  </si>
  <si>
    <t>40.153</t>
  </si>
  <si>
    <t>198081.0</t>
  </si>
  <si>
    <t>18.964</t>
  </si>
  <si>
    <t>12953577.0</t>
  </si>
  <si>
    <t>6655689.0</t>
  </si>
  <si>
    <t>6388920.0</t>
  </si>
  <si>
    <t>373418.0</t>
  </si>
  <si>
    <t>21112.0</t>
  </si>
  <si>
    <t>26742053.0</t>
  </si>
  <si>
    <t>232409.0</t>
  </si>
  <si>
    <t>2560.184</t>
  </si>
  <si>
    <t>203467.0</t>
  </si>
  <si>
    <t>19.479</t>
  </si>
  <si>
    <t>12989716.0</t>
  </si>
  <si>
    <t>6666721.0</t>
  </si>
  <si>
    <t>6395944.0</t>
  </si>
  <si>
    <t>393372.0</t>
  </si>
  <si>
    <t>22526.0</t>
  </si>
  <si>
    <t>26945111.0</t>
  </si>
  <si>
    <t>203058.0</t>
  </si>
  <si>
    <t>2579.624</t>
  </si>
  <si>
    <t>204886.0</t>
  </si>
  <si>
    <t>19.615</t>
  </si>
  <si>
    <t>13026544.0</t>
  </si>
  <si>
    <t>6679883.0</t>
  </si>
  <si>
    <t>6402949.0</t>
  </si>
  <si>
    <t>412146.0</t>
  </si>
  <si>
    <t>27208261.0</t>
  </si>
  <si>
    <t>263150.0</t>
  </si>
  <si>
    <t>2604.817</t>
  </si>
  <si>
    <t>25.193</t>
  </si>
  <si>
    <t>233695.0</t>
  </si>
  <si>
    <t>22.373</t>
  </si>
  <si>
    <t>13067993.0</t>
  </si>
  <si>
    <t>6696230.0</t>
  </si>
  <si>
    <t>6412309.0</t>
  </si>
  <si>
    <t>431135.0</t>
  </si>
  <si>
    <t>41449.0</t>
  </si>
  <si>
    <t>27492713.0</t>
  </si>
  <si>
    <t>284452.0</t>
  </si>
  <si>
    <t>2632.049</t>
  </si>
  <si>
    <t>27.232</t>
  </si>
  <si>
    <t>243242.0</t>
  </si>
  <si>
    <t>23.287</t>
  </si>
  <si>
    <t>13102311.0</t>
  </si>
  <si>
    <t>6710521.0</t>
  </si>
  <si>
    <t>6420739.0</t>
  </si>
  <si>
    <t>444374.0</t>
  </si>
  <si>
    <t>34318.0</t>
  </si>
  <si>
    <t>27781275.0</t>
  </si>
  <si>
    <t>2659.675</t>
  </si>
  <si>
    <t>27.626</t>
  </si>
  <si>
    <t>253376.0</t>
  </si>
  <si>
    <t>24.257</t>
  </si>
  <si>
    <t>13104188.0</t>
  </si>
  <si>
    <t>6711645.0</t>
  </si>
  <si>
    <t>6421336.0</t>
  </si>
  <si>
    <t>444852.0</t>
  </si>
  <si>
    <t>18673.2</t>
  </si>
  <si>
    <t>1798.0982519741</t>
  </si>
  <si>
    <t>27895663.0</t>
  </si>
  <si>
    <t>114388.0</t>
  </si>
  <si>
    <t>2670.626</t>
  </si>
  <si>
    <t>257918.0</t>
  </si>
  <si>
    <t>13146738.0</t>
  </si>
  <si>
    <t>6725231.0</t>
  </si>
  <si>
    <t>6429032.0</t>
  </si>
  <si>
    <t>468263.0</t>
  </si>
  <si>
    <t>28531876.0</t>
  </si>
  <si>
    <t>636213.0</t>
  </si>
  <si>
    <t>2731.535</t>
  </si>
  <si>
    <t>288890.0</t>
  </si>
  <si>
    <t>13191233.0</t>
  </si>
  <si>
    <t>6740119.0</t>
  </si>
  <si>
    <t>6435983.0</t>
  </si>
  <si>
    <t>492565.0</t>
  </si>
  <si>
    <t>44495.0</t>
  </si>
  <si>
    <t>28883430.0</t>
  </si>
  <si>
    <t>351554.0</t>
  </si>
  <si>
    <t>2765.191</t>
  </si>
  <si>
    <t>305911.0</t>
  </si>
  <si>
    <t>29.287</t>
  </si>
  <si>
    <t>13246810.0</t>
  </si>
  <si>
    <t>6754519.0</t>
  </si>
  <si>
    <t>6443813.0</t>
  </si>
  <si>
    <t>527900.0</t>
  </si>
  <si>
    <t>36728.0</t>
  </si>
  <si>
    <t>29227898.0</t>
  </si>
  <si>
    <t>344468.0</t>
  </si>
  <si>
    <t>2798.169</t>
  </si>
  <si>
    <t>326112.0</t>
  </si>
  <si>
    <t>31.221</t>
  </si>
  <si>
    <t>13302808.0</t>
  </si>
  <si>
    <t>6768648.0</t>
  </si>
  <si>
    <t>6451037.0</t>
  </si>
  <si>
    <t>564186.0</t>
  </si>
  <si>
    <t>128.1</t>
  </si>
  <si>
    <t>334263.0</t>
  </si>
  <si>
    <t>13358662.0</t>
  </si>
  <si>
    <t>6782158.0</t>
  </si>
  <si>
    <t>6460015.0</t>
  </si>
  <si>
    <t>599301.0</t>
  </si>
  <si>
    <t>339370.0</t>
  </si>
  <si>
    <t>13411490.0</t>
  </si>
  <si>
    <t>6797145.0</t>
  </si>
  <si>
    <t>6469449.0</t>
  </si>
  <si>
    <t>628835.0</t>
  </si>
  <si>
    <t>44168.0</t>
  </si>
  <si>
    <t>32.923</t>
  </si>
  <si>
    <t>13414759.0</t>
  </si>
  <si>
    <t>6798479.0</t>
  </si>
  <si>
    <t>6470028.0</t>
  </si>
  <si>
    <t>630386.0</t>
  </si>
  <si>
    <t>44367.0</t>
  </si>
  <si>
    <t>19146.7</t>
  </si>
  <si>
    <t>1843.69298251358</t>
  </si>
  <si>
    <t>30508702.0</t>
  </si>
  <si>
    <t>2920.789</t>
  </si>
  <si>
    <t>373291.0</t>
  </si>
  <si>
    <t>35.737</t>
  </si>
  <si>
    <t>13468672.0</t>
  </si>
  <si>
    <t>6812649.0</t>
  </si>
  <si>
    <t>6477779.0</t>
  </si>
  <si>
    <t>664450.0</t>
  </si>
  <si>
    <t>53913.0</t>
  </si>
  <si>
    <t>346133.0</t>
  </si>
  <si>
    <t>33.137</t>
  </si>
  <si>
    <t>13543647.0</t>
  </si>
  <si>
    <t>6832975.0</t>
  </si>
  <si>
    <t>6486520.0</t>
  </si>
  <si>
    <t>712486.0</t>
  </si>
  <si>
    <t>359640.0</t>
  </si>
  <si>
    <t>34.431</t>
  </si>
  <si>
    <t>13613075.0</t>
  </si>
  <si>
    <t>6850899.0</t>
  </si>
  <si>
    <t>6494916.0</t>
  </si>
  <si>
    <t>758208.0</t>
  </si>
  <si>
    <t>69428.0</t>
  </si>
  <si>
    <t>52324.0</t>
  </si>
  <si>
    <t>13769.0</t>
  </si>
  <si>
    <t>31847015.0</t>
  </si>
  <si>
    <t>3048.914</t>
  </si>
  <si>
    <t>374160.0</t>
  </si>
  <si>
    <t>13681432.0</t>
  </si>
  <si>
    <t>6868145.0</t>
  </si>
  <si>
    <t>6499176.0</t>
  </si>
  <si>
    <t>807181.0</t>
  </si>
  <si>
    <t>68357.0</t>
  </si>
  <si>
    <t>54089.0</t>
  </si>
  <si>
    <t>14214.0</t>
  </si>
  <si>
    <t>32369507.0</t>
  </si>
  <si>
    <t>522492.0</t>
  </si>
  <si>
    <t>3098.935</t>
  </si>
  <si>
    <t>50.021</t>
  </si>
  <si>
    <t>403058.0</t>
  </si>
  <si>
    <t>38.587</t>
  </si>
  <si>
    <t>13753396.0</t>
  </si>
  <si>
    <t>6884888.0</t>
  </si>
  <si>
    <t>6508708.0</t>
  </si>
  <si>
    <t>855495.0</t>
  </si>
  <si>
    <t>71964.0</t>
  </si>
  <si>
    <t>32772439.0</t>
  </si>
  <si>
    <t>402932.0</t>
  </si>
  <si>
    <t>3137.51</t>
  </si>
  <si>
    <t>38.575</t>
  </si>
  <si>
    <t>414877.0</t>
  </si>
  <si>
    <t>39.719</t>
  </si>
  <si>
    <t>13822659.0</t>
  </si>
  <si>
    <t>6903751.0</t>
  </si>
  <si>
    <t>6519092.0</t>
  </si>
  <si>
    <t>897422.0</t>
  </si>
  <si>
    <t>58738.0</t>
  </si>
  <si>
    <t>395213.0</t>
  </si>
  <si>
    <t>37.836</t>
  </si>
  <si>
    <t>13827670.0</t>
  </si>
  <si>
    <t>6905788.0</t>
  </si>
  <si>
    <t>6519979.0</t>
  </si>
  <si>
    <t>899933.0</t>
  </si>
  <si>
    <t>19769.2</t>
  </si>
  <si>
    <t>1903.63536849209</t>
  </si>
  <si>
    <t>33137551.0</t>
  </si>
  <si>
    <t>3172.465</t>
  </si>
  <si>
    <t>375550.0</t>
  </si>
  <si>
    <t>35.954</t>
  </si>
  <si>
    <t>13898403.0</t>
  </si>
  <si>
    <t>6921863.0</t>
  </si>
  <si>
    <t>6528091.0</t>
  </si>
  <si>
    <t>948733.0</t>
  </si>
  <si>
    <t>33781234.0</t>
  </si>
  <si>
    <t>643683.0</t>
  </si>
  <si>
    <t>3234.088</t>
  </si>
  <si>
    <t>61.624</t>
  </si>
  <si>
    <t>403775.0</t>
  </si>
  <si>
    <t>38.656</t>
  </si>
  <si>
    <t>13980048.0</t>
  </si>
  <si>
    <t>6939735.0</t>
  </si>
  <si>
    <t>6537177.0</t>
  </si>
  <si>
    <t>1006024.0</t>
  </si>
  <si>
    <t>81645.0</t>
  </si>
  <si>
    <t>134.62</t>
  </si>
  <si>
    <t>34131054.0</t>
  </si>
  <si>
    <t>349820.0</t>
  </si>
  <si>
    <t>3267.579</t>
  </si>
  <si>
    <t>390020.0</t>
  </si>
  <si>
    <t>37.339</t>
  </si>
  <si>
    <t>14065170.0</t>
  </si>
  <si>
    <t>6547857.0</t>
  </si>
  <si>
    <t>1064773.0</t>
  </si>
  <si>
    <t>85122.0</t>
  </si>
  <si>
    <t>64585.0</t>
  </si>
  <si>
    <t>135.44</t>
  </si>
  <si>
    <t>34473761.0</t>
  </si>
  <si>
    <t>342707.0</t>
  </si>
  <si>
    <t>3300.388</t>
  </si>
  <si>
    <t>32.809</t>
  </si>
  <si>
    <t>375249.0</t>
  </si>
  <si>
    <t>14156097.0</t>
  </si>
  <si>
    <t>6978080.0</t>
  </si>
  <si>
    <t>6559882.0</t>
  </si>
  <si>
    <t>1127382.0</t>
  </si>
  <si>
    <t>90927.0</t>
  </si>
  <si>
    <t>67809.0</t>
  </si>
  <si>
    <t>136.31</t>
  </si>
  <si>
    <t>34990248.0</t>
  </si>
  <si>
    <t>516487.0</t>
  </si>
  <si>
    <t>3349.835</t>
  </si>
  <si>
    <t>49.447</t>
  </si>
  <si>
    <t>374392.0</t>
  </si>
  <si>
    <t>35.843</t>
  </si>
  <si>
    <t>14248118.0</t>
  </si>
  <si>
    <t>6998760.0</t>
  </si>
  <si>
    <t>6574051.0</t>
  </si>
  <si>
    <t>1187936.0</t>
  </si>
  <si>
    <t>92021.0</t>
  </si>
  <si>
    <t>70675.0</t>
  </si>
  <si>
    <t>362158.0</t>
  </si>
  <si>
    <t>34.672</t>
  </si>
  <si>
    <t>14334894.0</t>
  </si>
  <si>
    <t>7017580.0</t>
  </si>
  <si>
    <t>6587912.0</t>
  </si>
  <si>
    <t>1244549.0</t>
  </si>
  <si>
    <t>86776.0</t>
  </si>
  <si>
    <t>35624841.0</t>
  </si>
  <si>
    <t>3410.588</t>
  </si>
  <si>
    <t>381407.0</t>
  </si>
  <si>
    <t>36.514</t>
  </si>
  <si>
    <t>14346455.0</t>
  </si>
  <si>
    <t>7020812.0</t>
  </si>
  <si>
    <t>6588976.0</t>
  </si>
  <si>
    <t>1252180.0</t>
  </si>
  <si>
    <t>138.15</t>
  </si>
  <si>
    <t>20535.5</t>
  </si>
  <si>
    <t>1977.4246863641</t>
  </si>
  <si>
    <t>35721156.0</t>
  </si>
  <si>
    <t>96315.0</t>
  </si>
  <si>
    <t>3419.809</t>
  </si>
  <si>
    <t>9.221</t>
  </si>
  <si>
    <t>369086.0</t>
  </si>
  <si>
    <t>35.335</t>
  </si>
  <si>
    <t>14430924.0</t>
  </si>
  <si>
    <t>7034316.0</t>
  </si>
  <si>
    <t>6601084.0</t>
  </si>
  <si>
    <t>1313467.0</t>
  </si>
  <si>
    <t>76074.0</t>
  </si>
  <si>
    <t>16065.0</t>
  </si>
  <si>
    <t>36357597.0</t>
  </si>
  <si>
    <t>636441.0</t>
  </si>
  <si>
    <t>3480.74</t>
  </si>
  <si>
    <t>368052.0</t>
  </si>
  <si>
    <t>14516080.0</t>
  </si>
  <si>
    <t>7047587.0</t>
  </si>
  <si>
    <t>6614211.0</t>
  </si>
  <si>
    <t>1374349.0</t>
  </si>
  <si>
    <t>85156.0</t>
  </si>
  <si>
    <t>76576.0</t>
  </si>
  <si>
    <t>36708282.0</t>
  </si>
  <si>
    <t>350685.0</t>
  </si>
  <si>
    <t>3514.313</t>
  </si>
  <si>
    <t>33.573</t>
  </si>
  <si>
    <t>368175.0</t>
  </si>
  <si>
    <t>14608829.0</t>
  </si>
  <si>
    <t>7063072.0</t>
  </si>
  <si>
    <t>6627366.0</t>
  </si>
  <si>
    <t>1441151.0</t>
  </si>
  <si>
    <t>77666.0</t>
  </si>
  <si>
    <t>140.67</t>
  </si>
  <si>
    <t>37049509.0</t>
  </si>
  <si>
    <t>341227.0</t>
  </si>
  <si>
    <t>3546.981</t>
  </si>
  <si>
    <t>32.668</t>
  </si>
  <si>
    <t>367964.0</t>
  </si>
  <si>
    <t>35.227</t>
  </si>
  <si>
    <t>14703436.0</t>
  </si>
  <si>
    <t>7079025.0</t>
  </si>
  <si>
    <t>6639951.0</t>
  </si>
  <si>
    <t>1509419.0</t>
  </si>
  <si>
    <t>94607.0</t>
  </si>
  <si>
    <t>78191.0</t>
  </si>
  <si>
    <t>358060.0</t>
  </si>
  <si>
    <t>14800391.0</t>
  </si>
  <si>
    <t>7095991.0</t>
  </si>
  <si>
    <t>6653461.0</t>
  </si>
  <si>
    <t>1578720.0</t>
  </si>
  <si>
    <t>96955.0</t>
  </si>
  <si>
    <t>78896.0</t>
  </si>
  <si>
    <t>142.52</t>
  </si>
  <si>
    <t>37943822.0</t>
  </si>
  <si>
    <t>3632.599</t>
  </si>
  <si>
    <t>376611.0</t>
  </si>
  <si>
    <t>36.055</t>
  </si>
  <si>
    <t>14898188.0</t>
  </si>
  <si>
    <t>7111405.0</t>
  </si>
  <si>
    <t>6668194.0</t>
  </si>
  <si>
    <t>1648629.0</t>
  </si>
  <si>
    <t>97797.0</t>
  </si>
  <si>
    <t>80471.0</t>
  </si>
  <si>
    <t>38190109.0</t>
  </si>
  <si>
    <t>246287.0</t>
  </si>
  <si>
    <t>3656.178</t>
  </si>
  <si>
    <t>23.579</t>
  </si>
  <si>
    <t>366467.0</t>
  </si>
  <si>
    <t>35.084</t>
  </si>
  <si>
    <t>14990602.0</t>
  </si>
  <si>
    <t>7147309.0</t>
  </si>
  <si>
    <t>6672319.0</t>
  </si>
  <si>
    <t>1701702.0</t>
  </si>
  <si>
    <t>144.35</t>
  </si>
  <si>
    <t>18071.0</t>
  </si>
  <si>
    <t>21301.6</t>
  </si>
  <si>
    <t>2051.19474563822</t>
  </si>
  <si>
    <t>38293362.0</t>
  </si>
  <si>
    <t>103253.0</t>
  </si>
  <si>
    <t>3666.063</t>
  </si>
  <si>
    <t>367458.0</t>
  </si>
  <si>
    <t>35.179</t>
  </si>
  <si>
    <t>15110625.0</t>
  </si>
  <si>
    <t>7164250.0</t>
  </si>
  <si>
    <t>6689541.0</t>
  </si>
  <si>
    <t>1790033.0</t>
  </si>
  <si>
    <t>120023.0</t>
  </si>
  <si>
    <t>97100.0</t>
  </si>
  <si>
    <t>38884429.0</t>
  </si>
  <si>
    <t>591067.0</t>
  </si>
  <si>
    <t>3722.649</t>
  </si>
  <si>
    <t>56.587</t>
  </si>
  <si>
    <t>34.558</t>
  </si>
  <si>
    <t>15210375.0</t>
  </si>
  <si>
    <t>7175730.0</t>
  </si>
  <si>
    <t>6704361.0</t>
  </si>
  <si>
    <t>1865692.0</t>
  </si>
  <si>
    <t>99750.0</t>
  </si>
  <si>
    <t>99185.0</t>
  </si>
  <si>
    <t>146.47</t>
  </si>
  <si>
    <t>358924.0</t>
  </si>
  <si>
    <t>34.362</t>
  </si>
  <si>
    <t>15322565.0</t>
  </si>
  <si>
    <t>7188226.0</t>
  </si>
  <si>
    <t>6720846.0</t>
  </si>
  <si>
    <t>1951476.0</t>
  </si>
  <si>
    <t>101962.0</t>
  </si>
  <si>
    <t>9818.0</t>
  </si>
  <si>
    <t>39557077.0</t>
  </si>
  <si>
    <t>3787.046</t>
  </si>
  <si>
    <t>358224.0</t>
  </si>
  <si>
    <t>34.295</t>
  </si>
  <si>
    <t>15434191.0</t>
  </si>
  <si>
    <t>7201989.0</t>
  </si>
  <si>
    <t>6736733.0</t>
  </si>
  <si>
    <t>2035543.0</t>
  </si>
  <si>
    <t>17566.0</t>
  </si>
  <si>
    <t>40028300.0</t>
  </si>
  <si>
    <t>471223.0</t>
  </si>
  <si>
    <t>3832.159</t>
  </si>
  <si>
    <t>361662.0</t>
  </si>
  <si>
    <t>34.624</t>
  </si>
  <si>
    <t>15546327.0</t>
  </si>
  <si>
    <t>7216048.0</t>
  </si>
  <si>
    <t>6752813.0</t>
  </si>
  <si>
    <t>2119939.0</t>
  </si>
  <si>
    <t>112136.0</t>
  </si>
  <si>
    <t>106562.0</t>
  </si>
  <si>
    <t>10261.0</t>
  </si>
  <si>
    <t>40397061.0</t>
  </si>
  <si>
    <t>368761.0</t>
  </si>
  <si>
    <t>3867.463</t>
  </si>
  <si>
    <t>35.304</t>
  </si>
  <si>
    <t>350463.0</t>
  </si>
  <si>
    <t>33.552</t>
  </si>
  <si>
    <t>15655874.0</t>
  </si>
  <si>
    <t>7226225.0</t>
  </si>
  <si>
    <t>6770585.0</t>
  </si>
  <si>
    <t>2203200.0</t>
  </si>
  <si>
    <t>338323.0</t>
  </si>
  <si>
    <t>15754335.0</t>
  </si>
  <si>
    <t>7255971.0</t>
  </si>
  <si>
    <t>6775660.0</t>
  </si>
  <si>
    <t>2267292.0</t>
  </si>
  <si>
    <t>98461.0</t>
  </si>
  <si>
    <t>22199.9</t>
  </si>
  <si>
    <t>2137.69473812736</t>
  </si>
  <si>
    <t>40719674.0</t>
  </si>
  <si>
    <t>3898.349</t>
  </si>
  <si>
    <t>346616.0</t>
  </si>
  <si>
    <t>33.184</t>
  </si>
  <si>
    <t>15847732.0</t>
  </si>
  <si>
    <t>7265896.0</t>
  </si>
  <si>
    <t>6788138.0</t>
  </si>
  <si>
    <t>2339686.0</t>
  </si>
  <si>
    <t>93397.0</t>
  </si>
  <si>
    <t>105301.0</t>
  </si>
  <si>
    <t>14521.0</t>
  </si>
  <si>
    <t>325198.0</t>
  </si>
  <si>
    <t>15958423.0</t>
  </si>
  <si>
    <t>7276186.0</t>
  </si>
  <si>
    <t>6803330.0</t>
  </si>
  <si>
    <t>2426391.0</t>
  </si>
  <si>
    <t>110691.0</t>
  </si>
  <si>
    <t>106864.0</t>
  </si>
  <si>
    <t>153.67</t>
  </si>
  <si>
    <t>14351.0</t>
  </si>
  <si>
    <t>41601955.0</t>
  </si>
  <si>
    <t>3982.815</t>
  </si>
  <si>
    <t>340172.0</t>
  </si>
  <si>
    <t>32.567</t>
  </si>
  <si>
    <t>16070308.0</t>
  </si>
  <si>
    <t>7287057.0</t>
  </si>
  <si>
    <t>6819800.0</t>
  </si>
  <si>
    <t>2512588.0</t>
  </si>
  <si>
    <t>111885.0</t>
  </si>
  <si>
    <t>106820.0</t>
  </si>
  <si>
    <t>154.75</t>
  </si>
  <si>
    <t>41907816.0</t>
  </si>
  <si>
    <t>305861.0</t>
  </si>
  <si>
    <t>4012.097</t>
  </si>
  <si>
    <t>29.282</t>
  </si>
  <si>
    <t>335820.0</t>
  </si>
  <si>
    <t>16181393.0</t>
  </si>
  <si>
    <t>7298858.0</t>
  </si>
  <si>
    <t>6836045.0</t>
  </si>
  <si>
    <t>2597248.0</t>
  </si>
  <si>
    <t>111085.0</t>
  </si>
  <si>
    <t>106743.0</t>
  </si>
  <si>
    <t>13838.0</t>
  </si>
  <si>
    <t>42359057.0</t>
  </si>
  <si>
    <t>451241.0</t>
  </si>
  <si>
    <t>4055.297</t>
  </si>
  <si>
    <t>332965.0</t>
  </si>
  <si>
    <t>31.877</t>
  </si>
  <si>
    <t>16293123.0</t>
  </si>
  <si>
    <t>7311889.0</t>
  </si>
  <si>
    <t>6854718.0</t>
  </si>
  <si>
    <t>2679779.0</t>
  </si>
  <si>
    <t>111730.0</t>
  </si>
  <si>
    <t>106685.0</t>
  </si>
  <si>
    <t>156.89</t>
  </si>
  <si>
    <t>42722744.0</t>
  </si>
  <si>
    <t>363687.0</t>
  </si>
  <si>
    <t>4090.115</t>
  </si>
  <si>
    <t>332240.0</t>
  </si>
  <si>
    <t>31.807</t>
  </si>
  <si>
    <t>16405290.0</t>
  </si>
  <si>
    <t>7325631.0</t>
  </si>
  <si>
    <t>6871356.0</t>
  </si>
  <si>
    <t>2762667.0</t>
  </si>
  <si>
    <t>112167.0</t>
  </si>
  <si>
    <t>107059.0</t>
  </si>
  <si>
    <t>10309.0</t>
  </si>
  <si>
    <t>42946380.0</t>
  </si>
  <si>
    <t>4111.525</t>
  </si>
  <si>
    <t>341145.0</t>
  </si>
  <si>
    <t>16503921.0</t>
  </si>
  <si>
    <t>7346955.0</t>
  </si>
  <si>
    <t>6877997.0</t>
  </si>
  <si>
    <t>2833726.0</t>
  </si>
  <si>
    <t>98631.0</t>
  </si>
  <si>
    <t>107084.0</t>
  </si>
  <si>
    <t>158.92</t>
  </si>
  <si>
    <t>22985.4</t>
  </si>
  <si>
    <t>2213.33288139824</t>
  </si>
  <si>
    <t>43043808.0</t>
  </si>
  <si>
    <t>97428.0</t>
  </si>
  <si>
    <t>4120.852</t>
  </si>
  <si>
    <t>9.327</t>
  </si>
  <si>
    <t>16609921.0</t>
  </si>
  <si>
    <t>7362634.0</t>
  </si>
  <si>
    <t>6889751.0</t>
  </si>
  <si>
    <t>2913155.0</t>
  </si>
  <si>
    <t>108884.0</t>
  </si>
  <si>
    <t>13820.0</t>
  </si>
  <si>
    <t>43599189.0</t>
  </si>
  <si>
    <t>555381.0</t>
  </si>
  <si>
    <t>4174.023</t>
  </si>
  <si>
    <t>348339.0</t>
  </si>
  <si>
    <t>33.349</t>
  </si>
  <si>
    <t>16718644.0</t>
  </si>
  <si>
    <t>7374450.0</t>
  </si>
  <si>
    <t>6903248.0</t>
  </si>
  <si>
    <t>2998110.0</t>
  </si>
  <si>
    <t>108723.0</t>
  </si>
  <si>
    <t>108603.0</t>
  </si>
  <si>
    <t>160.99</t>
  </si>
  <si>
    <t>43946034.0</t>
  </si>
  <si>
    <t>346845.0</t>
  </si>
  <si>
    <t>4207.228</t>
  </si>
  <si>
    <t>33.206</t>
  </si>
  <si>
    <t>334868.0</t>
  </si>
  <si>
    <t>16826398.0</t>
  </si>
  <si>
    <t>7387715.0</t>
  </si>
  <si>
    <t>6921458.0</t>
  </si>
  <si>
    <t>3079914.0</t>
  </si>
  <si>
    <t>107754.0</t>
  </si>
  <si>
    <t>108013.0</t>
  </si>
  <si>
    <t>162.03</t>
  </si>
  <si>
    <t>14380.0</t>
  </si>
  <si>
    <t>44275964.0</t>
  </si>
  <si>
    <t>329930.0</t>
  </si>
  <si>
    <t>4238.814</t>
  </si>
  <si>
    <t>31.586</t>
  </si>
  <si>
    <t>338307.0</t>
  </si>
  <si>
    <t>16930955.0</t>
  </si>
  <si>
    <t>7401249.0</t>
  </si>
  <si>
    <t>6935594.0</t>
  </si>
  <si>
    <t>3158217.0</t>
  </si>
  <si>
    <t>104557.0</t>
  </si>
  <si>
    <t>107080.0</t>
  </si>
  <si>
    <t>163.03</t>
  </si>
  <si>
    <t>44727502.0</t>
  </si>
  <si>
    <t>451538.0</t>
  </si>
  <si>
    <t>4282.043</t>
  </si>
  <si>
    <t>43.229</t>
  </si>
  <si>
    <t>338349.0</t>
  </si>
  <si>
    <t>17009581.0</t>
  </si>
  <si>
    <t>7411154.0</t>
  </si>
  <si>
    <t>6948465.0</t>
  </si>
  <si>
    <t>3215596.0</t>
  </si>
  <si>
    <t>163.79</t>
  </si>
  <si>
    <t>322284.0</t>
  </si>
  <si>
    <t>30.854</t>
  </si>
  <si>
    <t>17010112.0</t>
  </si>
  <si>
    <t>7411314.0</t>
  </si>
  <si>
    <t>6948601.0</t>
  </si>
  <si>
    <t>3215863.0</t>
  </si>
  <si>
    <t>86403.0</t>
  </si>
  <si>
    <t>45229958.0</t>
  </si>
  <si>
    <t>4330.146</t>
  </si>
  <si>
    <t>326225.0</t>
  </si>
  <si>
    <t>31.232</t>
  </si>
  <si>
    <t>17010188.0</t>
  </si>
  <si>
    <t>7411354.0</t>
  </si>
  <si>
    <t>6948613.0</t>
  </si>
  <si>
    <t>3215889.0</t>
  </si>
  <si>
    <t>23723.1</t>
  </si>
  <si>
    <t>2284.36821976987</t>
  </si>
  <si>
    <t>45325105.0</t>
  </si>
  <si>
    <t>95147.0</t>
  </si>
  <si>
    <t>4339.255</t>
  </si>
  <si>
    <t>325900.0</t>
  </si>
  <si>
    <t>17093068.0</t>
  </si>
  <si>
    <t>7420615.0</t>
  </si>
  <si>
    <t>6982585.0</t>
  </si>
  <si>
    <t>3256170.0</t>
  </si>
  <si>
    <t>82880.0</t>
  </si>
  <si>
    <t>69021.0</t>
  </si>
  <si>
    <t>45881165.0</t>
  </si>
  <si>
    <t>556060.0</t>
  </si>
  <si>
    <t>4392.49</t>
  </si>
  <si>
    <t>53.235</t>
  </si>
  <si>
    <t>325997.0</t>
  </si>
  <si>
    <t>17200240.0</t>
  </si>
  <si>
    <t>7431695.0</t>
  </si>
  <si>
    <t>7006801.0</t>
  </si>
  <si>
    <t>3329290.0</t>
  </si>
  <si>
    <t>107172.0</t>
  </si>
  <si>
    <t>68799.0</t>
  </si>
  <si>
    <t>46279797.0</t>
  </si>
  <si>
    <t>398632.0</t>
  </si>
  <si>
    <t>4430.654</t>
  </si>
  <si>
    <t>38.164</t>
  </si>
  <si>
    <t>333395.0</t>
  </si>
  <si>
    <t>17302858.0</t>
  </si>
  <si>
    <t>7445669.0</t>
  </si>
  <si>
    <t>7020082.0</t>
  </si>
  <si>
    <t>3405877.0</t>
  </si>
  <si>
    <t>102618.0</t>
  </si>
  <si>
    <t>68066.0</t>
  </si>
  <si>
    <t>46704479.0</t>
  </si>
  <si>
    <t>424682.0</t>
  </si>
  <si>
    <t>4471.311</t>
  </si>
  <si>
    <t>346931.0</t>
  </si>
  <si>
    <t>33.214</t>
  </si>
  <si>
    <t>17400380.0</t>
  </si>
  <si>
    <t>7459446.0</t>
  </si>
  <si>
    <t>7031794.0</t>
  </si>
  <si>
    <t>3479029.0</t>
  </si>
  <si>
    <t>97522.0</t>
  </si>
  <si>
    <t>67061.0</t>
  </si>
  <si>
    <t>167.55</t>
  </si>
  <si>
    <t>47248945.0</t>
  </si>
  <si>
    <t>544466.0</t>
  </si>
  <si>
    <t>4523.436</t>
  </si>
  <si>
    <t>52.125</t>
  </si>
  <si>
    <t>17469497.0</t>
  </si>
  <si>
    <t>7469369.0</t>
  </si>
  <si>
    <t>7041133.0</t>
  </si>
  <si>
    <t>3530076.0</t>
  </si>
  <si>
    <t>65702.0</t>
  </si>
  <si>
    <t>47750471.0</t>
  </si>
  <si>
    <t>501526.0</t>
  </si>
  <si>
    <t>4571.451</t>
  </si>
  <si>
    <t>48.014</t>
  </si>
  <si>
    <t>395963.0</t>
  </si>
  <si>
    <t>37.908</t>
  </si>
  <si>
    <t>17470021.0</t>
  </si>
  <si>
    <t>7469558.0</t>
  </si>
  <si>
    <t>7041308.0</t>
  </si>
  <si>
    <t>3530263.0</t>
  </si>
  <si>
    <t>65701.0</t>
  </si>
  <si>
    <t>23.505</t>
  </si>
  <si>
    <t>47829150.0</t>
  </si>
  <si>
    <t>4578.983</t>
  </si>
  <si>
    <t>7.532</t>
  </si>
  <si>
    <t>371313.0</t>
  </si>
  <si>
    <t>35.548</t>
  </si>
  <si>
    <t>17531789.0</t>
  </si>
  <si>
    <t>7481376.0</t>
  </si>
  <si>
    <t>7043668.0</t>
  </si>
  <si>
    <t>3577893.0</t>
  </si>
  <si>
    <t>61768.0</t>
  </si>
  <si>
    <t>74514.0</t>
  </si>
  <si>
    <t>24359.4</t>
  </si>
  <si>
    <t>2345.63944900381</t>
  </si>
  <si>
    <t>47975626.0</t>
  </si>
  <si>
    <t>146476.0</t>
  </si>
  <si>
    <t>4593.006</t>
  </si>
  <si>
    <t>378646.0</t>
  </si>
  <si>
    <t>17623828.0</t>
  </si>
  <si>
    <t>7491703.0</t>
  </si>
  <si>
    <t>7065457.0</t>
  </si>
  <si>
    <t>3639003.0</t>
  </si>
  <si>
    <t>75823.0</t>
  </si>
  <si>
    <t>48625727.0</t>
  </si>
  <si>
    <t>650101.0</t>
  </si>
  <si>
    <t>4655.244</t>
  </si>
  <si>
    <t>62.238</t>
  </si>
  <si>
    <t>392080.0</t>
  </si>
  <si>
    <t>37.536</t>
  </si>
  <si>
    <t>17717885.0</t>
  </si>
  <si>
    <t>7500452.0</t>
  </si>
  <si>
    <t>7081340.0</t>
  </si>
  <si>
    <t>3709182.0</t>
  </si>
  <si>
    <t>94057.0</t>
  </si>
  <si>
    <t>73949.0</t>
  </si>
  <si>
    <t>49042127.0</t>
  </si>
  <si>
    <t>416400.0</t>
  </si>
  <si>
    <t>4695.109</t>
  </si>
  <si>
    <t>39.865</t>
  </si>
  <si>
    <t>394619.0</t>
  </si>
  <si>
    <t>17812398.0</t>
  </si>
  <si>
    <t>7510875.0</t>
  </si>
  <si>
    <t>7094445.0</t>
  </si>
  <si>
    <t>3781031.0</t>
  </si>
  <si>
    <t>94513.0</t>
  </si>
  <si>
    <t>72791.0</t>
  </si>
  <si>
    <t>49462354.0</t>
  </si>
  <si>
    <t>420227.0</t>
  </si>
  <si>
    <t>4735.34</t>
  </si>
  <si>
    <t>40.231</t>
  </si>
  <si>
    <t>393982.0</t>
  </si>
  <si>
    <t>37.718</t>
  </si>
  <si>
    <t>17841184.0</t>
  </si>
  <si>
    <t>7514586.0</t>
  </si>
  <si>
    <t>7097804.0</t>
  </si>
  <si>
    <t>3802846.0</t>
  </si>
  <si>
    <t>62972.0</t>
  </si>
  <si>
    <t>49598801.0</t>
  </si>
  <si>
    <t>136447.0</t>
  </si>
  <si>
    <t>4748.403</t>
  </si>
  <si>
    <t>13.063</t>
  </si>
  <si>
    <t>335694.0</t>
  </si>
  <si>
    <t>32.138</t>
  </si>
  <si>
    <t>17913603.0</t>
  </si>
  <si>
    <t>7525809.0</t>
  </si>
  <si>
    <t>7109534.0</t>
  </si>
  <si>
    <t>3852924.0</t>
  </si>
  <si>
    <t>72419.0</t>
  </si>
  <si>
    <t>63444.0</t>
  </si>
  <si>
    <t>50156162.0</t>
  </si>
  <si>
    <t>557361.0</t>
  </si>
  <si>
    <t>4801.763</t>
  </si>
  <si>
    <t>343670.0</t>
  </si>
  <si>
    <t>18010925.0</t>
  </si>
  <si>
    <t>7538613.0</t>
  </si>
  <si>
    <t>7124691.0</t>
  </si>
  <si>
    <t>3922480.0</t>
  </si>
  <si>
    <t>77272.0</t>
  </si>
  <si>
    <t>50386399.0</t>
  </si>
  <si>
    <t>230237.0</t>
  </si>
  <si>
    <t>4823.805</t>
  </si>
  <si>
    <t>22.042</t>
  </si>
  <si>
    <t>365321.0</t>
  </si>
  <si>
    <t>34.974</t>
  </si>
  <si>
    <t>18050360.0</t>
  </si>
  <si>
    <t>7541958.0</t>
  </si>
  <si>
    <t>7127675.0</t>
  </si>
  <si>
    <t>3955797.0</t>
  </si>
  <si>
    <t>39435.0</t>
  </si>
  <si>
    <t>74082.0</t>
  </si>
  <si>
    <t>24748.8</t>
  </si>
  <si>
    <t>2383.13593912434</t>
  </si>
  <si>
    <t>50516842.0</t>
  </si>
  <si>
    <t>130443.0</t>
  </si>
  <si>
    <t>4836.293</t>
  </si>
  <si>
    <t>12.488</t>
  </si>
  <si>
    <t>34.755</t>
  </si>
  <si>
    <t>18122797.0</t>
  </si>
  <si>
    <t>7552097.0</t>
  </si>
  <si>
    <t>7143177.0</t>
  </si>
  <si>
    <t>4004217.0</t>
  </si>
  <si>
    <t>72437.0</t>
  </si>
  <si>
    <t>71281.0</t>
  </si>
  <si>
    <t>51100048.0</t>
  </si>
  <si>
    <t>583206.0</t>
  </si>
  <si>
    <t>4892.127</t>
  </si>
  <si>
    <t>55.834</t>
  </si>
  <si>
    <t>18211990.0</t>
  </si>
  <si>
    <t>7565168.0</t>
  </si>
  <si>
    <t>7157363.0</t>
  </si>
  <si>
    <t>4067156.0</t>
  </si>
  <si>
    <t>70586.0</t>
  </si>
  <si>
    <t>175.37</t>
  </si>
  <si>
    <t>51450228.0</t>
  </si>
  <si>
    <t>350180.0</t>
  </si>
  <si>
    <t>4925.652</t>
  </si>
  <si>
    <t>344014.0</t>
  </si>
  <si>
    <t>32.935</t>
  </si>
  <si>
    <t>18298513.0</t>
  </si>
  <si>
    <t>7577075.0</t>
  </si>
  <si>
    <t>7171477.0</t>
  </si>
  <si>
    <t>4128707.0</t>
  </si>
  <si>
    <t>86523.0</t>
  </si>
  <si>
    <t>31.125</t>
  </si>
  <si>
    <t>18382249.0</t>
  </si>
  <si>
    <t>7590353.0</t>
  </si>
  <si>
    <t>7184679.0</t>
  </si>
  <si>
    <t>4186663.0</t>
  </si>
  <si>
    <t>83736.0</t>
  </si>
  <si>
    <t>77295.0</t>
  </si>
  <si>
    <t>346739.0</t>
  </si>
  <si>
    <t>33.195</t>
  </si>
  <si>
    <t>18464988.0</t>
  </si>
  <si>
    <t>7604561.0</t>
  </si>
  <si>
    <t>7195405.0</t>
  </si>
  <si>
    <t>4245379.0</t>
  </si>
  <si>
    <t>82739.0</t>
  </si>
  <si>
    <t>78769.0</t>
  </si>
  <si>
    <t>11250.0</t>
  </si>
  <si>
    <t>308240.0</t>
  </si>
  <si>
    <t>18550685.0</t>
  </si>
  <si>
    <t>7618793.0</t>
  </si>
  <si>
    <t>7204870.0</t>
  </si>
  <si>
    <t>4307844.0</t>
  </si>
  <si>
    <t>85697.0</t>
  </si>
  <si>
    <t>178.63</t>
  </si>
  <si>
    <t>316474.0</t>
  </si>
  <si>
    <t>30.298</t>
  </si>
  <si>
    <t>18588675.0</t>
  </si>
  <si>
    <t>7625688.0</t>
  </si>
  <si>
    <t>7207261.0</t>
  </si>
  <si>
    <t>4336807.0</t>
  </si>
  <si>
    <t>37990.0</t>
  </si>
  <si>
    <t>25056.6</t>
  </si>
  <si>
    <t>2412.77492129974</t>
  </si>
  <si>
    <t>52889589.0</t>
  </si>
  <si>
    <t>5063.451</t>
  </si>
  <si>
    <t>338964.0</t>
  </si>
  <si>
    <t>32.451</t>
  </si>
  <si>
    <t>18649248.0</t>
  </si>
  <si>
    <t>7634730.0</t>
  </si>
  <si>
    <t>7215280.0</t>
  </si>
  <si>
    <t>4381687.0</t>
  </si>
  <si>
    <t>60573.0</t>
  </si>
  <si>
    <t>75207.0</t>
  </si>
  <si>
    <t>179.58</t>
  </si>
  <si>
    <t>11805.0</t>
  </si>
  <si>
    <t>315323.0</t>
  </si>
  <si>
    <t>30.188</t>
  </si>
  <si>
    <t>18723304.0</t>
  </si>
  <si>
    <t>7647219.0</t>
  </si>
  <si>
    <t>7225805.0</t>
  </si>
  <si>
    <t>4433464.0</t>
  </si>
  <si>
    <t>74056.0</t>
  </si>
  <si>
    <t>73045.0</t>
  </si>
  <si>
    <t>42.69</t>
  </si>
  <si>
    <t>324971.0</t>
  </si>
  <si>
    <t>31.112</t>
  </si>
  <si>
    <t>18795960.0</t>
  </si>
  <si>
    <t>7659471.0</t>
  </si>
  <si>
    <t>7238252.0</t>
  </si>
  <si>
    <t>4482038.0</t>
  </si>
  <si>
    <t>72656.0</t>
  </si>
  <si>
    <t>180.99</t>
  </si>
  <si>
    <t>54142740.0</t>
  </si>
  <si>
    <t>5183.423</t>
  </si>
  <si>
    <t>343520.0</t>
  </si>
  <si>
    <t>18863508.0</t>
  </si>
  <si>
    <t>7670865.0</t>
  </si>
  <si>
    <t>7249945.0</t>
  </si>
  <si>
    <t>4526900.0</t>
  </si>
  <si>
    <t>67548.0</t>
  </si>
  <si>
    <t>54563141.0</t>
  </si>
  <si>
    <t>420401.0</t>
  </si>
  <si>
    <t>5223.67</t>
  </si>
  <si>
    <t>362453.0</t>
  </si>
  <si>
    <t>18931582.0</t>
  </si>
  <si>
    <t>7683049.0</t>
  </si>
  <si>
    <t>7259085.0</t>
  </si>
  <si>
    <t>4573746.0</t>
  </si>
  <si>
    <t>68074.0</t>
  </si>
  <si>
    <t>66656.0</t>
  </si>
  <si>
    <t>11213.0</t>
  </si>
  <si>
    <t>54909451.0</t>
  </si>
  <si>
    <t>346310.0</t>
  </si>
  <si>
    <t>5256.825</t>
  </si>
  <si>
    <t>370801.0</t>
  </si>
  <si>
    <t>19004130.0</t>
  </si>
  <si>
    <t>7695950.0</t>
  </si>
  <si>
    <t>7266497.0</t>
  </si>
  <si>
    <t>4625610.0</t>
  </si>
  <si>
    <t>55096836.0</t>
  </si>
  <si>
    <t>187385.0</t>
  </si>
  <si>
    <t>5274.764</t>
  </si>
  <si>
    <t>356446.0</t>
  </si>
  <si>
    <t>34.125</t>
  </si>
  <si>
    <t>19031146.0</t>
  </si>
  <si>
    <t>7701961.0</t>
  </si>
  <si>
    <t>7267767.0</t>
  </si>
  <si>
    <t>4645333.0</t>
  </si>
  <si>
    <t>27016.0</t>
  </si>
  <si>
    <t>25351.8</t>
  </si>
  <si>
    <t>2441.20061180714</t>
  </si>
  <si>
    <t>55203840.0</t>
  </si>
  <si>
    <t>107004.0</t>
  </si>
  <si>
    <t>5285.008</t>
  </si>
  <si>
    <t>10.244</t>
  </si>
  <si>
    <t>330607.0</t>
  </si>
  <si>
    <t>19074854.0</t>
  </si>
  <si>
    <t>7708120.0</t>
  </si>
  <si>
    <t>7277709.0</t>
  </si>
  <si>
    <t>4673601.0</t>
  </si>
  <si>
    <t>43708.0</t>
  </si>
  <si>
    <t>55563945.0</t>
  </si>
  <si>
    <t>360105.0</t>
  </si>
  <si>
    <t>5319.483</t>
  </si>
  <si>
    <t>34.475</t>
  </si>
  <si>
    <t>322377.0</t>
  </si>
  <si>
    <t>30.863</t>
  </si>
  <si>
    <t>19104334.0</t>
  </si>
  <si>
    <t>7713190.0</t>
  </si>
  <si>
    <t>7283442.0</t>
  </si>
  <si>
    <t>4692352.0</t>
  </si>
  <si>
    <t>54433.0</t>
  </si>
  <si>
    <t>55754145.0</t>
  </si>
  <si>
    <t>190200.0</t>
  </si>
  <si>
    <t>5337.692</t>
  </si>
  <si>
    <t>18.209</t>
  </si>
  <si>
    <t>289875.0</t>
  </si>
  <si>
    <t>27.752</t>
  </si>
  <si>
    <t>19132406.0</t>
  </si>
  <si>
    <t>7718210.0</t>
  </si>
  <si>
    <t>7289336.0</t>
  </si>
  <si>
    <t>4709519.0</t>
  </si>
  <si>
    <t>28072.0</t>
  </si>
  <si>
    <t>184.23</t>
  </si>
  <si>
    <t>55990083.0</t>
  </si>
  <si>
    <t>235938.0</t>
  </si>
  <si>
    <t>5360.28</t>
  </si>
  <si>
    <t>263906.0</t>
  </si>
  <si>
    <t>25.265</t>
  </si>
  <si>
    <t>19174176.0</t>
  </si>
  <si>
    <t>7725307.0</t>
  </si>
  <si>
    <t>7295384.0</t>
  </si>
  <si>
    <t>4738004.0</t>
  </si>
  <si>
    <t>56352069.0</t>
  </si>
  <si>
    <t>361986.0</t>
  </si>
  <si>
    <t>5394.935</t>
  </si>
  <si>
    <t>34.655</t>
  </si>
  <si>
    <t>255561.0</t>
  </si>
  <si>
    <t>19229825.0</t>
  </si>
  <si>
    <t>7734363.0</t>
  </si>
  <si>
    <t>7306554.0</t>
  </si>
  <si>
    <t>4773439.0</t>
  </si>
  <si>
    <t>185.17</t>
  </si>
  <si>
    <t>56656326.0</t>
  </si>
  <si>
    <t>304257.0</t>
  </si>
  <si>
    <t>5424.064</t>
  </si>
  <si>
    <t>29.128</t>
  </si>
  <si>
    <t>249554.0</t>
  </si>
  <si>
    <t>23.891</t>
  </si>
  <si>
    <t>19293574.0</t>
  </si>
  <si>
    <t>7743507.0</t>
  </si>
  <si>
    <t>7321983.0</t>
  </si>
  <si>
    <t>4812302.0</t>
  </si>
  <si>
    <t>63749.0</t>
  </si>
  <si>
    <t>56834286.0</t>
  </si>
  <si>
    <t>177960.0</t>
  </si>
  <si>
    <t>5441.101</t>
  </si>
  <si>
    <t>17.037</t>
  </si>
  <si>
    <t>23.762</t>
  </si>
  <si>
    <t>19319108.0</t>
  </si>
  <si>
    <t>7748786.0</t>
  </si>
  <si>
    <t>7325393.0</t>
  </si>
  <si>
    <t>4829090.0</t>
  </si>
  <si>
    <t>25534.0</t>
  </si>
  <si>
    <t>41137.0</t>
  </si>
  <si>
    <t>2512.9581476002</t>
  </si>
  <si>
    <t>56947277.0</t>
  </si>
  <si>
    <t>112991.0</t>
  </si>
  <si>
    <t>5451.918</t>
  </si>
  <si>
    <t>10.817</t>
  </si>
  <si>
    <t>249062.0</t>
  </si>
  <si>
    <t>23.844</t>
  </si>
  <si>
    <t>19361091.0</t>
  </si>
  <si>
    <t>7755916.0</t>
  </si>
  <si>
    <t>7335277.0</t>
  </si>
  <si>
    <t>4854521.0</t>
  </si>
  <si>
    <t>41983.0</t>
  </si>
  <si>
    <t>57443783.0</t>
  </si>
  <si>
    <t>496506.0</t>
  </si>
  <si>
    <t>5499.452</t>
  </si>
  <si>
    <t>47.534</t>
  </si>
  <si>
    <t>268548.0</t>
  </si>
  <si>
    <t>19407803.0</t>
  </si>
  <si>
    <t>7764628.0</t>
  </si>
  <si>
    <t>7345617.0</t>
  </si>
  <si>
    <t>4882191.0</t>
  </si>
  <si>
    <t>43353.0</t>
  </si>
  <si>
    <t>186.88</t>
  </si>
  <si>
    <t>57755330.0</t>
  </si>
  <si>
    <t>311547.0</t>
  </si>
  <si>
    <t>5529.278</t>
  </si>
  <si>
    <t>29.826</t>
  </si>
  <si>
    <t>285884.0</t>
  </si>
  <si>
    <t>19448257.0</t>
  </si>
  <si>
    <t>7772703.0</t>
  </si>
  <si>
    <t>7354432.0</t>
  </si>
  <si>
    <t>4905728.0</t>
  </si>
  <si>
    <t>40454.0</t>
  </si>
  <si>
    <t>187.27</t>
  </si>
  <si>
    <t>58032400.0</t>
  </si>
  <si>
    <t>277070.0</t>
  </si>
  <si>
    <t>5555.804</t>
  </si>
  <si>
    <t>291760.0</t>
  </si>
  <si>
    <t>27.932</t>
  </si>
  <si>
    <t>19485592.0</t>
  </si>
  <si>
    <t>7779573.0</t>
  </si>
  <si>
    <t>7364105.0</t>
  </si>
  <si>
    <t>4926340.0</t>
  </si>
  <si>
    <t>37335.0</t>
  </si>
  <si>
    <t>44488.0</t>
  </si>
  <si>
    <t>276323.0</t>
  </si>
  <si>
    <t>26.454</t>
  </si>
  <si>
    <t>19524166.0</t>
  </si>
  <si>
    <t>7786138.0</t>
  </si>
  <si>
    <t>4947862.0</t>
  </si>
  <si>
    <t>42049.0</t>
  </si>
  <si>
    <t>47.64</t>
  </si>
  <si>
    <t>269134.0</t>
  </si>
  <si>
    <t>25.766</t>
  </si>
  <si>
    <t>19568729.0</t>
  </si>
  <si>
    <t>7793233.0</t>
  </si>
  <si>
    <t>7386394.0</t>
  </si>
  <si>
    <t>4973072.0</t>
  </si>
  <si>
    <t>44563.0</t>
  </si>
  <si>
    <t>279986.0</t>
  </si>
  <si>
    <t>26.805</t>
  </si>
  <si>
    <t>19580490.0</t>
  </si>
  <si>
    <t>7794946.0</t>
  </si>
  <si>
    <t>7388508.0</t>
  </si>
  <si>
    <t>4981005.0</t>
  </si>
  <si>
    <t>37340.0</t>
  </si>
  <si>
    <t>26779.2</t>
  </si>
  <si>
    <t>2578.64922505328</t>
  </si>
  <si>
    <t>59048121.0</t>
  </si>
  <si>
    <t>5653.045</t>
  </si>
  <si>
    <t>300121.0</t>
  </si>
  <si>
    <t>28.732</t>
  </si>
  <si>
    <t>19612560.0</t>
  </si>
  <si>
    <t>7800059.0</t>
  </si>
  <si>
    <t>7395339.0</t>
  </si>
  <si>
    <t>5001595.0</t>
  </si>
  <si>
    <t>35924.0</t>
  </si>
  <si>
    <t>283794.0</t>
  </si>
  <si>
    <t>27.169</t>
  </si>
  <si>
    <t>19656102.0</t>
  </si>
  <si>
    <t>7804492.0</t>
  </si>
  <si>
    <t>7405923.0</t>
  </si>
  <si>
    <t>5030323.0</t>
  </si>
  <si>
    <t>35471.0</t>
  </si>
  <si>
    <t>19697211.0</t>
  </si>
  <si>
    <t>7808200.0</t>
  </si>
  <si>
    <t>7416139.0</t>
  </si>
  <si>
    <t>5057492.0</t>
  </si>
  <si>
    <t>189.67</t>
  </si>
  <si>
    <t>60194779.0</t>
  </si>
  <si>
    <t>5762.822</t>
  </si>
  <si>
    <t>308911.0</t>
  </si>
  <si>
    <t>29.574</t>
  </si>
  <si>
    <t>19733901.0</t>
  </si>
  <si>
    <t>7811981.0</t>
  </si>
  <si>
    <t>7425732.0</t>
  </si>
  <si>
    <t>5080680.0</t>
  </si>
  <si>
    <t>35473.0</t>
  </si>
  <si>
    <t>190.02</t>
  </si>
  <si>
    <t>317658.0</t>
  </si>
  <si>
    <t>19770450.0</t>
  </si>
  <si>
    <t>7815775.0</t>
  </si>
  <si>
    <t>7435749.0</t>
  </si>
  <si>
    <t>5103292.0</t>
  </si>
  <si>
    <t>35183.0</t>
  </si>
  <si>
    <t>190.38</t>
  </si>
  <si>
    <t>326406.0</t>
  </si>
  <si>
    <t>31.249</t>
  </si>
  <si>
    <t>19811901.0</t>
  </si>
  <si>
    <t>7819834.0</t>
  </si>
  <si>
    <t>7447991.0</t>
  </si>
  <si>
    <t>5128194.0</t>
  </si>
  <si>
    <t>190.77</t>
  </si>
  <si>
    <t>17.043</t>
  </si>
  <si>
    <t>61140260.0</t>
  </si>
  <si>
    <t>5853.339</t>
  </si>
  <si>
    <t>335153.0</t>
  </si>
  <si>
    <t>32.086</t>
  </si>
  <si>
    <t>19822367.0</t>
  </si>
  <si>
    <t>7820745.0</t>
  </si>
  <si>
    <t>7450139.0</t>
  </si>
  <si>
    <t>5135594.0</t>
  </si>
  <si>
    <t>34554.0</t>
  </si>
  <si>
    <t>190.88</t>
  </si>
  <si>
    <t>27253.2</t>
  </si>
  <si>
    <t>2624.29210208752</t>
  </si>
  <si>
    <t>61265744.0</t>
  </si>
  <si>
    <t>5865.352</t>
  </si>
  <si>
    <t>12.013</t>
  </si>
  <si>
    <t>316803.0</t>
  </si>
  <si>
    <t>19847596.0</t>
  </si>
  <si>
    <t>7823574.0</t>
  </si>
  <si>
    <t>7455232.0</t>
  </si>
  <si>
    <t>5153170.0</t>
  </si>
  <si>
    <t>25229.0</t>
  </si>
  <si>
    <t>191.12</t>
  </si>
  <si>
    <t>61782277.0</t>
  </si>
  <si>
    <t>516533.0</t>
  </si>
  <si>
    <t>5914.803</t>
  </si>
  <si>
    <t>49.451</t>
  </si>
  <si>
    <t>335991.0</t>
  </si>
  <si>
    <t>32.167</t>
  </si>
  <si>
    <t>19875988.0</t>
  </si>
  <si>
    <t>7827310.0</t>
  </si>
  <si>
    <t>7461371.0</t>
  </si>
  <si>
    <t>5171756.0</t>
  </si>
  <si>
    <t>191.39</t>
  </si>
  <si>
    <t>329927.0</t>
  </si>
  <si>
    <t>19900702.0</t>
  </si>
  <si>
    <t>7830924.0</t>
  </si>
  <si>
    <t>7467056.0</t>
  </si>
  <si>
    <t>5187125.0</t>
  </si>
  <si>
    <t>24714.0</t>
  </si>
  <si>
    <t>29070.0</t>
  </si>
  <si>
    <t>191.63</t>
  </si>
  <si>
    <t>323863.0</t>
  </si>
  <si>
    <t>31.005</t>
  </si>
  <si>
    <t>19923836.0</t>
  </si>
  <si>
    <t>7834105.0</t>
  </si>
  <si>
    <t>7473202.0</t>
  </si>
  <si>
    <t>5200878.0</t>
  </si>
  <si>
    <t>23134.0</t>
  </si>
  <si>
    <t>27134.0</t>
  </si>
  <si>
    <t>62801589.0</t>
  </si>
  <si>
    <t>6012.388</t>
  </si>
  <si>
    <t>327379.0</t>
  </si>
  <si>
    <t>31.342</t>
  </si>
  <si>
    <t>19947823.0</t>
  </si>
  <si>
    <t>7837319.0</t>
  </si>
  <si>
    <t>7480288.0</t>
  </si>
  <si>
    <t>5214606.0</t>
  </si>
  <si>
    <t>192.08</t>
  </si>
  <si>
    <t>314204.0</t>
  </si>
  <si>
    <t>30.081</t>
  </si>
  <si>
    <t>19976469.0</t>
  </si>
  <si>
    <t>7840825.0</t>
  </si>
  <si>
    <t>7489548.0</t>
  </si>
  <si>
    <t>5230293.0</t>
  </si>
  <si>
    <t>192.36</t>
  </si>
  <si>
    <t>28.819</t>
  </si>
  <si>
    <t>19982991.0</t>
  </si>
  <si>
    <t>7841484.0</t>
  </si>
  <si>
    <t>7491209.0</t>
  </si>
  <si>
    <t>5234504.0</t>
  </si>
  <si>
    <t>22946.0</t>
  </si>
  <si>
    <t>192.42</t>
  </si>
  <si>
    <t>2666.25658692195</t>
  </si>
  <si>
    <t>63470397.0</t>
  </si>
  <si>
    <t>6076.417</t>
  </si>
  <si>
    <t>314950.0</t>
  </si>
  <si>
    <t>30.152</t>
  </si>
  <si>
    <t>20004983.0</t>
  </si>
  <si>
    <t>7843755.0</t>
  </si>
  <si>
    <t>7496441.0</t>
  </si>
  <si>
    <t>5249358.0</t>
  </si>
  <si>
    <t>21992.0</t>
  </si>
  <si>
    <t>192.63</t>
  </si>
  <si>
    <t>63959112.0</t>
  </si>
  <si>
    <t>488715.0</t>
  </si>
  <si>
    <t>6123.205</t>
  </si>
  <si>
    <t>46.788</t>
  </si>
  <si>
    <t>310976.0</t>
  </si>
  <si>
    <t>29.772</t>
  </si>
  <si>
    <t>20030286.0</t>
  </si>
  <si>
    <t>7846631.0</t>
  </si>
  <si>
    <t>7503755.0</t>
  </si>
  <si>
    <t>5264600.0</t>
  </si>
  <si>
    <t>22043.0</t>
  </si>
  <si>
    <t>64280258.0</t>
  </si>
  <si>
    <t>321146.0</t>
  </si>
  <si>
    <t>6153.95</t>
  </si>
  <si>
    <t>30.745</t>
  </si>
  <si>
    <t>308316.0</t>
  </si>
  <si>
    <t>29.517</t>
  </si>
  <si>
    <t>20052184.0</t>
  </si>
  <si>
    <t>7849143.0</t>
  </si>
  <si>
    <t>7510459.0</t>
  </si>
  <si>
    <t>5277297.0</t>
  </si>
  <si>
    <t>21898.0</t>
  </si>
  <si>
    <t>193.09</t>
  </si>
  <si>
    <t>64571080.0</t>
  </si>
  <si>
    <t>290822.0</t>
  </si>
  <si>
    <t>6181.793</t>
  </si>
  <si>
    <t>301323.0</t>
  </si>
  <si>
    <t>28.848</t>
  </si>
  <si>
    <t>20071431.0</t>
  </si>
  <si>
    <t>7851136.0</t>
  </si>
  <si>
    <t>7516190.0</t>
  </si>
  <si>
    <t>5288741.0</t>
  </si>
  <si>
    <t>193.27</t>
  </si>
  <si>
    <t>64927413.0</t>
  </si>
  <si>
    <t>356333.0</t>
  </si>
  <si>
    <t>6215.907</t>
  </si>
  <si>
    <t>34.114</t>
  </si>
  <si>
    <t>303689.0</t>
  </si>
  <si>
    <t>29.074</t>
  </si>
  <si>
    <t>20092692.0</t>
  </si>
  <si>
    <t>7853547.0</t>
  </si>
  <si>
    <t>7522128.0</t>
  </si>
  <si>
    <t>5301583.0</t>
  </si>
  <si>
    <t>193.48</t>
  </si>
  <si>
    <t>65236790.0</t>
  </si>
  <si>
    <t>309377.0</t>
  </si>
  <si>
    <t>6245.525</t>
  </si>
  <si>
    <t>29.619</t>
  </si>
  <si>
    <t>316038.0</t>
  </si>
  <si>
    <t>30.256</t>
  </si>
  <si>
    <t>20119267.0</t>
  </si>
  <si>
    <t>7856332.0</t>
  </si>
  <si>
    <t>7530140.0</t>
  </si>
  <si>
    <t>5317201.0</t>
  </si>
  <si>
    <t>26575.0</t>
  </si>
  <si>
    <t>193.73</t>
  </si>
  <si>
    <t>65433870.0</t>
  </si>
  <si>
    <t>6264.393</t>
  </si>
  <si>
    <t>312344.0</t>
  </si>
  <si>
    <t>20125573.0</t>
  </si>
  <si>
    <t>7856895.0</t>
  </si>
  <si>
    <t>7531579.0</t>
  </si>
  <si>
    <t>5321493.0</t>
  </si>
  <si>
    <t>20369.0</t>
  </si>
  <si>
    <t>27879.4</t>
  </si>
  <si>
    <t>2684.59077212726</t>
  </si>
  <si>
    <t>65534935.0</t>
  </si>
  <si>
    <t>101065.0</t>
  </si>
  <si>
    <t>6274.068</t>
  </si>
  <si>
    <t>294934.0</t>
  </si>
  <si>
    <t>28.236</t>
  </si>
  <si>
    <t>20147246.0</t>
  </si>
  <si>
    <t>7858917.0</t>
  </si>
  <si>
    <t>7536593.0</t>
  </si>
  <si>
    <t>5336400.0</t>
  </si>
  <si>
    <t>66001463.0</t>
  </si>
  <si>
    <t>466528.0</t>
  </si>
  <si>
    <t>6318.732</t>
  </si>
  <si>
    <t>44.664</t>
  </si>
  <si>
    <t>291764.0</t>
  </si>
  <si>
    <t>20166431.0</t>
  </si>
  <si>
    <t>7861093.0</t>
  </si>
  <si>
    <t>7540102.0</t>
  </si>
  <si>
    <t>5349957.0</t>
  </si>
  <si>
    <t>19185.0</t>
  </si>
  <si>
    <t>194.19</t>
  </si>
  <si>
    <t>66299019.0</t>
  </si>
  <si>
    <t>297556.0</t>
  </si>
  <si>
    <t>6347.219</t>
  </si>
  <si>
    <t>28.487</t>
  </si>
  <si>
    <t>288394.0</t>
  </si>
  <si>
    <t>20180468.0</t>
  </si>
  <si>
    <t>7862972.0</t>
  </si>
  <si>
    <t>7542618.0</t>
  </si>
  <si>
    <t>5359595.0</t>
  </si>
  <si>
    <t>194.32</t>
  </si>
  <si>
    <t>291241.0</t>
  </si>
  <si>
    <t>27.882</t>
  </si>
  <si>
    <t>20197334.0</t>
  </si>
  <si>
    <t>7865151.0</t>
  </si>
  <si>
    <t>7545476.0</t>
  </si>
  <si>
    <t>5371293.0</t>
  </si>
  <si>
    <t>194.49</t>
  </si>
  <si>
    <t>66920511.0</t>
  </si>
  <si>
    <t>6406.718</t>
  </si>
  <si>
    <t>284728.0</t>
  </si>
  <si>
    <t>27.259</t>
  </si>
  <si>
    <t>20211767.0</t>
  </si>
  <si>
    <t>7866947.0</t>
  </si>
  <si>
    <t>7548112.0</t>
  </si>
  <si>
    <t>5381241.0</t>
  </si>
  <si>
    <t>194.63</t>
  </si>
  <si>
    <t>67212620.0</t>
  </si>
  <si>
    <t>292109.0</t>
  </si>
  <si>
    <t>6434.684</t>
  </si>
  <si>
    <t>282261.0</t>
  </si>
  <si>
    <t>27.023</t>
  </si>
  <si>
    <t>20229483.0</t>
  </si>
  <si>
    <t>7869354.0</t>
  </si>
  <si>
    <t>7551492.0</t>
  </si>
  <si>
    <t>5393028.0</t>
  </si>
  <si>
    <t>67391555.0</t>
  </si>
  <si>
    <t>6451.814</t>
  </si>
  <si>
    <t>17.131</t>
  </si>
  <si>
    <t>279669.0</t>
  </si>
  <si>
    <t>26.774</t>
  </si>
  <si>
    <t>20233125.0</t>
  </si>
  <si>
    <t>7869736.0</t>
  </si>
  <si>
    <t>7551983.0</t>
  </si>
  <si>
    <t>5395789.0</t>
  </si>
  <si>
    <t>28094.6</t>
  </si>
  <si>
    <t>2705.31302347276</t>
  </si>
  <si>
    <t>67480882.0</t>
  </si>
  <si>
    <t>89327.0</t>
  </si>
  <si>
    <t>6460.366</t>
  </si>
  <si>
    <t>277992.0</t>
  </si>
  <si>
    <t>20233243.0</t>
  </si>
  <si>
    <t>7869761.0</t>
  </si>
  <si>
    <t>7552026.0</t>
  </si>
  <si>
    <t>5395838.0</t>
  </si>
  <si>
    <t>67614869.0</t>
  </si>
  <si>
    <t>133987.0</t>
  </si>
  <si>
    <t>6473.194</t>
  </si>
  <si>
    <t>12.827</t>
  </si>
  <si>
    <t>230487.0</t>
  </si>
  <si>
    <t>22.066</t>
  </si>
  <si>
    <t>20245734.0</t>
  </si>
  <si>
    <t>7871300.0</t>
  </si>
  <si>
    <t>7554569.0</t>
  </si>
  <si>
    <t>5404149.0</t>
  </si>
  <si>
    <t>194.95</t>
  </si>
  <si>
    <t>239116.0</t>
  </si>
  <si>
    <t>22.892</t>
  </si>
  <si>
    <t>20263362.0</t>
  </si>
  <si>
    <t>7874118.0</t>
  </si>
  <si>
    <t>7557849.0</t>
  </si>
  <si>
    <t>5415898.0</t>
  </si>
  <si>
    <t>11842.0</t>
  </si>
  <si>
    <t>245862.0</t>
  </si>
  <si>
    <t>23.538</t>
  </si>
  <si>
    <t>20280234.0</t>
  </si>
  <si>
    <t>7876187.0</t>
  </si>
  <si>
    <t>7560823.0</t>
  </si>
  <si>
    <t>5427677.0</t>
  </si>
  <si>
    <t>195.28</t>
  </si>
  <si>
    <t>68688765.0</t>
  </si>
  <si>
    <t>6576.004</t>
  </si>
  <si>
    <t>252608.0</t>
  </si>
  <si>
    <t>20293254.0</t>
  </si>
  <si>
    <t>7877619.0</t>
  </si>
  <si>
    <t>7563270.0</t>
  </si>
  <si>
    <t>5436779.0</t>
  </si>
  <si>
    <t>13020.0</t>
  </si>
  <si>
    <t>68997956.0</t>
  </si>
  <si>
    <t>309191.0</t>
  </si>
  <si>
    <t>6605.605</t>
  </si>
  <si>
    <t>29.601</t>
  </si>
  <si>
    <t>255048.0</t>
  </si>
  <si>
    <t>24.417</t>
  </si>
  <si>
    <t>20311201.0</t>
  </si>
  <si>
    <t>7879361.0</t>
  </si>
  <si>
    <t>7567086.0</t>
  </si>
  <si>
    <t>5449036.0</t>
  </si>
  <si>
    <t>195.58</t>
  </si>
  <si>
    <t>10.582</t>
  </si>
  <si>
    <t>249049.0</t>
  </si>
  <si>
    <t>23.843</t>
  </si>
  <si>
    <t>20314595.0</t>
  </si>
  <si>
    <t>7879640.0</t>
  </si>
  <si>
    <t>7567630.0</t>
  </si>
  <si>
    <t>5451605.0</t>
  </si>
  <si>
    <t>28383.6</t>
  </si>
  <si>
    <t>2733.14169744512</t>
  </si>
  <si>
    <t>69271836.0</t>
  </si>
  <si>
    <t>6631.825</t>
  </si>
  <si>
    <t>255851.0</t>
  </si>
  <si>
    <t>20324765.0</t>
  </si>
  <si>
    <t>7880710.0</t>
  </si>
  <si>
    <t>7569124.0</t>
  </si>
  <si>
    <t>5459405.0</t>
  </si>
  <si>
    <t>277051.0</t>
  </si>
  <si>
    <t>20339677.0</t>
  </si>
  <si>
    <t>7882091.0</t>
  </si>
  <si>
    <t>7571382.0</t>
  </si>
  <si>
    <t>5470592.0</t>
  </si>
  <si>
    <t>195.86</t>
  </si>
  <si>
    <t>266255.0</t>
  </si>
  <si>
    <t>20352306.0</t>
  </si>
  <si>
    <t>7883832.0</t>
  </si>
  <si>
    <t>7573184.0</t>
  </si>
  <si>
    <t>5479593.0</t>
  </si>
  <si>
    <t>195.98</t>
  </si>
  <si>
    <t>255459.0</t>
  </si>
  <si>
    <t>24.457</t>
  </si>
  <si>
    <t>20366298.0</t>
  </si>
  <si>
    <t>7885266.0</t>
  </si>
  <si>
    <t>7575235.0</t>
  </si>
  <si>
    <t>5489909.0</t>
  </si>
  <si>
    <t>13992.0</t>
  </si>
  <si>
    <t>244663.0</t>
  </si>
  <si>
    <t>23.423</t>
  </si>
  <si>
    <t>20379512.0</t>
  </si>
  <si>
    <t>7886571.0</t>
  </si>
  <si>
    <t>7577174.0</t>
  </si>
  <si>
    <t>5499741.0</t>
  </si>
  <si>
    <t>240834.0</t>
  </si>
  <si>
    <t>20396984.0</t>
  </si>
  <si>
    <t>7888229.0</t>
  </si>
  <si>
    <t>7580073.0</t>
  </si>
  <si>
    <t>5512480.0</t>
  </si>
  <si>
    <t>9.552</t>
  </si>
  <si>
    <t>261613.0</t>
  </si>
  <si>
    <t>20400742.0</t>
  </si>
  <si>
    <t>7888561.0</t>
  </si>
  <si>
    <t>7580525.0</t>
  </si>
  <si>
    <t>5515449.0</t>
  </si>
  <si>
    <t>2784.11920609897</t>
  </si>
  <si>
    <t>71248582.0</t>
  </si>
  <si>
    <t>6821.072</t>
  </si>
  <si>
    <t>282392.0</t>
  </si>
  <si>
    <t>27.035</t>
  </si>
  <si>
    <t>20411638.0</t>
  </si>
  <si>
    <t>7889555.0</t>
  </si>
  <si>
    <t>7581901.0</t>
  </si>
  <si>
    <t>5524099.0</t>
  </si>
  <si>
    <t>289870.0</t>
  </si>
  <si>
    <t>27.751</t>
  </si>
  <si>
    <t>20426618.0</t>
  </si>
  <si>
    <t>7890806.0</t>
  </si>
  <si>
    <t>7583726.0</t>
  </si>
  <si>
    <t>5535898.0</t>
  </si>
  <si>
    <t>297347.0</t>
  </si>
  <si>
    <t>28.467</t>
  </si>
  <si>
    <t>20440087.0</t>
  </si>
  <si>
    <t>7892053.0</t>
  </si>
  <si>
    <t>7585290.0</t>
  </si>
  <si>
    <t>5546417.0</t>
  </si>
  <si>
    <t>72252783.0</t>
  </si>
  <si>
    <t>6917.21</t>
  </si>
  <si>
    <t>304824.0</t>
  </si>
  <si>
    <t>29.183</t>
  </si>
  <si>
    <t>20453871.0</t>
  </si>
  <si>
    <t>7893201.0</t>
  </si>
  <si>
    <t>7587020.0</t>
  </si>
  <si>
    <t>5557165.0</t>
  </si>
  <si>
    <t>293026.0</t>
  </si>
  <si>
    <t>20457789.0</t>
  </si>
  <si>
    <t>7893505.0</t>
  </si>
  <si>
    <t>7587448.0</t>
  </si>
  <si>
    <t>5560343.0</t>
  </si>
  <si>
    <t>196.99</t>
  </si>
  <si>
    <t>281228.0</t>
  </si>
  <si>
    <t>26.924</t>
  </si>
  <si>
    <t>20469746.0</t>
  </si>
  <si>
    <t>7894386.0</t>
  </si>
  <si>
    <t>7589361.0</t>
  </si>
  <si>
    <t>5569355.0</t>
  </si>
  <si>
    <t>269429.0</t>
  </si>
  <si>
    <t>25.794</t>
  </si>
  <si>
    <t>20473051.0</t>
  </si>
  <si>
    <t>7894579.0</t>
  </si>
  <si>
    <t>7589710.0</t>
  </si>
  <si>
    <t>5572111.0</t>
  </si>
  <si>
    <t>197.14</t>
  </si>
  <si>
    <t>29500.4</t>
  </si>
  <si>
    <t>2840.68170814519</t>
  </si>
  <si>
    <t>73051999.0</t>
  </si>
  <si>
    <t>6993.724</t>
  </si>
  <si>
    <t>257631.0</t>
  </si>
  <si>
    <t>24.665</t>
  </si>
  <si>
    <t>20488988.0</t>
  </si>
  <si>
    <t>7895503.0</t>
  </si>
  <si>
    <t>7591051.0</t>
  </si>
  <si>
    <t>5585861.0</t>
  </si>
  <si>
    <t>11050.0</t>
  </si>
  <si>
    <t>257579.0</t>
  </si>
  <si>
    <t>20503242.0</t>
  </si>
  <si>
    <t>7896367.0</t>
  </si>
  <si>
    <t>7592528.0</t>
  </si>
  <si>
    <t>5597665.0</t>
  </si>
  <si>
    <t>10946.0</t>
  </si>
  <si>
    <t>197.43</t>
  </si>
  <si>
    <t>257527.0</t>
  </si>
  <si>
    <t>24.655</t>
  </si>
  <si>
    <t>20518119.0</t>
  </si>
  <si>
    <t>7897344.0</t>
  </si>
  <si>
    <t>7594425.0</t>
  </si>
  <si>
    <t>5609554.0</t>
  </si>
  <si>
    <t>14877.0</t>
  </si>
  <si>
    <t>257474.0</t>
  </si>
  <si>
    <t>20536009.0</t>
  </si>
  <si>
    <t>7898322.0</t>
  </si>
  <si>
    <t>7596169.0</t>
  </si>
  <si>
    <t>5624506.0</t>
  </si>
  <si>
    <t>197.75</t>
  </si>
  <si>
    <t>74389472.0</t>
  </si>
  <si>
    <t>7121.769</t>
  </si>
  <si>
    <t>276698.0</t>
  </si>
  <si>
    <t>20552484.0</t>
  </si>
  <si>
    <t>7899341.0</t>
  </si>
  <si>
    <t>7597414.0</t>
  </si>
  <si>
    <t>5638527.0</t>
  </si>
  <si>
    <t>13528.0</t>
  </si>
  <si>
    <t>275012.0</t>
  </si>
  <si>
    <t>26.329</t>
  </si>
  <si>
    <t>20568737.0</t>
  </si>
  <si>
    <t>7900447.0</t>
  </si>
  <si>
    <t>7598938.0</t>
  </si>
  <si>
    <t>5651997.0</t>
  </si>
  <si>
    <t>273327.0</t>
  </si>
  <si>
    <t>20568925.0</t>
  </si>
  <si>
    <t>7900462.0</t>
  </si>
  <si>
    <t>7598953.0</t>
  </si>
  <si>
    <t>5652154.0</t>
  </si>
  <si>
    <t>2901.30777434932</t>
  </si>
  <si>
    <t>74953491.0</t>
  </si>
  <si>
    <t>7175.766</t>
  </si>
  <si>
    <t>271642.0</t>
  </si>
  <si>
    <t>26.006</t>
  </si>
  <si>
    <t>20583925.0</t>
  </si>
  <si>
    <t>7901360.0</t>
  </si>
  <si>
    <t>7600110.0</t>
  </si>
  <si>
    <t>5665145.0</t>
  </si>
  <si>
    <t>198.21</t>
  </si>
  <si>
    <t>266383.0</t>
  </si>
  <si>
    <t>25.503</t>
  </si>
  <si>
    <t>20593525.0</t>
  </si>
  <si>
    <t>7902000.0</t>
  </si>
  <si>
    <t>7601097.0</t>
  </si>
  <si>
    <t>5672920.0</t>
  </si>
  <si>
    <t>261124.0</t>
  </si>
  <si>
    <t>24.999</t>
  </si>
  <si>
    <t>20602265.0</t>
  </si>
  <si>
    <t>7902719.0</t>
  </si>
  <si>
    <t>7602389.0</t>
  </si>
  <si>
    <t>5679547.0</t>
  </si>
  <si>
    <t>198.39</t>
  </si>
  <si>
    <t>75846164.0</t>
  </si>
  <si>
    <t>7261.227</t>
  </si>
  <si>
    <t>255866.0</t>
  </si>
  <si>
    <t>24.496</t>
  </si>
  <si>
    <t>20613257.0</t>
  </si>
  <si>
    <t>7903409.0</t>
  </si>
  <si>
    <t>7603566.0</t>
  </si>
  <si>
    <t>5688228.0</t>
  </si>
  <si>
    <t>239953.0</t>
  </si>
  <si>
    <t>22.972</t>
  </si>
  <si>
    <t>20622452.0</t>
  </si>
  <si>
    <t>7903951.0</t>
  </si>
  <si>
    <t>7604495.0</t>
  </si>
  <si>
    <t>5694403.0</t>
  </si>
  <si>
    <t>198.58</t>
  </si>
  <si>
    <t>244949.0</t>
  </si>
  <si>
    <t>20629834.0</t>
  </si>
  <si>
    <t>7904499.0</t>
  </si>
  <si>
    <t>7605639.0</t>
  </si>
  <si>
    <t>5698713.0</t>
  </si>
  <si>
    <t>76515099.0</t>
  </si>
  <si>
    <t>7325.268</t>
  </si>
  <si>
    <t>249945.0</t>
  </si>
  <si>
    <t>23.929</t>
  </si>
  <si>
    <t>20630002.0</t>
  </si>
  <si>
    <t>7904521.0</t>
  </si>
  <si>
    <t>7605657.0</t>
  </si>
  <si>
    <t>5698784.0</t>
  </si>
  <si>
    <t>30554.2</t>
  </si>
  <si>
    <t>2942.15526050528</t>
  </si>
  <si>
    <t>253420.0</t>
  </si>
  <si>
    <t>24.261</t>
  </si>
  <si>
    <t>20641181.0</t>
  </si>
  <si>
    <t>7905207.0</t>
  </si>
  <si>
    <t>7606563.0</t>
  </si>
  <si>
    <t>5703914.0</t>
  </si>
  <si>
    <t>241245.0</t>
  </si>
  <si>
    <t>23.096</t>
  </si>
  <si>
    <t>20651835.0</t>
  </si>
  <si>
    <t>7905700.0</t>
  </si>
  <si>
    <t>7607217.0</t>
  </si>
  <si>
    <t>5713435.0</t>
  </si>
  <si>
    <t>229070.0</t>
  </si>
  <si>
    <t>20662218.0</t>
  </si>
  <si>
    <t>7906252.0</t>
  </si>
  <si>
    <t>7608094.0</t>
  </si>
  <si>
    <t>5722417.0</t>
  </si>
  <si>
    <t>77364430.0</t>
  </si>
  <si>
    <t>7406.58</t>
  </si>
  <si>
    <t>20.765</t>
  </si>
  <si>
    <t>20684740.0</t>
  </si>
  <si>
    <t>7906803.0</t>
  </si>
  <si>
    <t>7609063.0</t>
  </si>
  <si>
    <t>5743453.0</t>
  </si>
  <si>
    <t>207415.0</t>
  </si>
  <si>
    <t>19.857</t>
  </si>
  <si>
    <t>20701755.0</t>
  </si>
  <si>
    <t>7907240.0</t>
  </si>
  <si>
    <t>7609671.0</t>
  </si>
  <si>
    <t>5759447.0</t>
  </si>
  <si>
    <t>197934.0</t>
  </si>
  <si>
    <t>20719768.0</t>
  </si>
  <si>
    <t>7907678.0</t>
  </si>
  <si>
    <t>7610555.0</t>
  </si>
  <si>
    <t>5776143.0</t>
  </si>
  <si>
    <t>8.428</t>
  </si>
  <si>
    <t>188454.0</t>
  </si>
  <si>
    <t>18.042</t>
  </si>
  <si>
    <t>20719961.0</t>
  </si>
  <si>
    <t>7907693.0</t>
  </si>
  <si>
    <t>7610571.0</t>
  </si>
  <si>
    <t>5776307.0</t>
  </si>
  <si>
    <t>30937.0</t>
  </si>
  <si>
    <t>2979.01621689495</t>
  </si>
  <si>
    <t>77990894.0</t>
  </si>
  <si>
    <t>7466.555</t>
  </si>
  <si>
    <t>20741371.0</t>
  </si>
  <si>
    <t>7908156.0</t>
  </si>
  <si>
    <t>7611333.0</t>
  </si>
  <si>
    <t>5796653.0</t>
  </si>
  <si>
    <t>179034.0</t>
  </si>
  <si>
    <t>20765426.0</t>
  </si>
  <si>
    <t>7908559.0</t>
  </si>
  <si>
    <t>7612071.0</t>
  </si>
  <si>
    <t>5819587.0</t>
  </si>
  <si>
    <t>16227.0</t>
  </si>
  <si>
    <t>177573.0</t>
  </si>
  <si>
    <t>20779924.0</t>
  </si>
  <si>
    <t>7908905.0</t>
  </si>
  <si>
    <t>7612681.0</t>
  </si>
  <si>
    <t>5833177.0</t>
  </si>
  <si>
    <t>176113.0</t>
  </si>
  <si>
    <t>20794680.0</t>
  </si>
  <si>
    <t>7909235.0</t>
  </si>
  <si>
    <t>7613280.0</t>
  </si>
  <si>
    <t>5847018.0</t>
  </si>
  <si>
    <t>14756.0</t>
  </si>
  <si>
    <t>78799329.0</t>
  </si>
  <si>
    <t>7543.952</t>
  </si>
  <si>
    <t>182612.0</t>
  </si>
  <si>
    <t>17.483</t>
  </si>
  <si>
    <t>20794812.0</t>
  </si>
  <si>
    <t>7909248.0</t>
  </si>
  <si>
    <t>7613298.0</t>
  </si>
  <si>
    <t>5847120.0</t>
  </si>
  <si>
    <t>78872546.0</t>
  </si>
  <si>
    <t>7550.961</t>
  </si>
  <si>
    <t>170698.0</t>
  </si>
  <si>
    <t>16.342</t>
  </si>
  <si>
    <t>20794878.0</t>
  </si>
  <si>
    <t>7909261.0</t>
  </si>
  <si>
    <t>7613315.0</t>
  </si>
  <si>
    <t>5847164.0</t>
  </si>
  <si>
    <t>167089.0</t>
  </si>
  <si>
    <t>20794891.0</t>
  </si>
  <si>
    <t>7909266.0</t>
  </si>
  <si>
    <t>7613317.0</t>
  </si>
  <si>
    <t>5847171.0</t>
  </si>
  <si>
    <t>31184.2</t>
  </si>
  <si>
    <t>3002.81984390521</t>
  </si>
  <si>
    <t>163480.0</t>
  </si>
  <si>
    <t>15.651</t>
  </si>
  <si>
    <t>20794924.0</t>
  </si>
  <si>
    <t>7909271.0</t>
  </si>
  <si>
    <t>7613320.0</t>
  </si>
  <si>
    <t>5847197.0</t>
  </si>
  <si>
    <t>153373.0</t>
  </si>
  <si>
    <t>20811136.0</t>
  </si>
  <si>
    <t>7909611.0</t>
  </si>
  <si>
    <t>7614025.0</t>
  </si>
  <si>
    <t>5862452.0</t>
  </si>
  <si>
    <t>16212.0</t>
  </si>
  <si>
    <t>13.716</t>
  </si>
  <si>
    <t>20827073.0</t>
  </si>
  <si>
    <t>7909959.0</t>
  </si>
  <si>
    <t>7614973.0</t>
  </si>
  <si>
    <t>5877128.0</t>
  </si>
  <si>
    <t>133157.0</t>
  </si>
  <si>
    <t>12.748</t>
  </si>
  <si>
    <t>20845692.0</t>
  </si>
  <si>
    <t>7910198.0</t>
  </si>
  <si>
    <t>7615643.0</t>
  </si>
  <si>
    <t>5894847.0</t>
  </si>
  <si>
    <t>200.73</t>
  </si>
  <si>
    <t>79660677.0</t>
  </si>
  <si>
    <t>7626.414</t>
  </si>
  <si>
    <t>123050.0</t>
  </si>
  <si>
    <t>20858278.0</t>
  </si>
  <si>
    <t>7910639.0</t>
  </si>
  <si>
    <t>7616342.0</t>
  </si>
  <si>
    <t>5906309.0</t>
  </si>
  <si>
    <t>200.85</t>
  </si>
  <si>
    <t>130705.0</t>
  </si>
  <si>
    <t>20869413.0</t>
  </si>
  <si>
    <t>7910893.0</t>
  </si>
  <si>
    <t>7617186.0</t>
  </si>
  <si>
    <t>5916351.0</t>
  </si>
  <si>
    <t>4.401</t>
  </si>
  <si>
    <t>79914290.0</t>
  </si>
  <si>
    <t>7650.694</t>
  </si>
  <si>
    <t>130056.0</t>
  </si>
  <si>
    <t>12.451</t>
  </si>
  <si>
    <t>20869575.0</t>
  </si>
  <si>
    <t>7910904.0</t>
  </si>
  <si>
    <t>7617200.0</t>
  </si>
  <si>
    <t>5916488.0</t>
  </si>
  <si>
    <t>31496.0</t>
  </si>
  <si>
    <t>3032.8439980387</t>
  </si>
  <si>
    <t>126074.0</t>
  </si>
  <si>
    <t>20869655.0</t>
  </si>
  <si>
    <t>7910911.0</t>
  </si>
  <si>
    <t>7617207.0</t>
  </si>
  <si>
    <t>5916554.0</t>
  </si>
  <si>
    <t>122093.0</t>
  </si>
  <si>
    <t>20878288.0</t>
  </si>
  <si>
    <t>7911251.0</t>
  </si>
  <si>
    <t>7617799.0</t>
  </si>
  <si>
    <t>5924398.0</t>
  </si>
  <si>
    <t>201.04</t>
  </si>
  <si>
    <t>118111.0</t>
  </si>
  <si>
    <t>11.308</t>
  </si>
  <si>
    <t>20889941.0</t>
  </si>
  <si>
    <t>7911489.0</t>
  </si>
  <si>
    <t>7618354.0</t>
  </si>
  <si>
    <t>5935292.0</t>
  </si>
  <si>
    <t>201.16</t>
  </si>
  <si>
    <t>80328232.0</t>
  </si>
  <si>
    <t>7690.323</t>
  </si>
  <si>
    <t>114130.0</t>
  </si>
  <si>
    <t>10.926</t>
  </si>
  <si>
    <t>20904597.0</t>
  </si>
  <si>
    <t>7911666.0</t>
  </si>
  <si>
    <t>7618791.0</t>
  </si>
  <si>
    <t>5949355.0</t>
  </si>
  <si>
    <t>107341.0</t>
  </si>
  <si>
    <t>20915240.0</t>
  </si>
  <si>
    <t>7911849.0</t>
  </si>
  <si>
    <t>7619191.0</t>
  </si>
  <si>
    <t>5959428.0</t>
  </si>
  <si>
    <t>101202.0</t>
  </si>
  <si>
    <t>9.689</t>
  </si>
  <si>
    <t>20922627.0</t>
  </si>
  <si>
    <t>7912044.0</t>
  </si>
  <si>
    <t>7619722.0</t>
  </si>
  <si>
    <t>5966090.0</t>
  </si>
  <si>
    <t>201.47</t>
  </si>
  <si>
    <t>80579733.0</t>
  </si>
  <si>
    <t>7714.401</t>
  </si>
  <si>
    <t>95063.0</t>
  </si>
  <si>
    <t>20922881.0</t>
  </si>
  <si>
    <t>7912051.0</t>
  </si>
  <si>
    <t>7619735.0</t>
  </si>
  <si>
    <t>5966326.0</t>
  </si>
  <si>
    <t>31463.8</t>
  </si>
  <si>
    <t>3029.74336377604</t>
  </si>
  <si>
    <t>95418.0</t>
  </si>
  <si>
    <t>20929395.0</t>
  </si>
  <si>
    <t>7912268.0</t>
  </si>
  <si>
    <t>7620084.0</t>
  </si>
  <si>
    <t>201.54</t>
  </si>
  <si>
    <t>95772.0</t>
  </si>
  <si>
    <t>20935787.0</t>
  </si>
  <si>
    <t>7912470.0</t>
  </si>
  <si>
    <t>7620456.0</t>
  </si>
  <si>
    <t>5978197.0</t>
  </si>
  <si>
    <t>201.6</t>
  </si>
  <si>
    <t>80897630.0</t>
  </si>
  <si>
    <t>7744.835</t>
  </si>
  <si>
    <t>96126.0</t>
  </si>
  <si>
    <t>9.203</t>
  </si>
  <si>
    <t>20942182.0</t>
  </si>
  <si>
    <t>7912704.0</t>
  </si>
  <si>
    <t>7620823.0</t>
  </si>
  <si>
    <t>5984006.0</t>
  </si>
  <si>
    <t>20950804.0</t>
  </si>
  <si>
    <t>7912921.0</t>
  </si>
  <si>
    <t>7621273.0</t>
  </si>
  <si>
    <t>5991968.0</t>
  </si>
  <si>
    <t>20956127.0</t>
  </si>
  <si>
    <t>7913076.0</t>
  </si>
  <si>
    <t>7621594.0</t>
  </si>
  <si>
    <t>5996822.0</t>
  </si>
  <si>
    <t>201.79</t>
  </si>
  <si>
    <t>20957465.0</t>
  </si>
  <si>
    <t>7913126.0</t>
  </si>
  <si>
    <t>7621665.0</t>
  </si>
  <si>
    <t>5998041.0</t>
  </si>
  <si>
    <t>201.81</t>
  </si>
  <si>
    <t>87546.0</t>
  </si>
  <si>
    <t>20957637.0</t>
  </si>
  <si>
    <t>7913129.0</t>
  </si>
  <si>
    <t>7621671.0</t>
  </si>
  <si>
    <t>5998205.0</t>
  </si>
  <si>
    <t>31658.8</t>
  </si>
  <si>
    <t>3048.52049673316</t>
  </si>
  <si>
    <t>81266282.0</t>
  </si>
  <si>
    <t>7780.129</t>
  </si>
  <si>
    <t>82940.0</t>
  </si>
  <si>
    <t>20963596.0</t>
  </si>
  <si>
    <t>7913352.0</t>
  </si>
  <si>
    <t>7622000.0</t>
  </si>
  <si>
    <t>6003712.0</t>
  </si>
  <si>
    <t>201.86</t>
  </si>
  <si>
    <t>85530.0</t>
  </si>
  <si>
    <t>20969724.0</t>
  </si>
  <si>
    <t>7913521.0</t>
  </si>
  <si>
    <t>7622218.0</t>
  </si>
  <si>
    <t>6009459.0</t>
  </si>
  <si>
    <t>201.92</t>
  </si>
  <si>
    <t>88119.0</t>
  </si>
  <si>
    <t>20974956.0</t>
  </si>
  <si>
    <t>7913747.0</t>
  </si>
  <si>
    <t>7622530.0</t>
  </si>
  <si>
    <t>6014202.0</t>
  </si>
  <si>
    <t>81638554.0</t>
  </si>
  <si>
    <t>7815.768</t>
  </si>
  <si>
    <t>95313.0</t>
  </si>
  <si>
    <t>20980850.0</t>
  </si>
  <si>
    <t>7913951.0</t>
  </si>
  <si>
    <t>7622813.0</t>
  </si>
  <si>
    <t>6019619.0</t>
  </si>
  <si>
    <t>202.03</t>
  </si>
  <si>
    <t>8.955</t>
  </si>
  <si>
    <t>20984775.0</t>
  </si>
  <si>
    <t>7914138.0</t>
  </si>
  <si>
    <t>7623096.0</t>
  </si>
  <si>
    <t>6023079.0</t>
  </si>
  <si>
    <t>202.07</t>
  </si>
  <si>
    <t>91774.0</t>
  </si>
  <si>
    <t>20985598.0</t>
  </si>
  <si>
    <t>7914178.0</t>
  </si>
  <si>
    <t>7623136.0</t>
  </si>
  <si>
    <t>6023828.0</t>
  </si>
  <si>
    <t>202.08</t>
  </si>
  <si>
    <t>90004.0</t>
  </si>
  <si>
    <t>8.617</t>
  </si>
  <si>
    <t>20985720.0</t>
  </si>
  <si>
    <t>7914180.0</t>
  </si>
  <si>
    <t>7623142.0</t>
  </si>
  <si>
    <t>6023942.0</t>
  </si>
  <si>
    <t>31857.2</t>
  </si>
  <si>
    <t>3067.62502585467</t>
  </si>
  <si>
    <t>81883919.0</t>
  </si>
  <si>
    <t>7839.259</t>
  </si>
  <si>
    <t>88234.0</t>
  </si>
  <si>
    <t>8.447</t>
  </si>
  <si>
    <t>20990984.0</t>
  </si>
  <si>
    <t>7914396.0</t>
  </si>
  <si>
    <t>7623393.0</t>
  </si>
  <si>
    <t>6028820.0</t>
  </si>
  <si>
    <t>202.13</t>
  </si>
  <si>
    <t>87406.0</t>
  </si>
  <si>
    <t>20996111.0</t>
  </si>
  <si>
    <t>7914553.0</t>
  </si>
  <si>
    <t>7623600.0</t>
  </si>
  <si>
    <t>6033600.0</t>
  </si>
  <si>
    <t>86578.0</t>
  </si>
  <si>
    <t>8.289</t>
  </si>
  <si>
    <t>21000076.0</t>
  </si>
  <si>
    <t>7914767.0</t>
  </si>
  <si>
    <t>7623876.0</t>
  </si>
  <si>
    <t>6037082.0</t>
  </si>
  <si>
    <t>202.22</t>
  </si>
  <si>
    <t>82238808.0</t>
  </si>
  <si>
    <t>7873.234</t>
  </si>
  <si>
    <t>85751.0</t>
  </si>
  <si>
    <t>8.209</t>
  </si>
  <si>
    <t>21004761.0</t>
  </si>
  <si>
    <t>7914956.0</t>
  </si>
  <si>
    <t>7624121.0</t>
  </si>
  <si>
    <t>6041343.0</t>
  </si>
  <si>
    <t>86826.0</t>
  </si>
  <si>
    <t>21007816.0</t>
  </si>
  <si>
    <t>7915061.0</t>
  </si>
  <si>
    <t>7624386.0</t>
  </si>
  <si>
    <t>6044038.0</t>
  </si>
  <si>
    <t>202.29</t>
  </si>
  <si>
    <t>21008619.0</t>
  </si>
  <si>
    <t>7915084.0</t>
  </si>
  <si>
    <t>7624443.0</t>
  </si>
  <si>
    <t>6044762.0</t>
  </si>
  <si>
    <t>202.3</t>
  </si>
  <si>
    <t>82445411.0</t>
  </si>
  <si>
    <t>7893.014</t>
  </si>
  <si>
    <t>88976.0</t>
  </si>
  <si>
    <t>21008718.0</t>
  </si>
  <si>
    <t>7915089.0</t>
  </si>
  <si>
    <t>7624458.0</t>
  </si>
  <si>
    <t>6044843.0</t>
  </si>
  <si>
    <t>32120.6</t>
  </si>
  <si>
    <t>3092.98859929521</t>
  </si>
  <si>
    <t>93379.0</t>
  </si>
  <si>
    <t>21013103.0</t>
  </si>
  <si>
    <t>7915265.0</t>
  </si>
  <si>
    <t>7624679.0</t>
  </si>
  <si>
    <t>6048894.0</t>
  </si>
  <si>
    <t>202.34</t>
  </si>
  <si>
    <t>89645.0</t>
  </si>
  <si>
    <t>21017697.0</t>
  </si>
  <si>
    <t>7915426.0</t>
  </si>
  <si>
    <t>7624898.0</t>
  </si>
  <si>
    <t>6053134.0</t>
  </si>
  <si>
    <t>8.225</t>
  </si>
  <si>
    <t>21021223.0</t>
  </si>
  <si>
    <t>7915709.0</t>
  </si>
  <si>
    <t>7625191.0</t>
  </si>
  <si>
    <t>6056150.0</t>
  </si>
  <si>
    <t>202.42</t>
  </si>
  <si>
    <t>82814046.0</t>
  </si>
  <si>
    <t>7928.306</t>
  </si>
  <si>
    <t>21024864.0</t>
  </si>
  <si>
    <t>7915890.0</t>
  </si>
  <si>
    <t>7625434.0</t>
  </si>
  <si>
    <t>6059383.0</t>
  </si>
  <si>
    <t>202.45</t>
  </si>
  <si>
    <t>81944.0</t>
  </si>
  <si>
    <t>21027378.0</t>
  </si>
  <si>
    <t>7916041.0</t>
  </si>
  <si>
    <t>7625635.0</t>
  </si>
  <si>
    <t>6061557.0</t>
  </si>
  <si>
    <t>202.48</t>
  </si>
  <si>
    <t>7.823</t>
  </si>
  <si>
    <t>21027927.0</t>
  </si>
  <si>
    <t>7916058.0</t>
  </si>
  <si>
    <t>7625661.0</t>
  </si>
  <si>
    <t>6062064.0</t>
  </si>
  <si>
    <t>56.187</t>
  </si>
  <si>
    <t>83015769.0</t>
  </si>
  <si>
    <t>7947.618</t>
  </si>
  <si>
    <t>81480.0</t>
  </si>
  <si>
    <t>21027982.0</t>
  </si>
  <si>
    <t>7916068.0</t>
  </si>
  <si>
    <t>7625666.0</t>
  </si>
  <si>
    <t>6062108.0</t>
  </si>
  <si>
    <t>32456.0</t>
  </si>
  <si>
    <t>3125.28526798146</t>
  </si>
  <si>
    <t>81148.0</t>
  </si>
  <si>
    <t>21031755.0</t>
  </si>
  <si>
    <t>7916270.0</t>
  </si>
  <si>
    <t>7625882.0</t>
  </si>
  <si>
    <t>6065542.0</t>
  </si>
  <si>
    <t>80816.0</t>
  </si>
  <si>
    <t>21035548.0</t>
  </si>
  <si>
    <t>7916463.0</t>
  </si>
  <si>
    <t>7626066.0</t>
  </si>
  <si>
    <t>6068977.0</t>
  </si>
  <si>
    <t>83285278.0</t>
  </si>
  <si>
    <t>7973.42</t>
  </si>
  <si>
    <t>7.705</t>
  </si>
  <si>
    <t>21038379.0</t>
  </si>
  <si>
    <t>7916680.0</t>
  </si>
  <si>
    <t>7626246.0</t>
  </si>
  <si>
    <t>6071425.0</t>
  </si>
  <si>
    <t>77729.0</t>
  </si>
  <si>
    <t>21041416.0</t>
  </si>
  <si>
    <t>7916847.0</t>
  </si>
  <si>
    <t>7626464.0</t>
  </si>
  <si>
    <t>6074087.0</t>
  </si>
  <si>
    <t>78533.0</t>
  </si>
  <si>
    <t>21043695.0</t>
  </si>
  <si>
    <t>7916970.0</t>
  </si>
  <si>
    <t>7626619.0</t>
  </si>
  <si>
    <t>6076095.0</t>
  </si>
  <si>
    <t>202.64</t>
  </si>
  <si>
    <t>79338.0</t>
  </si>
  <si>
    <t>21044147.0</t>
  </si>
  <si>
    <t>7916989.0</t>
  </si>
  <si>
    <t>7626637.0</t>
  </si>
  <si>
    <t>6076510.0</t>
  </si>
  <si>
    <t>83576762.0</t>
  </si>
  <si>
    <t>8001.325</t>
  </si>
  <si>
    <t>80142.0</t>
  </si>
  <si>
    <t>21044191.0</t>
  </si>
  <si>
    <t>7917000.0</t>
  </si>
  <si>
    <t>7626642.0</t>
  </si>
  <si>
    <t>6076541.0</t>
  </si>
  <si>
    <t>32576.2</t>
  </si>
  <si>
    <t>3136.85968532221</t>
  </si>
  <si>
    <t>78737.0</t>
  </si>
  <si>
    <t>21044256.0</t>
  </si>
  <si>
    <t>7917021.0</t>
  </si>
  <si>
    <t>7626652.0</t>
  </si>
  <si>
    <t>6076577.0</t>
  </si>
  <si>
    <t>7.404</t>
  </si>
  <si>
    <t>21047349.0</t>
  </si>
  <si>
    <t>7917180.0</t>
  </si>
  <si>
    <t>7626798.0</t>
  </si>
  <si>
    <t>6079368.0</t>
  </si>
  <si>
    <t>202.67</t>
  </si>
  <si>
    <t>83816775.0</t>
  </si>
  <si>
    <t>8024.303</t>
  </si>
  <si>
    <t>75928.0</t>
  </si>
  <si>
    <t>7.269</t>
  </si>
  <si>
    <t>21049656.0</t>
  </si>
  <si>
    <t>7917346.0</t>
  </si>
  <si>
    <t>7626995.0</t>
  </si>
  <si>
    <t>6081322.0</t>
  </si>
  <si>
    <t>76542.0</t>
  </si>
  <si>
    <t>21052128.0</t>
  </si>
  <si>
    <t>7917497.0</t>
  </si>
  <si>
    <t>7627196.0</t>
  </si>
  <si>
    <t>6083447.0</t>
  </si>
  <si>
    <t>202.72</t>
  </si>
  <si>
    <t>77156.0</t>
  </si>
  <si>
    <t>7.387</t>
  </si>
  <si>
    <t>21054496.0</t>
  </si>
  <si>
    <t>7917626.0</t>
  </si>
  <si>
    <t>7627359.0</t>
  </si>
  <si>
    <t>6085530.0</t>
  </si>
  <si>
    <t>77770.0</t>
  </si>
  <si>
    <t>7.445</t>
  </si>
  <si>
    <t>21054900.0</t>
  </si>
  <si>
    <t>7917650.0</t>
  </si>
  <si>
    <t>7627376.0</t>
  </si>
  <si>
    <t>6085895.0</t>
  </si>
  <si>
    <t>78384.0</t>
  </si>
  <si>
    <t>21054935.0</t>
  </si>
  <si>
    <t>7917652.0</t>
  </si>
  <si>
    <t>7627377.0</t>
  </si>
  <si>
    <t>6085927.0</t>
  </si>
  <si>
    <t>32530.4</t>
  </si>
  <si>
    <t>3132.44946640203</t>
  </si>
  <si>
    <t>84202616.0</t>
  </si>
  <si>
    <t>8061.242</t>
  </si>
  <si>
    <t>21059250.0</t>
  </si>
  <si>
    <t>7917938.0</t>
  </si>
  <si>
    <t>7627659.0</t>
  </si>
  <si>
    <t>6089778.0</t>
  </si>
  <si>
    <t>202.79</t>
  </si>
  <si>
    <t>86603.0</t>
  </si>
  <si>
    <t>21063401.0</t>
  </si>
  <si>
    <t>7918118.0</t>
  </si>
  <si>
    <t>7627835.0</t>
  </si>
  <si>
    <t>6093594.0</t>
  </si>
  <si>
    <t>84483362.0</t>
  </si>
  <si>
    <t>8088.12</t>
  </si>
  <si>
    <t>9.117</t>
  </si>
  <si>
    <t>21066742.0</t>
  </si>
  <si>
    <t>7918276.0</t>
  </si>
  <si>
    <t>7628037.0</t>
  </si>
  <si>
    <t>6096583.0</t>
  </si>
  <si>
    <t>202.86</t>
  </si>
  <si>
    <t>21070630.0</t>
  </si>
  <si>
    <t>7918428.0</t>
  </si>
  <si>
    <t>7628286.0</t>
  </si>
  <si>
    <t>6100075.0</t>
  </si>
  <si>
    <t>21074407.0</t>
  </si>
  <si>
    <t>7918564.0</t>
  </si>
  <si>
    <t>7628463.0</t>
  </si>
  <si>
    <t>6103550.0</t>
  </si>
  <si>
    <t>21075147.0</t>
  </si>
  <si>
    <t>7918593.0</t>
  </si>
  <si>
    <t>7628490.0</t>
  </si>
  <si>
    <t>6104239.0</t>
  </si>
  <si>
    <t>202.94</t>
  </si>
  <si>
    <t>21075242.0</t>
  </si>
  <si>
    <t>7918597.0</t>
  </si>
  <si>
    <t>7628493.0</t>
  </si>
  <si>
    <t>6104327.0</t>
  </si>
  <si>
    <t>3135.39603188145</t>
  </si>
  <si>
    <t>21080593.0</t>
  </si>
  <si>
    <t>7918774.0</t>
  </si>
  <si>
    <t>7628696.0</t>
  </si>
  <si>
    <t>6109363.0</t>
  </si>
  <si>
    <t>21086486.0</t>
  </si>
  <si>
    <t>7918960.0</t>
  </si>
  <si>
    <t>7628872.0</t>
  </si>
  <si>
    <t>6114901.0</t>
  </si>
  <si>
    <t>21091153.0</t>
  </si>
  <si>
    <t>7919114.0</t>
  </si>
  <si>
    <t>7629060.0</t>
  </si>
  <si>
    <t>6119231.0</t>
  </si>
  <si>
    <t>203.09</t>
  </si>
  <si>
    <t>21097421.0</t>
  </si>
  <si>
    <t>7919273.0</t>
  </si>
  <si>
    <t>7629235.0</t>
  </si>
  <si>
    <t>6125168.0</t>
  </si>
  <si>
    <t>203.15</t>
  </si>
  <si>
    <t>21102439.0</t>
  </si>
  <si>
    <t>7919400.0</t>
  </si>
  <si>
    <t>7629409.0</t>
  </si>
  <si>
    <t>6129900.0</t>
  </si>
  <si>
    <t>21103641.0</t>
  </si>
  <si>
    <t>7919431.0</t>
  </si>
  <si>
    <t>7629439.0</t>
  </si>
  <si>
    <t>6131044.0</t>
  </si>
  <si>
    <t>21103711.0</t>
  </si>
  <si>
    <t>7919438.0</t>
  </si>
  <si>
    <t>7629445.0</t>
  </si>
  <si>
    <t>6131104.0</t>
  </si>
  <si>
    <t>32710.4</t>
  </si>
  <si>
    <t>3149.7822045163</t>
  </si>
  <si>
    <t>21111318.0</t>
  </si>
  <si>
    <t>7919640.0</t>
  </si>
  <si>
    <t>7629652.0</t>
  </si>
  <si>
    <t>6138379.0</t>
  </si>
  <si>
    <t>21120501.0</t>
  </si>
  <si>
    <t>7919870.0</t>
  </si>
  <si>
    <t>7629892.0</t>
  </si>
  <si>
    <t>6147112.0</t>
  </si>
  <si>
    <t>203.38</t>
  </si>
  <si>
    <t>21127585.0</t>
  </si>
  <si>
    <t>7920072.0</t>
  </si>
  <si>
    <t>7630068.0</t>
  </si>
  <si>
    <t>6153833.0</t>
  </si>
  <si>
    <t>203.44</t>
  </si>
  <si>
    <t>21137686.0</t>
  </si>
  <si>
    <t>7920309.0</t>
  </si>
  <si>
    <t>7630281.0</t>
  </si>
  <si>
    <t>6163494.0</t>
  </si>
  <si>
    <t>21143399.0</t>
  </si>
  <si>
    <t>7920454.0</t>
  </si>
  <si>
    <t>7630454.0</t>
  </si>
  <si>
    <t>6168895.0</t>
  </si>
  <si>
    <t>21144574.0</t>
  </si>
  <si>
    <t>7920493.0</t>
  </si>
  <si>
    <t>7630498.0</t>
  </si>
  <si>
    <t>6169990.0</t>
  </si>
  <si>
    <t>21144631.0</t>
  </si>
  <si>
    <t>7920496.0</t>
  </si>
  <si>
    <t>7630503.0</t>
  </si>
  <si>
    <t>6170039.0</t>
  </si>
  <si>
    <t>33088.6</t>
  </si>
  <si>
    <t>3186.20021315416</t>
  </si>
  <si>
    <t>21152133.0</t>
  </si>
  <si>
    <t>7920710.0</t>
  </si>
  <si>
    <t>7630711.0</t>
  </si>
  <si>
    <t>6177209.0</t>
  </si>
  <si>
    <t>203.68</t>
  </si>
  <si>
    <t>21160792.0</t>
  </si>
  <si>
    <t>7920888.0</t>
  </si>
  <si>
    <t>7630897.0</t>
  </si>
  <si>
    <t>6185511.0</t>
  </si>
  <si>
    <t>203.76</t>
  </si>
  <si>
    <t>21167770.0</t>
  </si>
  <si>
    <t>7921089.0</t>
  </si>
  <si>
    <t>7631081.0</t>
  </si>
  <si>
    <t>6192109.0</t>
  </si>
  <si>
    <t>21177323.0</t>
  </si>
  <si>
    <t>7921288.0</t>
  </si>
  <si>
    <t>7631307.0</t>
  </si>
  <si>
    <t>6201247.0</t>
  </si>
  <si>
    <t>21183133.0</t>
  </si>
  <si>
    <t>7921426.0</t>
  </si>
  <si>
    <t>7631445.0</t>
  </si>
  <si>
    <t>6206789.0</t>
  </si>
  <si>
    <t>203.98</t>
  </si>
  <si>
    <t>21184059.0</t>
  </si>
  <si>
    <t>7921443.0</t>
  </si>
  <si>
    <t>7631461.0</t>
  </si>
  <si>
    <t>6207682.0</t>
  </si>
  <si>
    <t>243.758</t>
  </si>
  <si>
    <t>21184105.0</t>
  </si>
  <si>
    <t>7921445.0</t>
  </si>
  <si>
    <t>7631462.0</t>
  </si>
  <si>
    <t>6207726.0</t>
  </si>
  <si>
    <t>33320.6</t>
  </si>
  <si>
    <t>3208.54018672366</t>
  </si>
  <si>
    <t>21191039.0</t>
  </si>
  <si>
    <t>7921611.0</t>
  </si>
  <si>
    <t>7631668.0</t>
  </si>
  <si>
    <t>6214346.0</t>
  </si>
  <si>
    <t>21199022.0</t>
  </si>
  <si>
    <t>7921766.0</t>
  </si>
  <si>
    <t>7631827.0</t>
  </si>
  <si>
    <t>6222028.0</t>
  </si>
  <si>
    <t>204.13</t>
  </si>
  <si>
    <t>21205005.0</t>
  </si>
  <si>
    <t>7921976.0</t>
  </si>
  <si>
    <t>7631995.0</t>
  </si>
  <si>
    <t>6227639.0</t>
  </si>
  <si>
    <t>21212598.0</t>
  </si>
  <si>
    <t>7922135.0</t>
  </si>
  <si>
    <t>7632155.0</t>
  </si>
  <si>
    <t>6234915.0</t>
  </si>
  <si>
    <t>21217177.0</t>
  </si>
  <si>
    <t>7922256.0</t>
  </si>
  <si>
    <t>7632261.0</t>
  </si>
  <si>
    <t>6239274.0</t>
  </si>
  <si>
    <t>21217762.0</t>
  </si>
  <si>
    <t>7922283.0</t>
  </si>
  <si>
    <t>7632282.0</t>
  </si>
  <si>
    <t>6239814.0</t>
  </si>
  <si>
    <t>6.555</t>
  </si>
  <si>
    <t>21217816.0</t>
  </si>
  <si>
    <t>7922291.0</t>
  </si>
  <si>
    <t>7632289.0</t>
  </si>
  <si>
    <t>6239855.0</t>
  </si>
  <si>
    <t>33737.6</t>
  </si>
  <si>
    <t>3248.69436335505</t>
  </si>
  <si>
    <t>21224260.0</t>
  </si>
  <si>
    <t>7922479.0</t>
  </si>
  <si>
    <t>7632457.0</t>
  </si>
  <si>
    <t>6246000.0</t>
  </si>
  <si>
    <t>21231105.0</t>
  </si>
  <si>
    <t>7922637.0</t>
  </si>
  <si>
    <t>7632585.0</t>
  </si>
  <si>
    <t>6252569.0</t>
  </si>
  <si>
    <t>21236025.0</t>
  </si>
  <si>
    <t>7922802.0</t>
  </si>
  <si>
    <t>7632738.0</t>
  </si>
  <si>
    <t>6257177.0</t>
  </si>
  <si>
    <t>21242345.0</t>
  </si>
  <si>
    <t>7922996.0</t>
  </si>
  <si>
    <t>7632884.0</t>
  </si>
  <si>
    <t>6263168.0</t>
  </si>
  <si>
    <t>21246584.0</t>
  </si>
  <si>
    <t>7923131.0</t>
  </si>
  <si>
    <t>7633009.0</t>
  </si>
  <si>
    <t>6267156.0</t>
  </si>
  <si>
    <t>21247033.0</t>
  </si>
  <si>
    <t>7923151.0</t>
  </si>
  <si>
    <t>7633029.0</t>
  </si>
  <si>
    <t>6267567.0</t>
  </si>
  <si>
    <t>5.993</t>
  </si>
  <si>
    <t>21247055.0</t>
  </si>
  <si>
    <t>7923152.0</t>
  </si>
  <si>
    <t>7633031.0</t>
  </si>
  <si>
    <t>6267586.0</t>
  </si>
  <si>
    <t>34589.6</t>
  </si>
  <si>
    <t>3330.73599042925</t>
  </si>
  <si>
    <t>21253028.0</t>
  </si>
  <si>
    <t>7923314.0</t>
  </si>
  <si>
    <t>7633158.0</t>
  </si>
  <si>
    <t>6273317.0</t>
  </si>
  <si>
    <t>21259139.0</t>
  </si>
  <si>
    <t>7923467.0</t>
  </si>
  <si>
    <t>7633283.0</t>
  </si>
  <si>
    <t>6279156.0</t>
  </si>
  <si>
    <t>21263339.0</t>
  </si>
  <si>
    <t>7923615.0</t>
  </si>
  <si>
    <t>7633438.0</t>
  </si>
  <si>
    <t>6283075.0</t>
  </si>
  <si>
    <t>204.75</t>
  </si>
  <si>
    <t>21269184.0</t>
  </si>
  <si>
    <t>7923811.0</t>
  </si>
  <si>
    <t>7633613.0</t>
  </si>
  <si>
    <t>6288597.0</t>
  </si>
  <si>
    <t>21272710.0</t>
  </si>
  <si>
    <t>7923911.0</t>
  </si>
  <si>
    <t>7633688.0</t>
  </si>
  <si>
    <t>6291953.0</t>
  </si>
  <si>
    <t>21272982.0</t>
  </si>
  <si>
    <t>7923936.0</t>
  </si>
  <si>
    <t>7633699.0</t>
  </si>
  <si>
    <t>6292190.0</t>
  </si>
  <si>
    <t>21273010.0</t>
  </si>
  <si>
    <t>7923938.0</t>
  </si>
  <si>
    <t>7633701.0</t>
  </si>
  <si>
    <t>6292215.0</t>
  </si>
  <si>
    <t>35242.8</t>
  </si>
  <si>
    <t>3393.63457118613</t>
  </si>
  <si>
    <t>21278515.0</t>
  </si>
  <si>
    <t>7924055.0</t>
  </si>
  <si>
    <t>7633852.0</t>
  </si>
  <si>
    <t>6297521.0</t>
  </si>
  <si>
    <t>21284280.0</t>
  </si>
  <si>
    <t>7924138.0</t>
  </si>
  <si>
    <t>7633971.0</t>
  </si>
  <si>
    <t>6303093.0</t>
  </si>
  <si>
    <t>21287608.0</t>
  </si>
  <si>
    <t>7924230.0</t>
  </si>
  <si>
    <t>7634074.0</t>
  </si>
  <si>
    <t>6306235.0</t>
  </si>
  <si>
    <t>21292422.0</t>
  </si>
  <si>
    <t>7924326.0</t>
  </si>
  <si>
    <t>7634168.0</t>
  </si>
  <si>
    <t>6310863.0</t>
  </si>
  <si>
    <t>205.03</t>
  </si>
  <si>
    <t>21294945.0</t>
  </si>
  <si>
    <t>7924406.0</t>
  </si>
  <si>
    <t>7634256.0</t>
  </si>
  <si>
    <t>6313232.0</t>
  </si>
  <si>
    <t>21295162.0</t>
  </si>
  <si>
    <t>7924418.0</t>
  </si>
  <si>
    <t>7634271.0</t>
  </si>
  <si>
    <t>6313423.0</t>
  </si>
  <si>
    <t>21295206.0</t>
  </si>
  <si>
    <t>7924424.0</t>
  </si>
  <si>
    <t>7634276.0</t>
  </si>
  <si>
    <t>6313456.0</t>
  </si>
  <si>
    <t>35520.6</t>
  </si>
  <si>
    <t>3420.38476367582</t>
  </si>
  <si>
    <t>21295215.0</t>
  </si>
  <si>
    <t>7924426.0</t>
  </si>
  <si>
    <t>7634278.0</t>
  </si>
  <si>
    <t>6313461.0</t>
  </si>
  <si>
    <t>21298729.0</t>
  </si>
  <si>
    <t>7924494.0</t>
  </si>
  <si>
    <t>7634361.0</t>
  </si>
  <si>
    <t>6316826.0</t>
  </si>
  <si>
    <t>21300748.0</t>
  </si>
  <si>
    <t>7924581.0</t>
  </si>
  <si>
    <t>7634469.0</t>
  </si>
  <si>
    <t>6318655.0</t>
  </si>
  <si>
    <t>21304002.0</t>
  </si>
  <si>
    <t>7924684.0</t>
  </si>
  <si>
    <t>7634567.0</t>
  </si>
  <si>
    <t>6321711.0</t>
  </si>
  <si>
    <t>21306002.0</t>
  </si>
  <si>
    <t>7924772.0</t>
  </si>
  <si>
    <t>7634675.0</t>
  </si>
  <si>
    <t>6323520.0</t>
  </si>
  <si>
    <t>21306204.0</t>
  </si>
  <si>
    <t>7924786.0</t>
  </si>
  <si>
    <t>7634684.0</t>
  </si>
  <si>
    <t>6323699.0</t>
  </si>
  <si>
    <t>21306237.0</t>
  </si>
  <si>
    <t>7924790.0</t>
  </si>
  <si>
    <t>7634686.0</t>
  </si>
  <si>
    <t>6323727.0</t>
  </si>
  <si>
    <t>35796.6</t>
  </si>
  <si>
    <t>3446.96162878436</t>
  </si>
  <si>
    <t>21310766.0</t>
  </si>
  <si>
    <t>7924982.0</t>
  </si>
  <si>
    <t>7634883.0</t>
  </si>
  <si>
    <t>6327966.0</t>
  </si>
  <si>
    <t>205.21</t>
  </si>
  <si>
    <t>21314485.0</t>
  </si>
  <si>
    <t>7925105.0</t>
  </si>
  <si>
    <t>7634997.0</t>
  </si>
  <si>
    <t>6331457.0</t>
  </si>
  <si>
    <t>205.24</t>
  </si>
  <si>
    <t>21316575.0</t>
  </si>
  <si>
    <t>7925177.0</t>
  </si>
  <si>
    <t>7635095.0</t>
  </si>
  <si>
    <t>6333383.0</t>
  </si>
  <si>
    <t>21319622.0</t>
  </si>
  <si>
    <t>7925342.0</t>
  </si>
  <si>
    <t>7635245.0</t>
  </si>
  <si>
    <t>6336127.0</t>
  </si>
  <si>
    <t>21321937.0</t>
  </si>
  <si>
    <t>7925448.0</t>
  </si>
  <si>
    <t>7635349.0</t>
  </si>
  <si>
    <t>6338240.0</t>
  </si>
  <si>
    <t>21322113.0</t>
  </si>
  <si>
    <t>7925455.0</t>
  </si>
  <si>
    <t>7635359.0</t>
  </si>
  <si>
    <t>6338401.0</t>
  </si>
  <si>
    <t>21322162.0</t>
  </si>
  <si>
    <t>7925458.0</t>
  </si>
  <si>
    <t>7635362.0</t>
  </si>
  <si>
    <t>6338444.0</t>
  </si>
  <si>
    <t>3461.54038739825</t>
  </si>
  <si>
    <t>21326131.0</t>
  </si>
  <si>
    <t>7925644.0</t>
  </si>
  <si>
    <t>7635523.0</t>
  </si>
  <si>
    <t>6342123.0</t>
  </si>
  <si>
    <t>21329855.0</t>
  </si>
  <si>
    <t>7925779.0</t>
  </si>
  <si>
    <t>7635662.0</t>
  </si>
  <si>
    <t>6345582.0</t>
  </si>
  <si>
    <t>205.39</t>
  </si>
  <si>
    <t>21332343.0</t>
  </si>
  <si>
    <t>7925878.0</t>
  </si>
  <si>
    <t>7635790.0</t>
  </si>
  <si>
    <t>6347853.0</t>
  </si>
  <si>
    <t>205.42</t>
  </si>
  <si>
    <t>21335349.0</t>
  </si>
  <si>
    <t>7926032.0</t>
  </si>
  <si>
    <t>7635913.0</t>
  </si>
  <si>
    <t>6350590.0</t>
  </si>
  <si>
    <t>21337233.0</t>
  </si>
  <si>
    <t>7926078.0</t>
  </si>
  <si>
    <t>7636031.0</t>
  </si>
  <si>
    <t>6352312.0</t>
  </si>
  <si>
    <t>205.46</t>
  </si>
  <si>
    <t>21337494.0</t>
  </si>
  <si>
    <t>7926114.0</t>
  </si>
  <si>
    <t>7636049.0</t>
  </si>
  <si>
    <t>6352523.0</t>
  </si>
  <si>
    <t>205.47</t>
  </si>
  <si>
    <t>21337553.0</t>
  </si>
  <si>
    <t>7926119.0</t>
  </si>
  <si>
    <t>7636052.0</t>
  </si>
  <si>
    <t>6352575.0</t>
  </si>
  <si>
    <t>36121.0</t>
  </si>
  <si>
    <t>3478.19907458585</t>
  </si>
  <si>
    <t>21340922.0</t>
  </si>
  <si>
    <t>7926303.0</t>
  </si>
  <si>
    <t>7636212.0</t>
  </si>
  <si>
    <t>6355658.0</t>
  </si>
  <si>
    <t>205.5</t>
  </si>
  <si>
    <t>21344131.0</t>
  </si>
  <si>
    <t>7926383.0</t>
  </si>
  <si>
    <t>7636314.0</t>
  </si>
  <si>
    <t>6358696.0</t>
  </si>
  <si>
    <t>205.53</t>
  </si>
  <si>
    <t>21346388.0</t>
  </si>
  <si>
    <t>7926450.0</t>
  </si>
  <si>
    <t>7636411.0</t>
  </si>
  <si>
    <t>6360797.0</t>
  </si>
  <si>
    <t>21348987.0</t>
  </si>
  <si>
    <t>7926543.0</t>
  </si>
  <si>
    <t>7636557.0</t>
  </si>
  <si>
    <t>6363164.0</t>
  </si>
  <si>
    <t>205.58</t>
  </si>
  <si>
    <t>21350807.0</t>
  </si>
  <si>
    <t>7926620.0</t>
  </si>
  <si>
    <t>7636662.0</t>
  </si>
  <si>
    <t>6364811.0</t>
  </si>
  <si>
    <t>205.59</t>
  </si>
  <si>
    <t>21351070.0</t>
  </si>
  <si>
    <t>7926656.0</t>
  </si>
  <si>
    <t>7636687.0</t>
  </si>
  <si>
    <t>6365020.0</t>
  </si>
  <si>
    <t>21351104.0</t>
  </si>
  <si>
    <t>7926658.0</t>
  </si>
  <si>
    <t>7636691.0</t>
  </si>
  <si>
    <t>6365048.0</t>
  </si>
  <si>
    <t>36156.4</t>
  </si>
  <si>
    <t>3481.60784641499</t>
  </si>
  <si>
    <t>21354138.0</t>
  </si>
  <si>
    <t>7926818.0</t>
  </si>
  <si>
    <t>7636881.0</t>
  </si>
  <si>
    <t>6367835.0</t>
  </si>
  <si>
    <t>21356402.0</t>
  </si>
  <si>
    <t>7926891.0</t>
  </si>
  <si>
    <t>7636979.0</t>
  </si>
  <si>
    <t>6369930.0</t>
  </si>
  <si>
    <t>21358788.0</t>
  </si>
  <si>
    <t>7927038.0</t>
  </si>
  <si>
    <t>7637083.0</t>
  </si>
  <si>
    <t>6372069.0</t>
  </si>
  <si>
    <t>21364180.0</t>
  </si>
  <si>
    <t>7927155.0</t>
  </si>
  <si>
    <t>7637187.0</t>
  </si>
  <si>
    <t>6377251.0</t>
  </si>
  <si>
    <t>205.72</t>
  </si>
  <si>
    <t>21368761.0</t>
  </si>
  <si>
    <t>7927245.0</t>
  </si>
  <si>
    <t>7637278.0</t>
  </si>
  <si>
    <t>6381651.0</t>
  </si>
  <si>
    <t>21369180.0</t>
  </si>
  <si>
    <t>7927271.0</t>
  </si>
  <si>
    <t>7637296.0</t>
  </si>
  <si>
    <t>6382027.0</t>
  </si>
  <si>
    <t>76.883</t>
  </si>
  <si>
    <t>21369196.0</t>
  </si>
  <si>
    <t>7927273.0</t>
  </si>
  <si>
    <t>7637297.0</t>
  </si>
  <si>
    <t>6382040.0</t>
  </si>
  <si>
    <t>36273.4</t>
  </si>
  <si>
    <t>3492.87412618927</t>
  </si>
  <si>
    <t>21374548.0</t>
  </si>
  <si>
    <t>7927412.0</t>
  </si>
  <si>
    <t>7637447.0</t>
  </si>
  <si>
    <t>6387178.0</t>
  </si>
  <si>
    <t>21383153.0</t>
  </si>
  <si>
    <t>7927522.0</t>
  </si>
  <si>
    <t>7637552.0</t>
  </si>
  <si>
    <t>6395574.0</t>
  </si>
  <si>
    <t>205.9</t>
  </si>
  <si>
    <t>21387352.0</t>
  </si>
  <si>
    <t>7927595.0</t>
  </si>
  <si>
    <t>7637639.0</t>
  </si>
  <si>
    <t>6399629.0</t>
  </si>
  <si>
    <t>205.95</t>
  </si>
  <si>
    <t>21394969.0</t>
  </si>
  <si>
    <t>7927776.0</t>
  </si>
  <si>
    <t>7637824.0</t>
  </si>
  <si>
    <t>6406950.0</t>
  </si>
  <si>
    <t>21400041.0</t>
  </si>
  <si>
    <t>7927863.0</t>
  </si>
  <si>
    <t>7637936.0</t>
  </si>
  <si>
    <t>6411857.0</t>
  </si>
  <si>
    <t>21400435.0</t>
  </si>
  <si>
    <t>7927872.0</t>
  </si>
  <si>
    <t>7637946.0</t>
  </si>
  <si>
    <t>6412233.0</t>
  </si>
  <si>
    <t>21400465.0</t>
  </si>
  <si>
    <t>7927874.0</t>
  </si>
  <si>
    <t>7637948.0</t>
  </si>
  <si>
    <t>6412259.0</t>
  </si>
  <si>
    <t>36271.2</t>
  </si>
  <si>
    <t>3492.66228161232</t>
  </si>
  <si>
    <t>21405124.0</t>
  </si>
  <si>
    <t>7928012.0</t>
  </si>
  <si>
    <t>7638102.0</t>
  </si>
  <si>
    <t>6416681.0</t>
  </si>
  <si>
    <t>206.12</t>
  </si>
  <si>
    <t>21412151.0</t>
  </si>
  <si>
    <t>7928154.0</t>
  </si>
  <si>
    <t>7638256.0</t>
  </si>
  <si>
    <t>6423462.0</t>
  </si>
  <si>
    <t>21415408.0</t>
  </si>
  <si>
    <t>7928261.0</t>
  </si>
  <si>
    <t>7638340.0</t>
  </si>
  <si>
    <t>6426532.0</t>
  </si>
  <si>
    <t>21419945.0</t>
  </si>
  <si>
    <t>7928351.0</t>
  </si>
  <si>
    <t>7638460.0</t>
  </si>
  <si>
    <t>6430864.0</t>
  </si>
  <si>
    <t>21422686.0</t>
  </si>
  <si>
    <t>7928417.0</t>
  </si>
  <si>
    <t>7638543.0</t>
  </si>
  <si>
    <t>6433457.0</t>
  </si>
  <si>
    <t>21422745.0</t>
  </si>
  <si>
    <t>7928423.0</t>
  </si>
  <si>
    <t>7638552.0</t>
  </si>
  <si>
    <t>6433503.0</t>
  </si>
  <si>
    <t>21422779.0</t>
  </si>
  <si>
    <t>7638553.0</t>
  </si>
  <si>
    <t>6433536.0</t>
  </si>
  <si>
    <t>36587.6</t>
  </si>
  <si>
    <t>3523.12938349762</t>
  </si>
  <si>
    <t>21428403.0</t>
  </si>
  <si>
    <t>7928471.0</t>
  </si>
  <si>
    <t>7638596.0</t>
  </si>
  <si>
    <t>6439079.0</t>
  </si>
  <si>
    <t>21440682.0</t>
  </si>
  <si>
    <t>7928565.0</t>
  </si>
  <si>
    <t>7638683.0</t>
  </si>
  <si>
    <t>6451178.0</t>
  </si>
  <si>
    <t>21448442.0</t>
  </si>
  <si>
    <t>7928627.0</t>
  </si>
  <si>
    <t>7638750.0</t>
  </si>
  <si>
    <t>6458815.0</t>
  </si>
  <si>
    <t>21461196.0</t>
  </si>
  <si>
    <t>7928705.0</t>
  </si>
  <si>
    <t>7638833.0</t>
  </si>
  <si>
    <t>6471414.0</t>
  </si>
  <si>
    <t>12754.0</t>
  </si>
  <si>
    <t>206.66</t>
  </si>
  <si>
    <t>21471833.0</t>
  </si>
  <si>
    <t>7928804.0</t>
  </si>
  <si>
    <t>7638929.0</t>
  </si>
  <si>
    <t>6481865.0</t>
  </si>
  <si>
    <t>21472921.0</t>
  </si>
  <si>
    <t>7928815.0</t>
  </si>
  <si>
    <t>7638938.0</t>
  </si>
  <si>
    <t>6482934.0</t>
  </si>
  <si>
    <t>21472967.0</t>
  </si>
  <si>
    <t>7928816.0</t>
  </si>
  <si>
    <t>7638939.0</t>
  </si>
  <si>
    <t>6482978.0</t>
  </si>
  <si>
    <t>36622.2</t>
  </si>
  <si>
    <t>3526.46112093514</t>
  </si>
  <si>
    <t>21482656.0</t>
  </si>
  <si>
    <t>7928983.0</t>
  </si>
  <si>
    <t>7639103.0</t>
  </si>
  <si>
    <t>6492429.0</t>
  </si>
  <si>
    <t>21498250.0</t>
  </si>
  <si>
    <t>7929042.0</t>
  </si>
  <si>
    <t>7639164.0</t>
  </si>
  <si>
    <t>6507909.0</t>
  </si>
  <si>
    <t>207.01</t>
  </si>
  <si>
    <t>21507436.0</t>
  </si>
  <si>
    <t>7929101.0</t>
  </si>
  <si>
    <t>7639266.0</t>
  </si>
  <si>
    <t>6516937.0</t>
  </si>
  <si>
    <t>21521240.0</t>
  </si>
  <si>
    <t>7929160.0</t>
  </si>
  <si>
    <t>7639319.0</t>
  </si>
  <si>
    <t>6530632.0</t>
  </si>
  <si>
    <t>207.23</t>
  </si>
  <si>
    <t>21532934.0</t>
  </si>
  <si>
    <t>7929205.0</t>
  </si>
  <si>
    <t>7639371.0</t>
  </si>
  <si>
    <t>6542234.0</t>
  </si>
  <si>
    <t>21534147.0</t>
  </si>
  <si>
    <t>7929212.0</t>
  </si>
  <si>
    <t>7639383.0</t>
  </si>
  <si>
    <t>6543429.0</t>
  </si>
  <si>
    <t>21534230.0</t>
  </si>
  <si>
    <t>7929213.0</t>
  </si>
  <si>
    <t>6543511.0</t>
  </si>
  <si>
    <t>36652.4</t>
  </si>
  <si>
    <t>3529.36916921875</t>
  </si>
  <si>
    <t>21543875.0</t>
  </si>
  <si>
    <t>7929265.0</t>
  </si>
  <si>
    <t>7639436.0</t>
  </si>
  <si>
    <t>6553059.0</t>
  </si>
  <si>
    <t>207.45</t>
  </si>
  <si>
    <t>21560290.0</t>
  </si>
  <si>
    <t>7929373.0</t>
  </si>
  <si>
    <t>7639562.0</t>
  </si>
  <si>
    <t>6569243.0</t>
  </si>
  <si>
    <t>16415.0</t>
  </si>
  <si>
    <t>207.61</t>
  </si>
  <si>
    <t>21570096.0</t>
  </si>
  <si>
    <t>7929440.0</t>
  </si>
  <si>
    <t>7639640.0</t>
  </si>
  <si>
    <t>6578905.0</t>
  </si>
  <si>
    <t>21585665.0</t>
  </si>
  <si>
    <t>7929531.0</t>
  </si>
  <si>
    <t>7639757.0</t>
  </si>
  <si>
    <t>6594282.0</t>
  </si>
  <si>
    <t>21598199.0</t>
  </si>
  <si>
    <t>7929607.0</t>
  </si>
  <si>
    <t>7639838.0</t>
  </si>
  <si>
    <t>6606664.0</t>
  </si>
  <si>
    <t>207.98</t>
  </si>
  <si>
    <t>21599465.0</t>
  </si>
  <si>
    <t>7929615.0</t>
  </si>
  <si>
    <t>7639848.0</t>
  </si>
  <si>
    <t>6607912.0</t>
  </si>
  <si>
    <t>207.99</t>
  </si>
  <si>
    <t>21599632.0</t>
  </si>
  <si>
    <t>7929624.0</t>
  </si>
  <si>
    <t>7639853.0</t>
  </si>
  <si>
    <t>6608065.0</t>
  </si>
  <si>
    <t>3533.85642253056</t>
  </si>
  <si>
    <t>21610374.0</t>
  </si>
  <si>
    <t>7929819.0</t>
  </si>
  <si>
    <t>7640039.0</t>
  </si>
  <si>
    <t>6618526.0</t>
  </si>
  <si>
    <t>21628937.0</t>
  </si>
  <si>
    <t>7929853.0</t>
  </si>
  <si>
    <t>7640074.0</t>
  </si>
  <si>
    <t>6637024.0</t>
  </si>
  <si>
    <t>18563.0</t>
  </si>
  <si>
    <t>21637137.0</t>
  </si>
  <si>
    <t>7929918.0</t>
  </si>
  <si>
    <t>7640148.0</t>
  </si>
  <si>
    <t>6645090.0</t>
  </si>
  <si>
    <t>21651759.0</t>
  </si>
  <si>
    <t>7929966.0</t>
  </si>
  <si>
    <t>7640228.0</t>
  </si>
  <si>
    <t>6659591.0</t>
  </si>
  <si>
    <t>14622.0</t>
  </si>
  <si>
    <t>208.49</t>
  </si>
  <si>
    <t>21651908.0</t>
  </si>
  <si>
    <t>7929970.0</t>
  </si>
  <si>
    <t>7640233.0</t>
  </si>
  <si>
    <t>21652888.0</t>
  </si>
  <si>
    <t>7929974.0</t>
  </si>
  <si>
    <t>7640238.0</t>
  </si>
  <si>
    <t>6660703.0</t>
  </si>
  <si>
    <t>21652943.0</t>
  </si>
  <si>
    <t>7929978.0</t>
  </si>
  <si>
    <t>7640242.0</t>
  </si>
  <si>
    <t>6660750.0</t>
  </si>
  <si>
    <t>36879.2</t>
  </si>
  <si>
    <t>3551.20841924273</t>
  </si>
  <si>
    <t>21660301.0</t>
  </si>
  <si>
    <t>7930019.0</t>
  </si>
  <si>
    <t>7640281.0</t>
  </si>
  <si>
    <t>6668031.0</t>
  </si>
  <si>
    <t>208.57</t>
  </si>
  <si>
    <t>21675214.0</t>
  </si>
  <si>
    <t>7930116.0</t>
  </si>
  <si>
    <t>7640372.0</t>
  </si>
  <si>
    <t>6682758.0</t>
  </si>
  <si>
    <t>208.72</t>
  </si>
  <si>
    <t>21684709.0</t>
  </si>
  <si>
    <t>7930174.0</t>
  </si>
  <si>
    <t>7640443.0</t>
  </si>
  <si>
    <t>6692125.0</t>
  </si>
  <si>
    <t>21699479.0</t>
  </si>
  <si>
    <t>7930218.0</t>
  </si>
  <si>
    <t>7640512.0</t>
  </si>
  <si>
    <t>6706784.0</t>
  </si>
  <si>
    <t>208.95</t>
  </si>
  <si>
    <t>21711039.0</t>
  </si>
  <si>
    <t>7930277.0</t>
  </si>
  <si>
    <t>7640595.0</t>
  </si>
  <si>
    <t>6718206.0</t>
  </si>
  <si>
    <t>209.06</t>
  </si>
  <si>
    <t>21714017.0</t>
  </si>
  <si>
    <t>7930293.0</t>
  </si>
  <si>
    <t>7640607.0</t>
  </si>
  <si>
    <t>6721157.0</t>
  </si>
  <si>
    <t>209.09</t>
  </si>
  <si>
    <t>136.815</t>
  </si>
  <si>
    <t>21714370.0</t>
  </si>
  <si>
    <t>7930297.0</t>
  </si>
  <si>
    <t>7640609.0</t>
  </si>
  <si>
    <t>6721504.0</t>
  </si>
  <si>
    <t>8775.0</t>
  </si>
  <si>
    <t>37000.2</t>
  </si>
  <si>
    <t>3562.8598709751</t>
  </si>
  <si>
    <t>21722638.0</t>
  </si>
  <si>
    <t>7930478.0</t>
  </si>
  <si>
    <t>7640775.0</t>
  </si>
  <si>
    <t>6729495.0</t>
  </si>
  <si>
    <t>21737670.0</t>
  </si>
  <si>
    <t>7930529.0</t>
  </si>
  <si>
    <t>7640818.0</t>
  </si>
  <si>
    <t>6744442.0</t>
  </si>
  <si>
    <t>209.32</t>
  </si>
  <si>
    <t>21746827.0</t>
  </si>
  <si>
    <t>7930545.0</t>
  </si>
  <si>
    <t>7640842.0</t>
  </si>
  <si>
    <t>6753561.0</t>
  </si>
  <si>
    <t>209.41</t>
  </si>
  <si>
    <t>21759618.0</t>
  </si>
  <si>
    <t>7930587.0</t>
  </si>
  <si>
    <t>7640905.0</t>
  </si>
  <si>
    <t>6766252.0</t>
  </si>
  <si>
    <t>209.53</t>
  </si>
  <si>
    <t>21769149.0</t>
  </si>
  <si>
    <t>7930605.0</t>
  </si>
  <si>
    <t>7640945.0</t>
  </si>
  <si>
    <t>6775727.0</t>
  </si>
  <si>
    <t>21771477.0</t>
  </si>
  <si>
    <t>7930616.0</t>
  </si>
  <si>
    <t>7640964.0</t>
  </si>
  <si>
    <t>6778027.0</t>
  </si>
  <si>
    <t>21771745.0</t>
  </si>
  <si>
    <t>6778295.0</t>
  </si>
  <si>
    <t>21778749.0</t>
  </si>
  <si>
    <t>7930671.0</t>
  </si>
  <si>
    <t>7641016.0</t>
  </si>
  <si>
    <t>6785198.0</t>
  </si>
  <si>
    <t>209.71</t>
  </si>
  <si>
    <t>21791914.0</t>
  </si>
  <si>
    <t>7930761.0</t>
  </si>
  <si>
    <t>7641114.0</t>
  </si>
  <si>
    <t>6798178.0</t>
  </si>
  <si>
    <t>13165.0</t>
  </si>
  <si>
    <t>21800408.0</t>
  </si>
  <si>
    <t>7930809.0</t>
  </si>
  <si>
    <t>7641172.0</t>
  </si>
  <si>
    <t>6806567.0</t>
  </si>
  <si>
    <t>209.92</t>
  </si>
  <si>
    <t>21812507.0</t>
  </si>
  <si>
    <t>7930870.0</t>
  </si>
  <si>
    <t>7641249.0</t>
  </si>
  <si>
    <t>6818532.0</t>
  </si>
  <si>
    <t>210.04</t>
  </si>
  <si>
    <t>21820951.0</t>
  </si>
  <si>
    <t>7930949.0</t>
  </si>
  <si>
    <t>7641314.0</t>
  </si>
  <si>
    <t>6826832.0</t>
  </si>
  <si>
    <t>21823125.0</t>
  </si>
  <si>
    <t>7930967.0</t>
  </si>
  <si>
    <t>7641326.0</t>
  </si>
  <si>
    <t>6828976.0</t>
  </si>
  <si>
    <t>210.14</t>
  </si>
  <si>
    <t>21823401.0</t>
  </si>
  <si>
    <t>7930970.0</t>
  </si>
  <si>
    <t>6829249.0</t>
  </si>
  <si>
    <t>21830039.0</t>
  </si>
  <si>
    <t>7931110.0</t>
  </si>
  <si>
    <t>7641461.0</t>
  </si>
  <si>
    <t>6835674.0</t>
  </si>
  <si>
    <t>210.21</t>
  </si>
  <si>
    <t>21842154.0</t>
  </si>
  <si>
    <t>7931149.0</t>
  </si>
  <si>
    <t>7641504.0</t>
  </si>
  <si>
    <t>6847715.0</t>
  </si>
  <si>
    <t>21849581.0</t>
  </si>
  <si>
    <t>7931201.0</t>
  </si>
  <si>
    <t>7641547.0</t>
  </si>
  <si>
    <t>6855056.0</t>
  </si>
  <si>
    <t>21860301.0</t>
  </si>
  <si>
    <t>7931255.0</t>
  </si>
  <si>
    <t>7641589.0</t>
  </si>
  <si>
    <t>6865680.0</t>
  </si>
  <si>
    <t>21867813.0</t>
  </si>
  <si>
    <t>7931295.0</t>
  </si>
  <si>
    <t>7641617.0</t>
  </si>
  <si>
    <t>6873126.0</t>
  </si>
  <si>
    <t>21869556.0</t>
  </si>
  <si>
    <t>7931308.0</t>
  </si>
  <si>
    <t>7641632.0</t>
  </si>
  <si>
    <t>6874843.0</t>
  </si>
  <si>
    <t>21869756.0</t>
  </si>
  <si>
    <t>7931309.0</t>
  </si>
  <si>
    <t>7641633.0</t>
  </si>
  <si>
    <t>6875041.0</t>
  </si>
  <si>
    <t>21875519.0</t>
  </si>
  <si>
    <t>7931332.0</t>
  </si>
  <si>
    <t>7641662.0</t>
  </si>
  <si>
    <t>6880753.0</t>
  </si>
  <si>
    <t>210.65</t>
  </si>
  <si>
    <t>21886395.0</t>
  </si>
  <si>
    <t>7931405.0</t>
  </si>
  <si>
    <t>7641757.0</t>
  </si>
  <si>
    <t>6891462.0</t>
  </si>
  <si>
    <t>21892721.0</t>
  </si>
  <si>
    <t>7931438.0</t>
  </si>
  <si>
    <t>7641790.0</t>
  </si>
  <si>
    <t>6897726.0</t>
  </si>
  <si>
    <t>210.81</t>
  </si>
  <si>
    <t>21902070.0</t>
  </si>
  <si>
    <t>7931482.0</t>
  </si>
  <si>
    <t>7641824.0</t>
  </si>
  <si>
    <t>6906999.0</t>
  </si>
  <si>
    <t>21909250.0</t>
  </si>
  <si>
    <t>7931544.0</t>
  </si>
  <si>
    <t>7641893.0</t>
  </si>
  <si>
    <t>6914051.0</t>
  </si>
  <si>
    <t>210.97</t>
  </si>
  <si>
    <t>21910819.0</t>
  </si>
  <si>
    <t>7931561.0</t>
  </si>
  <si>
    <t>7641904.0</t>
  </si>
  <si>
    <t>6915595.0</t>
  </si>
  <si>
    <t>21910998.0</t>
  </si>
  <si>
    <t>7931563.0</t>
  </si>
  <si>
    <t>7641906.0</t>
  </si>
  <si>
    <t>6915770.0</t>
  </si>
  <si>
    <t>21916721.0</t>
  </si>
  <si>
    <t>7931667.0</t>
  </si>
  <si>
    <t>7642014.0</t>
  </si>
  <si>
    <t>6921324.0</t>
  </si>
  <si>
    <t>211.04</t>
  </si>
  <si>
    <t>21926275.0</t>
  </si>
  <si>
    <t>7931698.0</t>
  </si>
  <si>
    <t>7642051.0</t>
  </si>
  <si>
    <t>6930819.0</t>
  </si>
  <si>
    <t>21932442.0</t>
  </si>
  <si>
    <t>7931735.0</t>
  </si>
  <si>
    <t>7642081.0</t>
  </si>
  <si>
    <t>6936921.0</t>
  </si>
  <si>
    <t>21942254.0</t>
  </si>
  <si>
    <t>7931758.0</t>
  </si>
  <si>
    <t>7642112.0</t>
  </si>
  <si>
    <t>6946681.0</t>
  </si>
  <si>
    <t>21949080.0</t>
  </si>
  <si>
    <t>7931793.0</t>
  </si>
  <si>
    <t>7642158.0</t>
  </si>
  <si>
    <t>6953429.0</t>
  </si>
  <si>
    <t>211.35</t>
  </si>
  <si>
    <t>21950708.0</t>
  </si>
  <si>
    <t>7931801.0</t>
  </si>
  <si>
    <t>7642170.0</t>
  </si>
  <si>
    <t>6955039.0</t>
  </si>
  <si>
    <t>211.37</t>
  </si>
  <si>
    <t>21950857.0</t>
  </si>
  <si>
    <t>7931803.0</t>
  </si>
  <si>
    <t>7642172.0</t>
  </si>
  <si>
    <t>6955186.0</t>
  </si>
  <si>
    <t>21956017.0</t>
  </si>
  <si>
    <t>7931824.0</t>
  </si>
  <si>
    <t>7642201.0</t>
  </si>
  <si>
    <t>6960296.0</t>
  </si>
  <si>
    <t>211.42</t>
  </si>
  <si>
    <t>21965315.0</t>
  </si>
  <si>
    <t>7931881.0</t>
  </si>
  <si>
    <t>7642275.0</t>
  </si>
  <si>
    <t>6969464.0</t>
  </si>
  <si>
    <t>21970806.0</t>
  </si>
  <si>
    <t>7931923.0</t>
  </si>
  <si>
    <t>7642331.0</t>
  </si>
  <si>
    <t>6974858.0</t>
  </si>
  <si>
    <t>21979145.0</t>
  </si>
  <si>
    <t>7931963.0</t>
  </si>
  <si>
    <t>7642376.0</t>
  </si>
  <si>
    <t>6983115.0</t>
  </si>
  <si>
    <t>211.64</t>
  </si>
  <si>
    <t>21984888.0</t>
  </si>
  <si>
    <t>7932023.0</t>
  </si>
  <si>
    <t>7642430.0</t>
  </si>
  <si>
    <t>6988746.0</t>
  </si>
  <si>
    <t>21986279.0</t>
  </si>
  <si>
    <t>7932027.0</t>
  </si>
  <si>
    <t>7642439.0</t>
  </si>
  <si>
    <t>6990124.0</t>
  </si>
  <si>
    <t>21986456.0</t>
  </si>
  <si>
    <t>7932028.0</t>
  </si>
  <si>
    <t>7642440.0</t>
  </si>
  <si>
    <t>6990299.0</t>
  </si>
  <si>
    <t>21990619.0</t>
  </si>
  <si>
    <t>7932142.0</t>
  </si>
  <si>
    <t>7642567.0</t>
  </si>
  <si>
    <t>6994279.0</t>
  </si>
  <si>
    <t>211.75</t>
  </si>
  <si>
    <t>21997257.0</t>
  </si>
  <si>
    <t>7932171.0</t>
  </si>
  <si>
    <t>7642608.0</t>
  </si>
  <si>
    <t>7000853.0</t>
  </si>
  <si>
    <t>22000765.0</t>
  </si>
  <si>
    <t>7932206.0</t>
  </si>
  <si>
    <t>7642633.0</t>
  </si>
  <si>
    <t>7004306.0</t>
  </si>
  <si>
    <t>211.85</t>
  </si>
  <si>
    <t>22004775.0</t>
  </si>
  <si>
    <t>7932224.0</t>
  </si>
  <si>
    <t>7642654.0</t>
  </si>
  <si>
    <t>7008278.0</t>
  </si>
  <si>
    <t>211.89</t>
  </si>
  <si>
    <t>22006951.0</t>
  </si>
  <si>
    <t>7932251.0</t>
  </si>
  <si>
    <t>7642687.0</t>
  </si>
  <si>
    <t>7010397.0</t>
  </si>
  <si>
    <t>211.91</t>
  </si>
  <si>
    <t>22007185.0</t>
  </si>
  <si>
    <t>7932257.0</t>
  </si>
  <si>
    <t>7642693.0</t>
  </si>
  <si>
    <t>7010619.0</t>
  </si>
  <si>
    <t>22007203.0</t>
  </si>
  <si>
    <t>7642694.0</t>
  </si>
  <si>
    <t>7010636.0</t>
  </si>
  <si>
    <t>22007222.0</t>
  </si>
  <si>
    <t>7010655.0</t>
  </si>
  <si>
    <t>22010064.0</t>
  </si>
  <si>
    <t>7932293.0</t>
  </si>
  <si>
    <t>7642735.0</t>
  </si>
  <si>
    <t>7013422.0</t>
  </si>
  <si>
    <t>211.94</t>
  </si>
  <si>
    <t>22012331.0</t>
  </si>
  <si>
    <t>7932323.0</t>
  </si>
  <si>
    <t>7642771.0</t>
  </si>
  <si>
    <t>7015625.0</t>
  </si>
  <si>
    <t>22015415.0</t>
  </si>
  <si>
    <t>7932353.0</t>
  </si>
  <si>
    <t>7642801.0</t>
  </si>
  <si>
    <t>7018650.0</t>
  </si>
  <si>
    <t>22017001.0</t>
  </si>
  <si>
    <t>7932388.0</t>
  </si>
  <si>
    <t>7642842.0</t>
  </si>
  <si>
    <t>7020160.0</t>
  </si>
  <si>
    <t>22017133.0</t>
  </si>
  <si>
    <t>7932395.0</t>
  </si>
  <si>
    <t>7642847.0</t>
  </si>
  <si>
    <t>7020281.0</t>
  </si>
  <si>
    <t>22017153.0</t>
  </si>
  <si>
    <t>7932396.0</t>
  </si>
  <si>
    <t>7642848.0</t>
  </si>
  <si>
    <t>7020300.0</t>
  </si>
  <si>
    <t>22018562.0</t>
  </si>
  <si>
    <t>7932466.0</t>
  </si>
  <si>
    <t>7642934.0</t>
  </si>
  <si>
    <t>7021584.0</t>
  </si>
  <si>
    <t>22022083.0</t>
  </si>
  <si>
    <t>7932489.0</t>
  </si>
  <si>
    <t>7642958.0</t>
  </si>
  <si>
    <t>7025070.0</t>
  </si>
  <si>
    <t>22024898.0</t>
  </si>
  <si>
    <t>7932516.0</t>
  </si>
  <si>
    <t>7642980.0</t>
  </si>
  <si>
    <t>7027838.0</t>
  </si>
  <si>
    <t>22030075.0</t>
  </si>
  <si>
    <t>7932545.0</t>
  </si>
  <si>
    <t>7643017.0</t>
  </si>
  <si>
    <t>7032955.0</t>
  </si>
  <si>
    <t>212.13</t>
  </si>
  <si>
    <t>GRL</t>
  </si>
  <si>
    <t>Greenland</t>
  </si>
  <si>
    <t>-17.4</t>
  </si>
  <si>
    <t>-307.997309448791</t>
  </si>
  <si>
    <t>-35.6</t>
  </si>
  <si>
    <t>-18.58</t>
  </si>
  <si>
    <t>-38.56</t>
  </si>
  <si>
    <t>-630.155414734308</t>
  </si>
  <si>
    <t>-42.0</t>
  </si>
  <si>
    <t>-743.441781428116</t>
  </si>
  <si>
    <t>-39.0</t>
  </si>
  <si>
    <t>-13.73</t>
  </si>
  <si>
    <t>-690.338797040394</t>
  </si>
  <si>
    <t>-45.2</t>
  </si>
  <si>
    <t>-13.81</t>
  </si>
  <si>
    <t>-14.35</t>
  </si>
  <si>
    <t>-800.08496477502</t>
  </si>
  <si>
    <t>-43.6</t>
  </si>
  <si>
    <t>-11.76</t>
  </si>
  <si>
    <t>-771.763373101568</t>
  </si>
  <si>
    <t>-34.6</t>
  </si>
  <si>
    <t>-8.31</t>
  </si>
  <si>
    <t>-612.4544199384</t>
  </si>
  <si>
    <t>-41.0</t>
  </si>
  <si>
    <t>-9.01</t>
  </si>
  <si>
    <t>-16.67</t>
  </si>
  <si>
    <t>-725.740786632209</t>
  </si>
  <si>
    <t>-6.72</t>
  </si>
  <si>
    <t>-587.67302722413</t>
  </si>
  <si>
    <t>-25.2</t>
  </si>
  <si>
    <t>-446.06506885687</t>
  </si>
  <si>
    <t>-27.1</t>
  </si>
  <si>
    <t>-4.56</t>
  </si>
  <si>
    <t>-479.696958969094</t>
  </si>
  <si>
    <t>-19.4</t>
  </si>
  <si>
    <t>-343.399299040606</t>
  </si>
  <si>
    <t>-33.5</t>
  </si>
  <si>
    <t>-4.84</t>
  </si>
  <si>
    <t>-26.55</t>
  </si>
  <si>
    <t>-592.983325662902</t>
  </si>
  <si>
    <t>-35.0</t>
  </si>
  <si>
    <t>-619.534817856763</t>
  </si>
  <si>
    <t>14278.0</t>
  </si>
  <si>
    <t>16268.0</t>
  </si>
  <si>
    <t>17324.0</t>
  </si>
  <si>
    <t>18461.0</t>
  </si>
  <si>
    <t>20083.0</t>
  </si>
  <si>
    <t>21694.0</t>
  </si>
  <si>
    <t>22376.0</t>
  </si>
  <si>
    <t>-55.7</t>
  </si>
  <si>
    <t>-7.06</t>
  </si>
  <si>
    <t>-43.4</t>
  </si>
  <si>
    <t>-985.945410132049</t>
  </si>
  <si>
    <t>23911.0</t>
  </si>
  <si>
    <t>25335.0</t>
  </si>
  <si>
    <t>46.13</t>
  </si>
  <si>
    <t>11240.0</t>
  </si>
  <si>
    <t>28068.0</t>
  </si>
  <si>
    <t>28531.0</t>
  </si>
  <si>
    <t>28827.0</t>
  </si>
  <si>
    <t>30588.0</t>
  </si>
  <si>
    <t>21179.0</t>
  </si>
  <si>
    <t>31026.0</t>
  </si>
  <si>
    <t>31672.0</t>
  </si>
  <si>
    <t>21863.0</t>
  </si>
  <si>
    <t>22018.0</t>
  </si>
  <si>
    <t>33425.0</t>
  </si>
  <si>
    <t>35554.0</t>
  </si>
  <si>
    <t>25108.0</t>
  </si>
  <si>
    <t>25298.0</t>
  </si>
  <si>
    <t>36998.0</t>
  </si>
  <si>
    <t>28030.0</t>
  </si>
  <si>
    <t>14780.0</t>
  </si>
  <si>
    <t>-60.0</t>
  </si>
  <si>
    <t>-7.18</t>
  </si>
  <si>
    <t>-9.09</t>
  </si>
  <si>
    <t>-1062.05968775445</t>
  </si>
  <si>
    <t>41648.0</t>
  </si>
  <si>
    <t>29234.0</t>
  </si>
  <si>
    <t>17825.0</t>
  </si>
  <si>
    <t>43111.0</t>
  </si>
  <si>
    <t>19117.0</t>
  </si>
  <si>
    <t>19684.0</t>
  </si>
  <si>
    <t>43647.0</t>
  </si>
  <si>
    <t>44246.0</t>
  </si>
  <si>
    <t>30377.0</t>
  </si>
  <si>
    <t>45956.0</t>
  </si>
  <si>
    <t>46746.0</t>
  </si>
  <si>
    <t>47971.0</t>
  </si>
  <si>
    <t>31494.0</t>
  </si>
  <si>
    <t>49838.0</t>
  </si>
  <si>
    <t>31935.0</t>
  </si>
  <si>
    <t>18532.0</t>
  </si>
  <si>
    <t>51639.0</t>
  </si>
  <si>
    <t>18915.0</t>
  </si>
  <si>
    <t>32731.0</t>
  </si>
  <si>
    <t>51949.0</t>
  </si>
  <si>
    <t>32881.0</t>
  </si>
  <si>
    <t>52472.0</t>
  </si>
  <si>
    <t>92.88</t>
  </si>
  <si>
    <t>53530.0</t>
  </si>
  <si>
    <t>34165.0</t>
  </si>
  <si>
    <t>96.83</t>
  </si>
  <si>
    <t>10196.0</t>
  </si>
  <si>
    <t>22351.0</t>
  </si>
  <si>
    <t>22392.0</t>
  </si>
  <si>
    <t>102.25</t>
  </si>
  <si>
    <t>58131.0</t>
  </si>
  <si>
    <t>35434.0</t>
  </si>
  <si>
    <t>22697.0</t>
  </si>
  <si>
    <t>59270.0</t>
  </si>
  <si>
    <t>35782.0</t>
  </si>
  <si>
    <t>23488.0</t>
  </si>
  <si>
    <t>62050.0</t>
  </si>
  <si>
    <t>16692.0</t>
  </si>
  <si>
    <t>-47.5</t>
  </si>
  <si>
    <t>-840.797252805607</t>
  </si>
  <si>
    <t>62724.0</t>
  </si>
  <si>
    <t>36634.0</t>
  </si>
  <si>
    <t>62804.0</t>
  </si>
  <si>
    <t>36672.0</t>
  </si>
  <si>
    <t>111.17</t>
  </si>
  <si>
    <t>12745.0</t>
  </si>
  <si>
    <t>26845.0</t>
  </si>
  <si>
    <t>63845.0</t>
  </si>
  <si>
    <t>64591.0</t>
  </si>
  <si>
    <t>37033.0</t>
  </si>
  <si>
    <t>65343.0</t>
  </si>
  <si>
    <t>37240.0</t>
  </si>
  <si>
    <t>28103.0</t>
  </si>
  <si>
    <t>115.66</t>
  </si>
  <si>
    <t>65392.0</t>
  </si>
  <si>
    <t>37254.0</t>
  </si>
  <si>
    <t>28138.0</t>
  </si>
  <si>
    <t>66285.0</t>
  </si>
  <si>
    <t>38165.0</t>
  </si>
  <si>
    <t>30001.0</t>
  </si>
  <si>
    <t>121.64</t>
  </si>
  <si>
    <t>68767.0</t>
  </si>
  <si>
    <t>69605.0</t>
  </si>
  <si>
    <t>38984.0</t>
  </si>
  <si>
    <t>123.21</t>
  </si>
  <si>
    <t>70371.0</t>
  </si>
  <si>
    <t>39337.0</t>
  </si>
  <si>
    <t>31034.0</t>
  </si>
  <si>
    <t>70518.0</t>
  </si>
  <si>
    <t>39374.0</t>
  </si>
  <si>
    <t>70741.0</t>
  </si>
  <si>
    <t>39425.0</t>
  </si>
  <si>
    <t>39878.0</t>
  </si>
  <si>
    <t>32711.0</t>
  </si>
  <si>
    <t>-44.2</t>
  </si>
  <si>
    <t>-782.383969979113</t>
  </si>
  <si>
    <t>-44.5</t>
  </si>
  <si>
    <t>-4.58</t>
  </si>
  <si>
    <t>-0.63</t>
  </si>
  <si>
    <t>-787.694268417885</t>
  </si>
  <si>
    <t>76120.0</t>
  </si>
  <si>
    <t>134.74</t>
  </si>
  <si>
    <t>76319.0</t>
  </si>
  <si>
    <t>39936.0</t>
  </si>
  <si>
    <t>36383.0</t>
  </si>
  <si>
    <t>76359.0</t>
  </si>
  <si>
    <t>76405.0</t>
  </si>
  <si>
    <t>36445.0</t>
  </si>
  <si>
    <t>76470.0</t>
  </si>
  <si>
    <t>76572.0</t>
  </si>
  <si>
    <t>36570.0</t>
  </si>
  <si>
    <t>135.54</t>
  </si>
  <si>
    <t>76637.0</t>
  </si>
  <si>
    <t>36622.0</t>
  </si>
  <si>
    <t>135.66</t>
  </si>
  <si>
    <t>76757.0</t>
  </si>
  <si>
    <t>135.87</t>
  </si>
  <si>
    <t>77006.0</t>
  </si>
  <si>
    <t>40104.0</t>
  </si>
  <si>
    <t>36902.0</t>
  </si>
  <si>
    <t>77057.0</t>
  </si>
  <si>
    <t>77164.0</t>
  </si>
  <si>
    <t>40121.0</t>
  </si>
  <si>
    <t>37043.0</t>
  </si>
  <si>
    <t>136.59</t>
  </si>
  <si>
    <t>-4.07</t>
  </si>
  <si>
    <t>-729.28098559139</t>
  </si>
  <si>
    <t>77206.0</t>
  </si>
  <si>
    <t>37085.0</t>
  </si>
  <si>
    <t>77383.0</t>
  </si>
  <si>
    <t>40125.0</t>
  </si>
  <si>
    <t>77655.0</t>
  </si>
  <si>
    <t>40224.0</t>
  </si>
  <si>
    <t>137.46</t>
  </si>
  <si>
    <t>-56.7</t>
  </si>
  <si>
    <t>-38.27</t>
  </si>
  <si>
    <t>-1003.64640492796</t>
  </si>
  <si>
    <t>77808.0</t>
  </si>
  <si>
    <t>40271.0</t>
  </si>
  <si>
    <t>37537.0</t>
  </si>
  <si>
    <t>77821.0</t>
  </si>
  <si>
    <t>40274.0</t>
  </si>
  <si>
    <t>77893.0</t>
  </si>
  <si>
    <t>40296.0</t>
  </si>
  <si>
    <t>78120.0</t>
  </si>
  <si>
    <t>40351.0</t>
  </si>
  <si>
    <t>37769.0</t>
  </si>
  <si>
    <t>78240.0</t>
  </si>
  <si>
    <t>40385.0</t>
  </si>
  <si>
    <t>37855.0</t>
  </si>
  <si>
    <t>138.49</t>
  </si>
  <si>
    <t>78423.0</t>
  </si>
  <si>
    <t>37998.0</t>
  </si>
  <si>
    <t>78490.0</t>
  </si>
  <si>
    <t>40447.0</t>
  </si>
  <si>
    <t>-955.853718979006</t>
  </si>
  <si>
    <t>78558.0</t>
  </si>
  <si>
    <t>40469.0</t>
  </si>
  <si>
    <t>38089.0</t>
  </si>
  <si>
    <t>38260.0</t>
  </si>
  <si>
    <t>41122.0</t>
  </si>
  <si>
    <t>38308.0</t>
  </si>
  <si>
    <t>41148.0</t>
  </si>
  <si>
    <t>38330.0</t>
  </si>
  <si>
    <t>140.68</t>
  </si>
  <si>
    <t>79487.0</t>
  </si>
  <si>
    <t>41157.0</t>
  </si>
  <si>
    <t>79507.0</t>
  </si>
  <si>
    <t>41166.0</t>
  </si>
  <si>
    <t>38341.0</t>
  </si>
  <si>
    <t>140.74</t>
  </si>
  <si>
    <t>79521.0</t>
  </si>
  <si>
    <t>140.76</t>
  </si>
  <si>
    <t>79539.0</t>
  </si>
  <si>
    <t>38356.0</t>
  </si>
  <si>
    <t>-58.1</t>
  </si>
  <si>
    <t>-5.03</t>
  </si>
  <si>
    <t>-8.02</t>
  </si>
  <si>
    <t>-1028.42779764223</t>
  </si>
  <si>
    <t>79549.0</t>
  </si>
  <si>
    <t>41188.0</t>
  </si>
  <si>
    <t>140.81</t>
  </si>
  <si>
    <t>79562.0</t>
  </si>
  <si>
    <t>41201.0</t>
  </si>
  <si>
    <t>79577.0</t>
  </si>
  <si>
    <t>38376.0</t>
  </si>
  <si>
    <t>140.86</t>
  </si>
  <si>
    <t>79658.0</t>
  </si>
  <si>
    <t>38438.0</t>
  </si>
  <si>
    <t>79703.0</t>
  </si>
  <si>
    <t>38474.0</t>
  </si>
  <si>
    <t>-52.6</t>
  </si>
  <si>
    <t>-931.072326264736</t>
  </si>
  <si>
    <t>-82.9</t>
  </si>
  <si>
    <t>-55.8</t>
  </si>
  <si>
    <t>-1467.41246858073</t>
  </si>
  <si>
    <t>-84.6</t>
  </si>
  <si>
    <t>-1497.50415973378</t>
  </si>
  <si>
    <t>-90.5</t>
  </si>
  <si>
    <t>-12.07</t>
  </si>
  <si>
    <t>-1601.94002902963</t>
  </si>
  <si>
    <t>-106.0</t>
  </si>
  <si>
    <t>-31.96</t>
  </si>
  <si>
    <t>-1876.3054483662</t>
  </si>
  <si>
    <t>-108.7</t>
  </si>
  <si>
    <t>-1924.09813431515</t>
  </si>
  <si>
    <t>-102.6</t>
  </si>
  <si>
    <t>-6.86</t>
  </si>
  <si>
    <t>-1816.12206606011</t>
  </si>
  <si>
    <t>-112.1</t>
  </si>
  <si>
    <t>-1984.28151662123</t>
  </si>
  <si>
    <t>GRD</t>
  </si>
  <si>
    <t>Grenada</t>
  </si>
  <si>
    <t>10712.0</t>
  </si>
  <si>
    <t>23553.0</t>
  </si>
  <si>
    <t>9005.0</t>
  </si>
  <si>
    <t>35072.0</t>
  </si>
  <si>
    <t>35756.0</t>
  </si>
  <si>
    <t>36524.0</t>
  </si>
  <si>
    <t>21014.0</t>
  </si>
  <si>
    <t>16236.0</t>
  </si>
  <si>
    <t>38233.0</t>
  </si>
  <si>
    <t>21625.0</t>
  </si>
  <si>
    <t>38872.0</t>
  </si>
  <si>
    <t>39121.0</t>
  </si>
  <si>
    <t>21963.0</t>
  </si>
  <si>
    <t>40075.0</t>
  </si>
  <si>
    <t>42484.0</t>
  </si>
  <si>
    <t>23965.0</t>
  </si>
  <si>
    <t>45460.0</t>
  </si>
  <si>
    <t>26088.0</t>
  </si>
  <si>
    <t>48140.0</t>
  </si>
  <si>
    <t>28511.0</t>
  </si>
  <si>
    <t>55663.0</t>
  </si>
  <si>
    <t>33132.0</t>
  </si>
  <si>
    <t>58985.0</t>
  </si>
  <si>
    <t>34535.0</t>
  </si>
  <si>
    <t>62095.0</t>
  </si>
  <si>
    <t>35762.0</t>
  </si>
  <si>
    <t>65362.0</t>
  </si>
  <si>
    <t>36757.0</t>
  </si>
  <si>
    <t>67959.0</t>
  </si>
  <si>
    <t>30284.0</t>
  </si>
  <si>
    <t>69622.0</t>
  </si>
  <si>
    <t>38205.0</t>
  </si>
  <si>
    <t>70861.0</t>
  </si>
  <si>
    <t>32157.0</t>
  </si>
  <si>
    <t>39254.0</t>
  </si>
  <si>
    <t>33028.0</t>
  </si>
  <si>
    <t>73320.0</t>
  </si>
  <si>
    <t>39717.0</t>
  </si>
  <si>
    <t>74708.0</t>
  </si>
  <si>
    <t>40353.0</t>
  </si>
  <si>
    <t>75154.0</t>
  </si>
  <si>
    <t>40561.0</t>
  </si>
  <si>
    <t>75893.0</t>
  </si>
  <si>
    <t>34963.0</t>
  </si>
  <si>
    <t>76128.0</t>
  </si>
  <si>
    <t>41064.0</t>
  </si>
  <si>
    <t>35457.0</t>
  </si>
  <si>
    <t>81106.0</t>
  </si>
  <si>
    <t>41767.0</t>
  </si>
  <si>
    <t>82423.0</t>
  </si>
  <si>
    <t>36332.0</t>
  </si>
  <si>
    <t>42297.0</t>
  </si>
  <si>
    <t>84131.0</t>
  </si>
  <si>
    <t>42603.0</t>
  </si>
  <si>
    <t>85113.0</t>
  </si>
  <si>
    <t>37182.0</t>
  </si>
  <si>
    <t>85315.0</t>
  </si>
  <si>
    <t>37269.0</t>
  </si>
  <si>
    <t>85471.0</t>
  </si>
  <si>
    <t>85696.0</t>
  </si>
  <si>
    <t>85891.0</t>
  </si>
  <si>
    <t>37460.0</t>
  </si>
  <si>
    <t>86011.0</t>
  </si>
  <si>
    <t>43005.0</t>
  </si>
  <si>
    <t>86940.0</t>
  </si>
  <si>
    <t>37825.0</t>
  </si>
  <si>
    <t>87116.0</t>
  </si>
  <si>
    <t>37894.0</t>
  </si>
  <si>
    <t>43292.0</t>
  </si>
  <si>
    <t>37915.0</t>
  </si>
  <si>
    <t>43305.0</t>
  </si>
  <si>
    <t>144147.0</t>
  </si>
  <si>
    <t>1156.785</t>
  </si>
  <si>
    <t>87284.0</t>
  </si>
  <si>
    <t>43313.0</t>
  </si>
  <si>
    <t>145445.0</t>
  </si>
  <si>
    <t>1167.202</t>
  </si>
  <si>
    <t>87353.0</t>
  </si>
  <si>
    <t>38018.0</t>
  </si>
  <si>
    <t>146475.0</t>
  </si>
  <si>
    <t>1175.467</t>
  </si>
  <si>
    <t>43362.0</t>
  </si>
  <si>
    <t>147590.0</t>
  </si>
  <si>
    <t>1184.415</t>
  </si>
  <si>
    <t>147982.0</t>
  </si>
  <si>
    <t>1187.561</t>
  </si>
  <si>
    <t>1192.256</t>
  </si>
  <si>
    <t>38152.0</t>
  </si>
  <si>
    <t>149943.0</t>
  </si>
  <si>
    <t>1203.298</t>
  </si>
  <si>
    <t>150740.0</t>
  </si>
  <si>
    <t>1209.694</t>
  </si>
  <si>
    <t>43419.0</t>
  </si>
  <si>
    <t>151734.0</t>
  </si>
  <si>
    <t>1217.671</t>
  </si>
  <si>
    <t>152457.0</t>
  </si>
  <si>
    <t>1223.473</t>
  </si>
  <si>
    <t>153692.0</t>
  </si>
  <si>
    <t>1233.384</t>
  </si>
  <si>
    <t>88016.0</t>
  </si>
  <si>
    <t>43463.0</t>
  </si>
  <si>
    <t>38228.0</t>
  </si>
  <si>
    <t>0.2687</t>
  </si>
  <si>
    <t>155107.0</t>
  </si>
  <si>
    <t>1244.74</t>
  </si>
  <si>
    <t>155938.0</t>
  </si>
  <si>
    <t>1251.408</t>
  </si>
  <si>
    <t>156652.0</t>
  </si>
  <si>
    <t>1257.138</t>
  </si>
  <si>
    <t>158158.0</t>
  </si>
  <si>
    <t>1269.224</t>
  </si>
  <si>
    <t>88157.0</t>
  </si>
  <si>
    <t>43501.0</t>
  </si>
  <si>
    <t>1286.727</t>
  </si>
  <si>
    <t>161503.0</t>
  </si>
  <si>
    <t>1296.068</t>
  </si>
  <si>
    <t>88384.0</t>
  </si>
  <si>
    <t>0.2203</t>
  </si>
  <si>
    <t>1312.985</t>
  </si>
  <si>
    <t>1317.214</t>
  </si>
  <si>
    <t>164945.0</t>
  </si>
  <si>
    <t>1323.69</t>
  </si>
  <si>
    <t>1329.773</t>
  </si>
  <si>
    <t>166454.0</t>
  </si>
  <si>
    <t>1335.8</t>
  </si>
  <si>
    <t>88728.0</t>
  </si>
  <si>
    <t>43650.0</t>
  </si>
  <si>
    <t>38410.0</t>
  </si>
  <si>
    <t>167519.0</t>
  </si>
  <si>
    <t>1344.346</t>
  </si>
  <si>
    <t>168212.0</t>
  </si>
  <si>
    <t>1349.908</t>
  </si>
  <si>
    <t>88803.0</t>
  </si>
  <si>
    <t>43670.0</t>
  </si>
  <si>
    <t>43674.0</t>
  </si>
  <si>
    <t>169195.0</t>
  </si>
  <si>
    <t>1357.796</t>
  </si>
  <si>
    <t>89032.0</t>
  </si>
  <si>
    <t>43733.0</t>
  </si>
  <si>
    <t>34.86</t>
  </si>
  <si>
    <t>43743.0</t>
  </si>
  <si>
    <t>89080.0</t>
  </si>
  <si>
    <t>43745.0</t>
  </si>
  <si>
    <t>38549.0</t>
  </si>
  <si>
    <t>89147.0</t>
  </si>
  <si>
    <t>43793.0</t>
  </si>
  <si>
    <t>38585.0</t>
  </si>
  <si>
    <t>89257.0</t>
  </si>
  <si>
    <t>38603.0</t>
  </si>
  <si>
    <t>89284.0</t>
  </si>
  <si>
    <t>38623.0</t>
  </si>
  <si>
    <t>43833.0</t>
  </si>
  <si>
    <t>38653.0</t>
  </si>
  <si>
    <t>89439.0</t>
  </si>
  <si>
    <t>43839.0</t>
  </si>
  <si>
    <t>38671.0</t>
  </si>
  <si>
    <t>89646.0</t>
  </si>
  <si>
    <t>38702.0</t>
  </si>
  <si>
    <t>43915.0</t>
  </si>
  <si>
    <t>38707.0</t>
  </si>
  <si>
    <t>89756.0</t>
  </si>
  <si>
    <t>43928.0</t>
  </si>
  <si>
    <t>38726.0</t>
  </si>
  <si>
    <t>43939.0</t>
  </si>
  <si>
    <t>89848.0</t>
  </si>
  <si>
    <t>43959.0</t>
  </si>
  <si>
    <t>43969.0</t>
  </si>
  <si>
    <t>38763.0</t>
  </si>
  <si>
    <t>90054.0</t>
  </si>
  <si>
    <t>44019.0</t>
  </si>
  <si>
    <t>90138.0</t>
  </si>
  <si>
    <t>90210.0</t>
  </si>
  <si>
    <t>90251.0</t>
  </si>
  <si>
    <t>44093.0</t>
  </si>
  <si>
    <t>38975.0</t>
  </si>
  <si>
    <t>GUM</t>
  </si>
  <si>
    <t>Guam</t>
  </si>
  <si>
    <t>4.896</t>
  </si>
  <si>
    <t>5.213</t>
  </si>
  <si>
    <t>7.371</t>
  </si>
  <si>
    <t>10.121</t>
  </si>
  <si>
    <t>11.276</t>
  </si>
  <si>
    <t>12.074</t>
  </si>
  <si>
    <t>12.684</t>
  </si>
  <si>
    <t>12.854</t>
  </si>
  <si>
    <t>12.983</t>
  </si>
  <si>
    <t>13.276</t>
  </si>
  <si>
    <t>15.053</t>
  </si>
  <si>
    <t>15.516</t>
  </si>
  <si>
    <t>16.179</t>
  </si>
  <si>
    <t>16.624</t>
  </si>
  <si>
    <t>17.392</t>
  </si>
  <si>
    <t>19.92</t>
  </si>
  <si>
    <t>20.735</t>
  </si>
  <si>
    <t>25.713</t>
  </si>
  <si>
    <t>26.294</t>
  </si>
  <si>
    <t>27.226</t>
  </si>
  <si>
    <t>28.575</t>
  </si>
  <si>
    <t>29.578</t>
  </si>
  <si>
    <t>30.287</t>
  </si>
  <si>
    <t>31.266</t>
  </si>
  <si>
    <t>31.818</t>
  </si>
  <si>
    <t>32.961</t>
  </si>
  <si>
    <t>34.316</t>
  </si>
  <si>
    <t>36.913</t>
  </si>
  <si>
    <t>37.248</t>
  </si>
  <si>
    <t>41.722</t>
  </si>
  <si>
    <t>42.619</t>
  </si>
  <si>
    <t>44.062</t>
  </si>
  <si>
    <t>44.413</t>
  </si>
  <si>
    <t>46.073</t>
  </si>
  <si>
    <t>47.322</t>
  </si>
  <si>
    <t>52.711</t>
  </si>
  <si>
    <t>55.027</t>
  </si>
  <si>
    <t>59.425</t>
  </si>
  <si>
    <t>10372.0</t>
  </si>
  <si>
    <t>61.208</t>
  </si>
  <si>
    <t>63.847</t>
  </si>
  <si>
    <t>66.192</t>
  </si>
  <si>
    <t>67.036</t>
  </si>
  <si>
    <t>67.529</t>
  </si>
  <si>
    <t>67.746</t>
  </si>
  <si>
    <t>70.279</t>
  </si>
  <si>
    <t>71.399</t>
  </si>
  <si>
    <t>73.581</t>
  </si>
  <si>
    <t>76.143</t>
  </si>
  <si>
    <t>77.052</t>
  </si>
  <si>
    <t>81.057</t>
  </si>
  <si>
    <t>83.397</t>
  </si>
  <si>
    <t>14785.0</t>
  </si>
  <si>
    <t>86.698</t>
  </si>
  <si>
    <t>89.202</t>
  </si>
  <si>
    <t>90.375</t>
  </si>
  <si>
    <t>93.536</t>
  </si>
  <si>
    <t>96.649</t>
  </si>
  <si>
    <t>99.658</t>
  </si>
  <si>
    <t>102.402</t>
  </si>
  <si>
    <t>103.885</t>
  </si>
  <si>
    <t>104.783</t>
  </si>
  <si>
    <t>106.583</t>
  </si>
  <si>
    <t>107.891</t>
  </si>
  <si>
    <t>111.954</t>
  </si>
  <si>
    <t>113.027</t>
  </si>
  <si>
    <t>113.614</t>
  </si>
  <si>
    <t>113.772</t>
  </si>
  <si>
    <t>19592.0</t>
  </si>
  <si>
    <t>114.886</t>
  </si>
  <si>
    <t>19748.0</t>
  </si>
  <si>
    <t>115.801</t>
  </si>
  <si>
    <t>19878.0</t>
  </si>
  <si>
    <t>116.563</t>
  </si>
  <si>
    <t>117.748</t>
  </si>
  <si>
    <t>118.762</t>
  </si>
  <si>
    <t>20370.0</t>
  </si>
  <si>
    <t>119.448</t>
  </si>
  <si>
    <t>119.636</t>
  </si>
  <si>
    <t>20666.0</t>
  </si>
  <si>
    <t>121.184</t>
  </si>
  <si>
    <t>122.087</t>
  </si>
  <si>
    <t>124.263</t>
  </si>
  <si>
    <t>125.793</t>
  </si>
  <si>
    <t>127.998</t>
  </si>
  <si>
    <t>129.311</t>
  </si>
  <si>
    <t>130.156</t>
  </si>
  <si>
    <t>22385.0</t>
  </si>
  <si>
    <t>132.935</t>
  </si>
  <si>
    <t>133.838</t>
  </si>
  <si>
    <t>135.99</t>
  </si>
  <si>
    <t>137.492</t>
  </si>
  <si>
    <t>138.535</t>
  </si>
  <si>
    <t>138.788</t>
  </si>
  <si>
    <t>24036.0</t>
  </si>
  <si>
    <t>143.338</t>
  </si>
  <si>
    <t>24869.0</t>
  </si>
  <si>
    <t>148.557</t>
  </si>
  <si>
    <t>25703.0</t>
  </si>
  <si>
    <t>150.721</t>
  </si>
  <si>
    <t>152.978</t>
  </si>
  <si>
    <t>155.975</t>
  </si>
  <si>
    <t>161.293</t>
  </si>
  <si>
    <t>163.422</t>
  </si>
  <si>
    <t>28276.0</t>
  </si>
  <si>
    <t>28714.0</t>
  </si>
  <si>
    <t>168.377</t>
  </si>
  <si>
    <t>170.728</t>
  </si>
  <si>
    <t>172.259</t>
  </si>
  <si>
    <t>174.323</t>
  </si>
  <si>
    <t>30324.0</t>
  </si>
  <si>
    <t>177.818</t>
  </si>
  <si>
    <t>30974.0</t>
  </si>
  <si>
    <t>181.629</t>
  </si>
  <si>
    <t>2.604</t>
  </si>
  <si>
    <t>186.303</t>
  </si>
  <si>
    <t>190.724</t>
  </si>
  <si>
    <t>194.348</t>
  </si>
  <si>
    <t>197.122</t>
  </si>
  <si>
    <t>3.688</t>
  </si>
  <si>
    <t>205.502</t>
  </si>
  <si>
    <t>35883.0</t>
  </si>
  <si>
    <t>210.416</t>
  </si>
  <si>
    <t>4.914</t>
  </si>
  <si>
    <t>212.826</t>
  </si>
  <si>
    <t>214.843</t>
  </si>
  <si>
    <t>36832.0</t>
  </si>
  <si>
    <t>215.98</t>
  </si>
  <si>
    <t>37223.0</t>
  </si>
  <si>
    <t>218.273</t>
  </si>
  <si>
    <t>37505.0</t>
  </si>
  <si>
    <t>219.927</t>
  </si>
  <si>
    <t>38127.0</t>
  </si>
  <si>
    <t>223.574</t>
  </si>
  <si>
    <t>38569.0</t>
  </si>
  <si>
    <t>226.166</t>
  </si>
  <si>
    <t>38915.0</t>
  </si>
  <si>
    <t>228.195</t>
  </si>
  <si>
    <t>230.593</t>
  </si>
  <si>
    <t>39436.0</t>
  </si>
  <si>
    <t>231.25</t>
  </si>
  <si>
    <t>39505.0</t>
  </si>
  <si>
    <t>231.655</t>
  </si>
  <si>
    <t>235.032</t>
  </si>
  <si>
    <t>40588.0</t>
  </si>
  <si>
    <t>238.005</t>
  </si>
  <si>
    <t>239.735</t>
  </si>
  <si>
    <t>242.62</t>
  </si>
  <si>
    <t>41668.0</t>
  </si>
  <si>
    <t>244.338</t>
  </si>
  <si>
    <t>246.883</t>
  </si>
  <si>
    <t>42572.0</t>
  </si>
  <si>
    <t>249.639</t>
  </si>
  <si>
    <t>42919.0</t>
  </si>
  <si>
    <t>251.674</t>
  </si>
  <si>
    <t>43290.0</t>
  </si>
  <si>
    <t>253.85</t>
  </si>
  <si>
    <t>256.096</t>
  </si>
  <si>
    <t>257.186</t>
  </si>
  <si>
    <t>257.479</t>
  </si>
  <si>
    <t>44343.0</t>
  </si>
  <si>
    <t>260.024</t>
  </si>
  <si>
    <t>44726.0</t>
  </si>
  <si>
    <t>262.27</t>
  </si>
  <si>
    <t>45124.0</t>
  </si>
  <si>
    <t>264.604</t>
  </si>
  <si>
    <t>45640.0</t>
  </si>
  <si>
    <t>267.63</t>
  </si>
  <si>
    <t>46032.0</t>
  </si>
  <si>
    <t>269.929</t>
  </si>
  <si>
    <t>272.133</t>
  </si>
  <si>
    <t>273.388</t>
  </si>
  <si>
    <t>275.916</t>
  </si>
  <si>
    <t>277.282</t>
  </si>
  <si>
    <t>47624.0</t>
  </si>
  <si>
    <t>279.264</t>
  </si>
  <si>
    <t>48154.0</t>
  </si>
  <si>
    <t>282.372</t>
  </si>
  <si>
    <t>48587.0</t>
  </si>
  <si>
    <t>284.911</t>
  </si>
  <si>
    <t>49161.0</t>
  </si>
  <si>
    <t>288.277</t>
  </si>
  <si>
    <t>49291.0</t>
  </si>
  <si>
    <t>289.039</t>
  </si>
  <si>
    <t>49731.0</t>
  </si>
  <si>
    <t>291.619</t>
  </si>
  <si>
    <t>294.205</t>
  </si>
  <si>
    <t>2.586</t>
  </si>
  <si>
    <t>296.269</t>
  </si>
  <si>
    <t>50870.0</t>
  </si>
  <si>
    <t>298.298</t>
  </si>
  <si>
    <t>300.562</t>
  </si>
  <si>
    <t>51566.0</t>
  </si>
  <si>
    <t>302.38</t>
  </si>
  <si>
    <t>51859.0</t>
  </si>
  <si>
    <t>304.098</t>
  </si>
  <si>
    <t>52420.0</t>
  </si>
  <si>
    <t>307.387</t>
  </si>
  <si>
    <t>309.815</t>
  </si>
  <si>
    <t>53331.0</t>
  </si>
  <si>
    <t>312.729</t>
  </si>
  <si>
    <t>53868.0</t>
  </si>
  <si>
    <t>315.878</t>
  </si>
  <si>
    <t>321.959</t>
  </si>
  <si>
    <t>55059.0</t>
  </si>
  <si>
    <t>322.862</t>
  </si>
  <si>
    <t>326.164</t>
  </si>
  <si>
    <t>330.192</t>
  </si>
  <si>
    <t>334.573</t>
  </si>
  <si>
    <t>338.044</t>
  </si>
  <si>
    <t>58210.0</t>
  </si>
  <si>
    <t>341.34</t>
  </si>
  <si>
    <t>58726.0</t>
  </si>
  <si>
    <t>344.365</t>
  </si>
  <si>
    <t>58902.0</t>
  </si>
  <si>
    <t>345.397</t>
  </si>
  <si>
    <t>59425.0</t>
  </si>
  <si>
    <t>348.464</t>
  </si>
  <si>
    <t>60522.0</t>
  </si>
  <si>
    <t>354.897</t>
  </si>
  <si>
    <t>357.753</t>
  </si>
  <si>
    <t>61465.0</t>
  </si>
  <si>
    <t>360.427</t>
  </si>
  <si>
    <t>61691.0</t>
  </si>
  <si>
    <t>361.752</t>
  </si>
  <si>
    <t>61830.0</t>
  </si>
  <si>
    <t>362.567</t>
  </si>
  <si>
    <t>62186.0</t>
  </si>
  <si>
    <t>364.655</t>
  </si>
  <si>
    <t>62707.0</t>
  </si>
  <si>
    <t>367.71</t>
  </si>
  <si>
    <t>63772.0</t>
  </si>
  <si>
    <t>373.955</t>
  </si>
  <si>
    <t>64341.0</t>
  </si>
  <si>
    <t>377.291</t>
  </si>
  <si>
    <t>379.918</t>
  </si>
  <si>
    <t>65035.0</t>
  </si>
  <si>
    <t>381.361</t>
  </si>
  <si>
    <t>65773.0</t>
  </si>
  <si>
    <t>385.688</t>
  </si>
  <si>
    <t>389.893</t>
  </si>
  <si>
    <t>392.62</t>
  </si>
  <si>
    <t>67659.0</t>
  </si>
  <si>
    <t>396.748</t>
  </si>
  <si>
    <t>68211.0</t>
  </si>
  <si>
    <t>399.985</t>
  </si>
  <si>
    <t>68491.0</t>
  </si>
  <si>
    <t>401.627</t>
  </si>
  <si>
    <t>68593.0</t>
  </si>
  <si>
    <t>402.225</t>
  </si>
  <si>
    <t>69110.0</t>
  </si>
  <si>
    <t>405.256</t>
  </si>
  <si>
    <t>406.84</t>
  </si>
  <si>
    <t>408.98</t>
  </si>
  <si>
    <t>70146.0</t>
  </si>
  <si>
    <t>411.331</t>
  </si>
  <si>
    <t>414.375</t>
  </si>
  <si>
    <t>70996.0</t>
  </si>
  <si>
    <t>416.316</t>
  </si>
  <si>
    <t>417.354</t>
  </si>
  <si>
    <t>71541.0</t>
  </si>
  <si>
    <t>419.512</t>
  </si>
  <si>
    <t>72067.0</t>
  </si>
  <si>
    <t>422.596</t>
  </si>
  <si>
    <t>72519.0</t>
  </si>
  <si>
    <t>425.247</t>
  </si>
  <si>
    <t>72550.0</t>
  </si>
  <si>
    <t>425.428</t>
  </si>
  <si>
    <t>72957.0</t>
  </si>
  <si>
    <t>427.815</t>
  </si>
  <si>
    <t>429.404</t>
  </si>
  <si>
    <t>73255.0</t>
  </si>
  <si>
    <t>429.562</t>
  </si>
  <si>
    <t>431.926</t>
  </si>
  <si>
    <t>435.749</t>
  </si>
  <si>
    <t>74876.0</t>
  </si>
  <si>
    <t>439.068</t>
  </si>
  <si>
    <t>75255.0</t>
  </si>
  <si>
    <t>441.29</t>
  </si>
  <si>
    <t>75515.0</t>
  </si>
  <si>
    <t>442.815</t>
  </si>
  <si>
    <t>75830.0</t>
  </si>
  <si>
    <t>444.662</t>
  </si>
  <si>
    <t>445.501</t>
  </si>
  <si>
    <t>76265.0</t>
  </si>
  <si>
    <t>447.213</t>
  </si>
  <si>
    <t>448.509</t>
  </si>
  <si>
    <t>76755.0</t>
  </si>
  <si>
    <t>450.086</t>
  </si>
  <si>
    <t>76961.0</t>
  </si>
  <si>
    <t>454.044</t>
  </si>
  <si>
    <t>78154.0</t>
  </si>
  <si>
    <t>458.29</t>
  </si>
  <si>
    <t>78389.0</t>
  </si>
  <si>
    <t>459.668</t>
  </si>
  <si>
    <t>78686.0</t>
  </si>
  <si>
    <t>461.409</t>
  </si>
  <si>
    <t>462.94</t>
  </si>
  <si>
    <t>79063.0</t>
  </si>
  <si>
    <t>463.62</t>
  </si>
  <si>
    <t>79234.0</t>
  </si>
  <si>
    <t>464.623</t>
  </si>
  <si>
    <t>79364.0</t>
  </si>
  <si>
    <t>465.385</t>
  </si>
  <si>
    <t>79454.0</t>
  </si>
  <si>
    <t>465.913</t>
  </si>
  <si>
    <t>79486.0</t>
  </si>
  <si>
    <t>466.101</t>
  </si>
  <si>
    <t>79854.0</t>
  </si>
  <si>
    <t>468.259</t>
  </si>
  <si>
    <t>80011.0</t>
  </si>
  <si>
    <t>469.179</t>
  </si>
  <si>
    <t>80152.0</t>
  </si>
  <si>
    <t>470.006</t>
  </si>
  <si>
    <t>80247.0</t>
  </si>
  <si>
    <t>470.563</t>
  </si>
  <si>
    <t>80280.0</t>
  </si>
  <si>
    <t>470.757</t>
  </si>
  <si>
    <t>80374.0</t>
  </si>
  <si>
    <t>471.308</t>
  </si>
  <si>
    <t>471.853</t>
  </si>
  <si>
    <t>80673.0</t>
  </si>
  <si>
    <t>473.061</t>
  </si>
  <si>
    <t>80787.0</t>
  </si>
  <si>
    <t>473.73</t>
  </si>
  <si>
    <t>80913.0</t>
  </si>
  <si>
    <t>474.468</t>
  </si>
  <si>
    <t>81134.0</t>
  </si>
  <si>
    <t>475.764</t>
  </si>
  <si>
    <t>81171.0</t>
  </si>
  <si>
    <t>476.785</t>
  </si>
  <si>
    <t>477.013</t>
  </si>
  <si>
    <t>477.67</t>
  </si>
  <si>
    <t>81537.0</t>
  </si>
  <si>
    <t>478.128</t>
  </si>
  <si>
    <t>478.755</t>
  </si>
  <si>
    <t>81839.0</t>
  </si>
  <si>
    <t>479.898</t>
  </si>
  <si>
    <t>81941.0</t>
  </si>
  <si>
    <t>480.497</t>
  </si>
  <si>
    <t>82040.0</t>
  </si>
  <si>
    <t>481.077</t>
  </si>
  <si>
    <t>82075.0</t>
  </si>
  <si>
    <t>481.282</t>
  </si>
  <si>
    <t>82179.0</t>
  </si>
  <si>
    <t>481.892</t>
  </si>
  <si>
    <t>82269.0</t>
  </si>
  <si>
    <t>482.42</t>
  </si>
  <si>
    <t>82386.0</t>
  </si>
  <si>
    <t>483.106</t>
  </si>
  <si>
    <t>82516.0</t>
  </si>
  <si>
    <t>483.868</t>
  </si>
  <si>
    <t>82644.0</t>
  </si>
  <si>
    <t>484.619</t>
  </si>
  <si>
    <t>82857.0</t>
  </si>
  <si>
    <t>485.868</t>
  </si>
  <si>
    <t>486.132</t>
  </si>
  <si>
    <t>82991.0</t>
  </si>
  <si>
    <t>486.654</t>
  </si>
  <si>
    <t>487.938</t>
  </si>
  <si>
    <t>83320.0</t>
  </si>
  <si>
    <t>488.583</t>
  </si>
  <si>
    <t>489.251</t>
  </si>
  <si>
    <t>83515.0</t>
  </si>
  <si>
    <t>489.726</t>
  </si>
  <si>
    <t>83584.0</t>
  </si>
  <si>
    <t>490.131</t>
  </si>
  <si>
    <t>83610.0</t>
  </si>
  <si>
    <t>490.283</t>
  </si>
  <si>
    <t>490.964</t>
  </si>
  <si>
    <t>83832.0</t>
  </si>
  <si>
    <t>491.585</t>
  </si>
  <si>
    <t>83944.0</t>
  </si>
  <si>
    <t>492.242</t>
  </si>
  <si>
    <t>84073.0</t>
  </si>
  <si>
    <t>492.998</t>
  </si>
  <si>
    <t>493.767</t>
  </si>
  <si>
    <t>84269.0</t>
  </si>
  <si>
    <t>494.148</t>
  </si>
  <si>
    <t>84308.0</t>
  </si>
  <si>
    <t>494.376</t>
  </si>
  <si>
    <t>84433.0</t>
  </si>
  <si>
    <t>495.109</t>
  </si>
  <si>
    <t>84642.0</t>
  </si>
  <si>
    <t>496.335</t>
  </si>
  <si>
    <t>84749.0</t>
  </si>
  <si>
    <t>496.962</t>
  </si>
  <si>
    <t>85015.0</t>
  </si>
  <si>
    <t>498.522</t>
  </si>
  <si>
    <t>85161.0</t>
  </si>
  <si>
    <t>499.378</t>
  </si>
  <si>
    <t>85270.0</t>
  </si>
  <si>
    <t>500.018</t>
  </si>
  <si>
    <t>85299.0</t>
  </si>
  <si>
    <t>500.188</t>
  </si>
  <si>
    <t>85422.0</t>
  </si>
  <si>
    <t>500.909</t>
  </si>
  <si>
    <t>85535.0</t>
  </si>
  <si>
    <t>501.572</t>
  </si>
  <si>
    <t>85673.0</t>
  </si>
  <si>
    <t>502.381</t>
  </si>
  <si>
    <t>85779.0</t>
  </si>
  <si>
    <t>503.002</t>
  </si>
  <si>
    <t>85899.0</t>
  </si>
  <si>
    <t>503.706</t>
  </si>
  <si>
    <t>85989.0</t>
  </si>
  <si>
    <t>504.234</t>
  </si>
  <si>
    <t>86013.0</t>
  </si>
  <si>
    <t>504.374</t>
  </si>
  <si>
    <t>86162.0</t>
  </si>
  <si>
    <t>505.248</t>
  </si>
  <si>
    <t>86311.0</t>
  </si>
  <si>
    <t>506.122</t>
  </si>
  <si>
    <t>506.902</t>
  </si>
  <si>
    <t>507.676</t>
  </si>
  <si>
    <t>508.456</t>
  </si>
  <si>
    <t>86789.0</t>
  </si>
  <si>
    <t>508.925</t>
  </si>
  <si>
    <t>86825.0</t>
  </si>
  <si>
    <t>86984.0</t>
  </si>
  <si>
    <t>510.068</t>
  </si>
  <si>
    <t>510.625</t>
  </si>
  <si>
    <t>87173.0</t>
  </si>
  <si>
    <t>511.177</t>
  </si>
  <si>
    <t>87273.0</t>
  </si>
  <si>
    <t>511.763</t>
  </si>
  <si>
    <t>87388.0</t>
  </si>
  <si>
    <t>512.437</t>
  </si>
  <si>
    <t>87498.0</t>
  </si>
  <si>
    <t>513.082</t>
  </si>
  <si>
    <t>513.839</t>
  </si>
  <si>
    <t>514.331</t>
  </si>
  <si>
    <t>87862.0</t>
  </si>
  <si>
    <t>515.217</t>
  </si>
  <si>
    <t>87967.0</t>
  </si>
  <si>
    <t>515.833</t>
  </si>
  <si>
    <t>88068.0</t>
  </si>
  <si>
    <t>516.425</t>
  </si>
  <si>
    <t>88237.0</t>
  </si>
  <si>
    <t>517.416</t>
  </si>
  <si>
    <t>88267.0</t>
  </si>
  <si>
    <t>517.592</t>
  </si>
  <si>
    <t>88405.0</t>
  </si>
  <si>
    <t>518.401</t>
  </si>
  <si>
    <t>88529.0</t>
  </si>
  <si>
    <t>519.128</t>
  </si>
  <si>
    <t>88647.0</t>
  </si>
  <si>
    <t>519.82</t>
  </si>
  <si>
    <t>520.448</t>
  </si>
  <si>
    <t>88887.0</t>
  </si>
  <si>
    <t>521.227</t>
  </si>
  <si>
    <t>88962.0</t>
  </si>
  <si>
    <t>521.667</t>
  </si>
  <si>
    <t>88998.0</t>
  </si>
  <si>
    <t>521.878</t>
  </si>
  <si>
    <t>522.559</t>
  </si>
  <si>
    <t>89269.0</t>
  </si>
  <si>
    <t>523.467</t>
  </si>
  <si>
    <t>524.136</t>
  </si>
  <si>
    <t>89469.0</t>
  </si>
  <si>
    <t>524.64</t>
  </si>
  <si>
    <t>89611.0</t>
  </si>
  <si>
    <t>525.473</t>
  </si>
  <si>
    <t>91675.0</t>
  </si>
  <si>
    <t>537.576</t>
  </si>
  <si>
    <t>12.103</t>
  </si>
  <si>
    <t>91716.0</t>
  </si>
  <si>
    <t>537.817</t>
  </si>
  <si>
    <t>95625.0</t>
  </si>
  <si>
    <t>560.739</t>
  </si>
  <si>
    <t>22.922</t>
  </si>
  <si>
    <t>95749.0</t>
  </si>
  <si>
    <t>561.466</t>
  </si>
  <si>
    <t>95882.0</t>
  </si>
  <si>
    <t>562.246</t>
  </si>
  <si>
    <t>95986.0</t>
  </si>
  <si>
    <t>562.856</t>
  </si>
  <si>
    <t>96144.0</t>
  </si>
  <si>
    <t>563.782</t>
  </si>
  <si>
    <t>96193.0</t>
  </si>
  <si>
    <t>564.069</t>
  </si>
  <si>
    <t>96228.0</t>
  </si>
  <si>
    <t>564.275</t>
  </si>
  <si>
    <t>96358.0</t>
  </si>
  <si>
    <t>565.037</t>
  </si>
  <si>
    <t>96485.0</t>
  </si>
  <si>
    <t>565.782</t>
  </si>
  <si>
    <t>96578.0</t>
  </si>
  <si>
    <t>566.327</t>
  </si>
  <si>
    <t>566.825</t>
  </si>
  <si>
    <t>96748.0</t>
  </si>
  <si>
    <t>567.324</t>
  </si>
  <si>
    <t>96831.0</t>
  </si>
  <si>
    <t>567.811</t>
  </si>
  <si>
    <t>96876.0</t>
  </si>
  <si>
    <t>568.074</t>
  </si>
  <si>
    <t>568.743</t>
  </si>
  <si>
    <t>97149.0</t>
  </si>
  <si>
    <t>569.675</t>
  </si>
  <si>
    <t>97229.0</t>
  </si>
  <si>
    <t>570.144</t>
  </si>
  <si>
    <t>97328.0</t>
  </si>
  <si>
    <t>570.725</t>
  </si>
  <si>
    <t>97429.0</t>
  </si>
  <si>
    <t>571.317</t>
  </si>
  <si>
    <t>97490.0</t>
  </si>
  <si>
    <t>571.675</t>
  </si>
  <si>
    <t>571.863</t>
  </si>
  <si>
    <t>97656.0</t>
  </si>
  <si>
    <t>572.648</t>
  </si>
  <si>
    <t>97770.0</t>
  </si>
  <si>
    <t>573.317</t>
  </si>
  <si>
    <t>97878.0</t>
  </si>
  <si>
    <t>573.95</t>
  </si>
  <si>
    <t>97923.0</t>
  </si>
  <si>
    <t>574.214</t>
  </si>
  <si>
    <t>575.264</t>
  </si>
  <si>
    <t>98208.0</t>
  </si>
  <si>
    <t>575.885</t>
  </si>
  <si>
    <t>98235.0</t>
  </si>
  <si>
    <t>576.043</t>
  </si>
  <si>
    <t>576.894</t>
  </si>
  <si>
    <t>101518.0</t>
  </si>
  <si>
    <t>595.295</t>
  </si>
  <si>
    <t>18.401</t>
  </si>
  <si>
    <t>103733.0</t>
  </si>
  <si>
    <t>608.283</t>
  </si>
  <si>
    <t>12.989</t>
  </si>
  <si>
    <t>103883.0</t>
  </si>
  <si>
    <t>609.163</t>
  </si>
  <si>
    <t>104342.0</t>
  </si>
  <si>
    <t>611.855</t>
  </si>
  <si>
    <t>104625.0</t>
  </si>
  <si>
    <t>613.514</t>
  </si>
  <si>
    <t>104667.0</t>
  </si>
  <si>
    <t>613.76</t>
  </si>
  <si>
    <t>104932.0</t>
  </si>
  <si>
    <t>615.314</t>
  </si>
  <si>
    <t>105140.0</t>
  </si>
  <si>
    <t>616.534</t>
  </si>
  <si>
    <t>111058.0</t>
  </si>
  <si>
    <t>651.237</t>
  </si>
  <si>
    <t>34.703</t>
  </si>
  <si>
    <t>652.099</t>
  </si>
  <si>
    <t>111418.0</t>
  </si>
  <si>
    <t>653.348</t>
  </si>
  <si>
    <t>111506.0</t>
  </si>
  <si>
    <t>653.864</t>
  </si>
  <si>
    <t>111570.0</t>
  </si>
  <si>
    <t>654.239</t>
  </si>
  <si>
    <t>111754.0</t>
  </si>
  <si>
    <t>655.318</t>
  </si>
  <si>
    <t>111891.0</t>
  </si>
  <si>
    <t>656.121</t>
  </si>
  <si>
    <t>5.653</t>
  </si>
  <si>
    <t>112006.0</t>
  </si>
  <si>
    <t>656.796</t>
  </si>
  <si>
    <t>112125.0</t>
  </si>
  <si>
    <t>657.494</t>
  </si>
  <si>
    <t>112267.0</t>
  </si>
  <si>
    <t>658.326</t>
  </si>
  <si>
    <t>112356.0</t>
  </si>
  <si>
    <t>658.848</t>
  </si>
  <si>
    <t>112378.0</t>
  </si>
  <si>
    <t>658.977</t>
  </si>
  <si>
    <t>112465.0</t>
  </si>
  <si>
    <t>659.487</t>
  </si>
  <si>
    <t>660.296</t>
  </si>
  <si>
    <t>112705.0</t>
  </si>
  <si>
    <t>660.895</t>
  </si>
  <si>
    <t>112806.0</t>
  </si>
  <si>
    <t>661.487</t>
  </si>
  <si>
    <t>112914.0</t>
  </si>
  <si>
    <t>662.12</t>
  </si>
  <si>
    <t>112980.0</t>
  </si>
  <si>
    <t>662.507</t>
  </si>
  <si>
    <t>113012.0</t>
  </si>
  <si>
    <t>662.695</t>
  </si>
  <si>
    <t>113121.0</t>
  </si>
  <si>
    <t>663.334</t>
  </si>
  <si>
    <t>113250.0</t>
  </si>
  <si>
    <t>664.09</t>
  </si>
  <si>
    <t>113389.0</t>
  </si>
  <si>
    <t>664.906</t>
  </si>
  <si>
    <t>113488.0</t>
  </si>
  <si>
    <t>665.486</t>
  </si>
  <si>
    <t>113621.0</t>
  </si>
  <si>
    <t>666.266</t>
  </si>
  <si>
    <t>113701.0</t>
  </si>
  <si>
    <t>666.735</t>
  </si>
  <si>
    <t>113719.0</t>
  </si>
  <si>
    <t>666.841</t>
  </si>
  <si>
    <t>113849.0</t>
  </si>
  <si>
    <t>667.603</t>
  </si>
  <si>
    <t>113965.0</t>
  </si>
  <si>
    <t>668.283</t>
  </si>
  <si>
    <t>114070.0</t>
  </si>
  <si>
    <t>668.899</t>
  </si>
  <si>
    <t>114186.0</t>
  </si>
  <si>
    <t>669.579</t>
  </si>
  <si>
    <t>114384.0</t>
  </si>
  <si>
    <t>670.74</t>
  </si>
  <si>
    <t>114530.0</t>
  </si>
  <si>
    <t>671.596</t>
  </si>
  <si>
    <t>114541.0</t>
  </si>
  <si>
    <t>671.661</t>
  </si>
  <si>
    <t>672.147</t>
  </si>
  <si>
    <t>114763.0</t>
  </si>
  <si>
    <t>672.963</t>
  </si>
  <si>
    <t>114888.0</t>
  </si>
  <si>
    <t>114994.0</t>
  </si>
  <si>
    <t>674.317</t>
  </si>
  <si>
    <t>115094.0</t>
  </si>
  <si>
    <t>674.904</t>
  </si>
  <si>
    <t>115209.0</t>
  </si>
  <si>
    <t>675.578</t>
  </si>
  <si>
    <t>115227.0</t>
  </si>
  <si>
    <t>675.683</t>
  </si>
  <si>
    <t>115345.0</t>
  </si>
  <si>
    <t>676.375</t>
  </si>
  <si>
    <t>115472.0</t>
  </si>
  <si>
    <t>677.12</t>
  </si>
  <si>
    <t>677.783</t>
  </si>
  <si>
    <t>115655.0</t>
  </si>
  <si>
    <t>678.193</t>
  </si>
  <si>
    <t>115800.0</t>
  </si>
  <si>
    <t>679.043</t>
  </si>
  <si>
    <t>115946.0</t>
  </si>
  <si>
    <t>679.9</t>
  </si>
  <si>
    <t>116011.0</t>
  </si>
  <si>
    <t>680.281</t>
  </si>
  <si>
    <t>116136.0</t>
  </si>
  <si>
    <t>681.014</t>
  </si>
  <si>
    <t>116294.0</t>
  </si>
  <si>
    <t>681.94</t>
  </si>
  <si>
    <t>116441.0</t>
  </si>
  <si>
    <t>682.802</t>
  </si>
  <si>
    <t>116574.0</t>
  </si>
  <si>
    <t>683.582</t>
  </si>
  <si>
    <t>116704.0</t>
  </si>
  <si>
    <t>684.344</t>
  </si>
  <si>
    <t>116833.0</t>
  </si>
  <si>
    <t>685.101</t>
  </si>
  <si>
    <t>116859.0</t>
  </si>
  <si>
    <t>685.253</t>
  </si>
  <si>
    <t>686.08</t>
  </si>
  <si>
    <t>117133.0</t>
  </si>
  <si>
    <t>686.86</t>
  </si>
  <si>
    <t>117260.0</t>
  </si>
  <si>
    <t>687.605</t>
  </si>
  <si>
    <t>117365.0</t>
  </si>
  <si>
    <t>688.221</t>
  </si>
  <si>
    <t>117549.0</t>
  </si>
  <si>
    <t>689.299</t>
  </si>
  <si>
    <t>690.161</t>
  </si>
  <si>
    <t>690.326</t>
  </si>
  <si>
    <t>117868.0</t>
  </si>
  <si>
    <t>691.17</t>
  </si>
  <si>
    <t>118083.0</t>
  </si>
  <si>
    <t>692.431</t>
  </si>
  <si>
    <t>118290.0</t>
  </si>
  <si>
    <t>693.645</t>
  </si>
  <si>
    <t>118433.0</t>
  </si>
  <si>
    <t>694.483</t>
  </si>
  <si>
    <t>118581.0</t>
  </si>
  <si>
    <t>695.351</t>
  </si>
  <si>
    <t>696.108</t>
  </si>
  <si>
    <t>118763.0</t>
  </si>
  <si>
    <t>696.418</t>
  </si>
  <si>
    <t>118828.0</t>
  </si>
  <si>
    <t>696.799</t>
  </si>
  <si>
    <t>118999.0</t>
  </si>
  <si>
    <t>697.802</t>
  </si>
  <si>
    <t>119103.0</t>
  </si>
  <si>
    <t>698.412</t>
  </si>
  <si>
    <t>119163.0</t>
  </si>
  <si>
    <t>698.764</t>
  </si>
  <si>
    <t>119306.0</t>
  </si>
  <si>
    <t>699.602</t>
  </si>
  <si>
    <t>119397.0</t>
  </si>
  <si>
    <t>700.136</t>
  </si>
  <si>
    <t>119428.0</t>
  </si>
  <si>
    <t>700.318</t>
  </si>
  <si>
    <t>119613.0</t>
  </si>
  <si>
    <t>119813.0</t>
  </si>
  <si>
    <t>702.575</t>
  </si>
  <si>
    <t>119959.0</t>
  </si>
  <si>
    <t>703.432</t>
  </si>
  <si>
    <t>704.036</t>
  </si>
  <si>
    <t>705.308</t>
  </si>
  <si>
    <t>120378.0</t>
  </si>
  <si>
    <t>705.889</t>
  </si>
  <si>
    <t>120412.0</t>
  </si>
  <si>
    <t>706.088</t>
  </si>
  <si>
    <t>120554.0</t>
  </si>
  <si>
    <t>706.921</t>
  </si>
  <si>
    <t>120759.0</t>
  </si>
  <si>
    <t>708.123</t>
  </si>
  <si>
    <t>708.434</t>
  </si>
  <si>
    <t>120907.0</t>
  </si>
  <si>
    <t>708.991</t>
  </si>
  <si>
    <t>121033.0</t>
  </si>
  <si>
    <t>709.729</t>
  </si>
  <si>
    <t>121102.0</t>
  </si>
  <si>
    <t>710.134</t>
  </si>
  <si>
    <t>121132.0</t>
  </si>
  <si>
    <t>710.31</t>
  </si>
  <si>
    <t>121254.0</t>
  </si>
  <si>
    <t>711.025</t>
  </si>
  <si>
    <t>121401.0</t>
  </si>
  <si>
    <t>711.887</t>
  </si>
  <si>
    <t>121498.0</t>
  </si>
  <si>
    <t>712.456</t>
  </si>
  <si>
    <t>121580.0</t>
  </si>
  <si>
    <t>712.937</t>
  </si>
  <si>
    <t>121701.0</t>
  </si>
  <si>
    <t>713.647</t>
  </si>
  <si>
    <t>121902.0</t>
  </si>
  <si>
    <t>714.825</t>
  </si>
  <si>
    <t>121930.0</t>
  </si>
  <si>
    <t>714.989</t>
  </si>
  <si>
    <t>715.939</t>
  </si>
  <si>
    <t>122248.0</t>
  </si>
  <si>
    <t>716.854</t>
  </si>
  <si>
    <t>122388.0</t>
  </si>
  <si>
    <t>717.675</t>
  </si>
  <si>
    <t>129254.0</t>
  </si>
  <si>
    <t>757.937</t>
  </si>
  <si>
    <t>40.262</t>
  </si>
  <si>
    <t>817.38</t>
  </si>
  <si>
    <t>59.443</t>
  </si>
  <si>
    <t>14.818</t>
  </si>
  <si>
    <t>139544.0</t>
  </si>
  <si>
    <t>818.277</t>
  </si>
  <si>
    <t>818.406</t>
  </si>
  <si>
    <t>14.771</t>
  </si>
  <si>
    <t>819.52</t>
  </si>
  <si>
    <t>14.795</t>
  </si>
  <si>
    <t>140054.0</t>
  </si>
  <si>
    <t>821.267</t>
  </si>
  <si>
    <t>14.918</t>
  </si>
  <si>
    <t>140256.0</t>
  </si>
  <si>
    <t>822.452</t>
  </si>
  <si>
    <t>14.971</t>
  </si>
  <si>
    <t>140581.0</t>
  </si>
  <si>
    <t>824.358</t>
  </si>
  <si>
    <t>140798.0</t>
  </si>
  <si>
    <t>825.63</t>
  </si>
  <si>
    <t>140973.0</t>
  </si>
  <si>
    <t>826.656</t>
  </si>
  <si>
    <t>141026.0</t>
  </si>
  <si>
    <t>826.967</t>
  </si>
  <si>
    <t>141433.0</t>
  </si>
  <si>
    <t>829.354</t>
  </si>
  <si>
    <t>830.38</t>
  </si>
  <si>
    <t>141898.0</t>
  </si>
  <si>
    <t>832.08</t>
  </si>
  <si>
    <t>142206.0</t>
  </si>
  <si>
    <t>833.886</t>
  </si>
  <si>
    <t>142672.0</t>
  </si>
  <si>
    <t>836.619</t>
  </si>
  <si>
    <t>142901.0</t>
  </si>
  <si>
    <t>837.962</t>
  </si>
  <si>
    <t>142977.0</t>
  </si>
  <si>
    <t>838.408</t>
  </si>
  <si>
    <t>143374.0</t>
  </si>
  <si>
    <t>840.736</t>
  </si>
  <si>
    <t>143752.0</t>
  </si>
  <si>
    <t>842.952</t>
  </si>
  <si>
    <t>151113.0</t>
  </si>
  <si>
    <t>886.117</t>
  </si>
  <si>
    <t>43.164</t>
  </si>
  <si>
    <t>7.717</t>
  </si>
  <si>
    <t>151450.0</t>
  </si>
  <si>
    <t>888.093</t>
  </si>
  <si>
    <t>151719.0</t>
  </si>
  <si>
    <t>889.67</t>
  </si>
  <si>
    <t>151965.0</t>
  </si>
  <si>
    <t>891.113</t>
  </si>
  <si>
    <t>152040.0</t>
  </si>
  <si>
    <t>891.552</t>
  </si>
  <si>
    <t>152365.0</t>
  </si>
  <si>
    <t>893.458</t>
  </si>
  <si>
    <t>895.446</t>
  </si>
  <si>
    <t>153106.0</t>
  </si>
  <si>
    <t>897.803</t>
  </si>
  <si>
    <t>153476.0</t>
  </si>
  <si>
    <t>899.973</t>
  </si>
  <si>
    <t>153759.0</t>
  </si>
  <si>
    <t>901.633</t>
  </si>
  <si>
    <t>154044.0</t>
  </si>
  <si>
    <t>903.304</t>
  </si>
  <si>
    <t>154126.0</t>
  </si>
  <si>
    <t>903.785</t>
  </si>
  <si>
    <t>154262.0</t>
  </si>
  <si>
    <t>904.582</t>
  </si>
  <si>
    <t>154652.0</t>
  </si>
  <si>
    <t>906.869</t>
  </si>
  <si>
    <t>155097.0</t>
  </si>
  <si>
    <t>909.478</t>
  </si>
  <si>
    <t>155350.0</t>
  </si>
  <si>
    <t>910.962</t>
  </si>
  <si>
    <t>155669.0</t>
  </si>
  <si>
    <t>912.833</t>
  </si>
  <si>
    <t>913.976</t>
  </si>
  <si>
    <t>155960.0</t>
  </si>
  <si>
    <t>914.539</t>
  </si>
  <si>
    <t>156243.0</t>
  </si>
  <si>
    <t>916.199</t>
  </si>
  <si>
    <t>156618.0</t>
  </si>
  <si>
    <t>918.398</t>
  </si>
  <si>
    <t>1008.884</t>
  </si>
  <si>
    <t>90.486</t>
  </si>
  <si>
    <t>14.202</t>
  </si>
  <si>
    <t>172318.0</t>
  </si>
  <si>
    <t>1010.461</t>
  </si>
  <si>
    <t>172593.0</t>
  </si>
  <si>
    <t>1012.074</t>
  </si>
  <si>
    <t>172832.0</t>
  </si>
  <si>
    <t>1013.475</t>
  </si>
  <si>
    <t>172916.0</t>
  </si>
  <si>
    <t>1013.968</t>
  </si>
  <si>
    <t>1015.768</t>
  </si>
  <si>
    <t>173493.0</t>
  </si>
  <si>
    <t>1017.351</t>
  </si>
  <si>
    <t>14.138</t>
  </si>
  <si>
    <t>173616.0</t>
  </si>
  <si>
    <t>1018.073</t>
  </si>
  <si>
    <t>173840.0</t>
  </si>
  <si>
    <t>1019.386</t>
  </si>
  <si>
    <t>174054.0</t>
  </si>
  <si>
    <t>1020.641</t>
  </si>
  <si>
    <t>174306.0</t>
  </si>
  <si>
    <t>1022.119</t>
  </si>
  <si>
    <t>174384.0</t>
  </si>
  <si>
    <t>1022.576</t>
  </si>
  <si>
    <t>174776.0</t>
  </si>
  <si>
    <t>1024.875</t>
  </si>
  <si>
    <t>175011.0</t>
  </si>
  <si>
    <t>1026.253</t>
  </si>
  <si>
    <t>175201.0</t>
  </si>
  <si>
    <t>1027.367</t>
  </si>
  <si>
    <t>175385.0</t>
  </si>
  <si>
    <t>1028.446</t>
  </si>
  <si>
    <t>175618.0</t>
  </si>
  <si>
    <t>1029.812</t>
  </si>
  <si>
    <t>175832.0</t>
  </si>
  <si>
    <t>1031.067</t>
  </si>
  <si>
    <t>175963.0</t>
  </si>
  <si>
    <t>1031.835</t>
  </si>
  <si>
    <t>176153.0</t>
  </si>
  <si>
    <t>1032.949</t>
  </si>
  <si>
    <t>176409.0</t>
  </si>
  <si>
    <t>1034.451</t>
  </si>
  <si>
    <t>176575.0</t>
  </si>
  <si>
    <t>1035.424</t>
  </si>
  <si>
    <t>176746.0</t>
  </si>
  <si>
    <t>1036.427</t>
  </si>
  <si>
    <t>176905.0</t>
  </si>
  <si>
    <t>1037.359</t>
  </si>
  <si>
    <t>177091.0</t>
  </si>
  <si>
    <t>1038.45</t>
  </si>
  <si>
    <t>1038.725</t>
  </si>
  <si>
    <t>177281.0</t>
  </si>
  <si>
    <t>1039.564</t>
  </si>
  <si>
    <t>177509.0</t>
  </si>
  <si>
    <t>1040.901</t>
  </si>
  <si>
    <t>177656.0</t>
  </si>
  <si>
    <t>1041.763</t>
  </si>
  <si>
    <t>177824.0</t>
  </si>
  <si>
    <t>1042.748</t>
  </si>
  <si>
    <t>177974.0</t>
  </si>
  <si>
    <t>1043.628</t>
  </si>
  <si>
    <t>178149.0</t>
  </si>
  <si>
    <t>1044.654</t>
  </si>
  <si>
    <t>178210.0</t>
  </si>
  <si>
    <t>1045.012</t>
  </si>
  <si>
    <t>178573.0</t>
  </si>
  <si>
    <t>1047.14</t>
  </si>
  <si>
    <t>178824.0</t>
  </si>
  <si>
    <t>1048.612</t>
  </si>
  <si>
    <t>179028.0</t>
  </si>
  <si>
    <t>1049.808</t>
  </si>
  <si>
    <t>179153.0</t>
  </si>
  <si>
    <t>1050.541</t>
  </si>
  <si>
    <t>179358.0</t>
  </si>
  <si>
    <t>1051.743</t>
  </si>
  <si>
    <t>179420.0</t>
  </si>
  <si>
    <t>1052.107</t>
  </si>
  <si>
    <t>179687.0</t>
  </si>
  <si>
    <t>1053.673</t>
  </si>
  <si>
    <t>179884.0</t>
  </si>
  <si>
    <t>1054.828</t>
  </si>
  <si>
    <t>180058.0</t>
  </si>
  <si>
    <t>1055.848</t>
  </si>
  <si>
    <t>180233.0</t>
  </si>
  <si>
    <t>1056.874</t>
  </si>
  <si>
    <t>180405.0</t>
  </si>
  <si>
    <t>1057.883</t>
  </si>
  <si>
    <t>1058.798</t>
  </si>
  <si>
    <t>1058.968</t>
  </si>
  <si>
    <t>180754.0</t>
  </si>
  <si>
    <t>1059.929</t>
  </si>
  <si>
    <t>181009.0</t>
  </si>
  <si>
    <t>1061.425</t>
  </si>
  <si>
    <t>1062.24</t>
  </si>
  <si>
    <t>181296.0</t>
  </si>
  <si>
    <t>1063.108</t>
  </si>
  <si>
    <t>181517.0</t>
  </si>
  <si>
    <t>1064.404</t>
  </si>
  <si>
    <t>181699.0</t>
  </si>
  <si>
    <t>1065.471</t>
  </si>
  <si>
    <t>181742.0</t>
  </si>
  <si>
    <t>1065.723</t>
  </si>
  <si>
    <t>181934.0</t>
  </si>
  <si>
    <t>1066.849</t>
  </si>
  <si>
    <t>182117.0</t>
  </si>
  <si>
    <t>1067.922</t>
  </si>
  <si>
    <t>182412.0</t>
  </si>
  <si>
    <t>1069.652</t>
  </si>
  <si>
    <t>182563.0</t>
  </si>
  <si>
    <t>1070.537</t>
  </si>
  <si>
    <t>1071.845</t>
  </si>
  <si>
    <t>182925.0</t>
  </si>
  <si>
    <t>1072.66</t>
  </si>
  <si>
    <t>182966.0</t>
  </si>
  <si>
    <t>1072.9</t>
  </si>
  <si>
    <t>183194.0</t>
  </si>
  <si>
    <t>1074.237</t>
  </si>
  <si>
    <t>183441.0</t>
  </si>
  <si>
    <t>1075.686</t>
  </si>
  <si>
    <t>183715.0</t>
  </si>
  <si>
    <t>1077.293</t>
  </si>
  <si>
    <t>183942.0</t>
  </si>
  <si>
    <t>1078.624</t>
  </si>
  <si>
    <t>184148.0</t>
  </si>
  <si>
    <t>1079.832</t>
  </si>
  <si>
    <t>184487.0</t>
  </si>
  <si>
    <t>1081.819</t>
  </si>
  <si>
    <t>184544.0</t>
  </si>
  <si>
    <t>1082.154</t>
  </si>
  <si>
    <t>184741.0</t>
  </si>
  <si>
    <t>1083.309</t>
  </si>
  <si>
    <t>191205.0</t>
  </si>
  <si>
    <t>1121.213</t>
  </si>
  <si>
    <t>37.904</t>
  </si>
  <si>
    <t>1122.826</t>
  </si>
  <si>
    <t>191516.0</t>
  </si>
  <si>
    <t>1123.037</t>
  </si>
  <si>
    <t>191832.0</t>
  </si>
  <si>
    <t>1124.89</t>
  </si>
  <si>
    <t>192166.0</t>
  </si>
  <si>
    <t>1126.849</t>
  </si>
  <si>
    <t>192206.0</t>
  </si>
  <si>
    <t>1127.083</t>
  </si>
  <si>
    <t>192414.0</t>
  </si>
  <si>
    <t>1128.303</t>
  </si>
  <si>
    <t>192991.0</t>
  </si>
  <si>
    <t>1131.686</t>
  </si>
  <si>
    <t>193323.0</t>
  </si>
  <si>
    <t>1133.633</t>
  </si>
  <si>
    <t>193574.0</t>
  </si>
  <si>
    <t>1135.105</t>
  </si>
  <si>
    <t>193925.0</t>
  </si>
  <si>
    <t>1137.163</t>
  </si>
  <si>
    <t>194155.0</t>
  </si>
  <si>
    <t>1138.512</t>
  </si>
  <si>
    <t>194195.0</t>
  </si>
  <si>
    <t>1138.747</t>
  </si>
  <si>
    <t>194340.0</t>
  </si>
  <si>
    <t>1139.597</t>
  </si>
  <si>
    <t>204769.0</t>
  </si>
  <si>
    <t>1200.752</t>
  </si>
  <si>
    <t>61.155</t>
  </si>
  <si>
    <t>9.869</t>
  </si>
  <si>
    <t>204915.0</t>
  </si>
  <si>
    <t>1201.608</t>
  </si>
  <si>
    <t>9.711</t>
  </si>
  <si>
    <t>205048.0</t>
  </si>
  <si>
    <t>1202.388</t>
  </si>
  <si>
    <t>9.611</t>
  </si>
  <si>
    <t>205201.0</t>
  </si>
  <si>
    <t>1203.285</t>
  </si>
  <si>
    <t>205346.0</t>
  </si>
  <si>
    <t>1204.135</t>
  </si>
  <si>
    <t>9.376</t>
  </si>
  <si>
    <t>205384.0</t>
  </si>
  <si>
    <t>1204.358</t>
  </si>
  <si>
    <t>9.371</t>
  </si>
  <si>
    <t>205646.0</t>
  </si>
  <si>
    <t>1205.894</t>
  </si>
  <si>
    <t>205828.0</t>
  </si>
  <si>
    <t>1206.962</t>
  </si>
  <si>
    <t>205972.0</t>
  </si>
  <si>
    <t>1207.806</t>
  </si>
  <si>
    <t>1244.092</t>
  </si>
  <si>
    <t>36.286</t>
  </si>
  <si>
    <t>212340.0</t>
  </si>
  <si>
    <t>1245.148</t>
  </si>
  <si>
    <t>212444.0</t>
  </si>
  <si>
    <t>1245.757</t>
  </si>
  <si>
    <t>212463.0</t>
  </si>
  <si>
    <t>1245.869</t>
  </si>
  <si>
    <t>212635.0</t>
  </si>
  <si>
    <t>1246.877</t>
  </si>
  <si>
    <t>5.852</t>
  </si>
  <si>
    <t>212810.0</t>
  </si>
  <si>
    <t>1247.904</t>
  </si>
  <si>
    <t>212931.0</t>
  </si>
  <si>
    <t>1248.613</t>
  </si>
  <si>
    <t>213055.0</t>
  </si>
  <si>
    <t>1249.34</t>
  </si>
  <si>
    <t>213175.0</t>
  </si>
  <si>
    <t>1250.044</t>
  </si>
  <si>
    <t>213194.0</t>
  </si>
  <si>
    <t>1250.155</t>
  </si>
  <si>
    <t>213252.0</t>
  </si>
  <si>
    <t>1250.496</t>
  </si>
  <si>
    <t>213492.0</t>
  </si>
  <si>
    <t>1251.903</t>
  </si>
  <si>
    <t>213645.0</t>
  </si>
  <si>
    <t>1252.8</t>
  </si>
  <si>
    <t>213781.0</t>
  </si>
  <si>
    <t>1253.598</t>
  </si>
  <si>
    <t>213940.0</t>
  </si>
  <si>
    <t>1254.53</t>
  </si>
  <si>
    <t>214126.0</t>
  </si>
  <si>
    <t>1255.621</t>
  </si>
  <si>
    <t>214166.0</t>
  </si>
  <si>
    <t>1255.855</t>
  </si>
  <si>
    <t>214226.0</t>
  </si>
  <si>
    <t>1256.207</t>
  </si>
  <si>
    <t>214544.0</t>
  </si>
  <si>
    <t>1258.072</t>
  </si>
  <si>
    <t>214884.0</t>
  </si>
  <si>
    <t>1260.065</t>
  </si>
  <si>
    <t>215400.0</t>
  </si>
  <si>
    <t>1263.091</t>
  </si>
  <si>
    <t>215820.0</t>
  </si>
  <si>
    <t>1265.554</t>
  </si>
  <si>
    <t>216266.0</t>
  </si>
  <si>
    <t>1268.169</t>
  </si>
  <si>
    <t>216954.0</t>
  </si>
  <si>
    <t>1272.204</t>
  </si>
  <si>
    <t>217095.0</t>
  </si>
  <si>
    <t>1273.031</t>
  </si>
  <si>
    <t>218287.0</t>
  </si>
  <si>
    <t>1280.02</t>
  </si>
  <si>
    <t>219426.0</t>
  </si>
  <si>
    <t>1286.699</t>
  </si>
  <si>
    <t>220765.0</t>
  </si>
  <si>
    <t>1294.551</t>
  </si>
  <si>
    <t>7.852</t>
  </si>
  <si>
    <t>222397.0</t>
  </si>
  <si>
    <t>1304.121</t>
  </si>
  <si>
    <t>223916.0</t>
  </si>
  <si>
    <t>1313.028</t>
  </si>
  <si>
    <t>6.409</t>
  </si>
  <si>
    <t>224915.0</t>
  </si>
  <si>
    <t>1318.887</t>
  </si>
  <si>
    <t>225326.0</t>
  </si>
  <si>
    <t>1321.297</t>
  </si>
  <si>
    <t>226657.0</t>
  </si>
  <si>
    <t>1329.102</t>
  </si>
  <si>
    <t>228323.0</t>
  </si>
  <si>
    <t>1338.871</t>
  </si>
  <si>
    <t>9.769</t>
  </si>
  <si>
    <t>7.453</t>
  </si>
  <si>
    <t>229733.0</t>
  </si>
  <si>
    <t>1347.139</t>
  </si>
  <si>
    <t>8.268</t>
  </si>
  <si>
    <t>7.512</t>
  </si>
  <si>
    <t>231526.0</t>
  </si>
  <si>
    <t>1357.653</t>
  </si>
  <si>
    <t>7.647</t>
  </si>
  <si>
    <t>232781.0</t>
  </si>
  <si>
    <t>1365.012</t>
  </si>
  <si>
    <t>7.424</t>
  </si>
  <si>
    <t>234184.0</t>
  </si>
  <si>
    <t>1373.239</t>
  </si>
  <si>
    <t>8.227</t>
  </si>
  <si>
    <t>235045.0</t>
  </si>
  <si>
    <t>1378.288</t>
  </si>
  <si>
    <t>5.049</t>
  </si>
  <si>
    <t>8.139</t>
  </si>
  <si>
    <t>236798.0</t>
  </si>
  <si>
    <t>1388.568</t>
  </si>
  <si>
    <t>239104.0</t>
  </si>
  <si>
    <t>1402.09</t>
  </si>
  <si>
    <t>240575.0</t>
  </si>
  <si>
    <t>1410.716</t>
  </si>
  <si>
    <t>8.626</t>
  </si>
  <si>
    <t>9.083</t>
  </si>
  <si>
    <t>242029.0</t>
  </si>
  <si>
    <t>1419.242</t>
  </si>
  <si>
    <t>243677.0</t>
  </si>
  <si>
    <t>1428.906</t>
  </si>
  <si>
    <t>9.664</t>
  </si>
  <si>
    <t>245330.0</t>
  </si>
  <si>
    <t>1438.599</t>
  </si>
  <si>
    <t>9.693</t>
  </si>
  <si>
    <t>245532.0</t>
  </si>
  <si>
    <t>1439.783</t>
  </si>
  <si>
    <t>8.784</t>
  </si>
  <si>
    <t>246589.0</t>
  </si>
  <si>
    <t>1445.981</t>
  </si>
  <si>
    <t>247696.0</t>
  </si>
  <si>
    <t>1452.473</t>
  </si>
  <si>
    <t>248697.0</t>
  </si>
  <si>
    <t>1458.343</t>
  </si>
  <si>
    <t>6.802</t>
  </si>
  <si>
    <t>250083.0</t>
  </si>
  <si>
    <t>1466.47</t>
  </si>
  <si>
    <t>8.127</t>
  </si>
  <si>
    <t>6.749</t>
  </si>
  <si>
    <t>251088.0</t>
  </si>
  <si>
    <t>1472.363</t>
  </si>
  <si>
    <t>251870.0</t>
  </si>
  <si>
    <t>1476.949</t>
  </si>
  <si>
    <t>252105.0</t>
  </si>
  <si>
    <t>1478.327</t>
  </si>
  <si>
    <t>5.506</t>
  </si>
  <si>
    <t>252664.0</t>
  </si>
  <si>
    <t>1481.605</t>
  </si>
  <si>
    <t>253292.0</t>
  </si>
  <si>
    <t>1485.287</t>
  </si>
  <si>
    <t>254017.0</t>
  </si>
  <si>
    <t>1489.539</t>
  </si>
  <si>
    <t>254612.0</t>
  </si>
  <si>
    <t>1493.028</t>
  </si>
  <si>
    <t>254993.0</t>
  </si>
  <si>
    <t>1495.262</t>
  </si>
  <si>
    <t>1516.888</t>
  </si>
  <si>
    <t>21.626</t>
  </si>
  <si>
    <t>258763.0</t>
  </si>
  <si>
    <t>1517.369</t>
  </si>
  <si>
    <t>259172.0</t>
  </si>
  <si>
    <t>1519.767</t>
  </si>
  <si>
    <t>259545.0</t>
  </si>
  <si>
    <t>1521.955</t>
  </si>
  <si>
    <t>259925.0</t>
  </si>
  <si>
    <t>1524.183</t>
  </si>
  <si>
    <t>264770.0</t>
  </si>
  <si>
    <t>1552.594</t>
  </si>
  <si>
    <t>264972.0</t>
  </si>
  <si>
    <t>1553.778</t>
  </si>
  <si>
    <t>8.362</t>
  </si>
  <si>
    <t>265261.0</t>
  </si>
  <si>
    <t>1555.473</t>
  </si>
  <si>
    <t>265304.0</t>
  </si>
  <si>
    <t>1555.725</t>
  </si>
  <si>
    <t>265602.0</t>
  </si>
  <si>
    <t>1557.472</t>
  </si>
  <si>
    <t>265842.0</t>
  </si>
  <si>
    <t>1558.88</t>
  </si>
  <si>
    <t>266055.0</t>
  </si>
  <si>
    <t>1560.129</t>
  </si>
  <si>
    <t>266254.0</t>
  </si>
  <si>
    <t>1561.296</t>
  </si>
  <si>
    <t>1562.498</t>
  </si>
  <si>
    <t>266680.0</t>
  </si>
  <si>
    <t>1563.794</t>
  </si>
  <si>
    <t>266725.0</t>
  </si>
  <si>
    <t>1564.058</t>
  </si>
  <si>
    <t>266975.0</t>
  </si>
  <si>
    <t>1565.524</t>
  </si>
  <si>
    <t>1566.814</t>
  </si>
  <si>
    <t>267448.0</t>
  </si>
  <si>
    <t>1568.297</t>
  </si>
  <si>
    <t>267608.0</t>
  </si>
  <si>
    <t>1569.235</t>
  </si>
  <si>
    <t>1570.25</t>
  </si>
  <si>
    <t>268220.0</t>
  </si>
  <si>
    <t>1572.824</t>
  </si>
  <si>
    <t>268269.0</t>
  </si>
  <si>
    <t>1573.112</t>
  </si>
  <si>
    <t>268617.0</t>
  </si>
  <si>
    <t>1575.152</t>
  </si>
  <si>
    <t>268961.0</t>
  </si>
  <si>
    <t>1577.169</t>
  </si>
  <si>
    <t>269352.0</t>
  </si>
  <si>
    <t>1579.462</t>
  </si>
  <si>
    <t>269591.0</t>
  </si>
  <si>
    <t>1580.864</t>
  </si>
  <si>
    <t>269918.0</t>
  </si>
  <si>
    <t>1582.781</t>
  </si>
  <si>
    <t>271676.0</t>
  </si>
  <si>
    <t>1593.09</t>
  </si>
  <si>
    <t>10.309</t>
  </si>
  <si>
    <t>1593.512</t>
  </si>
  <si>
    <t>272207.0</t>
  </si>
  <si>
    <t>1596.204</t>
  </si>
  <si>
    <t>272528.0</t>
  </si>
  <si>
    <t>1598.086</t>
  </si>
  <si>
    <t>1600.742</t>
  </si>
  <si>
    <t>273161.0</t>
  </si>
  <si>
    <t>1601.798</t>
  </si>
  <si>
    <t>273455.0</t>
  </si>
  <si>
    <t>1603.522</t>
  </si>
  <si>
    <t>273707.0</t>
  </si>
  <si>
    <t>273774.0</t>
  </si>
  <si>
    <t>1605.392</t>
  </si>
  <si>
    <t>274162.0</t>
  </si>
  <si>
    <t>1607.668</t>
  </si>
  <si>
    <t>276352.0</t>
  </si>
  <si>
    <t>1620.51</t>
  </si>
  <si>
    <t>12.842</t>
  </si>
  <si>
    <t>276748.0</t>
  </si>
  <si>
    <t>1622.832</t>
  </si>
  <si>
    <t>276923.0</t>
  </si>
  <si>
    <t>1623.858</t>
  </si>
  <si>
    <t>277238.0</t>
  </si>
  <si>
    <t>1625.705</t>
  </si>
  <si>
    <t>1627.077</t>
  </si>
  <si>
    <t>277538.0</t>
  </si>
  <si>
    <t>1627.464</t>
  </si>
  <si>
    <t>277968.0</t>
  </si>
  <si>
    <t>1629.986</t>
  </si>
  <si>
    <t>278196.0</t>
  </si>
  <si>
    <t>1631.323</t>
  </si>
  <si>
    <t>278582.0</t>
  </si>
  <si>
    <t>1633.586</t>
  </si>
  <si>
    <t>279975.0</t>
  </si>
  <si>
    <t>1641.755</t>
  </si>
  <si>
    <t>280321.0</t>
  </si>
  <si>
    <t>1643.784</t>
  </si>
  <si>
    <t>280614.0</t>
  </si>
  <si>
    <t>1645.502</t>
  </si>
  <si>
    <t>280703.0</t>
  </si>
  <si>
    <t>1646.024</t>
  </si>
  <si>
    <t>281075.0</t>
  </si>
  <si>
    <t>1648.205</t>
  </si>
  <si>
    <t>281359.0</t>
  </si>
  <si>
    <t>1649.87</t>
  </si>
  <si>
    <t>281756.0</t>
  </si>
  <si>
    <t>1652.198</t>
  </si>
  <si>
    <t>282017.0</t>
  </si>
  <si>
    <t>1653.729</t>
  </si>
  <si>
    <t>282602.0</t>
  </si>
  <si>
    <t>1657.159</t>
  </si>
  <si>
    <t>282842.0</t>
  </si>
  <si>
    <t>1658.567</t>
  </si>
  <si>
    <t>282943.0</t>
  </si>
  <si>
    <t>1659.159</t>
  </si>
  <si>
    <t>283264.0</t>
  </si>
  <si>
    <t>1661.041</t>
  </si>
  <si>
    <t>283499.0</t>
  </si>
  <si>
    <t>1662.419</t>
  </si>
  <si>
    <t>283801.0</t>
  </si>
  <si>
    <t>1664.19</t>
  </si>
  <si>
    <t>283971.0</t>
  </si>
  <si>
    <t>1665.187</t>
  </si>
  <si>
    <t>284383.0</t>
  </si>
  <si>
    <t>1667.603</t>
  </si>
  <si>
    <t>285678.0</t>
  </si>
  <si>
    <t>1675.197</t>
  </si>
  <si>
    <t>285734.0</t>
  </si>
  <si>
    <t>1675.525</t>
  </si>
  <si>
    <t>286012.0</t>
  </si>
  <si>
    <t>1677.155</t>
  </si>
  <si>
    <t>286219.0</t>
  </si>
  <si>
    <t>1678.369</t>
  </si>
  <si>
    <t>286416.0</t>
  </si>
  <si>
    <t>1679.524</t>
  </si>
  <si>
    <t>286655.0</t>
  </si>
  <si>
    <t>1680.926</t>
  </si>
  <si>
    <t>286909.0</t>
  </si>
  <si>
    <t>1682.415</t>
  </si>
  <si>
    <t>287063.0</t>
  </si>
  <si>
    <t>1683.318</t>
  </si>
  <si>
    <t>287067.0</t>
  </si>
  <si>
    <t>1683.342</t>
  </si>
  <si>
    <t>287467.0</t>
  </si>
  <si>
    <t>1685.687</t>
  </si>
  <si>
    <t>287886.0</t>
  </si>
  <si>
    <t>1688.144</t>
  </si>
  <si>
    <t>288262.0</t>
  </si>
  <si>
    <t>1690.349</t>
  </si>
  <si>
    <t>1691.698</t>
  </si>
  <si>
    <t>289022.0</t>
  </si>
  <si>
    <t>1694.806</t>
  </si>
  <si>
    <t>289248.0</t>
  </si>
  <si>
    <t>1696.131</t>
  </si>
  <si>
    <t>289348.0</t>
  </si>
  <si>
    <t>1696.717</t>
  </si>
  <si>
    <t>289989.0</t>
  </si>
  <si>
    <t>1700.476</t>
  </si>
  <si>
    <t>1702.552</t>
  </si>
  <si>
    <t>290763.0</t>
  </si>
  <si>
    <t>1705.015</t>
  </si>
  <si>
    <t>291169.0</t>
  </si>
  <si>
    <t>1707.396</t>
  </si>
  <si>
    <t>291468.0</t>
  </si>
  <si>
    <t>1709.149</t>
  </si>
  <si>
    <t>296592.0</t>
  </si>
  <si>
    <t>1739.196</t>
  </si>
  <si>
    <t>296628.0</t>
  </si>
  <si>
    <t>1739.407</t>
  </si>
  <si>
    <t>6.098</t>
  </si>
  <si>
    <t>297206.0</t>
  </si>
  <si>
    <t>1742.796</t>
  </si>
  <si>
    <t>1745.13</t>
  </si>
  <si>
    <t>1788.887</t>
  </si>
  <si>
    <t>43.757</t>
  </si>
  <si>
    <t>305459.0</t>
  </si>
  <si>
    <t>1791.191</t>
  </si>
  <si>
    <t>11.968</t>
  </si>
  <si>
    <t>305851.0</t>
  </si>
  <si>
    <t>1793.49</t>
  </si>
  <si>
    <t>306028.0</t>
  </si>
  <si>
    <t>1794.528</t>
  </si>
  <si>
    <t>306084.0</t>
  </si>
  <si>
    <t>1794.856</t>
  </si>
  <si>
    <t>306943.0</t>
  </si>
  <si>
    <t>1799.893</t>
  </si>
  <si>
    <t>307474.0</t>
  </si>
  <si>
    <t>1803.007</t>
  </si>
  <si>
    <t>308775.0</t>
  </si>
  <si>
    <t>1810.636</t>
  </si>
  <si>
    <t>309360.0</t>
  </si>
  <si>
    <t>309869.0</t>
  </si>
  <si>
    <t>1817.051</t>
  </si>
  <si>
    <t>314131.0</t>
  </si>
  <si>
    <t>1842.043</t>
  </si>
  <si>
    <t>24.992</t>
  </si>
  <si>
    <t>314152.0</t>
  </si>
  <si>
    <t>1842.166</t>
  </si>
  <si>
    <t>314516.0</t>
  </si>
  <si>
    <t>1844.301</t>
  </si>
  <si>
    <t>315391.0</t>
  </si>
  <si>
    <t>1849.432</t>
  </si>
  <si>
    <t>6.632</t>
  </si>
  <si>
    <t>315742.0</t>
  </si>
  <si>
    <t>1851.49</t>
  </si>
  <si>
    <t>1853.39</t>
  </si>
  <si>
    <t>316399.0</t>
  </si>
  <si>
    <t>1855.343</t>
  </si>
  <si>
    <t>316715.0</t>
  </si>
  <si>
    <t>1857.196</t>
  </si>
  <si>
    <t>316758.0</t>
  </si>
  <si>
    <t>1857.448</t>
  </si>
  <si>
    <t>317154.0</t>
  </si>
  <si>
    <t>1859.77</t>
  </si>
  <si>
    <t>317627.0</t>
  </si>
  <si>
    <t>1862.544</t>
  </si>
  <si>
    <t>317904.0</t>
  </si>
  <si>
    <t>1864.168</t>
  </si>
  <si>
    <t>318134.0</t>
  </si>
  <si>
    <t>1865.517</t>
  </si>
  <si>
    <t>318506.0</t>
  </si>
  <si>
    <t>1867.698</t>
  </si>
  <si>
    <t>318787.0</t>
  </si>
  <si>
    <t>1869.346</t>
  </si>
  <si>
    <t>318829.0</t>
  </si>
  <si>
    <t>1869.592</t>
  </si>
  <si>
    <t>319312.0</t>
  </si>
  <si>
    <t>1872.424</t>
  </si>
  <si>
    <t>319736.0</t>
  </si>
  <si>
    <t>1874.911</t>
  </si>
  <si>
    <t>320053.0</t>
  </si>
  <si>
    <t>1876.769</t>
  </si>
  <si>
    <t>320061.0</t>
  </si>
  <si>
    <t>1876.816</t>
  </si>
  <si>
    <t>320080.0</t>
  </si>
  <si>
    <t>1876.928</t>
  </si>
  <si>
    <t>320113.0</t>
  </si>
  <si>
    <t>1877.121</t>
  </si>
  <si>
    <t>320254.0</t>
  </si>
  <si>
    <t>1877.948</t>
  </si>
  <si>
    <t>320349.0</t>
  </si>
  <si>
    <t>1878.505</t>
  </si>
  <si>
    <t>320571.0</t>
  </si>
  <si>
    <t>1879.807</t>
  </si>
  <si>
    <t>320898.0</t>
  </si>
  <si>
    <t>1881.724</t>
  </si>
  <si>
    <t>1884.797</t>
  </si>
  <si>
    <t>323103.0</t>
  </si>
  <si>
    <t>1894.654</t>
  </si>
  <si>
    <t>9.857</t>
  </si>
  <si>
    <t>323516.0</t>
  </si>
  <si>
    <t>1897.076</t>
  </si>
  <si>
    <t>GTM</t>
  </si>
  <si>
    <t>Guatemala</t>
  </si>
  <si>
    <t>-5.0</t>
  </si>
  <si>
    <t>-0.28020758226026</t>
  </si>
  <si>
    <t>-23.9</t>
  </si>
  <si>
    <t>-1.33939224320404</t>
  </si>
  <si>
    <t>-69.8</t>
  </si>
  <si>
    <t>-2.82</t>
  </si>
  <si>
    <t>-3.91169784835323</t>
  </si>
  <si>
    <t>-216.3</t>
  </si>
  <si>
    <t>-9.02</t>
  </si>
  <si>
    <t>-12.1217800085788</t>
  </si>
  <si>
    <t>-458.2</t>
  </si>
  <si>
    <t>-14.79</t>
  </si>
  <si>
    <t>-25.6782228383302</t>
  </si>
  <si>
    <t>-793.9</t>
  </si>
  <si>
    <t>-20.17</t>
  </si>
  <si>
    <t>-44.491359911284</t>
  </si>
  <si>
    <t>-1140.0</t>
  </si>
  <si>
    <t>-20.96</t>
  </si>
  <si>
    <t>-63.8873287553392</t>
  </si>
  <si>
    <t>-1510.5</t>
  </si>
  <si>
    <t>-22.74</t>
  </si>
  <si>
    <t>-84.6507106008245</t>
  </si>
  <si>
    <t>-1852.6</t>
  </si>
  <si>
    <t>-103.822513379071</t>
  </si>
  <si>
    <t>-2163.3</t>
  </si>
  <si>
    <t>-7.78</t>
  </si>
  <si>
    <t>-18.11</t>
  </si>
  <si>
    <t>-121.234612540724</t>
  </si>
  <si>
    <t>0.1371</t>
  </si>
  <si>
    <t>-2469.6</t>
  </si>
  <si>
    <t>-18.48</t>
  </si>
  <si>
    <t>-138.400129029987</t>
  </si>
  <si>
    <t>-2717.5</t>
  </si>
  <si>
    <t>-8.74</t>
  </si>
  <si>
    <t>-15.28</t>
  </si>
  <si>
    <t>-152.292820958451</t>
  </si>
  <si>
    <t>0.2085</t>
  </si>
  <si>
    <t>-2961.4</t>
  </si>
  <si>
    <t>-9.05</t>
  </si>
  <si>
    <t>-14.82</t>
  </si>
  <si>
    <t>-165.961346821107</t>
  </si>
  <si>
    <t>18356.0</t>
  </si>
  <si>
    <t>-3102.9</t>
  </si>
  <si>
    <t>-9.04</t>
  </si>
  <si>
    <t>-173.891221399072</t>
  </si>
  <si>
    <t>19069.0</t>
  </si>
  <si>
    <t>0.2939</t>
  </si>
  <si>
    <t>22025.0</t>
  </si>
  <si>
    <t>0.3001</t>
  </si>
  <si>
    <t>-3109.6</t>
  </si>
  <si>
    <t>-8.66</t>
  </si>
  <si>
    <t>-174.266699559301</t>
  </si>
  <si>
    <t>24609.0</t>
  </si>
  <si>
    <t>25175.0</t>
  </si>
  <si>
    <t>0.3805</t>
  </si>
  <si>
    <t>0.3752</t>
  </si>
  <si>
    <t>28381.0</t>
  </si>
  <si>
    <t>0.4085</t>
  </si>
  <si>
    <t>0.3724</t>
  </si>
  <si>
    <t>-2897.9</t>
  </si>
  <si>
    <t>-7.71</t>
  </si>
  <si>
    <t>-162.402710526401</t>
  </si>
  <si>
    <t>30302.0</t>
  </si>
  <si>
    <t>0.3806</t>
  </si>
  <si>
    <t>31081.0</t>
  </si>
  <si>
    <t>0.3859</t>
  </si>
  <si>
    <t>31977.0</t>
  </si>
  <si>
    <t>0.4027</t>
  </si>
  <si>
    <t>32485.0</t>
  </si>
  <si>
    <t>0.4214</t>
  </si>
  <si>
    <t>0.4415</t>
  </si>
  <si>
    <t>0.4943</t>
  </si>
  <si>
    <t>-2574.8</t>
  </si>
  <si>
    <t>-6.57</t>
  </si>
  <si>
    <t>-144.295696560743</t>
  </si>
  <si>
    <t>0.4677</t>
  </si>
  <si>
    <t>39260.0</t>
  </si>
  <si>
    <t>0.4162</t>
  </si>
  <si>
    <t>41172.0</t>
  </si>
  <si>
    <t>0.3807</t>
  </si>
  <si>
    <t>42563.0</t>
  </si>
  <si>
    <t>0.3858</t>
  </si>
  <si>
    <t>0.3488</t>
  </si>
  <si>
    <t>44091.0</t>
  </si>
  <si>
    <t>0.3464</t>
  </si>
  <si>
    <t>-2139.1</t>
  </si>
  <si>
    <t>-119.878407842584</t>
  </si>
  <si>
    <t>0.3663</t>
  </si>
  <si>
    <t>47595.0</t>
  </si>
  <si>
    <t>50974.0</t>
  </si>
  <si>
    <t>0.3828</t>
  </si>
  <si>
    <t>52939.0</t>
  </si>
  <si>
    <t>55167.0</t>
  </si>
  <si>
    <t>0.3418</t>
  </si>
  <si>
    <t>-1452.6</t>
  </si>
  <si>
    <t>-81.4059067982507</t>
  </si>
  <si>
    <t>56840.0</t>
  </si>
  <si>
    <t>59652.0</t>
  </si>
  <si>
    <t>62471.0</t>
  </si>
  <si>
    <t>65794.0</t>
  </si>
  <si>
    <t>3.736</t>
  </si>
  <si>
    <t>0.3005</t>
  </si>
  <si>
    <t>69465.0</t>
  </si>
  <si>
    <t>0.3307</t>
  </si>
  <si>
    <t>72394.0</t>
  </si>
  <si>
    <t>0.3385</t>
  </si>
  <si>
    <t>74666.0</t>
  </si>
  <si>
    <t>-508.1</t>
  </si>
  <si>
    <t>-28.4746945092876</t>
  </si>
  <si>
    <t>77626.0</t>
  </si>
  <si>
    <t>4.408</t>
  </si>
  <si>
    <t>79392.0</t>
  </si>
  <si>
    <t>82778.0</t>
  </si>
  <si>
    <t>0.3152</t>
  </si>
  <si>
    <t>88678.0</t>
  </si>
  <si>
    <t>90504.0</t>
  </si>
  <si>
    <t>91679.0</t>
  </si>
  <si>
    <t>5.207</t>
  </si>
  <si>
    <t>44.4969640629292</t>
  </si>
  <si>
    <t>5.391</t>
  </si>
  <si>
    <t>0.3334</t>
  </si>
  <si>
    <t>5.574</t>
  </si>
  <si>
    <t>101419.0</t>
  </si>
  <si>
    <t>104816.0</t>
  </si>
  <si>
    <t>5.953</t>
  </si>
  <si>
    <t>110271.0</t>
  </si>
  <si>
    <t>6.262</t>
  </si>
  <si>
    <t>0.4777</t>
  </si>
  <si>
    <t>111386.0</t>
  </si>
  <si>
    <t>0.4731</t>
  </si>
  <si>
    <t>107.45960779681</t>
  </si>
  <si>
    <t>115302.0</t>
  </si>
  <si>
    <t>6.548</t>
  </si>
  <si>
    <t>0.4562</t>
  </si>
  <si>
    <t>0.4401</t>
  </si>
  <si>
    <t>122908.0</t>
  </si>
  <si>
    <t>126086.0</t>
  </si>
  <si>
    <t>129975.0</t>
  </si>
  <si>
    <t>0.4367</t>
  </si>
  <si>
    <t>131862.0</t>
  </si>
  <si>
    <t>132413.0</t>
  </si>
  <si>
    <t>0.3032</t>
  </si>
  <si>
    <t>2958.2</t>
  </si>
  <si>
    <t>165.78201396846</t>
  </si>
  <si>
    <t>136305.0</t>
  </si>
  <si>
    <t>140125.0</t>
  </si>
  <si>
    <t>144450.0</t>
  </si>
  <si>
    <t>148554.0</t>
  </si>
  <si>
    <t>0.2952</t>
  </si>
  <si>
    <t>152458.0</t>
  </si>
  <si>
    <t>153913.0</t>
  </si>
  <si>
    <t>8.741</t>
  </si>
  <si>
    <t>154485.0</t>
  </si>
  <si>
    <t>8.773</t>
  </si>
  <si>
    <t>0.2833</t>
  </si>
  <si>
    <t>3934.3</t>
  </si>
  <si>
    <t>220.484138177308</t>
  </si>
  <si>
    <t>157544.0</t>
  </si>
  <si>
    <t>161348.0</t>
  </si>
  <si>
    <t>9.163</t>
  </si>
  <si>
    <t>164595.0</t>
  </si>
  <si>
    <t>167875.0</t>
  </si>
  <si>
    <t>9.534</t>
  </si>
  <si>
    <t>171070.0</t>
  </si>
  <si>
    <t>9.715</t>
  </si>
  <si>
    <t>172721.0</t>
  </si>
  <si>
    <t>9.809</t>
  </si>
  <si>
    <t>173550.0</t>
  </si>
  <si>
    <t>4666.6</t>
  </si>
  <si>
    <t>261.523340675146</t>
  </si>
  <si>
    <t>177132.0</t>
  </si>
  <si>
    <t>181251.0</t>
  </si>
  <si>
    <t>185329.0</t>
  </si>
  <si>
    <t>0.2691</t>
  </si>
  <si>
    <t>189679.0</t>
  </si>
  <si>
    <t>10.772</t>
  </si>
  <si>
    <t>193551.0</t>
  </si>
  <si>
    <t>10.992</t>
  </si>
  <si>
    <t>194484.0</t>
  </si>
  <si>
    <t>195237.0</t>
  </si>
  <si>
    <t>11.088</t>
  </si>
  <si>
    <t>5306.9</t>
  </si>
  <si>
    <t>297.406723659394</t>
  </si>
  <si>
    <t>198963.0</t>
  </si>
  <si>
    <t>11.299</t>
  </si>
  <si>
    <t>203004.0</t>
  </si>
  <si>
    <t>0.2703</t>
  </si>
  <si>
    <t>207296.0</t>
  </si>
  <si>
    <t>11.773</t>
  </si>
  <si>
    <t>210969.0</t>
  </si>
  <si>
    <t>0.2677</t>
  </si>
  <si>
    <t>214310.0</t>
  </si>
  <si>
    <t>12.171</t>
  </si>
  <si>
    <t>215405.0</t>
  </si>
  <si>
    <t>12.233</t>
  </si>
  <si>
    <t>216273.0</t>
  </si>
  <si>
    <t>12.282</t>
  </si>
  <si>
    <t>5810.4</t>
  </si>
  <si>
    <t>325.623627193003</t>
  </si>
  <si>
    <t>220625.0</t>
  </si>
  <si>
    <t>224697.0</t>
  </si>
  <si>
    <t>228722.0</t>
  </si>
  <si>
    <t>0.2722</t>
  </si>
  <si>
    <t>232598.0</t>
  </si>
  <si>
    <t>13.209</t>
  </si>
  <si>
    <t>235778.0</t>
  </si>
  <si>
    <t>236971.0</t>
  </si>
  <si>
    <t>13.458</t>
  </si>
  <si>
    <t>237743.0</t>
  </si>
  <si>
    <t>0.2666</t>
  </si>
  <si>
    <t>6370.9</t>
  </si>
  <si>
    <t>357.034897164378</t>
  </si>
  <si>
    <t>241010.0</t>
  </si>
  <si>
    <t>0.2718</t>
  </si>
  <si>
    <t>244213.0</t>
  </si>
  <si>
    <t>247267.0</t>
  </si>
  <si>
    <t>14.042</t>
  </si>
  <si>
    <t>250027.0</t>
  </si>
  <si>
    <t>0.2583</t>
  </si>
  <si>
    <t>252186.0</t>
  </si>
  <si>
    <t>14.322</t>
  </si>
  <si>
    <t>253137.0</t>
  </si>
  <si>
    <t>14.376</t>
  </si>
  <si>
    <t>253715.0</t>
  </si>
  <si>
    <t>380.409813676529</t>
  </si>
  <si>
    <t>256773.0</t>
  </si>
  <si>
    <t>14.582</t>
  </si>
  <si>
    <t>260179.0</t>
  </si>
  <si>
    <t>14.957</t>
  </si>
  <si>
    <t>15.127</t>
  </si>
  <si>
    <t>268778.0</t>
  </si>
  <si>
    <t>269766.0</t>
  </si>
  <si>
    <t>270547.0</t>
  </si>
  <si>
    <t>7129.5</t>
  </si>
  <si>
    <t>399.547991544904</t>
  </si>
  <si>
    <t>272525.0</t>
  </si>
  <si>
    <t>273156.0</t>
  </si>
  <si>
    <t>275986.0</t>
  </si>
  <si>
    <t>279164.0</t>
  </si>
  <si>
    <t>15.854</t>
  </si>
  <si>
    <t>281949.0</t>
  </si>
  <si>
    <t>16.012</t>
  </si>
  <si>
    <t>283079.0</t>
  </si>
  <si>
    <t>16.076</t>
  </si>
  <si>
    <t>284258.0</t>
  </si>
  <si>
    <t>16.143</t>
  </si>
  <si>
    <t>7433.6</t>
  </si>
  <si>
    <t>416.590216697973</t>
  </si>
  <si>
    <t>287645.0</t>
  </si>
  <si>
    <t>16.336</t>
  </si>
  <si>
    <t>0.2321</t>
  </si>
  <si>
    <t>290756.0</t>
  </si>
  <si>
    <t>16.512</t>
  </si>
  <si>
    <t>293033.0</t>
  </si>
  <si>
    <t>16.642</t>
  </si>
  <si>
    <t>297034.0</t>
  </si>
  <si>
    <t>16.869</t>
  </si>
  <si>
    <t>301314.0</t>
  </si>
  <si>
    <t>17.112</t>
  </si>
  <si>
    <t>303015.0</t>
  </si>
  <si>
    <t>17.208</t>
  </si>
  <si>
    <t>303800.0</t>
  </si>
  <si>
    <t>0.2378</t>
  </si>
  <si>
    <t>7730.5</t>
  </si>
  <si>
    <t>433.228942932588</t>
  </si>
  <si>
    <t>307241.0</t>
  </si>
  <si>
    <t>17.448</t>
  </si>
  <si>
    <t>311816.0</t>
  </si>
  <si>
    <t>17.708</t>
  </si>
  <si>
    <t>315792.0</t>
  </si>
  <si>
    <t>17.934</t>
  </si>
  <si>
    <t>18.169</t>
  </si>
  <si>
    <t>323291.0</t>
  </si>
  <si>
    <t>324544.0</t>
  </si>
  <si>
    <t>18.431</t>
  </si>
  <si>
    <t>18.475</t>
  </si>
  <si>
    <t>7867.8</t>
  </si>
  <si>
    <t>440.923443141454</t>
  </si>
  <si>
    <t>328849.0</t>
  </si>
  <si>
    <t>332934.0</t>
  </si>
  <si>
    <t>18.908</t>
  </si>
  <si>
    <t>338140.0</t>
  </si>
  <si>
    <t>19.203</t>
  </si>
  <si>
    <t>340796.0</t>
  </si>
  <si>
    <t>19.354</t>
  </si>
  <si>
    <t>344780.0</t>
  </si>
  <si>
    <t>346537.0</t>
  </si>
  <si>
    <t>347298.0</t>
  </si>
  <si>
    <t>19.723</t>
  </si>
  <si>
    <t>8151.7</t>
  </si>
  <si>
    <t>456.833629662192</t>
  </si>
  <si>
    <t>350999.0</t>
  </si>
  <si>
    <t>19.934</t>
  </si>
  <si>
    <t>355244.0</t>
  </si>
  <si>
    <t>359756.0</t>
  </si>
  <si>
    <t>20.431</t>
  </si>
  <si>
    <t>364095.0</t>
  </si>
  <si>
    <t>20.677</t>
  </si>
  <si>
    <t>368617.0</t>
  </si>
  <si>
    <t>370174.0</t>
  </si>
  <si>
    <t>371687.0</t>
  </si>
  <si>
    <t>21.108</t>
  </si>
  <si>
    <t>8353.6</t>
  </si>
  <si>
    <t>468.148411833861</t>
  </si>
  <si>
    <t>375315.0</t>
  </si>
  <si>
    <t>21.314</t>
  </si>
  <si>
    <t>376315.0</t>
  </si>
  <si>
    <t>21.371</t>
  </si>
  <si>
    <t>380420.0</t>
  </si>
  <si>
    <t>384952.0</t>
  </si>
  <si>
    <t>21.862</t>
  </si>
  <si>
    <t>389516.0</t>
  </si>
  <si>
    <t>390397.0</t>
  </si>
  <si>
    <t>391225.0</t>
  </si>
  <si>
    <t>22.218</t>
  </si>
  <si>
    <t>8536.3</t>
  </si>
  <si>
    <t>478.387196889651</t>
  </si>
  <si>
    <t>395818.0</t>
  </si>
  <si>
    <t>22.479</t>
  </si>
  <si>
    <t>400305.0</t>
  </si>
  <si>
    <t>22.734</t>
  </si>
  <si>
    <t>404517.0</t>
  </si>
  <si>
    <t>22.973</t>
  </si>
  <si>
    <t>409607.0</t>
  </si>
  <si>
    <t>23.262</t>
  </si>
  <si>
    <t>414104.0</t>
  </si>
  <si>
    <t>23.517</t>
  </si>
  <si>
    <t>415024.0</t>
  </si>
  <si>
    <t>415121.0</t>
  </si>
  <si>
    <t>23.575</t>
  </si>
  <si>
    <t>8764.8</t>
  </si>
  <si>
    <t>491.192683398945</t>
  </si>
  <si>
    <t>416915.0</t>
  </si>
  <si>
    <t>23.677</t>
  </si>
  <si>
    <t>420601.0</t>
  </si>
  <si>
    <t>23.886</t>
  </si>
  <si>
    <t>424909.0</t>
  </si>
  <si>
    <t>24.131</t>
  </si>
  <si>
    <t>428675.0</t>
  </si>
  <si>
    <t>24.345</t>
  </si>
  <si>
    <t>432025.0</t>
  </si>
  <si>
    <t>24.535</t>
  </si>
  <si>
    <t>432944.0</t>
  </si>
  <si>
    <t>433577.0</t>
  </si>
  <si>
    <t>9030.7</t>
  </si>
  <si>
    <t>506.094122623546</t>
  </si>
  <si>
    <t>438097.0</t>
  </si>
  <si>
    <t>442599.0</t>
  </si>
  <si>
    <t>447993.0</t>
  </si>
  <si>
    <t>25.442</t>
  </si>
  <si>
    <t>452209.0</t>
  </si>
  <si>
    <t>456586.0</t>
  </si>
  <si>
    <t>457591.0</t>
  </si>
  <si>
    <t>25.987</t>
  </si>
  <si>
    <t>458553.0</t>
  </si>
  <si>
    <t>26.042</t>
  </si>
  <si>
    <t>9271.4</t>
  </si>
  <si>
    <t>519.583315633554</t>
  </si>
  <si>
    <t>463294.0</t>
  </si>
  <si>
    <t>26.311</t>
  </si>
  <si>
    <t>467008.0</t>
  </si>
  <si>
    <t>471540.0</t>
  </si>
  <si>
    <t>26.779</t>
  </si>
  <si>
    <t>475915.0</t>
  </si>
  <si>
    <t>27.028</t>
  </si>
  <si>
    <t>479992.0</t>
  </si>
  <si>
    <t>481268.0</t>
  </si>
  <si>
    <t>27.332</t>
  </si>
  <si>
    <t>481840.0</t>
  </si>
  <si>
    <t>27.364</t>
  </si>
  <si>
    <t>9565.9</t>
  </si>
  <si>
    <t>536.087542228684</t>
  </si>
  <si>
    <t>486178.0</t>
  </si>
  <si>
    <t>490316.0</t>
  </si>
  <si>
    <t>27.845</t>
  </si>
  <si>
    <t>494338.0</t>
  </si>
  <si>
    <t>28.074</t>
  </si>
  <si>
    <t>497519.0</t>
  </si>
  <si>
    <t>28.255</t>
  </si>
  <si>
    <t>501652.0</t>
  </si>
  <si>
    <t>28.489</t>
  </si>
  <si>
    <t>503244.0</t>
  </si>
  <si>
    <t>503912.0</t>
  </si>
  <si>
    <t>553.297891931109</t>
  </si>
  <si>
    <t>508568.0</t>
  </si>
  <si>
    <t>28.882</t>
  </si>
  <si>
    <t>513184.0</t>
  </si>
  <si>
    <t>29.144</t>
  </si>
  <si>
    <t>517599.0</t>
  </si>
  <si>
    <t>29.395</t>
  </si>
  <si>
    <t>521319.0</t>
  </si>
  <si>
    <t>29.606</t>
  </si>
  <si>
    <t>525341.0</t>
  </si>
  <si>
    <t>29.835</t>
  </si>
  <si>
    <t>526562.0</t>
  </si>
  <si>
    <t>29.904</t>
  </si>
  <si>
    <t>527259.0</t>
  </si>
  <si>
    <t>10072.5</t>
  </si>
  <si>
    <t>564.478174463293</t>
  </si>
  <si>
    <t>531624.0</t>
  </si>
  <si>
    <t>536023.0</t>
  </si>
  <si>
    <t>30.441</t>
  </si>
  <si>
    <t>540872.0</t>
  </si>
  <si>
    <t>30.717</t>
  </si>
  <si>
    <t>544811.0</t>
  </si>
  <si>
    <t>31.193</t>
  </si>
  <si>
    <t>550592.0</t>
  </si>
  <si>
    <t>31.269</t>
  </si>
  <si>
    <t>551141.0</t>
  </si>
  <si>
    <t>10328.4</t>
  </si>
  <si>
    <t>578.819198523373</t>
  </si>
  <si>
    <t>555571.0</t>
  </si>
  <si>
    <t>560269.0</t>
  </si>
  <si>
    <t>564922.0</t>
  </si>
  <si>
    <t>32.082</t>
  </si>
  <si>
    <t>569613.0</t>
  </si>
  <si>
    <t>32.349</t>
  </si>
  <si>
    <t>573961.0</t>
  </si>
  <si>
    <t>575416.0</t>
  </si>
  <si>
    <t>32.678</t>
  </si>
  <si>
    <t>576119.0</t>
  </si>
  <si>
    <t>10575.7</t>
  </si>
  <si>
    <t>592.678265541966</t>
  </si>
  <si>
    <t>580922.0</t>
  </si>
  <si>
    <t>32.991</t>
  </si>
  <si>
    <t>586602.0</t>
  </si>
  <si>
    <t>33.314</t>
  </si>
  <si>
    <t>591484.0</t>
  </si>
  <si>
    <t>33.591</t>
  </si>
  <si>
    <t>592558.0</t>
  </si>
  <si>
    <t>33.652</t>
  </si>
  <si>
    <t>592983.0</t>
  </si>
  <si>
    <t>33.676</t>
  </si>
  <si>
    <t>593911.0</t>
  </si>
  <si>
    <t>33.729</t>
  </si>
  <si>
    <t>594620.0</t>
  </si>
  <si>
    <t>604.071505836668</t>
  </si>
  <si>
    <t>598984.0</t>
  </si>
  <si>
    <t>603991.0</t>
  </si>
  <si>
    <t>34.301</t>
  </si>
  <si>
    <t>608464.0</t>
  </si>
  <si>
    <t>34.555</t>
  </si>
  <si>
    <t>609672.0</t>
  </si>
  <si>
    <t>610355.0</t>
  </si>
  <si>
    <t>34.663</t>
  </si>
  <si>
    <t>611042.0</t>
  </si>
  <si>
    <t>34.702</t>
  </si>
  <si>
    <t>11133.3</t>
  </si>
  <si>
    <t>623.92701511563</t>
  </si>
  <si>
    <t>616850.0</t>
  </si>
  <si>
    <t>35.031</t>
  </si>
  <si>
    <t>621657.0</t>
  </si>
  <si>
    <t>627176.0</t>
  </si>
  <si>
    <t>35.618</t>
  </si>
  <si>
    <t>632653.0</t>
  </si>
  <si>
    <t>35.929</t>
  </si>
  <si>
    <t>638650.0</t>
  </si>
  <si>
    <t>640270.0</t>
  </si>
  <si>
    <t>36.361</t>
  </si>
  <si>
    <t>641167.0</t>
  </si>
  <si>
    <t>36.412</t>
  </si>
  <si>
    <t>11368.9</t>
  </si>
  <si>
    <t>637.130396391733</t>
  </si>
  <si>
    <t>647119.0</t>
  </si>
  <si>
    <t>652913.0</t>
  </si>
  <si>
    <t>37.079</t>
  </si>
  <si>
    <t>659296.0</t>
  </si>
  <si>
    <t>665237.0</t>
  </si>
  <si>
    <t>670939.0</t>
  </si>
  <si>
    <t>38.103</t>
  </si>
  <si>
    <t>673171.0</t>
  </si>
  <si>
    <t>674405.0</t>
  </si>
  <si>
    <t>11602.3</t>
  </si>
  <si>
    <t>650.210486331642</t>
  </si>
  <si>
    <t>680646.0</t>
  </si>
  <si>
    <t>38.654</t>
  </si>
  <si>
    <t>687806.0</t>
  </si>
  <si>
    <t>39.061</t>
  </si>
  <si>
    <t>693766.0</t>
  </si>
  <si>
    <t>0.1549</t>
  </si>
  <si>
    <t>701906.0</t>
  </si>
  <si>
    <t>708671.0</t>
  </si>
  <si>
    <t>40.246</t>
  </si>
  <si>
    <t>711501.0</t>
  </si>
  <si>
    <t>40.407</t>
  </si>
  <si>
    <t>712923.0</t>
  </si>
  <si>
    <t>40.487</t>
  </si>
  <si>
    <t>11822.3</t>
  </si>
  <si>
    <t>662.539619951094</t>
  </si>
  <si>
    <t>719748.0</t>
  </si>
  <si>
    <t>40.875</t>
  </si>
  <si>
    <t>726544.0</t>
  </si>
  <si>
    <t>734744.0</t>
  </si>
  <si>
    <t>742114.0</t>
  </si>
  <si>
    <t>42.145</t>
  </si>
  <si>
    <t>751021.0</t>
  </si>
  <si>
    <t>42.651</t>
  </si>
  <si>
    <t>756253.0</t>
  </si>
  <si>
    <t>760913.0</t>
  </si>
  <si>
    <t>43.213</t>
  </si>
  <si>
    <t>12038.7</t>
  </si>
  <si>
    <t>674.667004111318</t>
  </si>
  <si>
    <t>767947.0</t>
  </si>
  <si>
    <t>43.612</t>
  </si>
  <si>
    <t>774793.0</t>
  </si>
  <si>
    <t>780868.0</t>
  </si>
  <si>
    <t>44.346</t>
  </si>
  <si>
    <t>44.751</t>
  </si>
  <si>
    <t>794476.0</t>
  </si>
  <si>
    <t>45.119</t>
  </si>
  <si>
    <t>796717.0</t>
  </si>
  <si>
    <t>797496.0</t>
  </si>
  <si>
    <t>12249.5</t>
  </si>
  <si>
    <t>686.48055577941</t>
  </si>
  <si>
    <t>804879.0</t>
  </si>
  <si>
    <t>812342.0</t>
  </si>
  <si>
    <t>46.134</t>
  </si>
  <si>
    <t>819185.0</t>
  </si>
  <si>
    <t>825824.0</t>
  </si>
  <si>
    <t>46.899</t>
  </si>
  <si>
    <t>831479.0</t>
  </si>
  <si>
    <t>833298.0</t>
  </si>
  <si>
    <t>47.324</t>
  </si>
  <si>
    <t>834280.0</t>
  </si>
  <si>
    <t>47.379</t>
  </si>
  <si>
    <t>12410.1</t>
  </si>
  <si>
    <t>695.48082332161</t>
  </si>
  <si>
    <t>47.727</t>
  </si>
  <si>
    <t>847042.0</t>
  </si>
  <si>
    <t>48.104</t>
  </si>
  <si>
    <t>853709.0</t>
  </si>
  <si>
    <t>48.483</t>
  </si>
  <si>
    <t>860769.0</t>
  </si>
  <si>
    <t>866995.0</t>
  </si>
  <si>
    <t>49.237</t>
  </si>
  <si>
    <t>869156.0</t>
  </si>
  <si>
    <t>870274.0</t>
  </si>
  <si>
    <t>49.424</t>
  </si>
  <si>
    <t>12468.9</t>
  </si>
  <si>
    <t>698.77606448899</t>
  </si>
  <si>
    <t>877182.0</t>
  </si>
  <si>
    <t>49.816</t>
  </si>
  <si>
    <t>884224.0</t>
  </si>
  <si>
    <t>50.216</t>
  </si>
  <si>
    <t>890811.0</t>
  </si>
  <si>
    <t>896819.0</t>
  </si>
  <si>
    <t>50.931</t>
  </si>
  <si>
    <t>902387.0</t>
  </si>
  <si>
    <t>51.247</t>
  </si>
  <si>
    <t>903949.0</t>
  </si>
  <si>
    <t>904782.0</t>
  </si>
  <si>
    <t>51.383</t>
  </si>
  <si>
    <t>12577.7</t>
  </si>
  <si>
    <t>704.873381478974</t>
  </si>
  <si>
    <t>910703.0</t>
  </si>
  <si>
    <t>917254.0</t>
  </si>
  <si>
    <t>52.092</t>
  </si>
  <si>
    <t>923058.0</t>
  </si>
  <si>
    <t>52.421</t>
  </si>
  <si>
    <t>929471.0</t>
  </si>
  <si>
    <t>934628.0</t>
  </si>
  <si>
    <t>936050.0</t>
  </si>
  <si>
    <t>936990.0</t>
  </si>
  <si>
    <t>53.212</t>
  </si>
  <si>
    <t>12789.1</t>
  </si>
  <si>
    <t>716.720558056937</t>
  </si>
  <si>
    <t>943621.0</t>
  </si>
  <si>
    <t>949893.0</t>
  </si>
  <si>
    <t>53.945</t>
  </si>
  <si>
    <t>956133.0</t>
  </si>
  <si>
    <t>962472.0</t>
  </si>
  <si>
    <t>968219.0</t>
  </si>
  <si>
    <t>54.986</t>
  </si>
  <si>
    <t>969938.0</t>
  </si>
  <si>
    <t>30890.0</t>
  </si>
  <si>
    <t>970811.0</t>
  </si>
  <si>
    <t>55.133</t>
  </si>
  <si>
    <t>34217.0</t>
  </si>
  <si>
    <t>12915.5</t>
  </si>
  <si>
    <t>723.804205736477</t>
  </si>
  <si>
    <t>977063.0</t>
  </si>
  <si>
    <t>55.488</t>
  </si>
  <si>
    <t>42330.0</t>
  </si>
  <si>
    <t>983346.0</t>
  </si>
  <si>
    <t>55.845</t>
  </si>
  <si>
    <t>48130.0</t>
  </si>
  <si>
    <t>989372.0</t>
  </si>
  <si>
    <t>55060.0</t>
  </si>
  <si>
    <t>996123.0</t>
  </si>
  <si>
    <t>1002877.0</t>
  </si>
  <si>
    <t>66399.0</t>
  </si>
  <si>
    <t>1004884.0</t>
  </si>
  <si>
    <t>57.068</t>
  </si>
  <si>
    <t>68852.0</t>
  </si>
  <si>
    <t>1005956.0</t>
  </si>
  <si>
    <t>57.129</t>
  </si>
  <si>
    <t>69266.0</t>
  </si>
  <si>
    <t>13073.3</t>
  </si>
  <si>
    <t>732.64755703261</t>
  </si>
  <si>
    <t>57.559</t>
  </si>
  <si>
    <t>72405.0</t>
  </si>
  <si>
    <t>1020261.0</t>
  </si>
  <si>
    <t>57.941</t>
  </si>
  <si>
    <t>1027554.0</t>
  </si>
  <si>
    <t>83076.0</t>
  </si>
  <si>
    <t>1034391.0</t>
  </si>
  <si>
    <t>58.744</t>
  </si>
  <si>
    <t>1041083.0</t>
  </si>
  <si>
    <t>59.124</t>
  </si>
  <si>
    <t>91918.0</t>
  </si>
  <si>
    <t>1043157.0</t>
  </si>
  <si>
    <t>93601.0</t>
  </si>
  <si>
    <t>1044223.0</t>
  </si>
  <si>
    <t>59.302</t>
  </si>
  <si>
    <t>93902.0</t>
  </si>
  <si>
    <t>13391.7</t>
  </si>
  <si>
    <t>750.491175870944</t>
  </si>
  <si>
    <t>1046689.0</t>
  </si>
  <si>
    <t>59.442</t>
  </si>
  <si>
    <t>98920.0</t>
  </si>
  <si>
    <t>1049562.0</t>
  </si>
  <si>
    <t>59.605</t>
  </si>
  <si>
    <t>104919.0</t>
  </si>
  <si>
    <t>103959.0</t>
  </si>
  <si>
    <t>1053299.0</t>
  </si>
  <si>
    <t>59.818</t>
  </si>
  <si>
    <t>106973.0</t>
  </si>
  <si>
    <t>1056253.0</t>
  </si>
  <si>
    <t>59.985</t>
  </si>
  <si>
    <t>110438.0</t>
  </si>
  <si>
    <t>109246.0</t>
  </si>
  <si>
    <t>1058621.0</t>
  </si>
  <si>
    <t>112751.0</t>
  </si>
  <si>
    <t>111559.0</t>
  </si>
  <si>
    <t>1059651.0</t>
  </si>
  <si>
    <t>60.178</t>
  </si>
  <si>
    <t>114511.0</t>
  </si>
  <si>
    <t>113319.0</t>
  </si>
  <si>
    <t>1060717.0</t>
  </si>
  <si>
    <t>60.239</t>
  </si>
  <si>
    <t>116221.0</t>
  </si>
  <si>
    <t>13676.3</t>
  </si>
  <si>
    <t>766.440591453198</t>
  </si>
  <si>
    <t>1068541.0</t>
  </si>
  <si>
    <t>60.683</t>
  </si>
  <si>
    <t>119558.0</t>
  </si>
  <si>
    <t>118325.0</t>
  </si>
  <si>
    <t>1076778.0</t>
  </si>
  <si>
    <t>61.151</t>
  </si>
  <si>
    <t>121848.0</t>
  </si>
  <si>
    <t>1085892.0</t>
  </si>
  <si>
    <t>61.669</t>
  </si>
  <si>
    <t>127945.0</t>
  </si>
  <si>
    <t>126320.0</t>
  </si>
  <si>
    <t>1093845.0</t>
  </si>
  <si>
    <t>132611.0</t>
  </si>
  <si>
    <t>130985.0</t>
  </si>
  <si>
    <t>1101665.0</t>
  </si>
  <si>
    <t>137716.0</t>
  </si>
  <si>
    <t>136077.0</t>
  </si>
  <si>
    <t>1104919.0</t>
  </si>
  <si>
    <t>62.749</t>
  </si>
  <si>
    <t>139010.0</t>
  </si>
  <si>
    <t>137371.0</t>
  </si>
  <si>
    <t>1106250.0</t>
  </si>
  <si>
    <t>62.825</t>
  </si>
  <si>
    <t>139490.0</t>
  </si>
  <si>
    <t>137851.0</t>
  </si>
  <si>
    <t>14073.5</t>
  </si>
  <si>
    <t>788.700281787953</t>
  </si>
  <si>
    <t>1115569.0</t>
  </si>
  <si>
    <t>63.354</t>
  </si>
  <si>
    <t>1125739.0</t>
  </si>
  <si>
    <t>63.932</t>
  </si>
  <si>
    <t>147614.0</t>
  </si>
  <si>
    <t>145795.0</t>
  </si>
  <si>
    <t>1136589.0</t>
  </si>
  <si>
    <t>64.548</t>
  </si>
  <si>
    <t>150898.0</t>
  </si>
  <si>
    <t>149078.0</t>
  </si>
  <si>
    <t>1148936.0</t>
  </si>
  <si>
    <t>65.249</t>
  </si>
  <si>
    <t>154556.0</t>
  </si>
  <si>
    <t>152733.0</t>
  </si>
  <si>
    <t>1158043.0</t>
  </si>
  <si>
    <t>65.766</t>
  </si>
  <si>
    <t>157745.0</t>
  </si>
  <si>
    <t>155919.0</t>
  </si>
  <si>
    <t>1160628.0</t>
  </si>
  <si>
    <t>65.913</t>
  </si>
  <si>
    <t>157799.0</t>
  </si>
  <si>
    <t>155973.0</t>
  </si>
  <si>
    <t>1162458.0</t>
  </si>
  <si>
    <t>66.017</t>
  </si>
  <si>
    <t>157800.0</t>
  </si>
  <si>
    <t>155974.0</t>
  </si>
  <si>
    <t>14649.3</t>
  </si>
  <si>
    <t>820.968986961044</t>
  </si>
  <si>
    <t>1172017.0</t>
  </si>
  <si>
    <t>158918.0</t>
  </si>
  <si>
    <t>157092.0</t>
  </si>
  <si>
    <t>1182116.0</t>
  </si>
  <si>
    <t>67.133</t>
  </si>
  <si>
    <t>160370.0</t>
  </si>
  <si>
    <t>158543.0</t>
  </si>
  <si>
    <t>1193279.0</t>
  </si>
  <si>
    <t>67.767</t>
  </si>
  <si>
    <t>162110.0</t>
  </si>
  <si>
    <t>160282.0</t>
  </si>
  <si>
    <t>1204477.0</t>
  </si>
  <si>
    <t>68.403</t>
  </si>
  <si>
    <t>163438.0</t>
  </si>
  <si>
    <t>161608.0</t>
  </si>
  <si>
    <t>1213502.0</t>
  </si>
  <si>
    <t>68.916</t>
  </si>
  <si>
    <t>165271.0</t>
  </si>
  <si>
    <t>163431.0</t>
  </si>
  <si>
    <t>1216547.0</t>
  </si>
  <si>
    <t>69.089</t>
  </si>
  <si>
    <t>1218043.0</t>
  </si>
  <si>
    <t>15168.5</t>
  </si>
  <si>
    <t>850.06574230295</t>
  </si>
  <si>
    <t>69.649</t>
  </si>
  <si>
    <t>164368.0</t>
  </si>
  <si>
    <t>1235211.0</t>
  </si>
  <si>
    <t>70.149</t>
  </si>
  <si>
    <t>165549.0</t>
  </si>
  <si>
    <t>1244698.0</t>
  </si>
  <si>
    <t>70.687</t>
  </si>
  <si>
    <t>168367.0</t>
  </si>
  <si>
    <t>166469.0</t>
  </si>
  <si>
    <t>1253507.0</t>
  </si>
  <si>
    <t>71.188</t>
  </si>
  <si>
    <t>170109.0</t>
  </si>
  <si>
    <t>168211.0</t>
  </si>
  <si>
    <t>1257546.0</t>
  </si>
  <si>
    <t>71.417</t>
  </si>
  <si>
    <t>170833.0</t>
  </si>
  <si>
    <t>168935.0</t>
  </si>
  <si>
    <t>1258742.0</t>
  </si>
  <si>
    <t>71.485</t>
  </si>
  <si>
    <t>171267.0</t>
  </si>
  <si>
    <t>169369.0</t>
  </si>
  <si>
    <t>1259840.0</t>
  </si>
  <si>
    <t>171695.0</t>
  </si>
  <si>
    <t>169797.0</t>
  </si>
  <si>
    <t>15621.1</t>
  </si>
  <si>
    <t>875.430132649148</t>
  </si>
  <si>
    <t>1268130.0</t>
  </si>
  <si>
    <t>72.018</t>
  </si>
  <si>
    <t>172490.0</t>
  </si>
  <si>
    <t>170591.0</t>
  </si>
  <si>
    <t>1275898.0</t>
  </si>
  <si>
    <t>72.459</t>
  </si>
  <si>
    <t>176102.0</t>
  </si>
  <si>
    <t>174152.0</t>
  </si>
  <si>
    <t>1283596.0</t>
  </si>
  <si>
    <t>72.896</t>
  </si>
  <si>
    <t>182332.0</t>
  </si>
  <si>
    <t>180072.0</t>
  </si>
  <si>
    <t>1291180.0</t>
  </si>
  <si>
    <t>73.327</t>
  </si>
  <si>
    <t>191128.0</t>
  </si>
  <si>
    <t>188671.0</t>
  </si>
  <si>
    <t>1298109.0</t>
  </si>
  <si>
    <t>73.721</t>
  </si>
  <si>
    <t>201836.0</t>
  </si>
  <si>
    <t>1299915.0</t>
  </si>
  <si>
    <t>73.823</t>
  </si>
  <si>
    <t>204459.0</t>
  </si>
  <si>
    <t>1300978.0</t>
  </si>
  <si>
    <t>73.884</t>
  </si>
  <si>
    <t>16081.1</t>
  </si>
  <si>
    <t>901.209230217092</t>
  </si>
  <si>
    <t>1306436.0</t>
  </si>
  <si>
    <t>74.194</t>
  </si>
  <si>
    <t>217348.0</t>
  </si>
  <si>
    <t>214830.0</t>
  </si>
  <si>
    <t>1313862.0</t>
  </si>
  <si>
    <t>74.615</t>
  </si>
  <si>
    <t>232949.0</t>
  </si>
  <si>
    <t>230431.0</t>
  </si>
  <si>
    <t>1320611.0</t>
  </si>
  <si>
    <t>74.999</t>
  </si>
  <si>
    <t>245772.0</t>
  </si>
  <si>
    <t>243251.0</t>
  </si>
  <si>
    <t>1328010.0</t>
  </si>
  <si>
    <t>75.419</t>
  </si>
  <si>
    <t>257247.0</t>
  </si>
  <si>
    <t>1334297.0</t>
  </si>
  <si>
    <t>75.776</t>
  </si>
  <si>
    <t>274434.0</t>
  </si>
  <si>
    <t>271912.0</t>
  </si>
  <si>
    <t>10011.0</t>
  </si>
  <si>
    <t>1336464.0</t>
  </si>
  <si>
    <t>75.899</t>
  </si>
  <si>
    <t>276843.0</t>
  </si>
  <si>
    <t>274321.0</t>
  </si>
  <si>
    <t>1337379.0</t>
  </si>
  <si>
    <t>75.951</t>
  </si>
  <si>
    <t>279902.0</t>
  </si>
  <si>
    <t>277380.0</t>
  </si>
  <si>
    <t>16534.5</t>
  </si>
  <si>
    <t>926.618453776453</t>
  </si>
  <si>
    <t>1344446.0</t>
  </si>
  <si>
    <t>76.352</t>
  </si>
  <si>
    <t>293643.0</t>
  </si>
  <si>
    <t>291108.0</t>
  </si>
  <si>
    <t>76.748</t>
  </si>
  <si>
    <t>308299.0</t>
  </si>
  <si>
    <t>305764.0</t>
  </si>
  <si>
    <t>1358688.0</t>
  </si>
  <si>
    <t>77.161</t>
  </si>
  <si>
    <t>323720.0</t>
  </si>
  <si>
    <t>321185.0</t>
  </si>
  <si>
    <t>15421.0</t>
  </si>
  <si>
    <t>77.524</t>
  </si>
  <si>
    <t>337356.0</t>
  </si>
  <si>
    <t>334821.0</t>
  </si>
  <si>
    <t>11082.0</t>
  </si>
  <si>
    <t>1370969.0</t>
  </si>
  <si>
    <t>77.858</t>
  </si>
  <si>
    <t>350418.0</t>
  </si>
  <si>
    <t>347883.0</t>
  </si>
  <si>
    <t>1372914.0</t>
  </si>
  <si>
    <t>77.969</t>
  </si>
  <si>
    <t>352111.0</t>
  </si>
  <si>
    <t>349576.0</t>
  </si>
  <si>
    <t>1374015.0</t>
  </si>
  <si>
    <t>352941.0</t>
  </si>
  <si>
    <t>350406.0</t>
  </si>
  <si>
    <t>17007.9</t>
  </si>
  <si>
    <t>953.148507664854</t>
  </si>
  <si>
    <t>1380999.0</t>
  </si>
  <si>
    <t>363400.0</t>
  </si>
  <si>
    <t>360865.0</t>
  </si>
  <si>
    <t>1388020.0</t>
  </si>
  <si>
    <t>78.827</t>
  </si>
  <si>
    <t>409532.0</t>
  </si>
  <si>
    <t>374708.0</t>
  </si>
  <si>
    <t>34824.0</t>
  </si>
  <si>
    <t>1394193.0</t>
  </si>
  <si>
    <t>79.177</t>
  </si>
  <si>
    <t>429959.0</t>
  </si>
  <si>
    <t>385620.0</t>
  </si>
  <si>
    <t>1401140.0</t>
  </si>
  <si>
    <t>452100.0</t>
  </si>
  <si>
    <t>397545.0</t>
  </si>
  <si>
    <t>54555.0</t>
  </si>
  <si>
    <t>16392.0</t>
  </si>
  <si>
    <t>1406349.0</t>
  </si>
  <si>
    <t>79.868</t>
  </si>
  <si>
    <t>0.1914</t>
  </si>
  <si>
    <t>478753.0</t>
  </si>
  <si>
    <t>414035.0</t>
  </si>
  <si>
    <t>18334.0</t>
  </si>
  <si>
    <t>1408194.0</t>
  </si>
  <si>
    <t>79.972</t>
  </si>
  <si>
    <t>0.1908</t>
  </si>
  <si>
    <t>485004.0</t>
  </si>
  <si>
    <t>418060.0</t>
  </si>
  <si>
    <t>66944.0</t>
  </si>
  <si>
    <t>1409244.0</t>
  </si>
  <si>
    <t>80.032</t>
  </si>
  <si>
    <t>488129.0</t>
  </si>
  <si>
    <t>419903.0</t>
  </si>
  <si>
    <t>68226.0</t>
  </si>
  <si>
    <t>17459.7</t>
  </si>
  <si>
    <t>978.468064797891</t>
  </si>
  <si>
    <t>1415714.0</t>
  </si>
  <si>
    <t>514240.0</t>
  </si>
  <si>
    <t>436067.0</t>
  </si>
  <si>
    <t>1421127.0</t>
  </si>
  <si>
    <t>80.707</t>
  </si>
  <si>
    <t>540944.0</t>
  </si>
  <si>
    <t>452036.0</t>
  </si>
  <si>
    <t>88908.0</t>
  </si>
  <si>
    <t>26704.0</t>
  </si>
  <si>
    <t>11047.0</t>
  </si>
  <si>
    <t>1427857.0</t>
  </si>
  <si>
    <t>81.089</t>
  </si>
  <si>
    <t>561976.0</t>
  </si>
  <si>
    <t>464587.0</t>
  </si>
  <si>
    <t>97389.0</t>
  </si>
  <si>
    <t>18860.0</t>
  </si>
  <si>
    <t>1434257.0</t>
  </si>
  <si>
    <t>81.453</t>
  </si>
  <si>
    <t>580186.0</t>
  </si>
  <si>
    <t>476769.0</t>
  </si>
  <si>
    <t>103417.0</t>
  </si>
  <si>
    <t>1440897.0</t>
  </si>
  <si>
    <t>594780.0</t>
  </si>
  <si>
    <t>485681.0</t>
  </si>
  <si>
    <t>14594.0</t>
  </si>
  <si>
    <t>1443460.0</t>
  </si>
  <si>
    <t>81.975</t>
  </si>
  <si>
    <t>595590.0</t>
  </si>
  <si>
    <t>109428.0</t>
  </si>
  <si>
    <t>1444864.0</t>
  </si>
  <si>
    <t>82.055</t>
  </si>
  <si>
    <t>596858.0</t>
  </si>
  <si>
    <t>486822.0</t>
  </si>
  <si>
    <t>110036.0</t>
  </si>
  <si>
    <t>18052.3</t>
  </si>
  <si>
    <t>1011.67826744738</t>
  </si>
  <si>
    <t>1452904.0</t>
  </si>
  <si>
    <t>82.512</t>
  </si>
  <si>
    <t>0.2107</t>
  </si>
  <si>
    <t>607689.0</t>
  </si>
  <si>
    <t>492410.0</t>
  </si>
  <si>
    <t>115279.0</t>
  </si>
  <si>
    <t>1460938.0</t>
  </si>
  <si>
    <t>82.968</t>
  </si>
  <si>
    <t>620011.0</t>
  </si>
  <si>
    <t>499403.0</t>
  </si>
  <si>
    <t>120608.0</t>
  </si>
  <si>
    <t>1468733.0</t>
  </si>
  <si>
    <t>83.411</t>
  </si>
  <si>
    <t>632992.0</t>
  </si>
  <si>
    <t>507540.0</t>
  </si>
  <si>
    <t>125452.0</t>
  </si>
  <si>
    <t>1476056.0</t>
  </si>
  <si>
    <t>83.826</t>
  </si>
  <si>
    <t>647339.0</t>
  </si>
  <si>
    <t>517630.0</t>
  </si>
  <si>
    <t>129709.0</t>
  </si>
  <si>
    <t>14347.0</t>
  </si>
  <si>
    <t>1483226.0</t>
  </si>
  <si>
    <t>84.234</t>
  </si>
  <si>
    <t>661648.0</t>
  </si>
  <si>
    <t>528318.0</t>
  </si>
  <si>
    <t>1485735.0</t>
  </si>
  <si>
    <t>84.376</t>
  </si>
  <si>
    <t>664722.0</t>
  </si>
  <si>
    <t>531121.0</t>
  </si>
  <si>
    <t>133601.0</t>
  </si>
  <si>
    <t>1486693.0</t>
  </si>
  <si>
    <t>667044.0</t>
  </si>
  <si>
    <t>533175.0</t>
  </si>
  <si>
    <t>133869.0</t>
  </si>
  <si>
    <t>18567.3</t>
  </si>
  <si>
    <t>1040.53964842018</t>
  </si>
  <si>
    <t>1494160.0</t>
  </si>
  <si>
    <t>84.855</t>
  </si>
  <si>
    <t>683752.0</t>
  </si>
  <si>
    <t>547657.0</t>
  </si>
  <si>
    <t>136095.0</t>
  </si>
  <si>
    <t>16708.0</t>
  </si>
  <si>
    <t>1501274.0</t>
  </si>
  <si>
    <t>85.259</t>
  </si>
  <si>
    <t>0.2453</t>
  </si>
  <si>
    <t>712099.0</t>
  </si>
  <si>
    <t>573680.0</t>
  </si>
  <si>
    <t>138419.0</t>
  </si>
  <si>
    <t>1508125.0</t>
  </si>
  <si>
    <t>85.648</t>
  </si>
  <si>
    <t>745323.0</t>
  </si>
  <si>
    <t>604173.0</t>
  </si>
  <si>
    <t>141150.0</t>
  </si>
  <si>
    <t>33224.0</t>
  </si>
  <si>
    <t>16047.0</t>
  </si>
  <si>
    <t>1514822.0</t>
  </si>
  <si>
    <t>86.028</t>
  </si>
  <si>
    <t>775390.0</t>
  </si>
  <si>
    <t>631298.0</t>
  </si>
  <si>
    <t>144092.0</t>
  </si>
  <si>
    <t>30067.0</t>
  </si>
  <si>
    <t>1520406.0</t>
  </si>
  <si>
    <t>86.345</t>
  </si>
  <si>
    <t>805585.0</t>
  </si>
  <si>
    <t>658434.0</t>
  </si>
  <si>
    <t>147151.0</t>
  </si>
  <si>
    <t>20562.0</t>
  </si>
  <si>
    <t>1523122.0</t>
  </si>
  <si>
    <t>86.499</t>
  </si>
  <si>
    <t>808754.0</t>
  </si>
  <si>
    <t>661474.0</t>
  </si>
  <si>
    <t>147280.0</t>
  </si>
  <si>
    <t>1524105.0</t>
  </si>
  <si>
    <t>86.555</t>
  </si>
  <si>
    <t>813278.0</t>
  </si>
  <si>
    <t>665871.0</t>
  </si>
  <si>
    <t>147407.0</t>
  </si>
  <si>
    <t>20891.0</t>
  </si>
  <si>
    <t>19084.7</t>
  </si>
  <si>
    <t>1069.53552903248</t>
  </si>
  <si>
    <t>1531901.0</t>
  </si>
  <si>
    <t>86.998</t>
  </si>
  <si>
    <t>836639.0</t>
  </si>
  <si>
    <t>686920.0</t>
  </si>
  <si>
    <t>149719.0</t>
  </si>
  <si>
    <t>19895.0</t>
  </si>
  <si>
    <t>1539138.0</t>
  </si>
  <si>
    <t>859739.0</t>
  </si>
  <si>
    <t>707948.0</t>
  </si>
  <si>
    <t>151791.0</t>
  </si>
  <si>
    <t>23100.0</t>
  </si>
  <si>
    <t>1546764.0</t>
  </si>
  <si>
    <t>87.842</t>
  </si>
  <si>
    <t>0.2469</t>
  </si>
  <si>
    <t>880570.0</t>
  </si>
  <si>
    <t>727397.0</t>
  </si>
  <si>
    <t>153173.0</t>
  </si>
  <si>
    <t>19321.0</t>
  </si>
  <si>
    <t>1554686.0</t>
  </si>
  <si>
    <t>88.292</t>
  </si>
  <si>
    <t>900370.0</t>
  </si>
  <si>
    <t>745182.0</t>
  </si>
  <si>
    <t>155188.0</t>
  </si>
  <si>
    <t>19800.0</t>
  </si>
  <si>
    <t>17854.0</t>
  </si>
  <si>
    <t>1561878.0</t>
  </si>
  <si>
    <t>918047.0</t>
  </si>
  <si>
    <t>760474.0</t>
  </si>
  <si>
    <t>1565372.0</t>
  </si>
  <si>
    <t>88.899</t>
  </si>
  <si>
    <t>920215.0</t>
  </si>
  <si>
    <t>762497.0</t>
  </si>
  <si>
    <t>157718.0</t>
  </si>
  <si>
    <t>1566626.0</t>
  </si>
  <si>
    <t>922560.0</t>
  </si>
  <si>
    <t>764745.0</t>
  </si>
  <si>
    <t>157815.0</t>
  </si>
  <si>
    <t>19579.7</t>
  </si>
  <si>
    <t>1097.27607967624</t>
  </si>
  <si>
    <t>1569216.0</t>
  </si>
  <si>
    <t>89.117</t>
  </si>
  <si>
    <t>925387.0</t>
  </si>
  <si>
    <t>767392.0</t>
  </si>
  <si>
    <t>157995.0</t>
  </si>
  <si>
    <t>1578591.0</t>
  </si>
  <si>
    <t>89.649</t>
  </si>
  <si>
    <t>0.2525</t>
  </si>
  <si>
    <t>938005.0</t>
  </si>
  <si>
    <t>778519.0</t>
  </si>
  <si>
    <t>1587596.0</t>
  </si>
  <si>
    <t>90.161</t>
  </si>
  <si>
    <t>0.2166</t>
  </si>
  <si>
    <t>948878.0</t>
  </si>
  <si>
    <t>788440.0</t>
  </si>
  <si>
    <t>10873.0</t>
  </si>
  <si>
    <t>1597056.0</t>
  </si>
  <si>
    <t>90.698</t>
  </si>
  <si>
    <t>957886.0</t>
  </si>
  <si>
    <t>796497.0</t>
  </si>
  <si>
    <t>1606257.0</t>
  </si>
  <si>
    <t>91.221</t>
  </si>
  <si>
    <t>1610359.0</t>
  </si>
  <si>
    <t>91.454</t>
  </si>
  <si>
    <t>0.2298</t>
  </si>
  <si>
    <t>968734.0</t>
  </si>
  <si>
    <t>805372.0</t>
  </si>
  <si>
    <t>163362.0</t>
  </si>
  <si>
    <t>1612038.0</t>
  </si>
  <si>
    <t>91.549</t>
  </si>
  <si>
    <t>0.2294</t>
  </si>
  <si>
    <t>970183.0</t>
  </si>
  <si>
    <t>806729.0</t>
  </si>
  <si>
    <t>20258.5</t>
  </si>
  <si>
    <t>1135.31706104389</t>
  </si>
  <si>
    <t>1620933.0</t>
  </si>
  <si>
    <t>92.054</t>
  </si>
  <si>
    <t>980255.0</t>
  </si>
  <si>
    <t>813743.0</t>
  </si>
  <si>
    <t>166512.0</t>
  </si>
  <si>
    <t>1630479.0</t>
  </si>
  <si>
    <t>92.596</t>
  </si>
  <si>
    <t>0.2437</t>
  </si>
  <si>
    <t>992483.0</t>
  </si>
  <si>
    <t>822074.0</t>
  </si>
  <si>
    <t>170409.0</t>
  </si>
  <si>
    <t>1640187.0</t>
  </si>
  <si>
    <t>93.148</t>
  </si>
  <si>
    <t>1002959.0</t>
  </si>
  <si>
    <t>827180.0</t>
  </si>
  <si>
    <t>175779.0</t>
  </si>
  <si>
    <t>1650949.0</t>
  </si>
  <si>
    <t>1014644.0</t>
  </si>
  <si>
    <t>833152.0</t>
  </si>
  <si>
    <t>181492.0</t>
  </si>
  <si>
    <t>11685.0</t>
  </si>
  <si>
    <t>1661071.0</t>
  </si>
  <si>
    <t>10122.0</t>
  </si>
  <si>
    <t>94.334</t>
  </si>
  <si>
    <t>1028399.0</t>
  </si>
  <si>
    <t>840367.0</t>
  </si>
  <si>
    <t>188032.0</t>
  </si>
  <si>
    <t>13755.0</t>
  </si>
  <si>
    <t>1665445.0</t>
  </si>
  <si>
    <t>94.582</t>
  </si>
  <si>
    <t>1668916.0</t>
  </si>
  <si>
    <t>94.779</t>
  </si>
  <si>
    <t>0.2906</t>
  </si>
  <si>
    <t>1034310.0</t>
  </si>
  <si>
    <t>844228.0</t>
  </si>
  <si>
    <t>190082.0</t>
  </si>
  <si>
    <t>21028.3</t>
  </si>
  <si>
    <t>1178.45782040868</t>
  </si>
  <si>
    <t>1679196.0</t>
  </si>
  <si>
    <t>95.363</t>
  </si>
  <si>
    <t>0.2853</t>
  </si>
  <si>
    <t>1051395.0</t>
  </si>
  <si>
    <t>852968.0</t>
  </si>
  <si>
    <t>198427.0</t>
  </si>
  <si>
    <t>17085.0</t>
  </si>
  <si>
    <t>1689302.0</t>
  </si>
  <si>
    <t>95.937</t>
  </si>
  <si>
    <t>1092916.0</t>
  </si>
  <si>
    <t>878966.0</t>
  </si>
  <si>
    <t>213950.0</t>
  </si>
  <si>
    <t>41521.0</t>
  </si>
  <si>
    <t>1698798.0</t>
  </si>
  <si>
    <t>96.476</t>
  </si>
  <si>
    <t>0.2858</t>
  </si>
  <si>
    <t>917645.0</t>
  </si>
  <si>
    <t>228832.0</t>
  </si>
  <si>
    <t>53561.0</t>
  </si>
  <si>
    <t>1709716.0</t>
  </si>
  <si>
    <t>1202164.0</t>
  </si>
  <si>
    <t>960345.0</t>
  </si>
  <si>
    <t>241819.0</t>
  </si>
  <si>
    <t>1719099.0</t>
  </si>
  <si>
    <t>97.629</t>
  </si>
  <si>
    <t>0.2817</t>
  </si>
  <si>
    <t>1259164.0</t>
  </si>
  <si>
    <t>1004437.0</t>
  </si>
  <si>
    <t>32966.0</t>
  </si>
  <si>
    <t>1722738.0</t>
  </si>
  <si>
    <t>97.836</t>
  </si>
  <si>
    <t>1274825.0</t>
  </si>
  <si>
    <t>1017540.0</t>
  </si>
  <si>
    <t>257285.0</t>
  </si>
  <si>
    <t>1724821.0</t>
  </si>
  <si>
    <t>97.954</t>
  </si>
  <si>
    <t>1288797.0</t>
  </si>
  <si>
    <t>1030094.0</t>
  </si>
  <si>
    <t>26552.0</t>
  </si>
  <si>
    <t>21890.7</t>
  </si>
  <si>
    <t>1226.78802419693</t>
  </si>
  <si>
    <t>1738104.0</t>
  </si>
  <si>
    <t>98.708</t>
  </si>
  <si>
    <t>41632.0</t>
  </si>
  <si>
    <t>1750947.0</t>
  </si>
  <si>
    <t>12843.0</t>
  </si>
  <si>
    <t>99.438</t>
  </si>
  <si>
    <t>1396843.0</t>
  </si>
  <si>
    <t>1118717.0</t>
  </si>
  <si>
    <t>278126.0</t>
  </si>
  <si>
    <t>43418.0</t>
  </si>
  <si>
    <t>1764248.0</t>
  </si>
  <si>
    <t>100.193</t>
  </si>
  <si>
    <t>1462767.0</t>
  </si>
  <si>
    <t>1176331.0</t>
  </si>
  <si>
    <t>286436.0</t>
  </si>
  <si>
    <t>36955.0</t>
  </si>
  <si>
    <t>1777695.0</t>
  </si>
  <si>
    <t>100.957</t>
  </si>
  <si>
    <t>1531709.0</t>
  </si>
  <si>
    <t>1238799.0</t>
  </si>
  <si>
    <t>292910.0</t>
  </si>
  <si>
    <t>68942.0</t>
  </si>
  <si>
    <t>47078.0</t>
  </si>
  <si>
    <t>39779.0</t>
  </si>
  <si>
    <t>1789559.0</t>
  </si>
  <si>
    <t>101.631</t>
  </si>
  <si>
    <t>1664494.0</t>
  </si>
  <si>
    <t>1363387.0</t>
  </si>
  <si>
    <t>301107.0</t>
  </si>
  <si>
    <t>132785.0</t>
  </si>
  <si>
    <t>51279.0</t>
  </si>
  <si>
    <t>1795296.0</t>
  </si>
  <si>
    <t>101.956</t>
  </si>
  <si>
    <t>1700692.0</t>
  </si>
  <si>
    <t>1398128.0</t>
  </si>
  <si>
    <t>302564.0</t>
  </si>
  <si>
    <t>1800412.0</t>
  </si>
  <si>
    <t>102.247</t>
  </si>
  <si>
    <t>1726905.0</t>
  </si>
  <si>
    <t>1423602.0</t>
  </si>
  <si>
    <t>303303.0</t>
  </si>
  <si>
    <t>26213.0</t>
  </si>
  <si>
    <t>62587.0</t>
  </si>
  <si>
    <t>56215.0</t>
  </si>
  <si>
    <t>22888.5</t>
  </si>
  <si>
    <t>1282.70624931279</t>
  </si>
  <si>
    <t>1814122.0</t>
  </si>
  <si>
    <t>103.025</t>
  </si>
  <si>
    <t>1798598.0</t>
  </si>
  <si>
    <t>1489259.0</t>
  </si>
  <si>
    <t>309339.0</t>
  </si>
  <si>
    <t>71693.0</t>
  </si>
  <si>
    <t>65111.0</t>
  </si>
  <si>
    <t>1828390.0</t>
  </si>
  <si>
    <t>103.836</t>
  </si>
  <si>
    <t>11063.0</t>
  </si>
  <si>
    <t>1877250.0</t>
  </si>
  <si>
    <t>1561791.0</t>
  </si>
  <si>
    <t>315459.0</t>
  </si>
  <si>
    <t>78652.0</t>
  </si>
  <si>
    <t>68630.0</t>
  </si>
  <si>
    <t>63296.0</t>
  </si>
  <si>
    <t>1843319.0</t>
  </si>
  <si>
    <t>104.684</t>
  </si>
  <si>
    <t>1950167.0</t>
  </si>
  <si>
    <t>1628458.0</t>
  </si>
  <si>
    <t>321709.0</t>
  </si>
  <si>
    <t>72917.0</t>
  </si>
  <si>
    <t>69629.0</t>
  </si>
  <si>
    <t>64590.0</t>
  </si>
  <si>
    <t>1857884.0</t>
  </si>
  <si>
    <t>0.2234</t>
  </si>
  <si>
    <t>2028885.0</t>
  </si>
  <si>
    <t>1701925.0</t>
  </si>
  <si>
    <t>326960.0</t>
  </si>
  <si>
    <t>66161.0</t>
  </si>
  <si>
    <t>1870705.0</t>
  </si>
  <si>
    <t>106.239</t>
  </si>
  <si>
    <t>0.2222</t>
  </si>
  <si>
    <t>2108172.0</t>
  </si>
  <si>
    <t>1774324.0</t>
  </si>
  <si>
    <t>333848.0</t>
  </si>
  <si>
    <t>79287.0</t>
  </si>
  <si>
    <t>63383.0</t>
  </si>
  <si>
    <t>58705.0</t>
  </si>
  <si>
    <t>1877230.0</t>
  </si>
  <si>
    <t>106.609</t>
  </si>
  <si>
    <t>11705.0</t>
  </si>
  <si>
    <t>2160074.0</t>
  </si>
  <si>
    <t>1824440.0</t>
  </si>
  <si>
    <t>335634.0</t>
  </si>
  <si>
    <t>51902.0</t>
  </si>
  <si>
    <t>65626.0</t>
  </si>
  <si>
    <t>60902.0</t>
  </si>
  <si>
    <t>1881882.0</t>
  </si>
  <si>
    <t>106.874</t>
  </si>
  <si>
    <t>2208301.0</t>
  </si>
  <si>
    <t>1870179.0</t>
  </si>
  <si>
    <t>48227.0</t>
  </si>
  <si>
    <t>68771.0</t>
  </si>
  <si>
    <t>63797.0</t>
  </si>
  <si>
    <t>23935.5</t>
  </si>
  <si>
    <t>1341.38171703809</t>
  </si>
  <si>
    <t>1895081.0</t>
  </si>
  <si>
    <t>107.623</t>
  </si>
  <si>
    <t>2285975.0</t>
  </si>
  <si>
    <t>1939952.0</t>
  </si>
  <si>
    <t>346023.0</t>
  </si>
  <si>
    <t>77674.0</t>
  </si>
  <si>
    <t>69625.0</t>
  </si>
  <si>
    <t>64385.0</t>
  </si>
  <si>
    <t>1909217.0</t>
  </si>
  <si>
    <t>108.426</t>
  </si>
  <si>
    <t>2376520.0</t>
  </si>
  <si>
    <t>2025946.0</t>
  </si>
  <si>
    <t>350574.0</t>
  </si>
  <si>
    <t>66308.0</t>
  </si>
  <si>
    <t>1921998.0</t>
  </si>
  <si>
    <t>2475160.0</t>
  </si>
  <si>
    <t>2119064.0</t>
  </si>
  <si>
    <t>356096.0</t>
  </si>
  <si>
    <t>70087.0</t>
  </si>
  <si>
    <t>1933880.0</t>
  </si>
  <si>
    <t>109.827</t>
  </si>
  <si>
    <t>2557374.0</t>
  </si>
  <si>
    <t>2195910.0</t>
  </si>
  <si>
    <t>361464.0</t>
  </si>
  <si>
    <t>82214.0</t>
  </si>
  <si>
    <t>75498.0</t>
  </si>
  <si>
    <t>1946127.0</t>
  </si>
  <si>
    <t>2631804.0</t>
  </si>
  <si>
    <t>2261229.0</t>
  </si>
  <si>
    <t>370575.0</t>
  </si>
  <si>
    <t>74430.0</t>
  </si>
  <si>
    <t>69558.0</t>
  </si>
  <si>
    <t>1950267.0</t>
  </si>
  <si>
    <t>110.757</t>
  </si>
  <si>
    <t>0.2879</t>
  </si>
  <si>
    <t>2673011.0</t>
  </si>
  <si>
    <t>2299761.0</t>
  </si>
  <si>
    <t>373250.0</t>
  </si>
  <si>
    <t>1952546.0</t>
  </si>
  <si>
    <t>110.887</t>
  </si>
  <si>
    <t>2698865.0</t>
  </si>
  <si>
    <t>2323055.0</t>
  </si>
  <si>
    <t>375810.0</t>
  </si>
  <si>
    <t>70081.0</t>
  </si>
  <si>
    <t>64697.0</t>
  </si>
  <si>
    <t>25142.9</t>
  </si>
  <si>
    <t>1409.0462440023</t>
  </si>
  <si>
    <t>1964343.0</t>
  </si>
  <si>
    <t>9895.0</t>
  </si>
  <si>
    <t>2777441.0</t>
  </si>
  <si>
    <t>2389325.0</t>
  </si>
  <si>
    <t>78576.0</t>
  </si>
  <si>
    <t>70209.0</t>
  </si>
  <si>
    <t>64196.0</t>
  </si>
  <si>
    <t>1977755.0</t>
  </si>
  <si>
    <t>112.318</t>
  </si>
  <si>
    <t>0.3111</t>
  </si>
  <si>
    <t>2867290.0</t>
  </si>
  <si>
    <t>2462592.0</t>
  </si>
  <si>
    <t>404698.0</t>
  </si>
  <si>
    <t>89849.0</t>
  </si>
  <si>
    <t>62378.0</t>
  </si>
  <si>
    <t>1990133.0</t>
  </si>
  <si>
    <t>113.021</t>
  </si>
  <si>
    <t>70241.0</t>
  </si>
  <si>
    <t>2002039.0</t>
  </si>
  <si>
    <t>113.697</t>
  </si>
  <si>
    <t>3066401.0</t>
  </si>
  <si>
    <t>2597559.0</t>
  </si>
  <si>
    <t>468842.0</t>
  </si>
  <si>
    <t>72718.0</t>
  </si>
  <si>
    <t>57378.0</t>
  </si>
  <si>
    <t>2014265.0</t>
  </si>
  <si>
    <t>114.392</t>
  </si>
  <si>
    <t>0.3236</t>
  </si>
  <si>
    <t>3177622.0</t>
  </si>
  <si>
    <t>2663369.0</t>
  </si>
  <si>
    <t>514253.0</t>
  </si>
  <si>
    <t>111221.0</t>
  </si>
  <si>
    <t>2018289.0</t>
  </si>
  <si>
    <t>114.62</t>
  </si>
  <si>
    <t>3222455.0</t>
  </si>
  <si>
    <t>2694803.0</t>
  </si>
  <si>
    <t>527652.0</t>
  </si>
  <si>
    <t>2020607.0</t>
  </si>
  <si>
    <t>3249244.0</t>
  </si>
  <si>
    <t>535522.0</t>
  </si>
  <si>
    <t>26454.5</t>
  </si>
  <si>
    <t>1482.55029698081</t>
  </si>
  <si>
    <t>2031892.0</t>
  </si>
  <si>
    <t>115.393</t>
  </si>
  <si>
    <t>0.3357</t>
  </si>
  <si>
    <t>3315819.0</t>
  </si>
  <si>
    <t>2748064.0</t>
  </si>
  <si>
    <t>76911.0</t>
  </si>
  <si>
    <t>2044464.0</t>
  </si>
  <si>
    <t>116.107</t>
  </si>
  <si>
    <t>3423977.0</t>
  </si>
  <si>
    <t>2809079.0</t>
  </si>
  <si>
    <t>614898.0</t>
  </si>
  <si>
    <t>108158.0</t>
  </si>
  <si>
    <t>2059748.0</t>
  </si>
  <si>
    <t>116.975</t>
  </si>
  <si>
    <t>0.3344</t>
  </si>
  <si>
    <t>3528413.0</t>
  </si>
  <si>
    <t>2859182.0</t>
  </si>
  <si>
    <t>669231.0</t>
  </si>
  <si>
    <t>104436.0</t>
  </si>
  <si>
    <t>80224.0</t>
  </si>
  <si>
    <t>2075354.0</t>
  </si>
  <si>
    <t>3635762.0</t>
  </si>
  <si>
    <t>2906652.0</t>
  </si>
  <si>
    <t>729110.0</t>
  </si>
  <si>
    <t>107349.0</t>
  </si>
  <si>
    <t>81337.0</t>
  </si>
  <si>
    <t>2088855.0</t>
  </si>
  <si>
    <t>118.628</t>
  </si>
  <si>
    <t>0.3455</t>
  </si>
  <si>
    <t>3747055.0</t>
  </si>
  <si>
    <t>2952076.0</t>
  </si>
  <si>
    <t>794979.0</t>
  </si>
  <si>
    <t>111293.0</t>
  </si>
  <si>
    <t>41244.0</t>
  </si>
  <si>
    <t>2093714.0</t>
  </si>
  <si>
    <t>118.904</t>
  </si>
  <si>
    <t>3790899.0</t>
  </si>
  <si>
    <t>2977295.0</t>
  </si>
  <si>
    <t>813604.0</t>
  </si>
  <si>
    <t>43844.0</t>
  </si>
  <si>
    <t>40356.0</t>
  </si>
  <si>
    <t>2096268.0</t>
  </si>
  <si>
    <t>119.049</t>
  </si>
  <si>
    <t>3824281.0</t>
  </si>
  <si>
    <t>2997560.0</t>
  </si>
  <si>
    <t>826721.0</t>
  </si>
  <si>
    <t>33382.0</t>
  </si>
  <si>
    <t>82148.0</t>
  </si>
  <si>
    <t>40548.0</t>
  </si>
  <si>
    <t>28183.1</t>
  </si>
  <si>
    <t>108.01</t>
  </si>
  <si>
    <t>1579.42366231982</t>
  </si>
  <si>
    <t>2110526.0</t>
  </si>
  <si>
    <t>119.858</t>
  </si>
  <si>
    <t>0.3333</t>
  </si>
  <si>
    <t>3919668.0</t>
  </si>
  <si>
    <t>3040716.0</t>
  </si>
  <si>
    <t>878952.0</t>
  </si>
  <si>
    <t>95387.0</t>
  </si>
  <si>
    <t>86264.0</t>
  </si>
  <si>
    <t>2125255.0</t>
  </si>
  <si>
    <t>14729.0</t>
  </si>
  <si>
    <t>120.695</t>
  </si>
  <si>
    <t>0.3379</t>
  </si>
  <si>
    <t>4027957.0</t>
  </si>
  <si>
    <t>3095055.0</t>
  </si>
  <si>
    <t>932902.0</t>
  </si>
  <si>
    <t>108289.0</t>
  </si>
  <si>
    <t>86283.0</t>
  </si>
  <si>
    <t>40854.0</t>
  </si>
  <si>
    <t>2141913.0</t>
  </si>
  <si>
    <t>121.641</t>
  </si>
  <si>
    <t>0.3393</t>
  </si>
  <si>
    <t>4124813.0</t>
  </si>
  <si>
    <t>3142517.0</t>
  </si>
  <si>
    <t>982296.0</t>
  </si>
  <si>
    <t>96856.0</t>
  </si>
  <si>
    <t>85200.0</t>
  </si>
  <si>
    <t>2156121.0</t>
  </si>
  <si>
    <t>14208.0</t>
  </si>
  <si>
    <t>122.448</t>
  </si>
  <si>
    <t>4224046.0</t>
  </si>
  <si>
    <t>3187866.0</t>
  </si>
  <si>
    <t>1036180.0</t>
  </si>
  <si>
    <t>99233.0</t>
  </si>
  <si>
    <t>2171923.0</t>
  </si>
  <si>
    <t>123.345</t>
  </si>
  <si>
    <t>4332914.0</t>
  </si>
  <si>
    <t>3232000.0</t>
  </si>
  <si>
    <t>1100914.0</t>
  </si>
  <si>
    <t>108868.0</t>
  </si>
  <si>
    <t>2178407.0</t>
  </si>
  <si>
    <t>123.713</t>
  </si>
  <si>
    <t>4383318.0</t>
  </si>
  <si>
    <t>3257037.0</t>
  </si>
  <si>
    <t>1126281.0</t>
  </si>
  <si>
    <t>84631.0</t>
  </si>
  <si>
    <t>2180955.0</t>
  </si>
  <si>
    <t>123.858</t>
  </si>
  <si>
    <t>0.3047</t>
  </si>
  <si>
    <t>4416495.0</t>
  </si>
  <si>
    <t>3273717.0</t>
  </si>
  <si>
    <t>1142778.0</t>
  </si>
  <si>
    <t>84602.0</t>
  </si>
  <si>
    <t>30098.9</t>
  </si>
  <si>
    <t>1686.78799953867</t>
  </si>
  <si>
    <t>2194499.0</t>
  </si>
  <si>
    <t>124.627</t>
  </si>
  <si>
    <t>4508175.0</t>
  </si>
  <si>
    <t>3310257.0</t>
  </si>
  <si>
    <t>1197918.0</t>
  </si>
  <si>
    <t>84072.0</t>
  </si>
  <si>
    <t>2210997.0</t>
  </si>
  <si>
    <t>125.564</t>
  </si>
  <si>
    <t>4607145.0</t>
  </si>
  <si>
    <t>3352959.0</t>
  </si>
  <si>
    <t>1254186.0</t>
  </si>
  <si>
    <t>98970.0</t>
  </si>
  <si>
    <t>36843.0</t>
  </si>
  <si>
    <t>2226033.0</t>
  </si>
  <si>
    <t>15036.0</t>
  </si>
  <si>
    <t>126.418</t>
  </si>
  <si>
    <t>12017.0</t>
  </si>
  <si>
    <t>0.3019</t>
  </si>
  <si>
    <t>4699503.0</t>
  </si>
  <si>
    <t>3389993.0</t>
  </si>
  <si>
    <t>1309510.0</t>
  </si>
  <si>
    <t>92358.0</t>
  </si>
  <si>
    <t>82099.0</t>
  </si>
  <si>
    <t>35354.0</t>
  </si>
  <si>
    <t>2239541.0</t>
  </si>
  <si>
    <t>127.185</t>
  </si>
  <si>
    <t>4786631.0</t>
  </si>
  <si>
    <t>3424395.0</t>
  </si>
  <si>
    <t>1362236.0</t>
  </si>
  <si>
    <t>87128.0</t>
  </si>
  <si>
    <t>80369.0</t>
  </si>
  <si>
    <t>2246589.0</t>
  </si>
  <si>
    <t>127.586</t>
  </si>
  <si>
    <t>4859452.0</t>
  </si>
  <si>
    <t>3450238.0</t>
  </si>
  <si>
    <t>1409214.0</t>
  </si>
  <si>
    <t>72821.0</t>
  </si>
  <si>
    <t>75220.0</t>
  </si>
  <si>
    <t>31177.0</t>
  </si>
  <si>
    <t>2250502.0</t>
  </si>
  <si>
    <t>127.808</t>
  </si>
  <si>
    <t>4905431.0</t>
  </si>
  <si>
    <t>3469812.0</t>
  </si>
  <si>
    <t>1435619.0</t>
  </si>
  <si>
    <t>45979.0</t>
  </si>
  <si>
    <t>74588.0</t>
  </si>
  <si>
    <t>2252785.0</t>
  </si>
  <si>
    <t>127.937</t>
  </si>
  <si>
    <t>4937573.0</t>
  </si>
  <si>
    <t>3485247.0</t>
  </si>
  <si>
    <t>1452326.0</t>
  </si>
  <si>
    <t>32142.0</t>
  </si>
  <si>
    <t>74440.0</t>
  </si>
  <si>
    <t>30219.0</t>
  </si>
  <si>
    <t>32202.7</t>
  </si>
  <si>
    <t>1804.68814185049</t>
  </si>
  <si>
    <t>2265451.0</t>
  </si>
  <si>
    <t>128.657</t>
  </si>
  <si>
    <t>75507.0</t>
  </si>
  <si>
    <t>31093.0</t>
  </si>
  <si>
    <t>2279707.0</t>
  </si>
  <si>
    <t>129.466</t>
  </si>
  <si>
    <t>75533.0</t>
  </si>
  <si>
    <t>2289752.0</t>
  </si>
  <si>
    <t>130.037</t>
  </si>
  <si>
    <t>31890.0</t>
  </si>
  <si>
    <t>2307725.0</t>
  </si>
  <si>
    <t>17973.0</t>
  </si>
  <si>
    <t>131.058</t>
  </si>
  <si>
    <t>0.3148</t>
  </si>
  <si>
    <t>5334183.0</t>
  </si>
  <si>
    <t>3655878.0</t>
  </si>
  <si>
    <t>1678305.0</t>
  </si>
  <si>
    <t>78222.0</t>
  </si>
  <si>
    <t>2322871.0</t>
  </si>
  <si>
    <t>5455282.0</t>
  </si>
  <si>
    <t>3712647.0</t>
  </si>
  <si>
    <t>1742635.0</t>
  </si>
  <si>
    <t>121099.0</t>
  </si>
  <si>
    <t>2330030.0</t>
  </si>
  <si>
    <t>5524648.0</t>
  </si>
  <si>
    <t>3754114.0</t>
  </si>
  <si>
    <t>1770534.0</t>
  </si>
  <si>
    <t>69366.0</t>
  </si>
  <si>
    <t>88460.0</t>
  </si>
  <si>
    <t>2333195.0</t>
  </si>
  <si>
    <t>132.504</t>
  </si>
  <si>
    <t>0.2839</t>
  </si>
  <si>
    <t>5589348.0</t>
  </si>
  <si>
    <t>3804269.0</t>
  </si>
  <si>
    <t>1785079.0</t>
  </si>
  <si>
    <t>64700.0</t>
  </si>
  <si>
    <t>93111.0</t>
  </si>
  <si>
    <t>34430.1</t>
  </si>
  <si>
    <t>1929.51501559579</t>
  </si>
  <si>
    <t>2348690.0</t>
  </si>
  <si>
    <t>15495.0</t>
  </si>
  <si>
    <t>133.384</t>
  </si>
  <si>
    <t>0.2753</t>
  </si>
  <si>
    <t>5700915.0</t>
  </si>
  <si>
    <t>3867349.0</t>
  </si>
  <si>
    <t>1833566.0</t>
  </si>
  <si>
    <t>2365777.0</t>
  </si>
  <si>
    <t>134.354</t>
  </si>
  <si>
    <t>5812857.0</t>
  </si>
  <si>
    <t>3931445.0</t>
  </si>
  <si>
    <t>1881412.0</t>
  </si>
  <si>
    <t>111942.0</t>
  </si>
  <si>
    <t>2373842.0</t>
  </si>
  <si>
    <t>134.812</t>
  </si>
  <si>
    <t>5862778.0</t>
  </si>
  <si>
    <t>3963266.0</t>
  </si>
  <si>
    <t>1899512.0</t>
  </si>
  <si>
    <t>89678.0</t>
  </si>
  <si>
    <t>50007.0</t>
  </si>
  <si>
    <t>2388899.0</t>
  </si>
  <si>
    <t>11596.0</t>
  </si>
  <si>
    <t>5964194.0</t>
  </si>
  <si>
    <t>4017554.0</t>
  </si>
  <si>
    <t>1946640.0</t>
  </si>
  <si>
    <t>90002.0</t>
  </si>
  <si>
    <t>51668.0</t>
  </si>
  <si>
    <t>2403595.0</t>
  </si>
  <si>
    <t>136.502</t>
  </si>
  <si>
    <t>6070294.0</t>
  </si>
  <si>
    <t>4073891.0</t>
  </si>
  <si>
    <t>1996403.0</t>
  </si>
  <si>
    <t>106100.0</t>
  </si>
  <si>
    <t>87859.0</t>
  </si>
  <si>
    <t>2410919.0</t>
  </si>
  <si>
    <t>136.918</t>
  </si>
  <si>
    <t>6118069.0</t>
  </si>
  <si>
    <t>4098782.0</t>
  </si>
  <si>
    <t>2019287.0</t>
  </si>
  <si>
    <t>47775.0</t>
  </si>
  <si>
    <t>84774.0</t>
  </si>
  <si>
    <t>49238.0</t>
  </si>
  <si>
    <t>2414918.0</t>
  </si>
  <si>
    <t>137.145</t>
  </si>
  <si>
    <t>0.2288</t>
  </si>
  <si>
    <t>6148726.0</t>
  </si>
  <si>
    <t>4116940.0</t>
  </si>
  <si>
    <t>2031786.0</t>
  </si>
  <si>
    <t>44667.0</t>
  </si>
  <si>
    <t>36495.9</t>
  </si>
  <si>
    <t>2045.28558028244</t>
  </si>
  <si>
    <t>2430122.0</t>
  </si>
  <si>
    <t>138.009</t>
  </si>
  <si>
    <t>6243535.0</t>
  </si>
  <si>
    <t>4167136.0</t>
  </si>
  <si>
    <t>2076399.0</t>
  </si>
  <si>
    <t>94809.0</t>
  </si>
  <si>
    <t>77517.0</t>
  </si>
  <si>
    <t>2445779.0</t>
  </si>
  <si>
    <t>138.898</t>
  </si>
  <si>
    <t>6335998.0</t>
  </si>
  <si>
    <t>4215713.0</t>
  </si>
  <si>
    <t>2120285.0</t>
  </si>
  <si>
    <t>74734.0</t>
  </si>
  <si>
    <t>40610.0</t>
  </si>
  <si>
    <t>2462778.0</t>
  </si>
  <si>
    <t>139.863</t>
  </si>
  <si>
    <t>12705.0</t>
  </si>
  <si>
    <t>6424045.0</t>
  </si>
  <si>
    <t>4260633.0</t>
  </si>
  <si>
    <t>2163412.0</t>
  </si>
  <si>
    <t>88047.0</t>
  </si>
  <si>
    <t>80181.0</t>
  </si>
  <si>
    <t>2477774.0</t>
  </si>
  <si>
    <t>140.715</t>
  </si>
  <si>
    <t>6511719.0</t>
  </si>
  <si>
    <t>4303946.0</t>
  </si>
  <si>
    <t>2207773.0</t>
  </si>
  <si>
    <t>87674.0</t>
  </si>
  <si>
    <t>78218.0</t>
  </si>
  <si>
    <t>24.12</t>
  </si>
  <si>
    <t>40913.0</t>
  </si>
  <si>
    <t>2493973.0</t>
  </si>
  <si>
    <t>16199.0</t>
  </si>
  <si>
    <t>141.635</t>
  </si>
  <si>
    <t>6607982.0</t>
  </si>
  <si>
    <t>4348674.0</t>
  </si>
  <si>
    <t>2259308.0</t>
  </si>
  <si>
    <t>96263.0</t>
  </si>
  <si>
    <t>2500522.0</t>
  </si>
  <si>
    <t>142.007</t>
  </si>
  <si>
    <t>12800.0</t>
  </si>
  <si>
    <t>6653056.0</t>
  </si>
  <si>
    <t>2283385.0</t>
  </si>
  <si>
    <t>45074.0</t>
  </si>
  <si>
    <t>76427.0</t>
  </si>
  <si>
    <t>2504013.0</t>
  </si>
  <si>
    <t>142.205</t>
  </si>
  <si>
    <t>6682813.0</t>
  </si>
  <si>
    <t>4383577.0</t>
  </si>
  <si>
    <t>2299236.0</t>
  </si>
  <si>
    <t>76298.0</t>
  </si>
  <si>
    <t>38058.3</t>
  </si>
  <si>
    <t>2132.84484558713</t>
  </si>
  <si>
    <t>2518303.0</t>
  </si>
  <si>
    <t>143.016</t>
  </si>
  <si>
    <t>12597.0</t>
  </si>
  <si>
    <t>6757605.0</t>
  </si>
  <si>
    <t>4418433.0</t>
  </si>
  <si>
    <t>2339172.0</t>
  </si>
  <si>
    <t>74792.0</t>
  </si>
  <si>
    <t>73439.0</t>
  </si>
  <si>
    <t>35900.0</t>
  </si>
  <si>
    <t>2536421.0</t>
  </si>
  <si>
    <t>144.045</t>
  </si>
  <si>
    <t>6834159.0</t>
  </si>
  <si>
    <t>4455369.0</t>
  </si>
  <si>
    <t>2378790.0</t>
  </si>
  <si>
    <t>71166.0</t>
  </si>
  <si>
    <t>34237.0</t>
  </si>
  <si>
    <t>2553849.0</t>
  </si>
  <si>
    <t>145.035</t>
  </si>
  <si>
    <t>6904008.0</t>
  </si>
  <si>
    <t>4489053.0</t>
  </si>
  <si>
    <t>2414955.0</t>
  </si>
  <si>
    <t>69849.0</t>
  </si>
  <si>
    <t>32631.0</t>
  </si>
  <si>
    <t>2571048.0</t>
  </si>
  <si>
    <t>146.012</t>
  </si>
  <si>
    <t>6977782.0</t>
  </si>
  <si>
    <t>4522494.0</t>
  </si>
  <si>
    <t>2455288.0</t>
  </si>
  <si>
    <t>73774.0</t>
  </si>
  <si>
    <t>66580.0</t>
  </si>
  <si>
    <t>2584291.0</t>
  </si>
  <si>
    <t>146.764</t>
  </si>
  <si>
    <t>7057840.0</t>
  </si>
  <si>
    <t>4557123.0</t>
  </si>
  <si>
    <t>2500717.0</t>
  </si>
  <si>
    <t>80058.0</t>
  </si>
  <si>
    <t>2589968.0</t>
  </si>
  <si>
    <t>147.086</t>
  </si>
  <si>
    <t>7100558.0</t>
  </si>
  <si>
    <t>4576144.0</t>
  </si>
  <si>
    <t>2524414.0</t>
  </si>
  <si>
    <t>42718.0</t>
  </si>
  <si>
    <t>63929.0</t>
  </si>
  <si>
    <t>29496.0</t>
  </si>
  <si>
    <t>2594689.0</t>
  </si>
  <si>
    <t>147.354</t>
  </si>
  <si>
    <t>7133392.0</t>
  </si>
  <si>
    <t>4592074.0</t>
  </si>
  <si>
    <t>2541318.0</t>
  </si>
  <si>
    <t>64368.0</t>
  </si>
  <si>
    <t>29785.0</t>
  </si>
  <si>
    <t>39388.5</t>
  </si>
  <si>
    <t>2207.39127077165</t>
  </si>
  <si>
    <t>2609013.0</t>
  </si>
  <si>
    <t>14324.0</t>
  </si>
  <si>
    <t>148.168</t>
  </si>
  <si>
    <t>7213436.0</t>
  </si>
  <si>
    <t>2581799.0</t>
  </si>
  <si>
    <t>80044.0</t>
  </si>
  <si>
    <t>65119.0</t>
  </si>
  <si>
    <t>2625453.0</t>
  </si>
  <si>
    <t>149.102</t>
  </si>
  <si>
    <t>7302717.0</t>
  </si>
  <si>
    <t>4676499.0</t>
  </si>
  <si>
    <t>2626218.0</t>
  </si>
  <si>
    <t>66937.0</t>
  </si>
  <si>
    <t>2641776.0</t>
  </si>
  <si>
    <t>150.029</t>
  </si>
  <si>
    <t>7392283.0</t>
  </si>
  <si>
    <t>4722177.0</t>
  </si>
  <si>
    <t>2670106.0</t>
  </si>
  <si>
    <t>89566.0</t>
  </si>
  <si>
    <t>69754.0</t>
  </si>
  <si>
    <t>2657387.0</t>
  </si>
  <si>
    <t>15611.0</t>
  </si>
  <si>
    <t>150.915</t>
  </si>
  <si>
    <t>7478725.0</t>
  </si>
  <si>
    <t>4763912.0</t>
  </si>
  <si>
    <t>2714813.0</t>
  </si>
  <si>
    <t>86442.0</t>
  </si>
  <si>
    <t>71563.0</t>
  </si>
  <si>
    <t>34488.0</t>
  </si>
  <si>
    <t>2671803.0</t>
  </si>
  <si>
    <t>7573644.0</t>
  </si>
  <si>
    <t>4805693.0</t>
  </si>
  <si>
    <t>2767951.0</t>
  </si>
  <si>
    <t>94919.0</t>
  </si>
  <si>
    <t>73686.0</t>
  </si>
  <si>
    <t>2680897.0</t>
  </si>
  <si>
    <t>7618658.0</t>
  </si>
  <si>
    <t>4827678.0</t>
  </si>
  <si>
    <t>2790980.0</t>
  </si>
  <si>
    <t>45014.0</t>
  </si>
  <si>
    <t>74014.0</t>
  </si>
  <si>
    <t>2686758.0</t>
  </si>
  <si>
    <t>7650606.0</t>
  </si>
  <si>
    <t>4844170.0</t>
  </si>
  <si>
    <t>2806436.0</t>
  </si>
  <si>
    <t>31948.0</t>
  </si>
  <si>
    <t>36014.0</t>
  </si>
  <si>
    <t>40347.1</t>
  </si>
  <si>
    <t>2261.11266844258</t>
  </si>
  <si>
    <t>2701561.0</t>
  </si>
  <si>
    <t>153.424</t>
  </si>
  <si>
    <t>7728550.0</t>
  </si>
  <si>
    <t>4883066.0</t>
  </si>
  <si>
    <t>2845484.0</t>
  </si>
  <si>
    <t>77944.0</t>
  </si>
  <si>
    <t>73588.0</t>
  </si>
  <si>
    <t>2715946.0</t>
  </si>
  <si>
    <t>14385.0</t>
  </si>
  <si>
    <t>154.241</t>
  </si>
  <si>
    <t>7809902.0</t>
  </si>
  <si>
    <t>4926983.0</t>
  </si>
  <si>
    <t>2882919.0</t>
  </si>
  <si>
    <t>81352.0</t>
  </si>
  <si>
    <t>72455.0</t>
  </si>
  <si>
    <t>35783.0</t>
  </si>
  <si>
    <t>2729628.0</t>
  </si>
  <si>
    <t>155.018</t>
  </si>
  <si>
    <t>7881191.0</t>
  </si>
  <si>
    <t>4966834.0</t>
  </si>
  <si>
    <t>2914357.0</t>
  </si>
  <si>
    <t>71289.0</t>
  </si>
  <si>
    <t>69844.0</t>
  </si>
  <si>
    <t>34951.0</t>
  </si>
  <si>
    <t>2744895.0</t>
  </si>
  <si>
    <t>12501.0</t>
  </si>
  <si>
    <t>7944209.0</t>
  </si>
  <si>
    <t>4999319.0</t>
  </si>
  <si>
    <t>2944890.0</t>
  </si>
  <si>
    <t>66498.0</t>
  </si>
  <si>
    <t>2758751.0</t>
  </si>
  <si>
    <t>156.672</t>
  </si>
  <si>
    <t>12421.0</t>
  </si>
  <si>
    <t>8010612.0</t>
  </si>
  <si>
    <t>5034882.0</t>
  </si>
  <si>
    <t>2975730.0</t>
  </si>
  <si>
    <t>66403.0</t>
  </si>
  <si>
    <t>62424.0</t>
  </si>
  <si>
    <t>2765929.0</t>
  </si>
  <si>
    <t>157.079</t>
  </si>
  <si>
    <t>8036610.0</t>
  </si>
  <si>
    <t>5047669.0</t>
  </si>
  <si>
    <t>2988941.0</t>
  </si>
  <si>
    <t>25998.0</t>
  </si>
  <si>
    <t>2770204.0</t>
  </si>
  <si>
    <t>157.322</t>
  </si>
  <si>
    <t>8054936.0</t>
  </si>
  <si>
    <t>5056498.0</t>
  </si>
  <si>
    <t>2998438.0</t>
  </si>
  <si>
    <t>41101.3</t>
  </si>
  <si>
    <t>2303.37918015072</t>
  </si>
  <si>
    <t>2785421.0</t>
  </si>
  <si>
    <t>158.186</t>
  </si>
  <si>
    <t>8113337.0</t>
  </si>
  <si>
    <t>5086999.0</t>
  </si>
  <si>
    <t>3026338.0</t>
  </si>
  <si>
    <t>58401.0</t>
  </si>
  <si>
    <t>54970.0</t>
  </si>
  <si>
    <t>29133.0</t>
  </si>
  <si>
    <t>2800027.0</t>
  </si>
  <si>
    <t>159.016</t>
  </si>
  <si>
    <t>8167013.0</t>
  </si>
  <si>
    <t>5114385.0</t>
  </si>
  <si>
    <t>3052628.0</t>
  </si>
  <si>
    <t>2805623.0</t>
  </si>
  <si>
    <t>159.334</t>
  </si>
  <si>
    <t>8193031.0</t>
  </si>
  <si>
    <t>5127386.0</t>
  </si>
  <si>
    <t>3065645.0</t>
  </si>
  <si>
    <t>22936.0</t>
  </si>
  <si>
    <t>2820537.0</t>
  </si>
  <si>
    <t>160.181</t>
  </si>
  <si>
    <t>8244177.0</t>
  </si>
  <si>
    <t>5154425.0</t>
  </si>
  <si>
    <t>3089752.0</t>
  </si>
  <si>
    <t>51146.0</t>
  </si>
  <si>
    <t>42853.0</t>
  </si>
  <si>
    <t>22158.0</t>
  </si>
  <si>
    <t>2832657.0</t>
  </si>
  <si>
    <t>160.869</t>
  </si>
  <si>
    <t>8295369.0</t>
  </si>
  <si>
    <t>5179616.0</t>
  </si>
  <si>
    <t>3115753.0</t>
  </si>
  <si>
    <t>51192.0</t>
  </si>
  <si>
    <t>40680.0</t>
  </si>
  <si>
    <t>20676.0</t>
  </si>
  <si>
    <t>2836664.0</t>
  </si>
  <si>
    <t>161.096</t>
  </si>
  <si>
    <t>8316740.0</t>
  </si>
  <si>
    <t>5189377.0</t>
  </si>
  <si>
    <t>3127363.0</t>
  </si>
  <si>
    <t>21371.0</t>
  </si>
  <si>
    <t>29.08</t>
  </si>
  <si>
    <t>20244.0</t>
  </si>
  <si>
    <t>2839974.0</t>
  </si>
  <si>
    <t>161.284</t>
  </si>
  <si>
    <t>8329583.0</t>
  </si>
  <si>
    <t>5195331.0</t>
  </si>
  <si>
    <t>3134252.0</t>
  </si>
  <si>
    <t>41576.5</t>
  </si>
  <si>
    <t>2330.01010876874</t>
  </si>
  <si>
    <t>2851620.0</t>
  </si>
  <si>
    <t>161.946</t>
  </si>
  <si>
    <t>8376696.0</t>
  </si>
  <si>
    <t>5218647.0</t>
  </si>
  <si>
    <t>3158049.0</t>
  </si>
  <si>
    <t>47113.0</t>
  </si>
  <si>
    <t>2865610.0</t>
  </si>
  <si>
    <t>162.74</t>
  </si>
  <si>
    <t>8423218.0</t>
  </si>
  <si>
    <t>5242813.0</t>
  </si>
  <si>
    <t>3180405.0</t>
  </si>
  <si>
    <t>46522.0</t>
  </si>
  <si>
    <t>2877835.0</t>
  </si>
  <si>
    <t>163.435</t>
  </si>
  <si>
    <t>8469554.0</t>
  </si>
  <si>
    <t>5266407.0</t>
  </si>
  <si>
    <t>3203147.0</t>
  </si>
  <si>
    <t>46336.0</t>
  </si>
  <si>
    <t>2891597.0</t>
  </si>
  <si>
    <t>164.216</t>
  </si>
  <si>
    <t>8513344.0</t>
  </si>
  <si>
    <t>5289609.0</t>
  </si>
  <si>
    <t>3223735.0</t>
  </si>
  <si>
    <t>43790.0</t>
  </si>
  <si>
    <t>38452.0</t>
  </si>
  <si>
    <t>2905511.0</t>
  </si>
  <si>
    <t>165.006</t>
  </si>
  <si>
    <t>8563828.0</t>
  </si>
  <si>
    <t>5315627.0</t>
  </si>
  <si>
    <t>3248201.0</t>
  </si>
  <si>
    <t>50484.0</t>
  </si>
  <si>
    <t>38351.0</t>
  </si>
  <si>
    <t>2909198.0</t>
  </si>
  <si>
    <t>165.216</t>
  </si>
  <si>
    <t>8583003.0</t>
  </si>
  <si>
    <t>5324634.0</t>
  </si>
  <si>
    <t>3258369.0</t>
  </si>
  <si>
    <t>2910582.0</t>
  </si>
  <si>
    <t>165.294</t>
  </si>
  <si>
    <t>8596046.0</t>
  </si>
  <si>
    <t>5331029.0</t>
  </si>
  <si>
    <t>3265017.0</t>
  </si>
  <si>
    <t>38066.0</t>
  </si>
  <si>
    <t>19385.0</t>
  </si>
  <si>
    <t>41940.5</t>
  </si>
  <si>
    <t>2350.40922075728</t>
  </si>
  <si>
    <t>2912218.0</t>
  </si>
  <si>
    <t>165.387</t>
  </si>
  <si>
    <t>8602132.0</t>
  </si>
  <si>
    <t>5333906.0</t>
  </si>
  <si>
    <t>3268226.0</t>
  </si>
  <si>
    <t>2920681.0</t>
  </si>
  <si>
    <t>165.868</t>
  </si>
  <si>
    <t>8638956.0</t>
  </si>
  <si>
    <t>5352092.0</t>
  </si>
  <si>
    <t>3286864.0</t>
  </si>
  <si>
    <t>30820.0</t>
  </si>
  <si>
    <t>2931200.0</t>
  </si>
  <si>
    <t>166.465</t>
  </si>
  <si>
    <t>8686555.0</t>
  </si>
  <si>
    <t>5374574.0</t>
  </si>
  <si>
    <t>3311981.0</t>
  </si>
  <si>
    <t>47599.0</t>
  </si>
  <si>
    <t>2940388.0</t>
  </si>
  <si>
    <t>166.987</t>
  </si>
  <si>
    <t>8734119.0</t>
  </si>
  <si>
    <t>5394431.0</t>
  </si>
  <si>
    <t>3339688.0</t>
  </si>
  <si>
    <t>2950019.0</t>
  </si>
  <si>
    <t>167.534</t>
  </si>
  <si>
    <t>8787762.0</t>
  </si>
  <si>
    <t>5416288.0</t>
  </si>
  <si>
    <t>3371474.0</t>
  </si>
  <si>
    <t>53643.0</t>
  </si>
  <si>
    <t>2953137.0</t>
  </si>
  <si>
    <t>167.711</t>
  </si>
  <si>
    <t>8810088.0</t>
  </si>
  <si>
    <t>5423686.0</t>
  </si>
  <si>
    <t>3386402.0</t>
  </si>
  <si>
    <t>2956880.0</t>
  </si>
  <si>
    <t>167.924</t>
  </si>
  <si>
    <t>8825957.0</t>
  </si>
  <si>
    <t>5428399.0</t>
  </si>
  <si>
    <t>3397558.0</t>
  </si>
  <si>
    <t>32844.0</t>
  </si>
  <si>
    <t>42265.3</t>
  </si>
  <si>
    <t>2368.61150530091</t>
  </si>
  <si>
    <t>2968493.0</t>
  </si>
  <si>
    <t>168.583</t>
  </si>
  <si>
    <t>8884315.0</t>
  </si>
  <si>
    <t>5450635.0</t>
  </si>
  <si>
    <t>3433680.0</t>
  </si>
  <si>
    <t>58358.0</t>
  </si>
  <si>
    <t>40312.0</t>
  </si>
  <si>
    <t>2979418.0</t>
  </si>
  <si>
    <t>169.204</t>
  </si>
  <si>
    <t>8943271.0</t>
  </si>
  <si>
    <t>5473684.0</t>
  </si>
  <si>
    <t>3469587.0</t>
  </si>
  <si>
    <t>58956.0</t>
  </si>
  <si>
    <t>2989099.0</t>
  </si>
  <si>
    <t>169.753</t>
  </si>
  <si>
    <t>9000182.0</t>
  </si>
  <si>
    <t>5497001.0</t>
  </si>
  <si>
    <t>3503181.0</t>
  </si>
  <si>
    <t>56911.0</t>
  </si>
  <si>
    <t>44804.0</t>
  </si>
  <si>
    <t>2999570.0</t>
  </si>
  <si>
    <t>170.348</t>
  </si>
  <si>
    <t>8455.0</t>
  </si>
  <si>
    <t>9059336.0</t>
  </si>
  <si>
    <t>5520839.0</t>
  </si>
  <si>
    <t>3538497.0</t>
  </si>
  <si>
    <t>3008853.0</t>
  </si>
  <si>
    <t>170.875</t>
  </si>
  <si>
    <t>9124208.0</t>
  </si>
  <si>
    <t>5546644.0</t>
  </si>
  <si>
    <t>3577564.0</t>
  </si>
  <si>
    <t>64872.0</t>
  </si>
  <si>
    <t>3014180.0</t>
  </si>
  <si>
    <t>9152370.0</t>
  </si>
  <si>
    <t>5558781.0</t>
  </si>
  <si>
    <t>3593589.0</t>
  </si>
  <si>
    <t>48897.0</t>
  </si>
  <si>
    <t>3017074.0</t>
  </si>
  <si>
    <t>171.342</t>
  </si>
  <si>
    <t>9174307.0</t>
  </si>
  <si>
    <t>5568125.0</t>
  </si>
  <si>
    <t>3606182.0</t>
  </si>
  <si>
    <t>19961.0</t>
  </si>
  <si>
    <t>42456.5</t>
  </si>
  <si>
    <t>2379.32664324654</t>
  </si>
  <si>
    <t>3026849.0</t>
  </si>
  <si>
    <t>171.897</t>
  </si>
  <si>
    <t>9236146.0</t>
  </si>
  <si>
    <t>5590955.0</t>
  </si>
  <si>
    <t>3645191.0</t>
  </si>
  <si>
    <t>61839.0</t>
  </si>
  <si>
    <t>50262.0</t>
  </si>
  <si>
    <t>3035644.0</t>
  </si>
  <si>
    <t>172.397</t>
  </si>
  <si>
    <t>9292724.0</t>
  </si>
  <si>
    <t>5612334.0</t>
  </si>
  <si>
    <t>3680390.0</t>
  </si>
  <si>
    <t>56578.0</t>
  </si>
  <si>
    <t>49922.0</t>
  </si>
  <si>
    <t>3044371.0</t>
  </si>
  <si>
    <t>172.892</t>
  </si>
  <si>
    <t>9353918.0</t>
  </si>
  <si>
    <t>5637669.0</t>
  </si>
  <si>
    <t>3716249.0</t>
  </si>
  <si>
    <t>61194.0</t>
  </si>
  <si>
    <t>50534.0</t>
  </si>
  <si>
    <t>3052925.0</t>
  </si>
  <si>
    <t>173.378</t>
  </si>
  <si>
    <t>9406306.0</t>
  </si>
  <si>
    <t>5658249.0</t>
  </si>
  <si>
    <t>3748057.0</t>
  </si>
  <si>
    <t>52388.0</t>
  </si>
  <si>
    <t>49567.0</t>
  </si>
  <si>
    <t>3060223.0</t>
  </si>
  <si>
    <t>173.793</t>
  </si>
  <si>
    <t>9469775.0</t>
  </si>
  <si>
    <t>5683520.0</t>
  </si>
  <si>
    <t>3786255.0</t>
  </si>
  <si>
    <t>63469.0</t>
  </si>
  <si>
    <t>49367.0</t>
  </si>
  <si>
    <t>3063893.0</t>
  </si>
  <si>
    <t>174.001</t>
  </si>
  <si>
    <t>9511940.0</t>
  </si>
  <si>
    <t>5706207.0</t>
  </si>
  <si>
    <t>3805733.0</t>
  </si>
  <si>
    <t>51367.0</t>
  </si>
  <si>
    <t>3064888.0</t>
  </si>
  <si>
    <t>174.057</t>
  </si>
  <si>
    <t>9550884.0</t>
  </si>
  <si>
    <t>5729433.0</t>
  </si>
  <si>
    <t>3821451.0</t>
  </si>
  <si>
    <t>38944.0</t>
  </si>
  <si>
    <t>53797.0</t>
  </si>
  <si>
    <t>23044.0</t>
  </si>
  <si>
    <t>42644.5</t>
  </si>
  <si>
    <t>2389.86244833953</t>
  </si>
  <si>
    <t>3074517.0</t>
  </si>
  <si>
    <t>174.604</t>
  </si>
  <si>
    <t>9619772.0</t>
  </si>
  <si>
    <t>5761647.0</t>
  </si>
  <si>
    <t>3858125.0</t>
  </si>
  <si>
    <t>68888.0</t>
  </si>
  <si>
    <t>54804.0</t>
  </si>
  <si>
    <t>3082937.0</t>
  </si>
  <si>
    <t>175.082</t>
  </si>
  <si>
    <t>9692583.0</t>
  </si>
  <si>
    <t>5798003.0</t>
  </si>
  <si>
    <t>3894580.0</t>
  </si>
  <si>
    <t>72811.0</t>
  </si>
  <si>
    <t>57123.0</t>
  </si>
  <si>
    <t>26524.0</t>
  </si>
  <si>
    <t>3091052.0</t>
  </si>
  <si>
    <t>175.543</t>
  </si>
  <si>
    <t>9766742.0</t>
  </si>
  <si>
    <t>5837334.0</t>
  </si>
  <si>
    <t>3929408.0</t>
  </si>
  <si>
    <t>74159.0</t>
  </si>
  <si>
    <t>58975.0</t>
  </si>
  <si>
    <t>3099474.0</t>
  </si>
  <si>
    <t>176.022</t>
  </si>
  <si>
    <t>9839426.0</t>
  </si>
  <si>
    <t>5876618.0</t>
  </si>
  <si>
    <t>3962808.0</t>
  </si>
  <si>
    <t>72684.0</t>
  </si>
  <si>
    <t>61874.0</t>
  </si>
  <si>
    <t>31196.0</t>
  </si>
  <si>
    <t>3107294.0</t>
  </si>
  <si>
    <t>176.466</t>
  </si>
  <si>
    <t>9880710.0</t>
  </si>
  <si>
    <t>5899133.0</t>
  </si>
  <si>
    <t>3981577.0</t>
  </si>
  <si>
    <t>41284.0</t>
  </si>
  <si>
    <t>3110368.0</t>
  </si>
  <si>
    <t>9909441.0</t>
  </si>
  <si>
    <t>5912669.0</t>
  </si>
  <si>
    <t>3996772.0</t>
  </si>
  <si>
    <t>56786.0</t>
  </si>
  <si>
    <t>29495.0</t>
  </si>
  <si>
    <t>3111321.0</t>
  </si>
  <si>
    <t>176.694</t>
  </si>
  <si>
    <t>9932189.0</t>
  </si>
  <si>
    <t>5923272.0</t>
  </si>
  <si>
    <t>4008917.0</t>
  </si>
  <si>
    <t>27691.0</t>
  </si>
  <si>
    <t>42761.3</t>
  </si>
  <si>
    <t>2396.40809746113</t>
  </si>
  <si>
    <t>3120035.0</t>
  </si>
  <si>
    <t>10001156.0</t>
  </si>
  <si>
    <t>5957797.0</t>
  </si>
  <si>
    <t>4043359.0</t>
  </si>
  <si>
    <t>68967.0</t>
  </si>
  <si>
    <t>3128305.0</t>
  </si>
  <si>
    <t>177.659</t>
  </si>
  <si>
    <t>10070646.0</t>
  </si>
  <si>
    <t>5993236.0</t>
  </si>
  <si>
    <t>4077410.0</t>
  </si>
  <si>
    <t>27890.0</t>
  </si>
  <si>
    <t>3134598.0</t>
  </si>
  <si>
    <t>178.016</t>
  </si>
  <si>
    <t>10129197.0</t>
  </si>
  <si>
    <t>6023553.0</t>
  </si>
  <si>
    <t>4105644.0</t>
  </si>
  <si>
    <t>58551.0</t>
  </si>
  <si>
    <t>51779.0</t>
  </si>
  <si>
    <t>3141170.0</t>
  </si>
  <si>
    <t>178.39</t>
  </si>
  <si>
    <t>10188787.0</t>
  </si>
  <si>
    <t>6054099.0</t>
  </si>
  <si>
    <t>4134688.0</t>
  </si>
  <si>
    <t>59590.0</t>
  </si>
  <si>
    <t>49909.0</t>
  </si>
  <si>
    <t>25354.0</t>
  </si>
  <si>
    <t>3147862.0</t>
  </si>
  <si>
    <t>10243999.0</t>
  </si>
  <si>
    <t>6080534.0</t>
  </si>
  <si>
    <t>4163465.0</t>
  </si>
  <si>
    <t>55212.0</t>
  </si>
  <si>
    <t>3150263.0</t>
  </si>
  <si>
    <t>178.906</t>
  </si>
  <si>
    <t>10266743.0</t>
  </si>
  <si>
    <t>6090684.0</t>
  </si>
  <si>
    <t>4176059.0</t>
  </si>
  <si>
    <t>22744.0</t>
  </si>
  <si>
    <t>51043.0</t>
  </si>
  <si>
    <t>3151236.0</t>
  </si>
  <si>
    <t>10283642.0</t>
  </si>
  <si>
    <t>6098045.0</t>
  </si>
  <si>
    <t>4185597.0</t>
  </si>
  <si>
    <t>16899.0</t>
  </si>
  <si>
    <t>50208.0</t>
  </si>
  <si>
    <t>42992.7</t>
  </si>
  <si>
    <t>2409.37610436813</t>
  </si>
  <si>
    <t>3158756.0</t>
  </si>
  <si>
    <t>179.388</t>
  </si>
  <si>
    <t>10339182.0</t>
  </si>
  <si>
    <t>6126188.0</t>
  </si>
  <si>
    <t>4212994.0</t>
  </si>
  <si>
    <t>55540.0</t>
  </si>
  <si>
    <t>48289.0</t>
  </si>
  <si>
    <t>3166569.0</t>
  </si>
  <si>
    <t>179.832</t>
  </si>
  <si>
    <t>10398522.0</t>
  </si>
  <si>
    <t>6155598.0</t>
  </si>
  <si>
    <t>4242924.0</t>
  </si>
  <si>
    <t>59340.0</t>
  </si>
  <si>
    <t>3173763.0</t>
  </si>
  <si>
    <t>180.241</t>
  </si>
  <si>
    <t>10449382.0</t>
  </si>
  <si>
    <t>6181690.0</t>
  </si>
  <si>
    <t>4267692.0</t>
  </si>
  <si>
    <t>50860.0</t>
  </si>
  <si>
    <t>3180830.0</t>
  </si>
  <si>
    <t>180.642</t>
  </si>
  <si>
    <t>10502979.0</t>
  </si>
  <si>
    <t>6208598.0</t>
  </si>
  <si>
    <t>4294381.0</t>
  </si>
  <si>
    <t>44885.0</t>
  </si>
  <si>
    <t>22071.0</t>
  </si>
  <si>
    <t>3186458.0</t>
  </si>
  <si>
    <t>180.962</t>
  </si>
  <si>
    <t>10553291.0</t>
  </si>
  <si>
    <t>6233673.0</t>
  </si>
  <si>
    <t>4319618.0</t>
  </si>
  <si>
    <t>44185.0</t>
  </si>
  <si>
    <t>3188429.0</t>
  </si>
  <si>
    <t>181.073</t>
  </si>
  <si>
    <t>10573206.0</t>
  </si>
  <si>
    <t>6242145.0</t>
  </si>
  <si>
    <t>4331061.0</t>
  </si>
  <si>
    <t>43780.0</t>
  </si>
  <si>
    <t>3189301.0</t>
  </si>
  <si>
    <t>181.123</t>
  </si>
  <si>
    <t>10586654.0</t>
  </si>
  <si>
    <t>6248164.0</t>
  </si>
  <si>
    <t>4338490.0</t>
  </si>
  <si>
    <t>43287.0</t>
  </si>
  <si>
    <t>43143.5</t>
  </si>
  <si>
    <t>2417.8271650491</t>
  </si>
  <si>
    <t>3195338.0</t>
  </si>
  <si>
    <t>181.466</t>
  </si>
  <si>
    <t>10634416.0</t>
  </si>
  <si>
    <t>6269844.0</t>
  </si>
  <si>
    <t>4364572.0</t>
  </si>
  <si>
    <t>42176.0</t>
  </si>
  <si>
    <t>3202224.0</t>
  </si>
  <si>
    <t>181.857</t>
  </si>
  <si>
    <t>10682603.0</t>
  </si>
  <si>
    <t>6293148.0</t>
  </si>
  <si>
    <t>4389455.0</t>
  </si>
  <si>
    <t>48187.0</t>
  </si>
  <si>
    <t>40583.0</t>
  </si>
  <si>
    <t>3208682.0</t>
  </si>
  <si>
    <t>182.224</t>
  </si>
  <si>
    <t>10734808.0</t>
  </si>
  <si>
    <t>6318501.0</t>
  </si>
  <si>
    <t>4416307.0</t>
  </si>
  <si>
    <t>3214583.0</t>
  </si>
  <si>
    <t>182.559</t>
  </si>
  <si>
    <t>10787179.0</t>
  </si>
  <si>
    <t>6345369.0</t>
  </si>
  <si>
    <t>4441810.0</t>
  </si>
  <si>
    <t>40600.0</t>
  </si>
  <si>
    <t>3219293.0</t>
  </si>
  <si>
    <t>182.826</t>
  </si>
  <si>
    <t>10835316.0</t>
  </si>
  <si>
    <t>6370482.0</t>
  </si>
  <si>
    <t>4464834.0</t>
  </si>
  <si>
    <t>40289.0</t>
  </si>
  <si>
    <t>3221137.0</t>
  </si>
  <si>
    <t>182.931</t>
  </si>
  <si>
    <t>10857262.0</t>
  </si>
  <si>
    <t>6380600.0</t>
  </si>
  <si>
    <t>4476662.0</t>
  </si>
  <si>
    <t>40579.0</t>
  </si>
  <si>
    <t>19779.0</t>
  </si>
  <si>
    <t>3222269.0</t>
  </si>
  <si>
    <t>182.995</t>
  </si>
  <si>
    <t>10876243.0</t>
  </si>
  <si>
    <t>6388361.0</t>
  </si>
  <si>
    <t>4487882.0</t>
  </si>
  <si>
    <t>43309.7</t>
  </si>
  <si>
    <t>2427.14126508343</t>
  </si>
  <si>
    <t>3229175.0</t>
  </si>
  <si>
    <t>183.387</t>
  </si>
  <si>
    <t>10996848.0</t>
  </si>
  <si>
    <t>6414606.0</t>
  </si>
  <si>
    <t>4518222.0</t>
  </si>
  <si>
    <t>120605.0</t>
  </si>
  <si>
    <t>20680.0</t>
  </si>
  <si>
    <t>3237731.0</t>
  </si>
  <si>
    <t>11060563.0</t>
  </si>
  <si>
    <t>6443003.0</t>
  </si>
  <si>
    <t>4547831.0</t>
  </si>
  <si>
    <t>69729.0</t>
  </si>
  <si>
    <t>53994.0</t>
  </si>
  <si>
    <t>3244302.0</t>
  </si>
  <si>
    <t>184.247</t>
  </si>
  <si>
    <t>11109992.0</t>
  </si>
  <si>
    <t>6465447.0</t>
  </si>
  <si>
    <t>4574814.0</t>
  </si>
  <si>
    <t>69731.0</t>
  </si>
  <si>
    <t>49429.0</t>
  </si>
  <si>
    <t>53598.0</t>
  </si>
  <si>
    <t>3246429.0</t>
  </si>
  <si>
    <t>184.367</t>
  </si>
  <si>
    <t>11133533.0</t>
  </si>
  <si>
    <t>6472688.0</t>
  </si>
  <si>
    <t>4585730.0</t>
  </si>
  <si>
    <t>75115.0</t>
  </si>
  <si>
    <t>23541.0</t>
  </si>
  <si>
    <t>18188.0</t>
  </si>
  <si>
    <t>3247587.0</t>
  </si>
  <si>
    <t>184.433</t>
  </si>
  <si>
    <t>11136611.0</t>
  </si>
  <si>
    <t>6474155.0</t>
  </si>
  <si>
    <t>4587219.0</t>
  </si>
  <si>
    <t>75237.0</t>
  </si>
  <si>
    <t>43042.0</t>
  </si>
  <si>
    <t>14810.0</t>
  </si>
  <si>
    <t>3248274.0</t>
  </si>
  <si>
    <t>184.472</t>
  </si>
  <si>
    <t>11138321.0</t>
  </si>
  <si>
    <t>6474957.0</t>
  </si>
  <si>
    <t>4587993.0</t>
  </si>
  <si>
    <t>75371.0</t>
  </si>
  <si>
    <t>3249683.0</t>
  </si>
  <si>
    <t>184.552</t>
  </si>
  <si>
    <t>11145170.0</t>
  </si>
  <si>
    <t>6477798.0</t>
  </si>
  <si>
    <t>4591132.0</t>
  </si>
  <si>
    <t>76240.0</t>
  </si>
  <si>
    <t>38418.0</t>
  </si>
  <si>
    <t>43507.3</t>
  </si>
  <si>
    <t>2438.21506873436</t>
  </si>
  <si>
    <t>3256994.0</t>
  </si>
  <si>
    <t>184.967</t>
  </si>
  <si>
    <t>11195184.0</t>
  </si>
  <si>
    <t>6496038.0</t>
  </si>
  <si>
    <t>4619695.0</t>
  </si>
  <si>
    <t>79451.0</t>
  </si>
  <si>
    <t>3265129.0</t>
  </si>
  <si>
    <t>185.429</t>
  </si>
  <si>
    <t>11247608.0</t>
  </si>
  <si>
    <t>6514292.0</t>
  </si>
  <si>
    <t>4650673.0</t>
  </si>
  <si>
    <t>82643.0</t>
  </si>
  <si>
    <t>26721.0</t>
  </si>
  <si>
    <t>3273053.0</t>
  </si>
  <si>
    <t>185.879</t>
  </si>
  <si>
    <t>11290266.0</t>
  </si>
  <si>
    <t>6528647.0</t>
  </si>
  <si>
    <t>4675568.0</t>
  </si>
  <si>
    <t>86051.0</t>
  </si>
  <si>
    <t>3279099.0</t>
  </si>
  <si>
    <t>186.223</t>
  </si>
  <si>
    <t>11307681.0</t>
  </si>
  <si>
    <t>6534128.0</t>
  </si>
  <si>
    <t>4685345.0</t>
  </si>
  <si>
    <t>88208.0</t>
  </si>
  <si>
    <t>24878.0</t>
  </si>
  <si>
    <t>3281001.0</t>
  </si>
  <si>
    <t>186.331</t>
  </si>
  <si>
    <t>11310579.0</t>
  </si>
  <si>
    <t>6535250.0</t>
  </si>
  <si>
    <t>4686883.0</t>
  </si>
  <si>
    <t>88446.0</t>
  </si>
  <si>
    <t>3281949.0</t>
  </si>
  <si>
    <t>186.385</t>
  </si>
  <si>
    <t>11311681.0</t>
  </si>
  <si>
    <t>6535628.0</t>
  </si>
  <si>
    <t>4687453.0</t>
  </si>
  <si>
    <t>88600.0</t>
  </si>
  <si>
    <t>3283166.0</t>
  </si>
  <si>
    <t>186.454</t>
  </si>
  <si>
    <t>11315836.0</t>
  </si>
  <si>
    <t>6537045.0</t>
  </si>
  <si>
    <t>4689645.0</t>
  </si>
  <si>
    <t>89146.0</t>
  </si>
  <si>
    <t>24381.0</t>
  </si>
  <si>
    <t>43858.9</t>
  </si>
  <si>
    <t>2457.9192659189</t>
  </si>
  <si>
    <t>3290902.0</t>
  </si>
  <si>
    <t>186.893</t>
  </si>
  <si>
    <t>11350169.0</t>
  </si>
  <si>
    <t>6549544.0</t>
  </si>
  <si>
    <t>4709302.0</t>
  </si>
  <si>
    <t>91323.0</t>
  </si>
  <si>
    <t>34333.0</t>
  </si>
  <si>
    <t>3300578.0</t>
  </si>
  <si>
    <t>187.442</t>
  </si>
  <si>
    <t>11394232.0</t>
  </si>
  <si>
    <t>6564847.0</t>
  </si>
  <si>
    <t>4734710.0</t>
  </si>
  <si>
    <t>94675.0</t>
  </si>
  <si>
    <t>44063.0</t>
  </si>
  <si>
    <t>3311823.0</t>
  </si>
  <si>
    <t>188.081</t>
  </si>
  <si>
    <t>11438709.0</t>
  </si>
  <si>
    <t>6577239.0</t>
  </si>
  <si>
    <t>4758615.0</t>
  </si>
  <si>
    <t>3325391.0</t>
  </si>
  <si>
    <t>188.852</t>
  </si>
  <si>
    <t>11517446.0</t>
  </si>
  <si>
    <t>6593293.0</t>
  </si>
  <si>
    <t>4783330.0</t>
  </si>
  <si>
    <t>140823.0</t>
  </si>
  <si>
    <t>3336844.0</t>
  </si>
  <si>
    <t>189.502</t>
  </si>
  <si>
    <t>11620036.0</t>
  </si>
  <si>
    <t>6609697.0</t>
  </si>
  <si>
    <t>4810512.0</t>
  </si>
  <si>
    <t>199827.0</t>
  </si>
  <si>
    <t>44208.0</t>
  </si>
  <si>
    <t>3341387.0</t>
  </si>
  <si>
    <t>11682768.0</t>
  </si>
  <si>
    <t>6618214.0</t>
  </si>
  <si>
    <t>4825871.0</t>
  </si>
  <si>
    <t>238683.0</t>
  </si>
  <si>
    <t>62732.0</t>
  </si>
  <si>
    <t>53012.0</t>
  </si>
  <si>
    <t>3344027.0</t>
  </si>
  <si>
    <t>189.91</t>
  </si>
  <si>
    <t>8694.0</t>
  </si>
  <si>
    <t>11754011.0</t>
  </si>
  <si>
    <t>6627695.0</t>
  </si>
  <si>
    <t>4842567.0</t>
  </si>
  <si>
    <t>283749.0</t>
  </si>
  <si>
    <t>71243.0</t>
  </si>
  <si>
    <t>62596.0</t>
  </si>
  <si>
    <t>44243.7</t>
  </si>
  <si>
    <t>2479.48404144965</t>
  </si>
  <si>
    <t>3357498.0</t>
  </si>
  <si>
    <t>190.675</t>
  </si>
  <si>
    <t>11854725.0</t>
  </si>
  <si>
    <t>6645061.0</t>
  </si>
  <si>
    <t>4869309.0</t>
  </si>
  <si>
    <t>340355.0</t>
  </si>
  <si>
    <t>72079.0</t>
  </si>
  <si>
    <t>3371667.0</t>
  </si>
  <si>
    <t>11960896.0</t>
  </si>
  <si>
    <t>6660202.0</t>
  </si>
  <si>
    <t>4895028.0</t>
  </si>
  <si>
    <t>405666.0</t>
  </si>
  <si>
    <t>106171.0</t>
  </si>
  <si>
    <t>80952.0</t>
  </si>
  <si>
    <t>3386891.0</t>
  </si>
  <si>
    <t>192.344</t>
  </si>
  <si>
    <t>12072818.0</t>
  </si>
  <si>
    <t>6677785.0</t>
  </si>
  <si>
    <t>4922902.0</t>
  </si>
  <si>
    <t>472131.0</t>
  </si>
  <si>
    <t>111922.0</t>
  </si>
  <si>
    <t>90587.0</t>
  </si>
  <si>
    <t>3400074.0</t>
  </si>
  <si>
    <t>193.093</t>
  </si>
  <si>
    <t>12180181.0</t>
  </si>
  <si>
    <t>6692717.0</t>
  </si>
  <si>
    <t>4947799.0</t>
  </si>
  <si>
    <t>539665.0</t>
  </si>
  <si>
    <t>107363.0</t>
  </si>
  <si>
    <t>3413035.0</t>
  </si>
  <si>
    <t>193.829</t>
  </si>
  <si>
    <t>12288429.0</t>
  </si>
  <si>
    <t>6708674.0</t>
  </si>
  <si>
    <t>4973675.0</t>
  </si>
  <si>
    <t>606080.0</t>
  </si>
  <si>
    <t>95485.0</t>
  </si>
  <si>
    <t>3420999.0</t>
  </si>
  <si>
    <t>194.281</t>
  </si>
  <si>
    <t>12338759.0</t>
  </si>
  <si>
    <t>6715115.0</t>
  </si>
  <si>
    <t>4984861.0</t>
  </si>
  <si>
    <t>638783.0</t>
  </si>
  <si>
    <t>50330.0</t>
  </si>
  <si>
    <t>93713.0</t>
  </si>
  <si>
    <t>3424291.0</t>
  </si>
  <si>
    <t>194.468</t>
  </si>
  <si>
    <t>12398482.0</t>
  </si>
  <si>
    <t>6724566.0</t>
  </si>
  <si>
    <t>4999809.0</t>
  </si>
  <si>
    <t>674107.0</t>
  </si>
  <si>
    <t>59723.0</t>
  </si>
  <si>
    <t>44654.3</t>
  </si>
  <si>
    <t>2502.49468810486</t>
  </si>
  <si>
    <t>3438139.0</t>
  </si>
  <si>
    <t>195.255</t>
  </si>
  <si>
    <t>12501559.0</t>
  </si>
  <si>
    <t>6743207.0</t>
  </si>
  <si>
    <t>5027004.0</t>
  </si>
  <si>
    <t>731348.0</t>
  </si>
  <si>
    <t>92405.0</t>
  </si>
  <si>
    <t>3452399.0</t>
  </si>
  <si>
    <t>14260.0</t>
  </si>
  <si>
    <t>196.065</t>
  </si>
  <si>
    <t>12610630.0</t>
  </si>
  <si>
    <t>6765227.0</t>
  </si>
  <si>
    <t>5055904.0</t>
  </si>
  <si>
    <t>789499.0</t>
  </si>
  <si>
    <t>109071.0</t>
  </si>
  <si>
    <t>92819.0</t>
  </si>
  <si>
    <t>3465741.0</t>
  </si>
  <si>
    <t>196.822</t>
  </si>
  <si>
    <t>12709408.0</t>
  </si>
  <si>
    <t>6785147.0</t>
  </si>
  <si>
    <t>5084306.0</t>
  </si>
  <si>
    <t>839955.0</t>
  </si>
  <si>
    <t>98778.0</t>
  </si>
  <si>
    <t>3481405.0</t>
  </si>
  <si>
    <t>197.712</t>
  </si>
  <si>
    <t>12802759.0</t>
  </si>
  <si>
    <t>6804276.0</t>
  </si>
  <si>
    <t>5110610.0</t>
  </si>
  <si>
    <t>887873.0</t>
  </si>
  <si>
    <t>93351.0</t>
  </si>
  <si>
    <t>3498120.0</t>
  </si>
  <si>
    <t>16715.0</t>
  </si>
  <si>
    <t>198.661</t>
  </si>
  <si>
    <t>12898674.0</t>
  </si>
  <si>
    <t>6821249.0</t>
  </si>
  <si>
    <t>5136970.0</t>
  </si>
  <si>
    <t>940455.0</t>
  </si>
  <si>
    <t>95915.0</t>
  </si>
  <si>
    <t>87178.0</t>
  </si>
  <si>
    <t>3503582.0</t>
  </si>
  <si>
    <t>198.971</t>
  </si>
  <si>
    <t>12943087.0</t>
  </si>
  <si>
    <t>6828087.0</t>
  </si>
  <si>
    <t>5149683.0</t>
  </si>
  <si>
    <t>44413.0</t>
  </si>
  <si>
    <t>86333.0</t>
  </si>
  <si>
    <t>3510042.0</t>
  </si>
  <si>
    <t>199.338</t>
  </si>
  <si>
    <t>12971548.0</t>
  </si>
  <si>
    <t>6833355.0</t>
  </si>
  <si>
    <t>5157424.0</t>
  </si>
  <si>
    <t>980769.0</t>
  </si>
  <si>
    <t>81867.0</t>
  </si>
  <si>
    <t>45149.5</t>
  </si>
  <si>
    <t>2530.24644705192</t>
  </si>
  <si>
    <t>3524884.0</t>
  </si>
  <si>
    <t>200.181</t>
  </si>
  <si>
    <t>12392.0</t>
  </si>
  <si>
    <t>13043629.0</t>
  </si>
  <si>
    <t>6847489.0</t>
  </si>
  <si>
    <t>5177496.0</t>
  </si>
  <si>
    <t>1018644.0</t>
  </si>
  <si>
    <t>77439.0</t>
  </si>
  <si>
    <t>14897.0</t>
  </si>
  <si>
    <t>3539535.0</t>
  </si>
  <si>
    <t>201.013</t>
  </si>
  <si>
    <t>13112475.0</t>
  </si>
  <si>
    <t>6860712.0</t>
  </si>
  <si>
    <t>5196578.0</t>
  </si>
  <si>
    <t>3553975.0</t>
  </si>
  <si>
    <t>201.833</t>
  </si>
  <si>
    <t>13179817.0</t>
  </si>
  <si>
    <t>6874141.0</t>
  </si>
  <si>
    <t>5214653.0</t>
  </si>
  <si>
    <t>1091023.0</t>
  </si>
  <si>
    <t>67342.0</t>
  </si>
  <si>
    <t>3568360.0</t>
  </si>
  <si>
    <t>13243337.0</t>
  </si>
  <si>
    <t>6886121.0</t>
  </si>
  <si>
    <t>5231942.0</t>
  </si>
  <si>
    <t>1125274.0</t>
  </si>
  <si>
    <t>63520.0</t>
  </si>
  <si>
    <t>3580043.0</t>
  </si>
  <si>
    <t>11683.0</t>
  </si>
  <si>
    <t>203.314</t>
  </si>
  <si>
    <t>13308240.0</t>
  </si>
  <si>
    <t>6897461.0</t>
  </si>
  <si>
    <t>5249799.0</t>
  </si>
  <si>
    <t>1160980.0</t>
  </si>
  <si>
    <t>64903.0</t>
  </si>
  <si>
    <t>58509.0</t>
  </si>
  <si>
    <t>3585641.0</t>
  </si>
  <si>
    <t>203.631</t>
  </si>
  <si>
    <t>0.2354</t>
  </si>
  <si>
    <t>13339029.0</t>
  </si>
  <si>
    <t>6901655.0</t>
  </si>
  <si>
    <t>5257307.0</t>
  </si>
  <si>
    <t>1180067.0</t>
  </si>
  <si>
    <t>56563.0</t>
  </si>
  <si>
    <t>3589175.0</t>
  </si>
  <si>
    <t>203.832</t>
  </si>
  <si>
    <t>13379287.0</t>
  </si>
  <si>
    <t>6909197.0</t>
  </si>
  <si>
    <t>5268363.0</t>
  </si>
  <si>
    <t>1201727.0</t>
  </si>
  <si>
    <t>40258.0</t>
  </si>
  <si>
    <t>58248.0</t>
  </si>
  <si>
    <t>45544.1</t>
  </si>
  <si>
    <t>2552.3604294439</t>
  </si>
  <si>
    <t>3603800.0</t>
  </si>
  <si>
    <t>13451175.0</t>
  </si>
  <si>
    <t>6925768.0</t>
  </si>
  <si>
    <t>5288191.0</t>
  </si>
  <si>
    <t>1237216.0</t>
  </si>
  <si>
    <t>71888.0</t>
  </si>
  <si>
    <t>58221.0</t>
  </si>
  <si>
    <t>3620333.0</t>
  </si>
  <si>
    <t>205.602</t>
  </si>
  <si>
    <t>11543.0</t>
  </si>
  <si>
    <t>13489474.0</t>
  </si>
  <si>
    <t>6943832.0</t>
  </si>
  <si>
    <t>5308426.0</t>
  </si>
  <si>
    <t>38299.0</t>
  </si>
  <si>
    <t>3633506.0</t>
  </si>
  <si>
    <t>13582801.0</t>
  </si>
  <si>
    <t>6958594.0</t>
  </si>
  <si>
    <t>5324780.0</t>
  </si>
  <si>
    <t>1299427.0</t>
  </si>
  <si>
    <t>93327.0</t>
  </si>
  <si>
    <t>3644483.0</t>
  </si>
  <si>
    <t>206.973</t>
  </si>
  <si>
    <t>13636210.0</t>
  </si>
  <si>
    <t>6971616.0</t>
  </si>
  <si>
    <t>5340298.0</t>
  </si>
  <si>
    <t>1324296.0</t>
  </si>
  <si>
    <t>53409.0</t>
  </si>
  <si>
    <t>56125.0</t>
  </si>
  <si>
    <t>3658004.0</t>
  </si>
  <si>
    <t>207.741</t>
  </si>
  <si>
    <t>13694000.0</t>
  </si>
  <si>
    <t>6984472.0</t>
  </si>
  <si>
    <t>5356532.0</t>
  </si>
  <si>
    <t>1352996.0</t>
  </si>
  <si>
    <t>57790.0</t>
  </si>
  <si>
    <t>3664604.0</t>
  </si>
  <si>
    <t>208.116</t>
  </si>
  <si>
    <t>13719255.0</t>
  </si>
  <si>
    <t>6988385.0</t>
  </si>
  <si>
    <t>5363210.0</t>
  </si>
  <si>
    <t>1367660.0</t>
  </si>
  <si>
    <t>25255.0</t>
  </si>
  <si>
    <t>3669867.0</t>
  </si>
  <si>
    <t>208.415</t>
  </si>
  <si>
    <t>13739382.0</t>
  </si>
  <si>
    <t>6992051.0</t>
  </si>
  <si>
    <t>5368810.0</t>
  </si>
  <si>
    <t>1378521.0</t>
  </si>
  <si>
    <t>51442.0</t>
  </si>
  <si>
    <t>11836.0</t>
  </si>
  <si>
    <t>46109.1</t>
  </si>
  <si>
    <t>2584.02388623931</t>
  </si>
  <si>
    <t>3684824.0</t>
  </si>
  <si>
    <t>209.264</t>
  </si>
  <si>
    <t>13792986.0</t>
  </si>
  <si>
    <t>7004832.0</t>
  </si>
  <si>
    <t>5385961.0</t>
  </si>
  <si>
    <t>1402193.0</t>
  </si>
  <si>
    <t>53604.0</t>
  </si>
  <si>
    <t>3702293.0</t>
  </si>
  <si>
    <t>17469.0</t>
  </si>
  <si>
    <t>210.256</t>
  </si>
  <si>
    <t>13847127.0</t>
  </si>
  <si>
    <t>7018136.0</t>
  </si>
  <si>
    <t>5401767.0</t>
  </si>
  <si>
    <t>1427224.0</t>
  </si>
  <si>
    <t>54141.0</t>
  </si>
  <si>
    <t>3719048.0</t>
  </si>
  <si>
    <t>16755.0</t>
  </si>
  <si>
    <t>211.208</t>
  </si>
  <si>
    <t>12220.0</t>
  </si>
  <si>
    <t>13925751.0</t>
  </si>
  <si>
    <t>7043763.0</t>
  </si>
  <si>
    <t>5429086.0</t>
  </si>
  <si>
    <t>1452902.0</t>
  </si>
  <si>
    <t>3737376.0</t>
  </si>
  <si>
    <t>212.249</t>
  </si>
  <si>
    <t>13954949.0</t>
  </si>
  <si>
    <t>7057216.0</t>
  </si>
  <si>
    <t>5444830.0</t>
  </si>
  <si>
    <t>1452903.0</t>
  </si>
  <si>
    <t>45534.0</t>
  </si>
  <si>
    <t>3752906.0</t>
  </si>
  <si>
    <t>213.131</t>
  </si>
  <si>
    <t>14031764.0</t>
  </si>
  <si>
    <t>7068134.0</t>
  </si>
  <si>
    <t>5460442.0</t>
  </si>
  <si>
    <t>1503188.0</t>
  </si>
  <si>
    <t>76815.0</t>
  </si>
  <si>
    <t>3759225.0</t>
  </si>
  <si>
    <t>213.489</t>
  </si>
  <si>
    <t>14055883.0</t>
  </si>
  <si>
    <t>7072119.0</t>
  </si>
  <si>
    <t>5467432.0</t>
  </si>
  <si>
    <t>1516332.0</t>
  </si>
  <si>
    <t>24119.0</t>
  </si>
  <si>
    <t>3765637.0</t>
  </si>
  <si>
    <t>213.854</t>
  </si>
  <si>
    <t>14071435.0</t>
  </si>
  <si>
    <t>7074836.0</t>
  </si>
  <si>
    <t>5471976.0</t>
  </si>
  <si>
    <t>1524623.0</t>
  </si>
  <si>
    <t>47436.0</t>
  </si>
  <si>
    <t>46661.9</t>
  </si>
  <si>
    <t>2615.003636534</t>
  </si>
  <si>
    <t>3781718.0</t>
  </si>
  <si>
    <t>16081.0</t>
  </si>
  <si>
    <t>214.767</t>
  </si>
  <si>
    <t>0.2467</t>
  </si>
  <si>
    <t>14114594.0</t>
  </si>
  <si>
    <t>7084985.0</t>
  </si>
  <si>
    <t>5485032.0</t>
  </si>
  <si>
    <t>1544577.0</t>
  </si>
  <si>
    <t>43159.0</t>
  </si>
  <si>
    <t>3798965.0</t>
  </si>
  <si>
    <t>215.746</t>
  </si>
  <si>
    <t>14162640.0</t>
  </si>
  <si>
    <t>7096019.0</t>
  </si>
  <si>
    <t>5499833.0</t>
  </si>
  <si>
    <t>1566788.0</t>
  </si>
  <si>
    <t>3814018.0</t>
  </si>
  <si>
    <t>216.601</t>
  </si>
  <si>
    <t>13567.0</t>
  </si>
  <si>
    <t>0.2522</t>
  </si>
  <si>
    <t>36243.0</t>
  </si>
  <si>
    <t>3829505.0</t>
  </si>
  <si>
    <t>15487.0</t>
  </si>
  <si>
    <t>217.481</t>
  </si>
  <si>
    <t>3842030.0</t>
  </si>
  <si>
    <t>12525.0</t>
  </si>
  <si>
    <t>218.192</t>
  </si>
  <si>
    <t>0.2615</t>
  </si>
  <si>
    <t>14213083.0</t>
  </si>
  <si>
    <t>7108561.0</t>
  </si>
  <si>
    <t>5514834.0</t>
  </si>
  <si>
    <t>1589688.0</t>
  </si>
  <si>
    <t>25903.0</t>
  </si>
  <si>
    <t>3847377.0</t>
  </si>
  <si>
    <t>218.496</t>
  </si>
  <si>
    <t>28183.0</t>
  </si>
  <si>
    <t>3850595.0</t>
  </si>
  <si>
    <t>31687.0</t>
  </si>
  <si>
    <t>47233.9</t>
  </si>
  <si>
    <t>2647.05938394458</t>
  </si>
  <si>
    <t>3865611.0</t>
  </si>
  <si>
    <t>219.531</t>
  </si>
  <si>
    <t>3883748.0</t>
  </si>
  <si>
    <t>220.561</t>
  </si>
  <si>
    <t>30110.0</t>
  </si>
  <si>
    <t>3897871.0</t>
  </si>
  <si>
    <t>221.363</t>
  </si>
  <si>
    <t>14413489.0</t>
  </si>
  <si>
    <t>7153348.0</t>
  </si>
  <si>
    <t>5573911.0</t>
  </si>
  <si>
    <t>1686230.0</t>
  </si>
  <si>
    <t>33434.0</t>
  </si>
  <si>
    <t>3911716.0</t>
  </si>
  <si>
    <t>39745.0</t>
  </si>
  <si>
    <t>3922624.0</t>
  </si>
  <si>
    <t>10908.0</t>
  </si>
  <si>
    <t>222.769</t>
  </si>
  <si>
    <t>14535479.0</t>
  </si>
  <si>
    <t>7184896.0</t>
  </si>
  <si>
    <t>5608096.0</t>
  </si>
  <si>
    <t>1742487.0</t>
  </si>
  <si>
    <t>3928945.0</t>
  </si>
  <si>
    <t>223.128</t>
  </si>
  <si>
    <t>3933589.0</t>
  </si>
  <si>
    <t>47671.9</t>
  </si>
  <si>
    <t>2671.60556815057</t>
  </si>
  <si>
    <t>3948606.0</t>
  </si>
  <si>
    <t>224.245</t>
  </si>
  <si>
    <t>47264.0</t>
  </si>
  <si>
    <t>3961784.0</t>
  </si>
  <si>
    <t>224.993</t>
  </si>
  <si>
    <t>3975359.0</t>
  </si>
  <si>
    <t>13575.0</t>
  </si>
  <si>
    <t>225.764</t>
  </si>
  <si>
    <t>0.2265</t>
  </si>
  <si>
    <t>14749970.0</t>
  </si>
  <si>
    <t>7234111.0</t>
  </si>
  <si>
    <t>5675354.0</t>
  </si>
  <si>
    <t>1840505.0</t>
  </si>
  <si>
    <t>48069.0</t>
  </si>
  <si>
    <t>3986578.0</t>
  </si>
  <si>
    <t>226.401</t>
  </si>
  <si>
    <t>3997718.0</t>
  </si>
  <si>
    <t>227.034</t>
  </si>
  <si>
    <t>14900511.0</t>
  </si>
  <si>
    <t>7275131.0</t>
  </si>
  <si>
    <t>5716727.0</t>
  </si>
  <si>
    <t>1908653.0</t>
  </si>
  <si>
    <t>4002654.0</t>
  </si>
  <si>
    <t>227.314</t>
  </si>
  <si>
    <t>4005295.0</t>
  </si>
  <si>
    <t>46382.0</t>
  </si>
  <si>
    <t>48105.5</t>
  </si>
  <si>
    <t>2695.90516968418</t>
  </si>
  <si>
    <t>4019705.0</t>
  </si>
  <si>
    <t>228.282</t>
  </si>
  <si>
    <t>4032919.0</t>
  </si>
  <si>
    <t>229.033</t>
  </si>
  <si>
    <t>4045782.0</t>
  </si>
  <si>
    <t>229.763</t>
  </si>
  <si>
    <t>15014105.0</t>
  </si>
  <si>
    <t>7301166.0</t>
  </si>
  <si>
    <t>5747658.0</t>
  </si>
  <si>
    <t>1965281.0</t>
  </si>
  <si>
    <t>37734.0</t>
  </si>
  <si>
    <t>4057394.0</t>
  </si>
  <si>
    <t>230.423</t>
  </si>
  <si>
    <t>4067775.0</t>
  </si>
  <si>
    <t>231.012</t>
  </si>
  <si>
    <t>15141507.0</t>
  </si>
  <si>
    <t>7332849.0</t>
  </si>
  <si>
    <t>5783150.0</t>
  </si>
  <si>
    <t>2025508.0</t>
  </si>
  <si>
    <t>35167.0</t>
  </si>
  <si>
    <t>48420.1</t>
  </si>
  <si>
    <t>2713.53583076</t>
  </si>
  <si>
    <t>15268039.0</t>
  </si>
  <si>
    <t>7365864.0</t>
  </si>
  <si>
    <t>5815002.0</t>
  </si>
  <si>
    <t>2087173.0</t>
  </si>
  <si>
    <t>36276.0</t>
  </si>
  <si>
    <t>35392.0</t>
  </si>
  <si>
    <t>15383061.0</t>
  </si>
  <si>
    <t>7410775.0</t>
  </si>
  <si>
    <t>5840510.0</t>
  </si>
  <si>
    <t>2131776.0</t>
  </si>
  <si>
    <t>34508.0</t>
  </si>
  <si>
    <t>37672.0</t>
  </si>
  <si>
    <t>40836.0</t>
  </si>
  <si>
    <t>14695.0</t>
  </si>
  <si>
    <t>48656.1</t>
  </si>
  <si>
    <t>2726.76162864268</t>
  </si>
  <si>
    <t>15620340.0</t>
  </si>
  <si>
    <t>7506141.0</t>
  </si>
  <si>
    <t>5888840.0</t>
  </si>
  <si>
    <t>2225359.0</t>
  </si>
  <si>
    <t>58226.0</t>
  </si>
  <si>
    <t>15845925.0</t>
  </si>
  <si>
    <t>7624143.0</t>
  </si>
  <si>
    <t>5929957.0</t>
  </si>
  <si>
    <t>2291825.0</t>
  </si>
  <si>
    <t>66123.0</t>
  </si>
  <si>
    <t>67177.0</t>
  </si>
  <si>
    <t>31962.0</t>
  </si>
  <si>
    <t>48785.7</t>
  </si>
  <si>
    <t>2734.02460917487</t>
  </si>
  <si>
    <t>69285.0</t>
  </si>
  <si>
    <t>34922.0</t>
  </si>
  <si>
    <t>70338.0</t>
  </si>
  <si>
    <t>16120084.0</t>
  </si>
  <si>
    <t>7771324.0</t>
  </si>
  <si>
    <t>5976601.0</t>
  </si>
  <si>
    <t>2372159.0</t>
  </si>
  <si>
    <t>71392.0</t>
  </si>
  <si>
    <t>16257175.0</t>
  </si>
  <si>
    <t>7846818.0</t>
  </si>
  <si>
    <t>6000048.0</t>
  </si>
  <si>
    <t>2410309.0</t>
  </si>
  <si>
    <t>58750.0</t>
  </si>
  <si>
    <t>56451.0</t>
  </si>
  <si>
    <t>30451.0</t>
  </si>
  <si>
    <t>54153.0</t>
  </si>
  <si>
    <t>48906.5</t>
  </si>
  <si>
    <t>2740.79442436228</t>
  </si>
  <si>
    <t>51854.0</t>
  </si>
  <si>
    <t>27732.0</t>
  </si>
  <si>
    <t>47257.0</t>
  </si>
  <si>
    <t>25013.0</t>
  </si>
  <si>
    <t>16528362.0</t>
  </si>
  <si>
    <t>7986251.0</t>
  </si>
  <si>
    <t>6046134.0</t>
  </si>
  <si>
    <t>2495977.0</t>
  </si>
  <si>
    <t>92.63</t>
  </si>
  <si>
    <t>36189.0</t>
  </si>
  <si>
    <t>33638.0</t>
  </si>
  <si>
    <t>48939.9</t>
  </si>
  <si>
    <t>2742.66621101178</t>
  </si>
  <si>
    <t>16674518.0</t>
  </si>
  <si>
    <t>8047439.0</t>
  </si>
  <si>
    <t>6072392.0</t>
  </si>
  <si>
    <t>2554687.0</t>
  </si>
  <si>
    <t>20879.0</t>
  </si>
  <si>
    <t>48985.9</t>
  </si>
  <si>
    <t>2745.24412076857</t>
  </si>
  <si>
    <t>16708547.0</t>
  </si>
  <si>
    <t>8059262.0</t>
  </si>
  <si>
    <t>6079208.0</t>
  </si>
  <si>
    <t>2570077.0</t>
  </si>
  <si>
    <t>93.64</t>
  </si>
  <si>
    <t>48994.3</t>
  </si>
  <si>
    <t>2745.71486950677</t>
  </si>
  <si>
    <t>27170.0</t>
  </si>
  <si>
    <t>16924763.0</t>
  </si>
  <si>
    <t>8121065.0</t>
  </si>
  <si>
    <t>6122216.0</t>
  </si>
  <si>
    <t>2681482.0</t>
  </si>
  <si>
    <t>30888.0</t>
  </si>
  <si>
    <t>28941.0</t>
  </si>
  <si>
    <t>26994.0</t>
  </si>
  <si>
    <t>48859.1</t>
  </si>
  <si>
    <t>2738.13805648245</t>
  </si>
  <si>
    <t>17045569.0</t>
  </si>
  <si>
    <t>8149141.0</t>
  </si>
  <si>
    <t>6146209.0</t>
  </si>
  <si>
    <t>2750219.0</t>
  </si>
  <si>
    <t>17058.0</t>
  </si>
  <si>
    <t>48858.3</t>
  </si>
  <si>
    <t>2738.09322326929</t>
  </si>
  <si>
    <t>16457.0</t>
  </si>
  <si>
    <t>16057.0</t>
  </si>
  <si>
    <t>17156565.0</t>
  </si>
  <si>
    <t>8173354.0</t>
  </si>
  <si>
    <t>6164751.0</t>
  </si>
  <si>
    <t>2818460.0</t>
  </si>
  <si>
    <t>96.15</t>
  </si>
  <si>
    <t>48848.9</t>
  </si>
  <si>
    <t>-0.57</t>
  </si>
  <si>
    <t>2737.56643301464</t>
  </si>
  <si>
    <t>17204.0</t>
  </si>
  <si>
    <t>17289566.0</t>
  </si>
  <si>
    <t>8199934.0</t>
  </si>
  <si>
    <t>6190746.0</t>
  </si>
  <si>
    <t>2898886.0</t>
  </si>
  <si>
    <t>96.89</t>
  </si>
  <si>
    <t>48777.5</t>
  </si>
  <si>
    <t>2733.56506873996</t>
  </si>
  <si>
    <t>20594.0</t>
  </si>
  <si>
    <t>17435586.0</t>
  </si>
  <si>
    <t>8226597.0</t>
  </si>
  <si>
    <t>6223674.0</t>
  </si>
  <si>
    <t>2985315.0</t>
  </si>
  <si>
    <t>20392.0</t>
  </si>
  <si>
    <t>19925.0</t>
  </si>
  <si>
    <t>48740.5</t>
  </si>
  <si>
    <t>2731.49153263124</t>
  </si>
  <si>
    <t>19457.0</t>
  </si>
  <si>
    <t>17558698.0</t>
  </si>
  <si>
    <t>8249568.0</t>
  </si>
  <si>
    <t>6254215.0</t>
  </si>
  <si>
    <t>3054915.0</t>
  </si>
  <si>
    <t>17587.0</t>
  </si>
  <si>
    <t>16791.0</t>
  </si>
  <si>
    <t>48827.3</t>
  </si>
  <si>
    <t>2736.35593625928</t>
  </si>
  <si>
    <t>14403.0</t>
  </si>
  <si>
    <t>17618775.0</t>
  </si>
  <si>
    <t>8258857.0</t>
  </si>
  <si>
    <t>6267736.0</t>
  </si>
  <si>
    <t>3092182.0</t>
  </si>
  <si>
    <t>98.74</t>
  </si>
  <si>
    <t>13647.0</t>
  </si>
  <si>
    <t>17654507.0</t>
  </si>
  <si>
    <t>8264216.0</t>
  </si>
  <si>
    <t>6275710.0</t>
  </si>
  <si>
    <t>3114581.0</t>
  </si>
  <si>
    <t>48720.5</t>
  </si>
  <si>
    <t>-6.25</t>
  </si>
  <si>
    <t>2730.3707023022</t>
  </si>
  <si>
    <t>14436.0</t>
  </si>
  <si>
    <t>14686.0</t>
  </si>
  <si>
    <t>17723327.0</t>
  </si>
  <si>
    <t>8274669.0</t>
  </si>
  <si>
    <t>6290824.0</t>
  </si>
  <si>
    <t>3157834.0</t>
  </si>
  <si>
    <t>14889.0</t>
  </si>
  <si>
    <t>17758404.0</t>
  </si>
  <si>
    <t>8280337.0</t>
  </si>
  <si>
    <t>6299168.0</t>
  </si>
  <si>
    <t>3178899.0</t>
  </si>
  <si>
    <t>14143.0</t>
  </si>
  <si>
    <t>48659.1</t>
  </si>
  <si>
    <t>2726.92975319204</t>
  </si>
  <si>
    <t>17802733.0</t>
  </si>
  <si>
    <t>8286400.0</t>
  </si>
  <si>
    <t>6309076.0</t>
  </si>
  <si>
    <t>3207257.0</t>
  </si>
  <si>
    <t>17860168.0</t>
  </si>
  <si>
    <t>8294525.0</t>
  </si>
  <si>
    <t>6323041.0</t>
  </si>
  <si>
    <t>3242602.0</t>
  </si>
  <si>
    <t>14538.0</t>
  </si>
  <si>
    <t>48676.3</t>
  </si>
  <si>
    <t>2727.89366727501</t>
  </si>
  <si>
    <t>17921400.0</t>
  </si>
  <si>
    <t>8302756.0</t>
  </si>
  <si>
    <t>6335969.0</t>
  </si>
  <si>
    <t>3282675.0</t>
  </si>
  <si>
    <t>100.43</t>
  </si>
  <si>
    <t>17957760.0</t>
  </si>
  <si>
    <t>8307547.0</t>
  </si>
  <si>
    <t>6344047.0</t>
  </si>
  <si>
    <t>3306166.0</t>
  </si>
  <si>
    <t>100.64</t>
  </si>
  <si>
    <t>48769.3</t>
  </si>
  <si>
    <t>2733.10552830506</t>
  </si>
  <si>
    <t>17996515.0</t>
  </si>
  <si>
    <t>8312150.0</t>
  </si>
  <si>
    <t>6351202.0</t>
  </si>
  <si>
    <t>3333163.0</t>
  </si>
  <si>
    <t>18035992.0</t>
  </si>
  <si>
    <t>8317459.0</t>
  </si>
  <si>
    <t>6359545.0</t>
  </si>
  <si>
    <t>3358988.0</t>
  </si>
  <si>
    <t>13326.0</t>
  </si>
  <si>
    <t>48884.3</t>
  </si>
  <si>
    <t>2739.55030269704</t>
  </si>
  <si>
    <t>14400.0</t>
  </si>
  <si>
    <t>18105907.0</t>
  </si>
  <si>
    <t>8325949.0</t>
  </si>
  <si>
    <t>6373868.0</t>
  </si>
  <si>
    <t>3406090.0</t>
  </si>
  <si>
    <t>101.47</t>
  </si>
  <si>
    <t>22254.0</t>
  </si>
  <si>
    <t>18198685.0</t>
  </si>
  <si>
    <t>8336918.0</t>
  </si>
  <si>
    <t>6393283.0</t>
  </si>
  <si>
    <t>3468484.0</t>
  </si>
  <si>
    <t>49069.9</t>
  </si>
  <si>
    <t>2749.95160815054</t>
  </si>
  <si>
    <t>20269.0</t>
  </si>
  <si>
    <t>18260144.0</t>
  </si>
  <si>
    <t>8344999.0</t>
  </si>
  <si>
    <t>6406709.0</t>
  </si>
  <si>
    <t>3508436.0</t>
  </si>
  <si>
    <t>102.33</t>
  </si>
  <si>
    <t>49152.9</t>
  </si>
  <si>
    <t>2754.60305401606</t>
  </si>
  <si>
    <t>18355848.0</t>
  </si>
  <si>
    <t>8366500.0</t>
  </si>
  <si>
    <t>6435948.0</t>
  </si>
  <si>
    <t>3553400.0</t>
  </si>
  <si>
    <t>16181.0</t>
  </si>
  <si>
    <t>18432577.0</t>
  </si>
  <si>
    <t>8387079.0</t>
  </si>
  <si>
    <t>6467680.0</t>
  </si>
  <si>
    <t>3577818.0</t>
  </si>
  <si>
    <t>49194.1</t>
  </si>
  <si>
    <t>2756.91196449389</t>
  </si>
  <si>
    <t>29240.0</t>
  </si>
  <si>
    <t>18582031.0</t>
  </si>
  <si>
    <t>8429470.0</t>
  </si>
  <si>
    <t>6529791.0</t>
  </si>
  <si>
    <t>3622770.0</t>
  </si>
  <si>
    <t>104.14</t>
  </si>
  <si>
    <t>18816306.0</t>
  </si>
  <si>
    <t>8501331.0</t>
  </si>
  <si>
    <t>6628196.0</t>
  </si>
  <si>
    <t>3686779.0</t>
  </si>
  <si>
    <t>52474.0</t>
  </si>
  <si>
    <t>15778.0</t>
  </si>
  <si>
    <t>50129.0</t>
  </si>
  <si>
    <t>43096.0</t>
  </si>
  <si>
    <t>28287.0</t>
  </si>
  <si>
    <t>18910657.0</t>
  </si>
  <si>
    <t>8534021.0</t>
  </si>
  <si>
    <t>6666796.0</t>
  </si>
  <si>
    <t>3709840.0</t>
  </si>
  <si>
    <t>13479.0</t>
  </si>
  <si>
    <t>19000711.0</t>
  </si>
  <si>
    <t>8565040.0</t>
  </si>
  <si>
    <t>6700733.0</t>
  </si>
  <si>
    <t>3734938.0</t>
  </si>
  <si>
    <t>22662.0</t>
  </si>
  <si>
    <t>19110912.0</t>
  </si>
  <si>
    <t>8606470.0</t>
  </si>
  <si>
    <t>6739824.0</t>
  </si>
  <si>
    <t>3764618.0</t>
  </si>
  <si>
    <t>10350.0</t>
  </si>
  <si>
    <t>28163.0</t>
  </si>
  <si>
    <t>27718.0</t>
  </si>
  <si>
    <t>27274.0</t>
  </si>
  <si>
    <t>19185401.0</t>
  </si>
  <si>
    <t>8633484.0</t>
  </si>
  <si>
    <t>6764376.0</t>
  </si>
  <si>
    <t>3787541.0</t>
  </si>
  <si>
    <t>107.52</t>
  </si>
  <si>
    <t>25407.0</t>
  </si>
  <si>
    <t>19281914.0</t>
  </si>
  <si>
    <t>8668534.0</t>
  </si>
  <si>
    <t>6794893.0</t>
  </si>
  <si>
    <t>3818487.0</t>
  </si>
  <si>
    <t>108.06</t>
  </si>
  <si>
    <t>24770.0</t>
  </si>
  <si>
    <t>25795.0</t>
  </si>
  <si>
    <t>21712.0</t>
  </si>
  <si>
    <t>19402932.0</t>
  </si>
  <si>
    <t>8712123.0</t>
  </si>
  <si>
    <t>6828635.0</t>
  </si>
  <si>
    <t>3862174.0</t>
  </si>
  <si>
    <t>13156.0</t>
  </si>
  <si>
    <t>19473335.0</t>
  </si>
  <si>
    <t>8735448.0</t>
  </si>
  <si>
    <t>6848289.0</t>
  </si>
  <si>
    <t>3889598.0</t>
  </si>
  <si>
    <t>109.13</t>
  </si>
  <si>
    <t>19553871.0</t>
  </si>
  <si>
    <t>8758252.0</t>
  </si>
  <si>
    <t>6870081.0</t>
  </si>
  <si>
    <t>3925538.0</t>
  </si>
  <si>
    <t>19602417.0</t>
  </si>
  <si>
    <t>8772786.0</t>
  </si>
  <si>
    <t>6882243.0</t>
  </si>
  <si>
    <t>3947388.0</t>
  </si>
  <si>
    <t>109.85</t>
  </si>
  <si>
    <t>19670066.0</t>
  </si>
  <si>
    <t>8792190.0</t>
  </si>
  <si>
    <t>6901801.0</t>
  </si>
  <si>
    <t>3976075.0</t>
  </si>
  <si>
    <t>19725770.0</t>
  </si>
  <si>
    <t>8807286.0</t>
  </si>
  <si>
    <t>6921739.0</t>
  </si>
  <si>
    <t>3996745.0</t>
  </si>
  <si>
    <t>110.55</t>
  </si>
  <si>
    <t>19769935.0</t>
  </si>
  <si>
    <t>8819427.0</t>
  </si>
  <si>
    <t>6938221.0</t>
  </si>
  <si>
    <t>4012287.0</t>
  </si>
  <si>
    <t>19814697.0</t>
  </si>
  <si>
    <t>8827945.0</t>
  </si>
  <si>
    <t>6959196.0</t>
  </si>
  <si>
    <t>4027556.0</t>
  </si>
  <si>
    <t>19853919.0</t>
  </si>
  <si>
    <t>8835536.0</t>
  </si>
  <si>
    <t>6977744.0</t>
  </si>
  <si>
    <t>4040639.0</t>
  </si>
  <si>
    <t>19896706.0</t>
  </si>
  <si>
    <t>8843207.0</t>
  </si>
  <si>
    <t>6998768.0</t>
  </si>
  <si>
    <t>4054731.0</t>
  </si>
  <si>
    <t>19920061.0</t>
  </si>
  <si>
    <t>8847788.0</t>
  </si>
  <si>
    <t>7010187.0</t>
  </si>
  <si>
    <t>4062086.0</t>
  </si>
  <si>
    <t>19926742.0</t>
  </si>
  <si>
    <t>8849185.0</t>
  </si>
  <si>
    <t>7013763.0</t>
  </si>
  <si>
    <t>4063794.0</t>
  </si>
  <si>
    <t>111.67</t>
  </si>
  <si>
    <t>19948076.0</t>
  </si>
  <si>
    <t>8853795.0</t>
  </si>
  <si>
    <t>7024089.0</t>
  </si>
  <si>
    <t>4070192.0</t>
  </si>
  <si>
    <t>111.79</t>
  </si>
  <si>
    <t>19950874.0</t>
  </si>
  <si>
    <t>8854431.0</t>
  </si>
  <si>
    <t>7025390.0</t>
  </si>
  <si>
    <t>4071053.0</t>
  </si>
  <si>
    <t>19951539.0</t>
  </si>
  <si>
    <t>8854604.0</t>
  </si>
  <si>
    <t>7025690.0</t>
  </si>
  <si>
    <t>4071245.0</t>
  </si>
  <si>
    <t>19953123.0</t>
  </si>
  <si>
    <t>8855100.0</t>
  </si>
  <si>
    <t>7026397.0</t>
  </si>
  <si>
    <t>4071626.0</t>
  </si>
  <si>
    <t>19954034.0</t>
  </si>
  <si>
    <t>8855397.0</t>
  </si>
  <si>
    <t>7026766.0</t>
  </si>
  <si>
    <t>4071871.0</t>
  </si>
  <si>
    <t>19955569.0</t>
  </si>
  <si>
    <t>8855740.0</t>
  </si>
  <si>
    <t>7027477.0</t>
  </si>
  <si>
    <t>4072352.0</t>
  </si>
  <si>
    <t>19958551.0</t>
  </si>
  <si>
    <t>8856243.0</t>
  </si>
  <si>
    <t>7028257.0</t>
  </si>
  <si>
    <t>4074051.0</t>
  </si>
  <si>
    <t>GGY</t>
  </si>
  <si>
    <t>Guernsey</t>
  </si>
  <si>
    <t>15135.0</t>
  </si>
  <si>
    <t>13950.0</t>
  </si>
  <si>
    <t>29383.0</t>
  </si>
  <si>
    <t>37829.0</t>
  </si>
  <si>
    <t>43007.0</t>
  </si>
  <si>
    <t>31538.0</t>
  </si>
  <si>
    <t>10564.0</t>
  </si>
  <si>
    <t>54673.0</t>
  </si>
  <si>
    <t>86.33</t>
  </si>
  <si>
    <t>58743.0</t>
  </si>
  <si>
    <t>61094.0</t>
  </si>
  <si>
    <t>96.47</t>
  </si>
  <si>
    <t>61661.0</t>
  </si>
  <si>
    <t>63091.0</t>
  </si>
  <si>
    <t>99.62</t>
  </si>
  <si>
    <t>63791.0</t>
  </si>
  <si>
    <t>100.73</t>
  </si>
  <si>
    <t>66626.0</t>
  </si>
  <si>
    <t>67253.0</t>
  </si>
  <si>
    <t>67926.0</t>
  </si>
  <si>
    <t>107.26</t>
  </si>
  <si>
    <t>70541.0</t>
  </si>
  <si>
    <t>71161.0</t>
  </si>
  <si>
    <t>112.37</t>
  </si>
  <si>
    <t>73167.0</t>
  </si>
  <si>
    <t>74718.0</t>
  </si>
  <si>
    <t>118.71</t>
  </si>
  <si>
    <t>76048.0</t>
  </si>
  <si>
    <t>120.08</t>
  </si>
  <si>
    <t>76401.0</t>
  </si>
  <si>
    <t>120.64</t>
  </si>
  <si>
    <t>77881.0</t>
  </si>
  <si>
    <t>122.98</t>
  </si>
  <si>
    <t>78684.0</t>
  </si>
  <si>
    <t>124.25</t>
  </si>
  <si>
    <t>79028.0</t>
  </si>
  <si>
    <t>80754.0</t>
  </si>
  <si>
    <t>81164.0</t>
  </si>
  <si>
    <t>128.16</t>
  </si>
  <si>
    <t>81551.0</t>
  </si>
  <si>
    <t>82060.0</t>
  </si>
  <si>
    <t>83566.0</t>
  </si>
  <si>
    <t>84130.0</t>
  </si>
  <si>
    <t>84761.0</t>
  </si>
  <si>
    <t>85940.0</t>
  </si>
  <si>
    <t>87435.0</t>
  </si>
  <si>
    <t>87879.0</t>
  </si>
  <si>
    <t>88656.0</t>
  </si>
  <si>
    <t>142.72</t>
  </si>
  <si>
    <t>90853.0</t>
  </si>
  <si>
    <t>91510.0</t>
  </si>
  <si>
    <t>91723.0</t>
  </si>
  <si>
    <t>92775.0</t>
  </si>
  <si>
    <t>93933.0</t>
  </si>
  <si>
    <t>95281.0</t>
  </si>
  <si>
    <t>95738.0</t>
  </si>
  <si>
    <t>96122.0</t>
  </si>
  <si>
    <t>152.67</t>
  </si>
  <si>
    <t>97141.0</t>
  </si>
  <si>
    <t>97600.0</t>
  </si>
  <si>
    <t>154.12</t>
  </si>
  <si>
    <t>98054.0</t>
  </si>
  <si>
    <t>98335.0</t>
  </si>
  <si>
    <t>99088.0</t>
  </si>
  <si>
    <t>99443.0</t>
  </si>
  <si>
    <t>157.09</t>
  </si>
  <si>
    <t>99689.0</t>
  </si>
  <si>
    <t>100580.0</t>
  </si>
  <si>
    <t>158.82</t>
  </si>
  <si>
    <t>100957.0</t>
  </si>
  <si>
    <t>159.42</t>
  </si>
  <si>
    <t>101178.0</t>
  </si>
  <si>
    <t>159.77</t>
  </si>
  <si>
    <t>101290.0</t>
  </si>
  <si>
    <t>101487.0</t>
  </si>
  <si>
    <t>160.25</t>
  </si>
  <si>
    <t>101678.0</t>
  </si>
  <si>
    <t>160.56</t>
  </si>
  <si>
    <t>101759.0</t>
  </si>
  <si>
    <t>101898.0</t>
  </si>
  <si>
    <t>101986.0</t>
  </si>
  <si>
    <t>102157.0</t>
  </si>
  <si>
    <t>102340.0</t>
  </si>
  <si>
    <t>102548.0</t>
  </si>
  <si>
    <t>103064.0</t>
  </si>
  <si>
    <t>164.03</t>
  </si>
  <si>
    <t>164.33</t>
  </si>
  <si>
    <t>104131.0</t>
  </si>
  <si>
    <t>104457.0</t>
  </si>
  <si>
    <t>164.94</t>
  </si>
  <si>
    <t>106109.0</t>
  </si>
  <si>
    <t>17622.0</t>
  </si>
  <si>
    <t>20938.0</t>
  </si>
  <si>
    <t>142792.0</t>
  </si>
  <si>
    <t>225.48</t>
  </si>
  <si>
    <t>144021.0</t>
  </si>
  <si>
    <t>144775.0</t>
  </si>
  <si>
    <t>54146.0</t>
  </si>
  <si>
    <t>51351.0</t>
  </si>
  <si>
    <t>228.61</t>
  </si>
  <si>
    <t>145112.0</t>
  </si>
  <si>
    <t>145743.0</t>
  </si>
  <si>
    <t>146261.0</t>
  </si>
  <si>
    <t>230.95</t>
  </si>
  <si>
    <t>146831.0</t>
  </si>
  <si>
    <t>147399.0</t>
  </si>
  <si>
    <t>232.75</t>
  </si>
  <si>
    <t>147704.0</t>
  </si>
  <si>
    <t>148014.0</t>
  </si>
  <si>
    <t>233.72</t>
  </si>
  <si>
    <t>234.24</t>
  </si>
  <si>
    <t>150524.0</t>
  </si>
  <si>
    <t>237.69</t>
  </si>
  <si>
    <t>150724.0</t>
  </si>
  <si>
    <t>153619.0</t>
  </si>
  <si>
    <t>155684.0</t>
  </si>
  <si>
    <t>245.83</t>
  </si>
  <si>
    <t>156415.0</t>
  </si>
  <si>
    <t>246.99</t>
  </si>
  <si>
    <t>156744.0</t>
  </si>
  <si>
    <t>247.51</t>
  </si>
  <si>
    <t>157161.0</t>
  </si>
  <si>
    <t>248.17</t>
  </si>
  <si>
    <t>157708.0</t>
  </si>
  <si>
    <t>249.03</t>
  </si>
  <si>
    <t>174782.0</t>
  </si>
  <si>
    <t>275.99</t>
  </si>
  <si>
    <t>176358.0</t>
  </si>
  <si>
    <t>52685.0</t>
  </si>
  <si>
    <t>67289.0</t>
  </si>
  <si>
    <t>278.48</t>
  </si>
  <si>
    <t>177394.0</t>
  </si>
  <si>
    <t>52691.0</t>
  </si>
  <si>
    <t>68283.0</t>
  </si>
  <si>
    <t>280.11</t>
  </si>
  <si>
    <t>52704.0</t>
  </si>
  <si>
    <t>68816.0</t>
  </si>
  <si>
    <t>281.01</t>
  </si>
  <si>
    <t>108.66</t>
  </si>
  <si>
    <t>178525.0</t>
  </si>
  <si>
    <t>52710.0</t>
  </si>
  <si>
    <t>69339.0</t>
  </si>
  <si>
    <t>GIN</t>
  </si>
  <si>
    <t>Guinea</t>
  </si>
  <si>
    <t>59993.0</t>
  </si>
  <si>
    <t>66439.0</t>
  </si>
  <si>
    <t>74760.0</t>
  </si>
  <si>
    <t>76715.0</t>
  </si>
  <si>
    <t>77433.0</t>
  </si>
  <si>
    <t>106024.0</t>
  </si>
  <si>
    <t>80992.0</t>
  </si>
  <si>
    <t>109296.0</t>
  </si>
  <si>
    <t>81429.0</t>
  </si>
  <si>
    <t>27867.0</t>
  </si>
  <si>
    <t>82738.0</t>
  </si>
  <si>
    <t>114297.0</t>
  </si>
  <si>
    <t>83035.0</t>
  </si>
  <si>
    <t>116113.0</t>
  </si>
  <si>
    <t>124501.0</t>
  </si>
  <si>
    <t>37213.0</t>
  </si>
  <si>
    <t>129345.0</t>
  </si>
  <si>
    <t>89827.0</t>
  </si>
  <si>
    <t>39518.0</t>
  </si>
  <si>
    <t>129424.0</t>
  </si>
  <si>
    <t>39550.0</t>
  </si>
  <si>
    <t>91038.0</t>
  </si>
  <si>
    <t>135454.0</t>
  </si>
  <si>
    <t>43758.0</t>
  </si>
  <si>
    <t>138610.0</t>
  </si>
  <si>
    <t>93182.0</t>
  </si>
  <si>
    <t>141294.0</t>
  </si>
  <si>
    <t>46877.0</t>
  </si>
  <si>
    <t>143534.0</t>
  </si>
  <si>
    <t>145763.0</t>
  </si>
  <si>
    <t>95911.0</t>
  </si>
  <si>
    <t>49852.0</t>
  </si>
  <si>
    <t>147216.0</t>
  </si>
  <si>
    <t>96670.0</t>
  </si>
  <si>
    <t>150799.0</t>
  </si>
  <si>
    <t>97511.0</t>
  </si>
  <si>
    <t>53288.0</t>
  </si>
  <si>
    <t>169529.0</t>
  </si>
  <si>
    <t>114620.0</t>
  </si>
  <si>
    <t>18730.0</t>
  </si>
  <si>
    <t>173623.0</t>
  </si>
  <si>
    <t>116436.0</t>
  </si>
  <si>
    <t>202784.0</t>
  </si>
  <si>
    <t>143098.0</t>
  </si>
  <si>
    <t>59686.0</t>
  </si>
  <si>
    <t>204717.0</t>
  </si>
  <si>
    <t>143908.0</t>
  </si>
  <si>
    <t>60809.0</t>
  </si>
  <si>
    <t>224773.0</t>
  </si>
  <si>
    <t>157907.0</t>
  </si>
  <si>
    <t>234856.0</t>
  </si>
  <si>
    <t>162714.0</t>
  </si>
  <si>
    <t>72142.0</t>
  </si>
  <si>
    <t>236717.0</t>
  </si>
  <si>
    <t>164102.0</t>
  </si>
  <si>
    <t>72615.0</t>
  </si>
  <si>
    <t>261378.0</t>
  </si>
  <si>
    <t>184220.0</t>
  </si>
  <si>
    <t>77158.0</t>
  </si>
  <si>
    <t>273924.0</t>
  </si>
  <si>
    <t>194721.0</t>
  </si>
  <si>
    <t>285924.0</t>
  </si>
  <si>
    <t>206331.0</t>
  </si>
  <si>
    <t>302356.0</t>
  </si>
  <si>
    <t>218711.0</t>
  </si>
  <si>
    <t>83645.0</t>
  </si>
  <si>
    <t>9391.0</t>
  </si>
  <si>
    <t>339177.0</t>
  </si>
  <si>
    <t>252098.0</t>
  </si>
  <si>
    <t>352700.0</t>
  </si>
  <si>
    <t>264950.0</t>
  </si>
  <si>
    <t>87750.0</t>
  </si>
  <si>
    <t>10437.0</t>
  </si>
  <si>
    <t>274699.0</t>
  </si>
  <si>
    <t>90562.0</t>
  </si>
  <si>
    <t>369859.0</t>
  </si>
  <si>
    <t>279179.0</t>
  </si>
  <si>
    <t>90680.0</t>
  </si>
  <si>
    <t>375664.0</t>
  </si>
  <si>
    <t>384974.0</t>
  </si>
  <si>
    <t>289337.0</t>
  </si>
  <si>
    <t>95637.0</t>
  </si>
  <si>
    <t>401551.0</t>
  </si>
  <si>
    <t>303926.0</t>
  </si>
  <si>
    <t>97625.0</t>
  </si>
  <si>
    <t>403274.0</t>
  </si>
  <si>
    <t>304716.0</t>
  </si>
  <si>
    <t>98558.0</t>
  </si>
  <si>
    <t>441446.0</t>
  </si>
  <si>
    <t>331202.0</t>
  </si>
  <si>
    <t>110244.0</t>
  </si>
  <si>
    <t>452651.0</t>
  </si>
  <si>
    <t>336515.0</t>
  </si>
  <si>
    <t>474743.0</t>
  </si>
  <si>
    <t>348418.0</t>
  </si>
  <si>
    <t>524765.0</t>
  </si>
  <si>
    <t>380946.0</t>
  </si>
  <si>
    <t>143819.0</t>
  </si>
  <si>
    <t>50022.0</t>
  </si>
  <si>
    <t>531142.0</t>
  </si>
  <si>
    <t>382506.0</t>
  </si>
  <si>
    <t>148636.0</t>
  </si>
  <si>
    <t>532568.0</t>
  </si>
  <si>
    <t>383117.0</t>
  </si>
  <si>
    <t>149451.0</t>
  </si>
  <si>
    <t>540698.0</t>
  </si>
  <si>
    <t>384243.0</t>
  </si>
  <si>
    <t>156455.0</t>
  </si>
  <si>
    <t>543078.0</t>
  </si>
  <si>
    <t>384911.0</t>
  </si>
  <si>
    <t>158167.0</t>
  </si>
  <si>
    <t>570658.0</t>
  </si>
  <si>
    <t>400834.0</t>
  </si>
  <si>
    <t>27580.0</t>
  </si>
  <si>
    <t>572855.0</t>
  </si>
  <si>
    <t>401425.0</t>
  </si>
  <si>
    <t>171430.0</t>
  </si>
  <si>
    <t>578437.0</t>
  </si>
  <si>
    <t>404589.0</t>
  </si>
  <si>
    <t>173848.0</t>
  </si>
  <si>
    <t>707349.0</t>
  </si>
  <si>
    <t>469202.0</t>
  </si>
  <si>
    <t>238147.0</t>
  </si>
  <si>
    <t>720864.0</t>
  </si>
  <si>
    <t>472402.0</t>
  </si>
  <si>
    <t>248462.0</t>
  </si>
  <si>
    <t>12499.0</t>
  </si>
  <si>
    <t>734918.0</t>
  </si>
  <si>
    <t>476080.0</t>
  </si>
  <si>
    <t>258838.0</t>
  </si>
  <si>
    <t>23152.0</t>
  </si>
  <si>
    <t>25420.0</t>
  </si>
  <si>
    <t>770688.0</t>
  </si>
  <si>
    <t>495282.0</t>
  </si>
  <si>
    <t>275406.0</t>
  </si>
  <si>
    <t>776188.0</t>
  </si>
  <si>
    <t>497289.0</t>
  </si>
  <si>
    <t>278899.0</t>
  </si>
  <si>
    <t>780522.0</t>
  </si>
  <si>
    <t>499792.0</t>
  </si>
  <si>
    <t>280730.0</t>
  </si>
  <si>
    <t>784171.0</t>
  </si>
  <si>
    <t>502127.0</t>
  </si>
  <si>
    <t>282044.0</t>
  </si>
  <si>
    <t>785059.0</t>
  </si>
  <si>
    <t>502677.0</t>
  </si>
  <si>
    <t>282382.0</t>
  </si>
  <si>
    <t>799884.0</t>
  </si>
  <si>
    <t>513637.0</t>
  </si>
  <si>
    <t>286247.0</t>
  </si>
  <si>
    <t>804122.0</t>
  </si>
  <si>
    <t>516973.0</t>
  </si>
  <si>
    <t>287149.0</t>
  </si>
  <si>
    <t>805440.0</t>
  </si>
  <si>
    <t>518105.0</t>
  </si>
  <si>
    <t>287335.0</t>
  </si>
  <si>
    <t>899257.0</t>
  </si>
  <si>
    <t>561121.0</t>
  </si>
  <si>
    <t>338136.0</t>
  </si>
  <si>
    <t>904845.0</t>
  </si>
  <si>
    <t>565283.0</t>
  </si>
  <si>
    <t>339562.0</t>
  </si>
  <si>
    <t>918687.0</t>
  </si>
  <si>
    <t>577448.0</t>
  </si>
  <si>
    <t>341239.0</t>
  </si>
  <si>
    <t>926200.0</t>
  </si>
  <si>
    <t>583813.0</t>
  </si>
  <si>
    <t>342387.0</t>
  </si>
  <si>
    <t>933015.0</t>
  </si>
  <si>
    <t>590168.0</t>
  </si>
  <si>
    <t>342847.0</t>
  </si>
  <si>
    <t>938537.0</t>
  </si>
  <si>
    <t>595289.0</t>
  </si>
  <si>
    <t>343248.0</t>
  </si>
  <si>
    <t>946953.0</t>
  </si>
  <si>
    <t>603299.0</t>
  </si>
  <si>
    <t>343654.0</t>
  </si>
  <si>
    <t>952891.0</t>
  </si>
  <si>
    <t>608828.0</t>
  </si>
  <si>
    <t>344063.0</t>
  </si>
  <si>
    <t>959948.0</t>
  </si>
  <si>
    <t>615326.0</t>
  </si>
  <si>
    <t>344622.0</t>
  </si>
  <si>
    <t>962565.0</t>
  </si>
  <si>
    <t>617629.0</t>
  </si>
  <si>
    <t>344936.0</t>
  </si>
  <si>
    <t>970933.0</t>
  </si>
  <si>
    <t>625166.0</t>
  </si>
  <si>
    <t>345767.0</t>
  </si>
  <si>
    <t>633289.0</t>
  </si>
  <si>
    <t>346716.0</t>
  </si>
  <si>
    <t>1035529.0</t>
  </si>
  <si>
    <t>682526.0</t>
  </si>
  <si>
    <t>353003.0</t>
  </si>
  <si>
    <t>13186.0</t>
  </si>
  <si>
    <t>1057085.0</t>
  </si>
  <si>
    <t>700905.0</t>
  </si>
  <si>
    <t>356180.0</t>
  </si>
  <si>
    <t>1063674.0</t>
  </si>
  <si>
    <t>706197.0</t>
  </si>
  <si>
    <t>357477.0</t>
  </si>
  <si>
    <t>1091909.0</t>
  </si>
  <si>
    <t>729160.0</t>
  </si>
  <si>
    <t>362749.0</t>
  </si>
  <si>
    <t>15986.0</t>
  </si>
  <si>
    <t>1129887.0</t>
  </si>
  <si>
    <t>760222.0</t>
  </si>
  <si>
    <t>369665.0</t>
  </si>
  <si>
    <t>1199686.0</t>
  </si>
  <si>
    <t>810215.0</t>
  </si>
  <si>
    <t>389471.0</t>
  </si>
  <si>
    <t>69799.0</t>
  </si>
  <si>
    <t>1223951.0</t>
  </si>
  <si>
    <t>831183.0</t>
  </si>
  <si>
    <t>392768.0</t>
  </si>
  <si>
    <t>24265.0</t>
  </si>
  <si>
    <t>1251226.0</t>
  </si>
  <si>
    <t>854205.0</t>
  </si>
  <si>
    <t>16294.0</t>
  </si>
  <si>
    <t>1286157.0</t>
  </si>
  <si>
    <t>884320.0</t>
  </si>
  <si>
    <t>401837.0</t>
  </si>
  <si>
    <t>1313386.0</t>
  </si>
  <si>
    <t>903121.0</t>
  </si>
  <si>
    <t>410265.0</t>
  </si>
  <si>
    <t>1333682.0</t>
  </si>
  <si>
    <t>917762.0</t>
  </si>
  <si>
    <t>415920.0</t>
  </si>
  <si>
    <t>13078.0</t>
  </si>
  <si>
    <t>13717.0</t>
  </si>
  <si>
    <t>1374371.0</t>
  </si>
  <si>
    <t>945741.0</t>
  </si>
  <si>
    <t>428630.0</t>
  </si>
  <si>
    <t>1387699.0</t>
  </si>
  <si>
    <t>953942.0</t>
  </si>
  <si>
    <t>433757.0</t>
  </si>
  <si>
    <t>1444789.0</t>
  </si>
  <si>
    <t>993156.0</t>
  </si>
  <si>
    <t>451633.0</t>
  </si>
  <si>
    <t>1471107.0</t>
  </si>
  <si>
    <t>1011272.0</t>
  </si>
  <si>
    <t>459835.0</t>
  </si>
  <si>
    <t>1554669.0</t>
  </si>
  <si>
    <t>1068831.0</t>
  </si>
  <si>
    <t>485838.0</t>
  </si>
  <si>
    <t>83562.0</t>
  </si>
  <si>
    <t>23853.0</t>
  </si>
  <si>
    <t>21328.0</t>
  </si>
  <si>
    <t>1680935.0</t>
  </si>
  <si>
    <t>1153331.0</t>
  </si>
  <si>
    <t>527604.0</t>
  </si>
  <si>
    <t>1699898.0</t>
  </si>
  <si>
    <t>1164005.0</t>
  </si>
  <si>
    <t>535893.0</t>
  </si>
  <si>
    <t>40411.0</t>
  </si>
  <si>
    <t>1732598.0</t>
  </si>
  <si>
    <t>1184455.0</t>
  </si>
  <si>
    <t>41116.0</t>
  </si>
  <si>
    <t>26487.0</t>
  </si>
  <si>
    <t>1772935.0</t>
  </si>
  <si>
    <t>1208906.0</t>
  </si>
  <si>
    <t>564029.0</t>
  </si>
  <si>
    <t>20011.0</t>
  </si>
  <si>
    <t>1806301.0</t>
  </si>
  <si>
    <t>1227490.0</t>
  </si>
  <si>
    <t>578811.0</t>
  </si>
  <si>
    <t>1832291.0</t>
  </si>
  <si>
    <t>1241449.0</t>
  </si>
  <si>
    <t>590842.0</t>
  </si>
  <si>
    <t>14242.0</t>
  </si>
  <si>
    <t>1857641.0</t>
  </si>
  <si>
    <t>1256095.0</t>
  </si>
  <si>
    <t>601546.0</t>
  </si>
  <si>
    <t>11011.0</t>
  </si>
  <si>
    <t>10031.0</t>
  </si>
  <si>
    <t>1902897.0</t>
  </si>
  <si>
    <t>1286118.0</t>
  </si>
  <si>
    <t>616779.0</t>
  </si>
  <si>
    <t>1925558.0</t>
  </si>
  <si>
    <t>627097.0</t>
  </si>
  <si>
    <t>1982686.0</t>
  </si>
  <si>
    <t>1337669.0</t>
  </si>
  <si>
    <t>645017.0</t>
  </si>
  <si>
    <t>57128.0</t>
  </si>
  <si>
    <t>2010423.0</t>
  </si>
  <si>
    <t>1355165.0</t>
  </si>
  <si>
    <t>655258.0</t>
  </si>
  <si>
    <t>19240.0</t>
  </si>
  <si>
    <t>2039569.0</t>
  </si>
  <si>
    <t>1371867.0</t>
  </si>
  <si>
    <t>667702.0</t>
  </si>
  <si>
    <t>2124390.0</t>
  </si>
  <si>
    <t>1432839.0</t>
  </si>
  <si>
    <t>691551.0</t>
  </si>
  <si>
    <t>2169910.0</t>
  </si>
  <si>
    <t>1461969.0</t>
  </si>
  <si>
    <t>707941.0</t>
  </si>
  <si>
    <t>10.55</t>
  </si>
  <si>
    <t>2182387.0</t>
  </si>
  <si>
    <t>1470359.0</t>
  </si>
  <si>
    <t>712028.0</t>
  </si>
  <si>
    <t>2207165.0</t>
  </si>
  <si>
    <t>1490800.0</t>
  </si>
  <si>
    <t>716365.0</t>
  </si>
  <si>
    <t>15864.0</t>
  </si>
  <si>
    <t>2247181.0</t>
  </si>
  <si>
    <t>1513854.0</t>
  </si>
  <si>
    <t>733327.0</t>
  </si>
  <si>
    <t>2263315.0</t>
  </si>
  <si>
    <t>1520118.0</t>
  </si>
  <si>
    <t>743197.0</t>
  </si>
  <si>
    <t>2276474.0</t>
  </si>
  <si>
    <t>1529984.0</t>
  </si>
  <si>
    <t>746490.0</t>
  </si>
  <si>
    <t>12262.0</t>
  </si>
  <si>
    <t>2349538.0</t>
  </si>
  <si>
    <t>1578200.0</t>
  </si>
  <si>
    <t>771338.0</t>
  </si>
  <si>
    <t>12783.0</t>
  </si>
  <si>
    <t>2364291.0</t>
  </si>
  <si>
    <t>1588076.0</t>
  </si>
  <si>
    <t>776215.0</t>
  </si>
  <si>
    <t>2433952.0</t>
  </si>
  <si>
    <t>1643080.0</t>
  </si>
  <si>
    <t>790872.0</t>
  </si>
  <si>
    <t>2442628.0</t>
  </si>
  <si>
    <t>1648612.0</t>
  </si>
  <si>
    <t>794016.0</t>
  </si>
  <si>
    <t>2443497.0</t>
  </si>
  <si>
    <t>1649208.0</t>
  </si>
  <si>
    <t>794289.0</t>
  </si>
  <si>
    <t>2453406.0</t>
  </si>
  <si>
    <t>1655099.0</t>
  </si>
  <si>
    <t>798307.0</t>
  </si>
  <si>
    <t>2457214.0</t>
  </si>
  <si>
    <t>1657206.0</t>
  </si>
  <si>
    <t>800008.0</t>
  </si>
  <si>
    <t>2459403.0</t>
  </si>
  <si>
    <t>1658464.0</t>
  </si>
  <si>
    <t>800939.0</t>
  </si>
  <si>
    <t>2493842.0</t>
  </si>
  <si>
    <t>1680365.0</t>
  </si>
  <si>
    <t>813477.0</t>
  </si>
  <si>
    <t>1685746.0</t>
  </si>
  <si>
    <t>817166.0</t>
  </si>
  <si>
    <t>2505531.0</t>
  </si>
  <si>
    <t>1687180.0</t>
  </si>
  <si>
    <t>818351.0</t>
  </si>
  <si>
    <t>2556716.0</t>
  </si>
  <si>
    <t>1721847.0</t>
  </si>
  <si>
    <t>834869.0</t>
  </si>
  <si>
    <t>2578824.0</t>
  </si>
  <si>
    <t>1739338.0</t>
  </si>
  <si>
    <t>839486.0</t>
  </si>
  <si>
    <t>22108.0</t>
  </si>
  <si>
    <t>2667587.0</t>
  </si>
  <si>
    <t>1804137.0</t>
  </si>
  <si>
    <t>863450.0</t>
  </si>
  <si>
    <t>2705776.0</t>
  </si>
  <si>
    <t>1834017.0</t>
  </si>
  <si>
    <t>871759.0</t>
  </si>
  <si>
    <t>38189.0</t>
  </si>
  <si>
    <t>2736315.0</t>
  </si>
  <si>
    <t>1857334.0</t>
  </si>
  <si>
    <t>878981.0</t>
  </si>
  <si>
    <t>30539.0</t>
  </si>
  <si>
    <t>27485.0</t>
  </si>
  <si>
    <t>20593.0</t>
  </si>
  <si>
    <t>2770451.0</t>
  </si>
  <si>
    <t>885127.0</t>
  </si>
  <si>
    <t>34136.0</t>
  </si>
  <si>
    <t>31448.0</t>
  </si>
  <si>
    <t>28037.0</t>
  </si>
  <si>
    <t>2853218.0</t>
  </si>
  <si>
    <t>1950882.0</t>
  </si>
  <si>
    <t>902336.0</t>
  </si>
  <si>
    <t>39199.0</t>
  </si>
  <si>
    <t>2894904.0</t>
  </si>
  <si>
    <t>1983124.0</t>
  </si>
  <si>
    <t>911780.0</t>
  </si>
  <si>
    <t>38814.0</t>
  </si>
  <si>
    <t>2929738.0</t>
  </si>
  <si>
    <t>2010621.0</t>
  </si>
  <si>
    <t>919117.0</t>
  </si>
  <si>
    <t>34834.0</t>
  </si>
  <si>
    <t>2952253.0</t>
  </si>
  <si>
    <t>2026767.0</t>
  </si>
  <si>
    <t>925486.0</t>
  </si>
  <si>
    <t>22515.0</t>
  </si>
  <si>
    <t>35211.0</t>
  </si>
  <si>
    <t>27536.0</t>
  </si>
  <si>
    <t>3251193.0</t>
  </si>
  <si>
    <t>2321403.0</t>
  </si>
  <si>
    <t>1224426.0</t>
  </si>
  <si>
    <t>298940.0</t>
  </si>
  <si>
    <t>3264234.0</t>
  </si>
  <si>
    <t>2334444.0</t>
  </si>
  <si>
    <t>70540.0</t>
  </si>
  <si>
    <t>64160.0</t>
  </si>
  <si>
    <t>3334991.0</t>
  </si>
  <si>
    <t>2394123.0</t>
  </si>
  <si>
    <t>1258312.0</t>
  </si>
  <si>
    <t>74737.0</t>
  </si>
  <si>
    <t>68003.0</t>
  </si>
  <si>
    <t>3373211.0</t>
  </si>
  <si>
    <t>2426081.0</t>
  </si>
  <si>
    <t>1274859.0</t>
  </si>
  <si>
    <t>38220.0</t>
  </si>
  <si>
    <t>67886.0</t>
  </si>
  <si>
    <t>3409297.0</t>
  </si>
  <si>
    <t>2460078.0</t>
  </si>
  <si>
    <t>1287256.0</t>
  </si>
  <si>
    <t>73485.0</t>
  </si>
  <si>
    <t>69204.0</t>
  </si>
  <si>
    <t>64754.0</t>
  </si>
  <si>
    <t>3419035.0</t>
  </si>
  <si>
    <t>2467717.0</t>
  </si>
  <si>
    <t>1290932.0</t>
  </si>
  <si>
    <t>62993.0</t>
  </si>
  <si>
    <t>3421103.0</t>
  </si>
  <si>
    <t>2469334.0</t>
  </si>
  <si>
    <t>1292902.0</t>
  </si>
  <si>
    <t>3421681.0</t>
  </si>
  <si>
    <t>2469757.0</t>
  </si>
  <si>
    <t>1293373.0</t>
  </si>
  <si>
    <t>3426685.0</t>
  </si>
  <si>
    <t>2473949.0</t>
  </si>
  <si>
    <t>1296243.0</t>
  </si>
  <si>
    <t>76973.0</t>
  </si>
  <si>
    <t>4491762.0</t>
  </si>
  <si>
    <t>3277949.0</t>
  </si>
  <si>
    <t>1859778.0</t>
  </si>
  <si>
    <t>152951.0</t>
  </si>
  <si>
    <t>115516.0</t>
  </si>
  <si>
    <t>157999.0</t>
  </si>
  <si>
    <t>120450.0</t>
  </si>
  <si>
    <t>125295.0</t>
  </si>
  <si>
    <t>4599503.0</t>
  </si>
  <si>
    <t>3382832.0</t>
  </si>
  <si>
    <t>1863568.0</t>
  </si>
  <si>
    <t>130140.0</t>
  </si>
  <si>
    <t>170175.0</t>
  </si>
  <si>
    <t>130026.0</t>
  </si>
  <si>
    <t>4633813.0</t>
  </si>
  <si>
    <t>1865481.0</t>
  </si>
  <si>
    <t>172447.0</t>
  </si>
  <si>
    <t>129913.0</t>
  </si>
  <si>
    <t>4654781.0</t>
  </si>
  <si>
    <t>1865839.0</t>
  </si>
  <si>
    <t>20968.0</t>
  </si>
  <si>
    <t>99365.0</t>
  </si>
  <si>
    <t>72521.0</t>
  </si>
  <si>
    <t>4673214.0</t>
  </si>
  <si>
    <t>1867426.0</t>
  </si>
  <si>
    <t>22344.0</t>
  </si>
  <si>
    <t>4749322.0</t>
  </si>
  <si>
    <t>1874073.0</t>
  </si>
  <si>
    <t>4757851.0</t>
  </si>
  <si>
    <t>1875202.0</t>
  </si>
  <si>
    <t>4757978.0</t>
  </si>
  <si>
    <t>1875323.0</t>
  </si>
  <si>
    <t>4758320.0</t>
  </si>
  <si>
    <t>1875614.0</t>
  </si>
  <si>
    <t>4758842.0</t>
  </si>
  <si>
    <t>1875830.0</t>
  </si>
  <si>
    <t>4964952.0</t>
  </si>
  <si>
    <t>36454.0</t>
  </si>
  <si>
    <t>52298.0</t>
  </si>
  <si>
    <t>60219.0</t>
  </si>
  <si>
    <t>68141.0</t>
  </si>
  <si>
    <t>5497389.0</t>
  </si>
  <si>
    <t>76062.0</t>
  </si>
  <si>
    <t>68646.0</t>
  </si>
  <si>
    <t>61230.0</t>
  </si>
  <si>
    <t>53814.0</t>
  </si>
  <si>
    <t>46397.0</t>
  </si>
  <si>
    <t>38981.0</t>
  </si>
  <si>
    <t>31565.0</t>
  </si>
  <si>
    <t>626043.0</t>
  </si>
  <si>
    <t>46.264</t>
  </si>
  <si>
    <t>660107.0</t>
  </si>
  <si>
    <t>48.782</t>
  </si>
  <si>
    <t>663832.0</t>
  </si>
  <si>
    <t>5835471.0</t>
  </si>
  <si>
    <t>3396038.0</t>
  </si>
  <si>
    <t>2439433.0</t>
  </si>
  <si>
    <t>23531.0</t>
  </si>
  <si>
    <t>3351.7</t>
  </si>
  <si>
    <t>1948.4</t>
  </si>
  <si>
    <t>5894935.0</t>
  </si>
  <si>
    <t>3427088.0</t>
  </si>
  <si>
    <t>2467847.0</t>
  </si>
  <si>
    <t>22294.0</t>
  </si>
  <si>
    <t>545.1</t>
  </si>
  <si>
    <t>328.1</t>
  </si>
  <si>
    <t>664845.0</t>
  </si>
  <si>
    <t>49.132</t>
  </si>
  <si>
    <t>9638.0</t>
  </si>
  <si>
    <t>5952680.0</t>
  </si>
  <si>
    <t>3472605.0</t>
  </si>
  <si>
    <t>2480075.0</t>
  </si>
  <si>
    <t>668971.0</t>
  </si>
  <si>
    <t>49.437</t>
  </si>
  <si>
    <t>22272.0</t>
  </si>
  <si>
    <t>6111743.0</t>
  </si>
  <si>
    <t>4464014.0</t>
  </si>
  <si>
    <t>2508809.0</t>
  </si>
  <si>
    <t>23977.0</t>
  </si>
  <si>
    <t>20415.0</t>
  </si>
  <si>
    <t>4477033.0</t>
  </si>
  <si>
    <t>2510700.0</t>
  </si>
  <si>
    <t>689015.0</t>
  </si>
  <si>
    <t>50.918</t>
  </si>
  <si>
    <t>6127699.0</t>
  </si>
  <si>
    <t>4477740.0</t>
  </si>
  <si>
    <t>2511039.0</t>
  </si>
  <si>
    <t>692527.0</t>
  </si>
  <si>
    <t>51.177</t>
  </si>
  <si>
    <t>693997.0</t>
  </si>
  <si>
    <t>51.286</t>
  </si>
  <si>
    <t>695423.0</t>
  </si>
  <si>
    <t>51.391</t>
  </si>
  <si>
    <t>696236.0</t>
  </si>
  <si>
    <t>51.451</t>
  </si>
  <si>
    <t>696501.0</t>
  </si>
  <si>
    <t>51.471</t>
  </si>
  <si>
    <t>701242.0</t>
  </si>
  <si>
    <t>51.821</t>
  </si>
  <si>
    <t>4537091.0</t>
  </si>
  <si>
    <t>706192.0</t>
  </si>
  <si>
    <t>52.187</t>
  </si>
  <si>
    <t>708410.0</t>
  </si>
  <si>
    <t>52.351</t>
  </si>
  <si>
    <t>4550563.0</t>
  </si>
  <si>
    <t>4553823.0</t>
  </si>
  <si>
    <t>6299160.0</t>
  </si>
  <si>
    <t>6434120.0</t>
  </si>
  <si>
    <t>6512492.0</t>
  </si>
  <si>
    <t>4564101.0</t>
  </si>
  <si>
    <t>2568109.0</t>
  </si>
  <si>
    <t>52099.0</t>
  </si>
  <si>
    <t>12723.0</t>
  </si>
  <si>
    <t>6603336.0</t>
  </si>
  <si>
    <t>4606510.0</t>
  </si>
  <si>
    <t>2592423.0</t>
  </si>
  <si>
    <t>76220.0</t>
  </si>
  <si>
    <t>6668256.0</t>
  </si>
  <si>
    <t>4637521.0</t>
  </si>
  <si>
    <t>2611794.0</t>
  </si>
  <si>
    <t>92647.0</t>
  </si>
  <si>
    <t>51520.0</t>
  </si>
  <si>
    <t>32005.0</t>
  </si>
  <si>
    <t>65602.0</t>
  </si>
  <si>
    <t>41197.0</t>
  </si>
  <si>
    <t>79684.0</t>
  </si>
  <si>
    <t>50389.0</t>
  </si>
  <si>
    <t>93766.0</t>
  </si>
  <si>
    <t>59581.0</t>
  </si>
  <si>
    <t>7423194.0</t>
  </si>
  <si>
    <t>5118927.0</t>
  </si>
  <si>
    <t>2873584.0</t>
  </si>
  <si>
    <t>168273.0</t>
  </si>
  <si>
    <t>107848.0</t>
  </si>
  <si>
    <t>68772.0</t>
  </si>
  <si>
    <t>93343.0</t>
  </si>
  <si>
    <t>59236.0</t>
  </si>
  <si>
    <t>49700.0</t>
  </si>
  <si>
    <t>64332.0</t>
  </si>
  <si>
    <t>40164.0</t>
  </si>
  <si>
    <t>49827.0</t>
  </si>
  <si>
    <t>30629.0</t>
  </si>
  <si>
    <t>35322.0</t>
  </si>
  <si>
    <t>7467372.0</t>
  </si>
  <si>
    <t>5133072.0</t>
  </si>
  <si>
    <t>2890788.0</t>
  </si>
  <si>
    <t>181954.0</t>
  </si>
  <si>
    <t>7472471.0</t>
  </si>
  <si>
    <t>5137173.0</t>
  </si>
  <si>
    <t>2894177.0</t>
  </si>
  <si>
    <t>7597562.0</t>
  </si>
  <si>
    <t>5194582.0</t>
  </si>
  <si>
    <t>2967223.0</t>
  </si>
  <si>
    <t>193723.0</t>
  </si>
  <si>
    <t>7619937.0</t>
  </si>
  <si>
    <t>5206666.0</t>
  </si>
  <si>
    <t>2980111.0</t>
  </si>
  <si>
    <t>198096.0</t>
  </si>
  <si>
    <t>7626551.0</t>
  </si>
  <si>
    <t>5209518.0</t>
  </si>
  <si>
    <t>2983614.0</t>
  </si>
  <si>
    <t>199848.0</t>
  </si>
  <si>
    <t>22684.0</t>
  </si>
  <si>
    <t>24675.0</t>
  </si>
  <si>
    <t>37177.0</t>
  </si>
  <si>
    <t>30742.0</t>
  </si>
  <si>
    <t>8349923.0</t>
  </si>
  <si>
    <t>5809781.0</t>
  </si>
  <si>
    <t>3176770.0</t>
  </si>
  <si>
    <t>208537.0</t>
  </si>
  <si>
    <t>46324.0</t>
  </si>
  <si>
    <t>38167.0</t>
  </si>
  <si>
    <t>40979.0</t>
  </si>
  <si>
    <t>28748.0</t>
  </si>
  <si>
    <t>30289.0</t>
  </si>
  <si>
    <t>24944.0</t>
  </si>
  <si>
    <t>19330.0</t>
  </si>
  <si>
    <t>8749048.0</t>
  </si>
  <si>
    <t>6087292.0</t>
  </si>
  <si>
    <t>3293736.0</t>
  </si>
  <si>
    <t>223977.0</t>
  </si>
  <si>
    <t>GNB</t>
  </si>
  <si>
    <t>Guinea-Bissau</t>
  </si>
  <si>
    <t>30471.0</t>
  </si>
  <si>
    <t>31090.0</t>
  </si>
  <si>
    <t>83294.0</t>
  </si>
  <si>
    <t>76511.0</t>
  </si>
  <si>
    <t>117768.0</t>
  </si>
  <si>
    <t>108632.0</t>
  </si>
  <si>
    <t>111131.0</t>
  </si>
  <si>
    <t>121501.0</t>
  </si>
  <si>
    <t>111771.0</t>
  </si>
  <si>
    <t>127936.0</t>
  </si>
  <si>
    <t>117488.0</t>
  </si>
  <si>
    <t>139369.0</t>
  </si>
  <si>
    <t>127719.0</t>
  </si>
  <si>
    <t>181713.0</t>
  </si>
  <si>
    <t>167199.0</t>
  </si>
  <si>
    <t>14514.0</t>
  </si>
  <si>
    <t>276355.0</t>
  </si>
  <si>
    <t>258705.0</t>
  </si>
  <si>
    <t>307424.0</t>
  </si>
  <si>
    <t>289658.0</t>
  </si>
  <si>
    <t>11311.0</t>
  </si>
  <si>
    <t>330839.0</t>
  </si>
  <si>
    <t>312906.0</t>
  </si>
  <si>
    <t>332497.0</t>
  </si>
  <si>
    <t>314543.0</t>
  </si>
  <si>
    <t>363573.0</t>
  </si>
  <si>
    <t>345207.0</t>
  </si>
  <si>
    <t>365089.0</t>
  </si>
  <si>
    <t>346678.0</t>
  </si>
  <si>
    <t>368395.0</t>
  </si>
  <si>
    <t>349317.0</t>
  </si>
  <si>
    <t>388626.0</t>
  </si>
  <si>
    <t>368424.0</t>
  </si>
  <si>
    <t>406401.0</t>
  </si>
  <si>
    <t>385186.0</t>
  </si>
  <si>
    <t>21215.0</t>
  </si>
  <si>
    <t>389157.0</t>
  </si>
  <si>
    <t>412340.0</t>
  </si>
  <si>
    <t>389494.0</t>
  </si>
  <si>
    <t>390794.0</t>
  </si>
  <si>
    <t>414174.0</t>
  </si>
  <si>
    <t>391029.0</t>
  </si>
  <si>
    <t>23145.0</t>
  </si>
  <si>
    <t>391320.0</t>
  </si>
  <si>
    <t>415196.0</t>
  </si>
  <si>
    <t>391662.0</t>
  </si>
  <si>
    <t>415874.0</t>
  </si>
  <si>
    <t>391968.0</t>
  </si>
  <si>
    <t>23906.0</t>
  </si>
  <si>
    <t>416500.0</t>
  </si>
  <si>
    <t>392367.0</t>
  </si>
  <si>
    <t>419652.0</t>
  </si>
  <si>
    <t>394027.0</t>
  </si>
  <si>
    <t>396327.0</t>
  </si>
  <si>
    <t>435952.0</t>
  </si>
  <si>
    <t>406992.0</t>
  </si>
  <si>
    <t>471855.0</t>
  </si>
  <si>
    <t>437334.0</t>
  </si>
  <si>
    <t>291781.0</t>
  </si>
  <si>
    <t>9333.0</t>
  </si>
  <si>
    <t>9422.0</t>
  </si>
  <si>
    <t>548661.0</t>
  </si>
  <si>
    <t>506823.0</t>
  </si>
  <si>
    <t>5490.0</t>
  </si>
  <si>
    <t>556315.0</t>
  </si>
  <si>
    <t>514200.0</t>
  </si>
  <si>
    <t>337928.0</t>
  </si>
  <si>
    <t>556675.0</t>
  </si>
  <si>
    <t>514401.0</t>
  </si>
  <si>
    <t>338139.0</t>
  </si>
  <si>
    <t>558351.0</t>
  </si>
  <si>
    <t>515764.0</t>
  </si>
  <si>
    <t>339123.0</t>
  </si>
  <si>
    <t>125580.0</t>
  </si>
  <si>
    <t>562296.0</t>
  </si>
  <si>
    <t>519240.0</t>
  </si>
  <si>
    <t>341270.0</t>
  </si>
  <si>
    <t>127492.0</t>
  </si>
  <si>
    <t>61.868</t>
  </si>
  <si>
    <t>62.019</t>
  </si>
  <si>
    <t>128552.0</t>
  </si>
  <si>
    <t>62.382</t>
  </si>
  <si>
    <t>128876.0</t>
  </si>
  <si>
    <t>438.2</t>
  </si>
  <si>
    <t>130258.0</t>
  </si>
  <si>
    <t>130662.0</t>
  </si>
  <si>
    <t>63.406</t>
  </si>
  <si>
    <t>131519.0</t>
  </si>
  <si>
    <t>63.822</t>
  </si>
  <si>
    <t>64.352</t>
  </si>
  <si>
    <t>562620.0</t>
  </si>
  <si>
    <t>519455.0</t>
  </si>
  <si>
    <t>341495.0</t>
  </si>
  <si>
    <t>322.2</t>
  </si>
  <si>
    <t>643.4</t>
  </si>
  <si>
    <t>133360.0</t>
  </si>
  <si>
    <t>64.715</t>
  </si>
  <si>
    <t>134285.0</t>
  </si>
  <si>
    <t>65.164</t>
  </si>
  <si>
    <t>135355.0</t>
  </si>
  <si>
    <t>65.683</t>
  </si>
  <si>
    <t>135624.0</t>
  </si>
  <si>
    <t>65.814</t>
  </si>
  <si>
    <t>136232.0</t>
  </si>
  <si>
    <t>66.109</t>
  </si>
  <si>
    <t>136655.0</t>
  </si>
  <si>
    <t>137045.0</t>
  </si>
  <si>
    <t>66.503</t>
  </si>
  <si>
    <t>138599.0</t>
  </si>
  <si>
    <t>67.258</t>
  </si>
  <si>
    <t>138983.0</t>
  </si>
  <si>
    <t>67.444</t>
  </si>
  <si>
    <t>139700.0</t>
  </si>
  <si>
    <t>67.792</t>
  </si>
  <si>
    <t>562717.0</t>
  </si>
  <si>
    <t>529346.0</t>
  </si>
  <si>
    <t>341781.0</t>
  </si>
  <si>
    <t>140302.0</t>
  </si>
  <si>
    <t>68.084</t>
  </si>
  <si>
    <t>140579.0</t>
  </si>
  <si>
    <t>68.218</t>
  </si>
  <si>
    <t>141581.0</t>
  </si>
  <si>
    <t>68.705</t>
  </si>
  <si>
    <t>681.8</t>
  </si>
  <si>
    <t>762.2</t>
  </si>
  <si>
    <t>1685.3</t>
  </si>
  <si>
    <t>572775.0</t>
  </si>
  <si>
    <t>529604.0</t>
  </si>
  <si>
    <t>342039.0</t>
  </si>
  <si>
    <t>1664.3</t>
  </si>
  <si>
    <t>142948.0</t>
  </si>
  <si>
    <t>572954.0</t>
  </si>
  <si>
    <t>529783.0</t>
  </si>
  <si>
    <t>342218.0</t>
  </si>
  <si>
    <t>573125.0</t>
  </si>
  <si>
    <t>529954.0</t>
  </si>
  <si>
    <t>342389.0</t>
  </si>
  <si>
    <t>592514.0</t>
  </si>
  <si>
    <t>543568.0</t>
  </si>
  <si>
    <t>361261.0</t>
  </si>
  <si>
    <t>592533.0</t>
  </si>
  <si>
    <t>543574.0</t>
  </si>
  <si>
    <t>361274.0</t>
  </si>
  <si>
    <t>592609.0</t>
  </si>
  <si>
    <t>543650.0</t>
  </si>
  <si>
    <t>361350.0</t>
  </si>
  <si>
    <t>8216.0</t>
  </si>
  <si>
    <t>673091.0</t>
  </si>
  <si>
    <t>593076.0</t>
  </si>
  <si>
    <t>392459.0</t>
  </si>
  <si>
    <t>640393.0</t>
  </si>
  <si>
    <t>404228.0</t>
  </si>
  <si>
    <t>GUY</t>
  </si>
  <si>
    <t>Guyana</t>
  </si>
  <si>
    <t>47.911</t>
  </si>
  <si>
    <t>15524.0</t>
  </si>
  <si>
    <t>32714.0</t>
  </si>
  <si>
    <t>73600.0</t>
  </si>
  <si>
    <t>111825.0</t>
  </si>
  <si>
    <t>126800.0</t>
  </si>
  <si>
    <t>153494.0</t>
  </si>
  <si>
    <t>150694.0</t>
  </si>
  <si>
    <t>245614.0</t>
  </si>
  <si>
    <t>187234.0</t>
  </si>
  <si>
    <t>58380.0</t>
  </si>
  <si>
    <t>274625.0</t>
  </si>
  <si>
    <t>203847.0</t>
  </si>
  <si>
    <t>285247.0</t>
  </si>
  <si>
    <t>209835.0</t>
  </si>
  <si>
    <t>294053.0</t>
  </si>
  <si>
    <t>214251.0</t>
  </si>
  <si>
    <t>79802.0</t>
  </si>
  <si>
    <t>300591.0</t>
  </si>
  <si>
    <t>216862.0</t>
  </si>
  <si>
    <t>83729.0</t>
  </si>
  <si>
    <t>315816.0</t>
  </si>
  <si>
    <t>223659.0</t>
  </si>
  <si>
    <t>92157.0</t>
  </si>
  <si>
    <t>326325.0</t>
  </si>
  <si>
    <t>227690.0</t>
  </si>
  <si>
    <t>98635.0</t>
  </si>
  <si>
    <t>335091.0</t>
  </si>
  <si>
    <t>230486.0</t>
  </si>
  <si>
    <t>104605.0</t>
  </si>
  <si>
    <t>340020.0</t>
  </si>
  <si>
    <t>341886.0</t>
  </si>
  <si>
    <t>233134.0</t>
  </si>
  <si>
    <t>108752.0</t>
  </si>
  <si>
    <t>344466.0</t>
  </si>
  <si>
    <t>233756.0</t>
  </si>
  <si>
    <t>346626.0</t>
  </si>
  <si>
    <t>112371.0</t>
  </si>
  <si>
    <t>350190.0</t>
  </si>
  <si>
    <t>235796.0</t>
  </si>
  <si>
    <t>114394.0</t>
  </si>
  <si>
    <t>354014.0</t>
  </si>
  <si>
    <t>237111.0</t>
  </si>
  <si>
    <t>116903.0</t>
  </si>
  <si>
    <t>363442.0</t>
  </si>
  <si>
    <t>240392.0</t>
  </si>
  <si>
    <t>371243.0</t>
  </si>
  <si>
    <t>242991.0</t>
  </si>
  <si>
    <t>128252.0</t>
  </si>
  <si>
    <t>373726.0</t>
  </si>
  <si>
    <t>244365.0</t>
  </si>
  <si>
    <t>374841.0</t>
  </si>
  <si>
    <t>245092.0</t>
  </si>
  <si>
    <t>129749.0</t>
  </si>
  <si>
    <t>377145.0</t>
  </si>
  <si>
    <t>382957.0</t>
  </si>
  <si>
    <t>389336.0</t>
  </si>
  <si>
    <t>250712.0</t>
  </si>
  <si>
    <t>138624.0</t>
  </si>
  <si>
    <t>48.14</t>
  </si>
  <si>
    <t>394606.0</t>
  </si>
  <si>
    <t>252978.0</t>
  </si>
  <si>
    <t>141628.0</t>
  </si>
  <si>
    <t>396997.0</t>
  </si>
  <si>
    <t>254883.0</t>
  </si>
  <si>
    <t>142114.0</t>
  </si>
  <si>
    <t>416087.0</t>
  </si>
  <si>
    <t>271122.0</t>
  </si>
  <si>
    <t>425580.0</t>
  </si>
  <si>
    <t>279489.0</t>
  </si>
  <si>
    <t>146091.0</t>
  </si>
  <si>
    <t>429086.0</t>
  </si>
  <si>
    <t>282586.0</t>
  </si>
  <si>
    <t>146500.0</t>
  </si>
  <si>
    <t>434965.0</t>
  </si>
  <si>
    <t>287837.0</t>
  </si>
  <si>
    <t>147128.0</t>
  </si>
  <si>
    <t>455209.0</t>
  </si>
  <si>
    <t>301369.0</t>
  </si>
  <si>
    <t>153840.0</t>
  </si>
  <si>
    <t>460700.0</t>
  </si>
  <si>
    <t>305012.0</t>
  </si>
  <si>
    <t>155688.0</t>
  </si>
  <si>
    <t>465463.0</t>
  </si>
  <si>
    <t>306906.0</t>
  </si>
  <si>
    <t>158557.0</t>
  </si>
  <si>
    <t>468218.0</t>
  </si>
  <si>
    <t>308758.0</t>
  </si>
  <si>
    <t>159460.0</t>
  </si>
  <si>
    <t>472188.0</t>
  </si>
  <si>
    <t>311539.0</t>
  </si>
  <si>
    <t>474491.0</t>
  </si>
  <si>
    <t>313469.0</t>
  </si>
  <si>
    <t>161022.0</t>
  </si>
  <si>
    <t>485332.0</t>
  </si>
  <si>
    <t>318569.0</t>
  </si>
  <si>
    <t>166763.0</t>
  </si>
  <si>
    <t>491795.0</t>
  </si>
  <si>
    <t>322586.0</t>
  </si>
  <si>
    <t>169209.0</t>
  </si>
  <si>
    <t>495220.0</t>
  </si>
  <si>
    <t>325095.0</t>
  </si>
  <si>
    <t>170125.0</t>
  </si>
  <si>
    <t>502064.0</t>
  </si>
  <si>
    <t>329909.0</t>
  </si>
  <si>
    <t>172155.0</t>
  </si>
  <si>
    <t>512067.0</t>
  </si>
  <si>
    <t>337030.0</t>
  </si>
  <si>
    <t>175037.0</t>
  </si>
  <si>
    <t>0.2289</t>
  </si>
  <si>
    <t>518295.0</t>
  </si>
  <si>
    <t>341600.0</t>
  </si>
  <si>
    <t>525644.0</t>
  </si>
  <si>
    <t>346529.0</t>
  </si>
  <si>
    <t>179115.0</t>
  </si>
  <si>
    <t>0.2413</t>
  </si>
  <si>
    <t>533843.0</t>
  </si>
  <si>
    <t>351981.0</t>
  </si>
  <si>
    <t>181862.0</t>
  </si>
  <si>
    <t>0.2323</t>
  </si>
  <si>
    <t>538748.0</t>
  </si>
  <si>
    <t>354676.0</t>
  </si>
  <si>
    <t>184072.0</t>
  </si>
  <si>
    <t>543180.0</t>
  </si>
  <si>
    <t>357208.0</t>
  </si>
  <si>
    <t>185972.0</t>
  </si>
  <si>
    <t>0.1997</t>
  </si>
  <si>
    <t>575396.0</t>
  </si>
  <si>
    <t>362919.0</t>
  </si>
  <si>
    <t>212477.0</t>
  </si>
  <si>
    <t>579761.0</t>
  </si>
  <si>
    <t>364208.0</t>
  </si>
  <si>
    <t>0.2016</t>
  </si>
  <si>
    <t>583394.0</t>
  </si>
  <si>
    <t>365274.0</t>
  </si>
  <si>
    <t>218120.0</t>
  </si>
  <si>
    <t>586207.0</t>
  </si>
  <si>
    <t>366190.0</t>
  </si>
  <si>
    <t>220017.0</t>
  </si>
  <si>
    <t>368850.0</t>
  </si>
  <si>
    <t>225050.0</t>
  </si>
  <si>
    <t>596526.0</t>
  </si>
  <si>
    <t>369877.0</t>
  </si>
  <si>
    <t>226649.0</t>
  </si>
  <si>
    <t>607930.0</t>
  </si>
  <si>
    <t>233391.0</t>
  </si>
  <si>
    <t>610721.0</t>
  </si>
  <si>
    <t>375640.0</t>
  </si>
  <si>
    <t>235081.0</t>
  </si>
  <si>
    <t>615611.0</t>
  </si>
  <si>
    <t>377614.0</t>
  </si>
  <si>
    <t>237997.0</t>
  </si>
  <si>
    <t>621468.0</t>
  </si>
  <si>
    <t>380257.0</t>
  </si>
  <si>
    <t>241211.0</t>
  </si>
  <si>
    <t>626499.0</t>
  </si>
  <si>
    <t>382177.0</t>
  </si>
  <si>
    <t>244322.0</t>
  </si>
  <si>
    <t>628945.0</t>
  </si>
  <si>
    <t>383013.0</t>
  </si>
  <si>
    <t>245932.0</t>
  </si>
  <si>
    <t>631765.0</t>
  </si>
  <si>
    <t>383943.0</t>
  </si>
  <si>
    <t>247822.0</t>
  </si>
  <si>
    <t>634491.0</t>
  </si>
  <si>
    <t>384934.0</t>
  </si>
  <si>
    <t>249557.0</t>
  </si>
  <si>
    <t>641443.0</t>
  </si>
  <si>
    <t>387505.0</t>
  </si>
  <si>
    <t>253938.0</t>
  </si>
  <si>
    <t>644094.0</t>
  </si>
  <si>
    <t>388444.0</t>
  </si>
  <si>
    <t>255650.0</t>
  </si>
  <si>
    <t>646545.0</t>
  </si>
  <si>
    <t>389349.0</t>
  </si>
  <si>
    <t>648974.0</t>
  </si>
  <si>
    <t>390110.0</t>
  </si>
  <si>
    <t>653332.0</t>
  </si>
  <si>
    <t>391521.0</t>
  </si>
  <si>
    <t>261811.0</t>
  </si>
  <si>
    <t>655967.0</t>
  </si>
  <si>
    <t>392512.0</t>
  </si>
  <si>
    <t>263455.0</t>
  </si>
  <si>
    <t>658206.0</t>
  </si>
  <si>
    <t>393355.0</t>
  </si>
  <si>
    <t>264851.0</t>
  </si>
  <si>
    <t>660221.0</t>
  </si>
  <si>
    <t>394094.0</t>
  </si>
  <si>
    <t>266127.0</t>
  </si>
  <si>
    <t>662180.0</t>
  </si>
  <si>
    <t>394759.0</t>
  </si>
  <si>
    <t>267421.0</t>
  </si>
  <si>
    <t>668046.0</t>
  </si>
  <si>
    <t>396840.0</t>
  </si>
  <si>
    <t>271206.0</t>
  </si>
  <si>
    <t>674075.0</t>
  </si>
  <si>
    <t>398949.0</t>
  </si>
  <si>
    <t>275126.0</t>
  </si>
  <si>
    <t>676717.0</t>
  </si>
  <si>
    <t>399829.0</t>
  </si>
  <si>
    <t>276888.0</t>
  </si>
  <si>
    <t>678619.0</t>
  </si>
  <si>
    <t>400561.0</t>
  </si>
  <si>
    <t>278058.0</t>
  </si>
  <si>
    <t>681103.0</t>
  </si>
  <si>
    <t>401445.0</t>
  </si>
  <si>
    <t>279658.0</t>
  </si>
  <si>
    <t>682779.0</t>
  </si>
  <si>
    <t>402142.0</t>
  </si>
  <si>
    <t>280637.0</t>
  </si>
  <si>
    <t>686104.0</t>
  </si>
  <si>
    <t>403537.0</t>
  </si>
  <si>
    <t>282567.0</t>
  </si>
  <si>
    <t>687627.0</t>
  </si>
  <si>
    <t>404122.0</t>
  </si>
  <si>
    <t>283505.0</t>
  </si>
  <si>
    <t>698265.0</t>
  </si>
  <si>
    <t>406072.0</t>
  </si>
  <si>
    <t>286437.0</t>
  </si>
  <si>
    <t>706442.0</t>
  </si>
  <si>
    <t>408266.0</t>
  </si>
  <si>
    <t>289726.0</t>
  </si>
  <si>
    <t>715724.0</t>
  </si>
  <si>
    <t>410499.0</t>
  </si>
  <si>
    <t>294160.0</t>
  </si>
  <si>
    <t>481.335</t>
  </si>
  <si>
    <t>718219.0</t>
  </si>
  <si>
    <t>411081.0</t>
  </si>
  <si>
    <t>295325.0</t>
  </si>
  <si>
    <t>0.2674</t>
  </si>
  <si>
    <t>744876.0</t>
  </si>
  <si>
    <t>416994.0</t>
  </si>
  <si>
    <t>303373.0</t>
  </si>
  <si>
    <t>0.3029</t>
  </si>
  <si>
    <t>0.3482</t>
  </si>
  <si>
    <t>0.3698</t>
  </si>
  <si>
    <t>442695.0</t>
  </si>
  <si>
    <t>550.228</t>
  </si>
  <si>
    <t>0.3388</t>
  </si>
  <si>
    <t>757464.0</t>
  </si>
  <si>
    <t>419509.0</t>
  </si>
  <si>
    <t>306831.0</t>
  </si>
  <si>
    <t>93.66</t>
  </si>
  <si>
    <t>772121.0</t>
  </si>
  <si>
    <t>422727.0</t>
  </si>
  <si>
    <t>37598.0</t>
  </si>
  <si>
    <t>775229.0</t>
  </si>
  <si>
    <t>423439.0</t>
  </si>
  <si>
    <t>312874.0</t>
  </si>
  <si>
    <t>779882.0</t>
  </si>
  <si>
    <t>314960.0</t>
  </si>
  <si>
    <t>40220.0</t>
  </si>
  <si>
    <t>790647.0</t>
  </si>
  <si>
    <t>427336.0</t>
  </si>
  <si>
    <t>319596.0</t>
  </si>
  <si>
    <t>43715.0</t>
  </si>
  <si>
    <t>97.76</t>
  </si>
  <si>
    <t>792183.0</t>
  </si>
  <si>
    <t>427680.0</t>
  </si>
  <si>
    <t>320221.0</t>
  </si>
  <si>
    <t>798065.0</t>
  </si>
  <si>
    <t>428991.0</t>
  </si>
  <si>
    <t>46609.0</t>
  </si>
  <si>
    <t>98.68</t>
  </si>
  <si>
    <t>802131.0</t>
  </si>
  <si>
    <t>429982.0</t>
  </si>
  <si>
    <t>324175.0</t>
  </si>
  <si>
    <t>47974.0</t>
  </si>
  <si>
    <t>804547.0</t>
  </si>
  <si>
    <t>430877.0</t>
  </si>
  <si>
    <t>325696.0</t>
  </si>
  <si>
    <t>99.48</t>
  </si>
  <si>
    <t>807188.0</t>
  </si>
  <si>
    <t>431296.0</t>
  </si>
  <si>
    <t>326375.0</t>
  </si>
  <si>
    <t>49517.0</t>
  </si>
  <si>
    <t>808206.0</t>
  </si>
  <si>
    <t>431597.0</t>
  </si>
  <si>
    <t>326867.0</t>
  </si>
  <si>
    <t>99.94</t>
  </si>
  <si>
    <t>811293.0</t>
  </si>
  <si>
    <t>432381.0</t>
  </si>
  <si>
    <t>328273.0</t>
  </si>
  <si>
    <t>815448.0</t>
  </si>
  <si>
    <t>433497.0</t>
  </si>
  <si>
    <t>330026.0</t>
  </si>
  <si>
    <t>100.83</t>
  </si>
  <si>
    <t>818920.0</t>
  </si>
  <si>
    <t>434509.0</t>
  </si>
  <si>
    <t>331267.0</t>
  </si>
  <si>
    <t>101.26</t>
  </si>
  <si>
    <t>820036.0</t>
  </si>
  <si>
    <t>434878.0</t>
  </si>
  <si>
    <t>878430.0</t>
  </si>
  <si>
    <t>468737.0</t>
  </si>
  <si>
    <t>356238.0</t>
  </si>
  <si>
    <t>58394.0</t>
  </si>
  <si>
    <t>884246.0</t>
  </si>
  <si>
    <t>470529.0</t>
  </si>
  <si>
    <t>358633.0</t>
  </si>
  <si>
    <t>55084.0</t>
  </si>
  <si>
    <t>886069.0</t>
  </si>
  <si>
    <t>471030.0</t>
  </si>
  <si>
    <t>359317.0</t>
  </si>
  <si>
    <t>55722.0</t>
  </si>
  <si>
    <t>109.56</t>
  </si>
  <si>
    <t>888928.0</t>
  </si>
  <si>
    <t>471710.0</t>
  </si>
  <si>
    <t>360370.0</t>
  </si>
  <si>
    <t>56848.0</t>
  </si>
  <si>
    <t>109.92</t>
  </si>
  <si>
    <t>889522.0</t>
  </si>
  <si>
    <t>471864.0</t>
  </si>
  <si>
    <t>360587.0</t>
  </si>
  <si>
    <t>109.99</t>
  </si>
  <si>
    <t>891019.0</t>
  </si>
  <si>
    <t>472171.0</t>
  </si>
  <si>
    <t>361166.0</t>
  </si>
  <si>
    <t>57682.0</t>
  </si>
  <si>
    <t>892239.0</t>
  </si>
  <si>
    <t>472424.0</t>
  </si>
  <si>
    <t>361683.0</t>
  </si>
  <si>
    <t>58132.0</t>
  </si>
  <si>
    <t>894938.0</t>
  </si>
  <si>
    <t>472988.0</t>
  </si>
  <si>
    <t>362605.0</t>
  </si>
  <si>
    <t>59345.0</t>
  </si>
  <si>
    <t>897109.0</t>
  </si>
  <si>
    <t>473425.0</t>
  </si>
  <si>
    <t>363237.0</t>
  </si>
  <si>
    <t>60447.0</t>
  </si>
  <si>
    <t>898907.0</t>
  </si>
  <si>
    <t>473926.0</t>
  </si>
  <si>
    <t>363774.0</t>
  </si>
  <si>
    <t>111.15</t>
  </si>
  <si>
    <t>900472.0</t>
  </si>
  <si>
    <t>474392.0</t>
  </si>
  <si>
    <t>364336.0</t>
  </si>
  <si>
    <t>61744.0</t>
  </si>
  <si>
    <t>111.34</t>
  </si>
  <si>
    <t>903034.0</t>
  </si>
  <si>
    <t>475116.0</t>
  </si>
  <si>
    <t>365149.0</t>
  </si>
  <si>
    <t>62769.0</t>
  </si>
  <si>
    <t>904806.0</t>
  </si>
  <si>
    <t>475530.0</t>
  </si>
  <si>
    <t>365799.0</t>
  </si>
  <si>
    <t>905748.0</t>
  </si>
  <si>
    <t>476000.0</t>
  </si>
  <si>
    <t>366271.0</t>
  </si>
  <si>
    <t>909924.0</t>
  </si>
  <si>
    <t>476991.0</t>
  </si>
  <si>
    <t>367326.0</t>
  </si>
  <si>
    <t>911504.0</t>
  </si>
  <si>
    <t>477432.0</t>
  </si>
  <si>
    <t>367808.0</t>
  </si>
  <si>
    <t>912674.0</t>
  </si>
  <si>
    <t>477694.0</t>
  </si>
  <si>
    <t>368100.0</t>
  </si>
  <si>
    <t>913682.0</t>
  </si>
  <si>
    <t>477942.0</t>
  </si>
  <si>
    <t>368375.0</t>
  </si>
  <si>
    <t>67365.0</t>
  </si>
  <si>
    <t>913974.0</t>
  </si>
  <si>
    <t>478010.0</t>
  </si>
  <si>
    <t>368450.0</t>
  </si>
  <si>
    <t>481810.0</t>
  </si>
  <si>
    <t>68430.0</t>
  </si>
  <si>
    <t>482339.0</t>
  </si>
  <si>
    <t>484014.0</t>
  </si>
  <si>
    <t>484286.0</t>
  </si>
  <si>
    <t>70125.0</t>
  </si>
  <si>
    <t>485891.0</t>
  </si>
  <si>
    <t>70473.0</t>
  </si>
  <si>
    <t>493404.0</t>
  </si>
  <si>
    <t>80168.0</t>
  </si>
  <si>
    <t>953690.0</t>
  </si>
  <si>
    <t>380118.0</t>
  </si>
  <si>
    <t>117.92</t>
  </si>
  <si>
    <t>HTI</t>
  </si>
  <si>
    <t>Haiti</t>
  </si>
  <si>
    <t>15454.0</t>
  </si>
  <si>
    <t>16938.0</t>
  </si>
  <si>
    <t>26109.0</t>
  </si>
  <si>
    <t>25307.0</t>
  </si>
  <si>
    <t>29077.0</t>
  </si>
  <si>
    <t>31698.0</t>
  </si>
  <si>
    <t>27305.0</t>
  </si>
  <si>
    <t>35741.0</t>
  </si>
  <si>
    <t>29332.0</t>
  </si>
  <si>
    <t>41629.0</t>
  </si>
  <si>
    <t>14382.0</t>
  </si>
  <si>
    <t>15343.0</t>
  </si>
  <si>
    <t>67023.0</t>
  </si>
  <si>
    <t>70003.0</t>
  </si>
  <si>
    <t>49201.0</t>
  </si>
  <si>
    <t>88133.0</t>
  </si>
  <si>
    <t>62929.0</t>
  </si>
  <si>
    <t>69379.0</t>
  </si>
  <si>
    <t>102168.0</t>
  </si>
  <si>
    <t>110603.0</t>
  </si>
  <si>
    <t>79404.0</t>
  </si>
  <si>
    <t>123843.0</t>
  </si>
  <si>
    <t>88251.0</t>
  </si>
  <si>
    <t>135597.0</t>
  </si>
  <si>
    <t>96262.0</t>
  </si>
  <si>
    <t>39676.0</t>
  </si>
  <si>
    <t>135748.0</t>
  </si>
  <si>
    <t>39705.0</t>
  </si>
  <si>
    <t>138330.0</t>
  </si>
  <si>
    <t>97950.0</t>
  </si>
  <si>
    <t>153182.0</t>
  </si>
  <si>
    <t>104920.0</t>
  </si>
  <si>
    <t>48603.0</t>
  </si>
  <si>
    <t>158479.0</t>
  </si>
  <si>
    <t>106997.0</t>
  </si>
  <si>
    <t>184769.0</t>
  </si>
  <si>
    <t>118222.0</t>
  </si>
  <si>
    <t>66888.0</t>
  </si>
  <si>
    <t>190063.0</t>
  </si>
  <si>
    <t>69835.0</t>
  </si>
  <si>
    <t>194341.0</t>
  </si>
  <si>
    <t>122580.0</t>
  </si>
  <si>
    <t>72102.0</t>
  </si>
  <si>
    <t>197175.0</t>
  </si>
  <si>
    <t>123936.0</t>
  </si>
  <si>
    <t>73580.0</t>
  </si>
  <si>
    <t>153254.0</t>
  </si>
  <si>
    <t>13.387</t>
  </si>
  <si>
    <t>199874.0</t>
  </si>
  <si>
    <t>75028.0</t>
  </si>
  <si>
    <t>155805.0</t>
  </si>
  <si>
    <t>0.3089</t>
  </si>
  <si>
    <t>204902.0</t>
  </si>
  <si>
    <t>0.3877</t>
  </si>
  <si>
    <t>224249.0</t>
  </si>
  <si>
    <t>93809.0</t>
  </si>
  <si>
    <t>0.2326</t>
  </si>
  <si>
    <t>0.1877</t>
  </si>
  <si>
    <t>231945.0</t>
  </si>
  <si>
    <t>150155.0</t>
  </si>
  <si>
    <t>234119.0</t>
  </si>
  <si>
    <t>101391.0</t>
  </si>
  <si>
    <t>180587.0</t>
  </si>
  <si>
    <t>15.775</t>
  </si>
  <si>
    <t>239355.0</t>
  </si>
  <si>
    <t>156166.0</t>
  </si>
  <si>
    <t>105573.0</t>
  </si>
  <si>
    <t>181451.0</t>
  </si>
  <si>
    <t>15.851</t>
  </si>
  <si>
    <t>15.899</t>
  </si>
  <si>
    <t>182367.0</t>
  </si>
  <si>
    <t>157571.0</t>
  </si>
  <si>
    <t>182702.0</t>
  </si>
  <si>
    <t>159661.0</t>
  </si>
  <si>
    <t>108801.0</t>
  </si>
  <si>
    <t>185288.0</t>
  </si>
  <si>
    <t>16.186</t>
  </si>
  <si>
    <t>185551.0</t>
  </si>
  <si>
    <t>187092.0</t>
  </si>
  <si>
    <t>249801.0</t>
  </si>
  <si>
    <t>163710.0</t>
  </si>
  <si>
    <t>112335.0</t>
  </si>
  <si>
    <t>188012.0</t>
  </si>
  <si>
    <t>253807.0</t>
  </si>
  <si>
    <t>166527.0</t>
  </si>
  <si>
    <t>255217.0</t>
  </si>
  <si>
    <t>167574.0</t>
  </si>
  <si>
    <t>115097.0</t>
  </si>
  <si>
    <t>190236.0</t>
  </si>
  <si>
    <t>16.618</t>
  </si>
  <si>
    <t>255729.0</t>
  </si>
  <si>
    <t>167891.0</t>
  </si>
  <si>
    <t>191744.0</t>
  </si>
  <si>
    <t>193793.0</t>
  </si>
  <si>
    <t>266240.0</t>
  </si>
  <si>
    <t>174804.0</t>
  </si>
  <si>
    <t>303.3</t>
  </si>
  <si>
    <t>270.3</t>
  </si>
  <si>
    <t>195388.0</t>
  </si>
  <si>
    <t>17.068</t>
  </si>
  <si>
    <t>267133.0</t>
  </si>
  <si>
    <t>175526.0</t>
  </si>
  <si>
    <t>122181.0</t>
  </si>
  <si>
    <t>196826.0</t>
  </si>
  <si>
    <t>273442.0</t>
  </si>
  <si>
    <t>179925.0</t>
  </si>
  <si>
    <t>125895.0</t>
  </si>
  <si>
    <t>197452.0</t>
  </si>
  <si>
    <t>197994.0</t>
  </si>
  <si>
    <t>17.296</t>
  </si>
  <si>
    <t>275632.0</t>
  </si>
  <si>
    <t>181322.0</t>
  </si>
  <si>
    <t>127003.0</t>
  </si>
  <si>
    <t>198403.0</t>
  </si>
  <si>
    <t>17.331</t>
  </si>
  <si>
    <t>198697.0</t>
  </si>
  <si>
    <t>278982.0</t>
  </si>
  <si>
    <t>183676.0</t>
  </si>
  <si>
    <t>128526.0</t>
  </si>
  <si>
    <t>200126.0</t>
  </si>
  <si>
    <t>17.482</t>
  </si>
  <si>
    <t>200726.0</t>
  </si>
  <si>
    <t>280729.0</t>
  </si>
  <si>
    <t>184969.0</t>
  </si>
  <si>
    <t>129664.0</t>
  </si>
  <si>
    <t>201322.0</t>
  </si>
  <si>
    <t>17.586</t>
  </si>
  <si>
    <t>202261.0</t>
  </si>
  <si>
    <t>17.668</t>
  </si>
  <si>
    <t>202901.0</t>
  </si>
  <si>
    <t>203660.0</t>
  </si>
  <si>
    <t>17.791</t>
  </si>
  <si>
    <t>285651.0</t>
  </si>
  <si>
    <t>188584.0</t>
  </si>
  <si>
    <t>204962.0</t>
  </si>
  <si>
    <t>17.904</t>
  </si>
  <si>
    <t>289890.0</t>
  </si>
  <si>
    <t>191568.0</t>
  </si>
  <si>
    <t>134525.0</t>
  </si>
  <si>
    <t>205713.0</t>
  </si>
  <si>
    <t>206594.0</t>
  </si>
  <si>
    <t>319983.0</t>
  </si>
  <si>
    <t>219752.0</t>
  </si>
  <si>
    <t>145544.0</t>
  </si>
  <si>
    <t>342724.0</t>
  </si>
  <si>
    <t>241385.0</t>
  </si>
  <si>
    <t>157276.0</t>
  </si>
  <si>
    <t>348769.0</t>
  </si>
  <si>
    <t>246247.0</t>
  </si>
  <si>
    <t>159303.0</t>
  </si>
  <si>
    <t>351767.0</t>
  </si>
  <si>
    <t>248075.0</t>
  </si>
  <si>
    <t>354635.0</t>
  </si>
  <si>
    <t>249913.0</t>
  </si>
  <si>
    <t>162599.0</t>
  </si>
  <si>
    <t>360163.0</t>
  </si>
  <si>
    <t>253573.0</t>
  </si>
  <si>
    <t>362130.0</t>
  </si>
  <si>
    <t>254833.0</t>
  </si>
  <si>
    <t>167428.0</t>
  </si>
  <si>
    <t>6553.0</t>
  </si>
  <si>
    <t>468505.0</t>
  </si>
  <si>
    <t>358905.0</t>
  </si>
  <si>
    <t>221645.0</t>
  </si>
  <si>
    <t>470964.0</t>
  </si>
  <si>
    <t>361212.0</t>
  </si>
  <si>
    <t>222303.0</t>
  </si>
  <si>
    <t>476304.0</t>
  </si>
  <si>
    <t>365708.0</t>
  </si>
  <si>
    <t>224853.0</t>
  </si>
  <si>
    <t>509500.0</t>
  </si>
  <si>
    <t>397765.0</t>
  </si>
  <si>
    <t>236678.0</t>
  </si>
  <si>
    <t>510611.0</t>
  </si>
  <si>
    <t>398517.0</t>
  </si>
  <si>
    <t>237406.0</t>
  </si>
  <si>
    <t>OWID_HIC</t>
  </si>
  <si>
    <t>High income</t>
  </si>
  <si>
    <t>42115.0</t>
  </si>
  <si>
    <t>95417.0</t>
  </si>
  <si>
    <t>85848.0</t>
  </si>
  <si>
    <t>27008.0</t>
  </si>
  <si>
    <t>257610.0</t>
  </si>
  <si>
    <t>162193.0</t>
  </si>
  <si>
    <t>72332.0</t>
  </si>
  <si>
    <t>70278.0</t>
  </si>
  <si>
    <t>536591.0</t>
  </si>
  <si>
    <t>515829.0</t>
  </si>
  <si>
    <t>278981.0</t>
  </si>
  <si>
    <t>124223.0</t>
  </si>
  <si>
    <t>121016.0</t>
  </si>
  <si>
    <t>960802.0</t>
  </si>
  <si>
    <t>930972.0</t>
  </si>
  <si>
    <t>424211.0</t>
  </si>
  <si>
    <t>184299.0</t>
  </si>
  <si>
    <t>179921.0</t>
  </si>
  <si>
    <t>1145713.0</t>
  </si>
  <si>
    <t>1111673.0</t>
  </si>
  <si>
    <t>184839.0</t>
  </si>
  <si>
    <t>184331.0</t>
  </si>
  <si>
    <t>179981.0</t>
  </si>
  <si>
    <t>1260871.0</t>
  </si>
  <si>
    <t>1224611.0</t>
  </si>
  <si>
    <t>180749.0</t>
  </si>
  <si>
    <t>176704.0</t>
  </si>
  <si>
    <t>1679925.0</t>
  </si>
  <si>
    <t>1636217.0</t>
  </si>
  <si>
    <t>419053.0</t>
  </si>
  <si>
    <t>244817.0</t>
  </si>
  <si>
    <t>239734.0</t>
  </si>
  <si>
    <t>2180984.0</t>
  </si>
  <si>
    <t>2127991.0</t>
  </si>
  <si>
    <t>501059.0</t>
  </si>
  <si>
    <t>312593.0</t>
  </si>
  <si>
    <t>306391.0</t>
  </si>
  <si>
    <t>2869225.0</t>
  </si>
  <si>
    <t>2804366.0</t>
  </si>
  <si>
    <t>650627.0</t>
  </si>
  <si>
    <t>384005.0</t>
  </si>
  <si>
    <t>375394.0</t>
  </si>
  <si>
    <t>3162307.0</t>
  </si>
  <si>
    <t>3092458.0</t>
  </si>
  <si>
    <t>23033.0</t>
  </si>
  <si>
    <t>294013.0</t>
  </si>
  <si>
    <t>392658.0</t>
  </si>
  <si>
    <t>384291.0</t>
  </si>
  <si>
    <t>3221899.0</t>
  </si>
  <si>
    <t>3151869.0</t>
  </si>
  <si>
    <t>60951.0</t>
  </si>
  <si>
    <t>333031.0</t>
  </si>
  <si>
    <t>325935.0</t>
  </si>
  <si>
    <t>3402484.0</t>
  </si>
  <si>
    <t>3328877.0</t>
  </si>
  <si>
    <t>24203.0</t>
  </si>
  <si>
    <t>181928.0</t>
  </si>
  <si>
    <t>323412.0</t>
  </si>
  <si>
    <t>3659332.0</t>
  </si>
  <si>
    <t>3582817.0</t>
  </si>
  <si>
    <t>215057.0</t>
  </si>
  <si>
    <t>335616.0</t>
  </si>
  <si>
    <t>328431.0</t>
  </si>
  <si>
    <t>4442159.0</t>
  </si>
  <si>
    <t>4347104.0</t>
  </si>
  <si>
    <t>774840.0</t>
  </si>
  <si>
    <t>410400.0</t>
  </si>
  <si>
    <t>402149.0</t>
  </si>
  <si>
    <t>5421295.0</t>
  </si>
  <si>
    <t>5306565.0</t>
  </si>
  <si>
    <t>34971.0</t>
  </si>
  <si>
    <t>988136.0</t>
  </si>
  <si>
    <t>498457.0</t>
  </si>
  <si>
    <t>481394.0</t>
  </si>
  <si>
    <t>6572813.0</t>
  </si>
  <si>
    <t>6437756.0</t>
  </si>
  <si>
    <t>42635.0</t>
  </si>
  <si>
    <t>1147212.0</t>
  </si>
  <si>
    <t>576341.0</t>
  </si>
  <si>
    <t>558078.0</t>
  </si>
  <si>
    <t>7278563.0</t>
  </si>
  <si>
    <t>7132866.0</t>
  </si>
  <si>
    <t>716058.0</t>
  </si>
  <si>
    <t>627081.0</t>
  </si>
  <si>
    <t>607850.0</t>
  </si>
  <si>
    <t>7537981.0</t>
  </si>
  <si>
    <t>7379561.0</t>
  </si>
  <si>
    <t>266309.0</t>
  </si>
  <si>
    <t>640205.0</t>
  </si>
  <si>
    <t>619191.0</t>
  </si>
  <si>
    <t>7985996.0</t>
  </si>
  <si>
    <t>7818638.0</t>
  </si>
  <si>
    <t>58005.0</t>
  </si>
  <si>
    <t>468096.0</t>
  </si>
  <si>
    <t>679202.0</t>
  </si>
  <si>
    <t>657377.0</t>
  </si>
  <si>
    <t>8387870.0</t>
  </si>
  <si>
    <t>8212358.0</t>
  </si>
  <si>
    <t>386596.0</t>
  </si>
  <si>
    <t>689587.0</t>
  </si>
  <si>
    <t>667133.0</t>
  </si>
  <si>
    <t>9505505.0</t>
  </si>
  <si>
    <t>9270218.0</t>
  </si>
  <si>
    <t>106323.0</t>
  </si>
  <si>
    <t>1074401.0</t>
  </si>
  <si>
    <t>743794.0</t>
  </si>
  <si>
    <t>712982.0</t>
  </si>
  <si>
    <t>11628378.0</t>
  </si>
  <si>
    <t>10464940.0</t>
  </si>
  <si>
    <t>194979.0</t>
  </si>
  <si>
    <t>1335018.0</t>
  </si>
  <si>
    <t>794752.0</t>
  </si>
  <si>
    <t>13178086.0</t>
  </si>
  <si>
    <t>11682793.0</t>
  </si>
  <si>
    <t>370162.0</t>
  </si>
  <si>
    <t>1515137.0</t>
  </si>
  <si>
    <t>895595.0</t>
  </si>
  <si>
    <t>797533.0</t>
  </si>
  <si>
    <t>14949411.0</t>
  </si>
  <si>
    <t>13085033.0</t>
  </si>
  <si>
    <t>655109.0</t>
  </si>
  <si>
    <t>1756445.0</t>
  </si>
  <si>
    <t>1038955.0</t>
  </si>
  <si>
    <t>884967.0</t>
  </si>
  <si>
    <t>16858290.0</t>
  </si>
  <si>
    <t>14544932.0</t>
  </si>
  <si>
    <t>1024256.0</t>
  </si>
  <si>
    <t>1846525.0</t>
  </si>
  <si>
    <t>1255631.0</t>
  </si>
  <si>
    <t>1039342.0</t>
  </si>
  <si>
    <t>17780755.0</t>
  </si>
  <si>
    <t>15207122.0</t>
  </si>
  <si>
    <t>1155412.0</t>
  </si>
  <si>
    <t>979906.0</t>
  </si>
  <si>
    <t>1320795.0</t>
  </si>
  <si>
    <t>1075525.0</t>
  </si>
  <si>
    <t>21013418.0</t>
  </si>
  <si>
    <t>18737565.0</t>
  </si>
  <si>
    <t>1872630.0</t>
  </si>
  <si>
    <t>621621.0</t>
  </si>
  <si>
    <t>1336807.0</t>
  </si>
  <si>
    <t>1076614.0</t>
  </si>
  <si>
    <t>22864347.0</t>
  </si>
  <si>
    <t>20116111.0</t>
  </si>
  <si>
    <t>2239323.0</t>
  </si>
  <si>
    <t>1826793.0</t>
  </si>
  <si>
    <t>1571488.0</t>
  </si>
  <si>
    <t>1300736.0</t>
  </si>
  <si>
    <t>25019752.0</t>
  </si>
  <si>
    <t>21766797.0</t>
  </si>
  <si>
    <t>2609736.0</t>
  </si>
  <si>
    <t>2217357.0</t>
  </si>
  <si>
    <t>1683099.0</t>
  </si>
  <si>
    <t>1367077.0</t>
  </si>
  <si>
    <t>27470375.0</t>
  </si>
  <si>
    <t>23728318.0</t>
  </si>
  <si>
    <t>2958538.0</t>
  </si>
  <si>
    <t>2513583.0</t>
  </si>
  <si>
    <t>1812353.0</t>
  </si>
  <si>
    <t>1461507.0</t>
  </si>
  <si>
    <t>29970026.0</t>
  </si>
  <si>
    <t>25857800.0</t>
  </si>
  <si>
    <t>3178426.0</t>
  </si>
  <si>
    <t>2569036.0</t>
  </si>
  <si>
    <t>1905267.0</t>
  </si>
  <si>
    <t>1551555.0</t>
  </si>
  <si>
    <t>32447683.0</t>
  </si>
  <si>
    <t>28018455.0</t>
  </si>
  <si>
    <t>3349036.0</t>
  </si>
  <si>
    <t>2449483.0</t>
  </si>
  <si>
    <t>1960823.0</t>
  </si>
  <si>
    <t>1625815.0</t>
  </si>
  <si>
    <t>33970348.0</t>
  </si>
  <si>
    <t>29192275.0</t>
  </si>
  <si>
    <t>3453341.0</t>
  </si>
  <si>
    <t>1532199.0</t>
  </si>
  <si>
    <t>2001516.0</t>
  </si>
  <si>
    <t>1664243.0</t>
  </si>
  <si>
    <t>35109737.0</t>
  </si>
  <si>
    <t>30061911.0</t>
  </si>
  <si>
    <t>3611678.0</t>
  </si>
  <si>
    <t>1040216.0</t>
  </si>
  <si>
    <t>2021808.0</t>
  </si>
  <si>
    <t>1671160.0</t>
  </si>
  <si>
    <t>37160221.0</t>
  </si>
  <si>
    <t>31612065.0</t>
  </si>
  <si>
    <t>4006271.0</t>
  </si>
  <si>
    <t>1926952.0</t>
  </si>
  <si>
    <t>2037083.0</t>
  </si>
  <si>
    <t>1681466.0</t>
  </si>
  <si>
    <t>39802150.0</t>
  </si>
  <si>
    <t>33556864.0</t>
  </si>
  <si>
    <t>4582078.0</t>
  </si>
  <si>
    <t>2722379.0</t>
  </si>
  <si>
    <t>2108897.0</t>
  </si>
  <si>
    <t>1726288.0</t>
  </si>
  <si>
    <t>42755602.0</t>
  </si>
  <si>
    <t>35700772.0</t>
  </si>
  <si>
    <t>5268584.0</t>
  </si>
  <si>
    <t>3049715.0</t>
  </si>
  <si>
    <t>2185138.0</t>
  </si>
  <si>
    <t>1757642.0</t>
  </si>
  <si>
    <t>45809567.0</t>
  </si>
  <si>
    <t>38060354.0</t>
  </si>
  <si>
    <t>5846241.0</t>
  </si>
  <si>
    <t>3152621.0</t>
  </si>
  <si>
    <t>2269959.0</t>
  </si>
  <si>
    <t>1796779.0</t>
  </si>
  <si>
    <t>48964899.0</t>
  </si>
  <si>
    <t>40668413.0</t>
  </si>
  <si>
    <t>6256162.0</t>
  </si>
  <si>
    <t>2993373.0</t>
  </si>
  <si>
    <t>2347363.0</t>
  </si>
  <si>
    <t>1847855.0</t>
  </si>
  <si>
    <t>50960717.0</t>
  </si>
  <si>
    <t>42158102.0</t>
  </si>
  <si>
    <t>6563538.0</t>
  </si>
  <si>
    <t>2025414.0</t>
  </si>
  <si>
    <t>2417020.0</t>
  </si>
  <si>
    <t>1890775.0</t>
  </si>
  <si>
    <t>52324526.0</t>
  </si>
  <si>
    <t>43102945.0</t>
  </si>
  <si>
    <t>6902860.0</t>
  </si>
  <si>
    <t>1200841.0</t>
  </si>
  <si>
    <t>2439463.0</t>
  </si>
  <si>
    <t>1893976.0</t>
  </si>
  <si>
    <t>54828933.0</t>
  </si>
  <si>
    <t>44653378.0</t>
  </si>
  <si>
    <t>7763264.0</t>
  </si>
  <si>
    <t>2568078.0</t>
  </si>
  <si>
    <t>2531269.0</t>
  </si>
  <si>
    <t>1921002.0</t>
  </si>
  <si>
    <t>57833852.0</t>
  </si>
  <si>
    <t>46516182.0</t>
  </si>
  <si>
    <t>8759616.0</t>
  </si>
  <si>
    <t>3062480.0</t>
  </si>
  <si>
    <t>2579660.0</t>
  </si>
  <si>
    <t>1906508.0</t>
  </si>
  <si>
    <t>61045774.0</t>
  </si>
  <si>
    <t>48573116.0</t>
  </si>
  <si>
    <t>9794911.0</t>
  </si>
  <si>
    <t>3305634.0</t>
  </si>
  <si>
    <t>2615930.0</t>
  </si>
  <si>
    <t>1892175.0</t>
  </si>
  <si>
    <t>64546058.0</t>
  </si>
  <si>
    <t>50848751.0</t>
  </si>
  <si>
    <t>10831898.0</t>
  </si>
  <si>
    <t>3547189.0</t>
  </si>
  <si>
    <t>2672224.0</t>
  </si>
  <si>
    <t>1877731.0</t>
  </si>
  <si>
    <t>68081124.0</t>
  </si>
  <si>
    <t>53246455.0</t>
  </si>
  <si>
    <t>11773473.0</t>
  </si>
  <si>
    <t>3419514.0</t>
  </si>
  <si>
    <t>2732991.0</t>
  </si>
  <si>
    <t>1851299.0</t>
  </si>
  <si>
    <t>70319195.0</t>
  </si>
  <si>
    <t>54801274.0</t>
  </si>
  <si>
    <t>12282168.0</t>
  </si>
  <si>
    <t>2326432.0</t>
  </si>
  <si>
    <t>2775962.0</t>
  </si>
  <si>
    <t>1856937.0</t>
  </si>
  <si>
    <t>72027175.0</t>
  </si>
  <si>
    <t>55789751.0</t>
  </si>
  <si>
    <t>12759553.0</t>
  </si>
  <si>
    <t>1508534.0</t>
  </si>
  <si>
    <t>2819795.0</t>
  </si>
  <si>
    <t>1869604.0</t>
  </si>
  <si>
    <t>74589502.0</t>
  </si>
  <si>
    <t>57236267.0</t>
  </si>
  <si>
    <t>13734222.0</t>
  </si>
  <si>
    <t>2639016.0</t>
  </si>
  <si>
    <t>2829898.0</t>
  </si>
  <si>
    <t>1854564.0</t>
  </si>
  <si>
    <t>77649316.0</t>
  </si>
  <si>
    <t>58972515.0</t>
  </si>
  <si>
    <t>14898592.0</t>
  </si>
  <si>
    <t>3152517.0</t>
  </si>
  <si>
    <t>2842739.0</t>
  </si>
  <si>
    <t>1837778.0</t>
  </si>
  <si>
    <t>81524428.0</t>
  </si>
  <si>
    <t>61270678.0</t>
  </si>
  <si>
    <t>16302634.0</t>
  </si>
  <si>
    <t>3966865.0</t>
  </si>
  <si>
    <t>2937394.0</t>
  </si>
  <si>
    <t>1871802.0</t>
  </si>
  <si>
    <t>85733700.0</t>
  </si>
  <si>
    <t>63755323.0</t>
  </si>
  <si>
    <t>17824807.0</t>
  </si>
  <si>
    <t>4294401.0</t>
  </si>
  <si>
    <t>3044155.0</t>
  </si>
  <si>
    <t>1899800.0</t>
  </si>
  <si>
    <t>89928505.0</t>
  </si>
  <si>
    <t>66273984.0</t>
  </si>
  <si>
    <t>19298453.0</t>
  </si>
  <si>
    <t>4075234.0</t>
  </si>
  <si>
    <t>3137900.0</t>
  </si>
  <si>
    <t>1916592.0</t>
  </si>
  <si>
    <t>92410934.0</t>
  </si>
  <si>
    <t>67878048.0</t>
  </si>
  <si>
    <t>19959973.0</t>
  </si>
  <si>
    <t>2616964.0</t>
  </si>
  <si>
    <t>3179333.0</t>
  </si>
  <si>
    <t>1921483.0</t>
  </si>
  <si>
    <t>93923620.0</t>
  </si>
  <si>
    <t>68709347.0</t>
  </si>
  <si>
    <t>20514496.0</t>
  </si>
  <si>
    <t>1309040.0</t>
  </si>
  <si>
    <t>3150769.0</t>
  </si>
  <si>
    <t>1903409.0</t>
  </si>
  <si>
    <t>96828841.0</t>
  </si>
  <si>
    <t>70397528.0</t>
  </si>
  <si>
    <t>21611177.0</t>
  </si>
  <si>
    <t>3060607.0</t>
  </si>
  <si>
    <t>3211090.0</t>
  </si>
  <si>
    <t>1943560.0</t>
  </si>
  <si>
    <t>100502228.0</t>
  </si>
  <si>
    <t>72514340.0</t>
  </si>
  <si>
    <t>23025074.0</t>
  </si>
  <si>
    <t>3715705.0</t>
  </si>
  <si>
    <t>3291993.0</t>
  </si>
  <si>
    <t>1991774.0</t>
  </si>
  <si>
    <t>104607413.0</t>
  </si>
  <si>
    <t>74883693.0</t>
  </si>
  <si>
    <t>24565253.0</t>
  </si>
  <si>
    <t>4325615.0</t>
  </si>
  <si>
    <t>3342944.0</t>
  </si>
  <si>
    <t>2010905.0</t>
  </si>
  <si>
    <t>109104447.0</t>
  </si>
  <si>
    <t>77522935.0</t>
  </si>
  <si>
    <t>26277076.0</t>
  </si>
  <si>
    <t>4495287.0</t>
  </si>
  <si>
    <t>3371493.0</t>
  </si>
  <si>
    <t>2025297.0</t>
  </si>
  <si>
    <t>113776200.0</t>
  </si>
  <si>
    <t>80266858.0</t>
  </si>
  <si>
    <t>28037892.0</t>
  </si>
  <si>
    <t>4491291.0</t>
  </si>
  <si>
    <t>3430835.0</t>
  </si>
  <si>
    <t>2062992.0</t>
  </si>
  <si>
    <t>116357155.0</t>
  </si>
  <si>
    <t>81923628.0</t>
  </si>
  <si>
    <t>28835623.0</t>
  </si>
  <si>
    <t>2727658.0</t>
  </si>
  <si>
    <t>3446570.0</t>
  </si>
  <si>
    <t>2075027.0</t>
  </si>
  <si>
    <t>117974237.0</t>
  </si>
  <si>
    <t>82888420.0</t>
  </si>
  <si>
    <t>29417112.0</t>
  </si>
  <si>
    <t>21552.0</t>
  </si>
  <si>
    <t>1415103.0</t>
  </si>
  <si>
    <t>3461649.0</t>
  </si>
  <si>
    <t>2090457.0</t>
  </si>
  <si>
    <t>120677272.0</t>
  </si>
  <si>
    <t>84582759.0</t>
  </si>
  <si>
    <t>30377444.0</t>
  </si>
  <si>
    <t>2649558.0</t>
  </si>
  <si>
    <t>3402888.0</t>
  </si>
  <si>
    <t>2069132.0</t>
  </si>
  <si>
    <t>123910312.0</t>
  </si>
  <si>
    <t>86434891.0</t>
  </si>
  <si>
    <t>31613174.0</t>
  </si>
  <si>
    <t>21602.0</t>
  </si>
  <si>
    <t>3383333.0</t>
  </si>
  <si>
    <t>3357340.0</t>
  </si>
  <si>
    <t>2052683.0</t>
  </si>
  <si>
    <t>127778128.0</t>
  </si>
  <si>
    <t>88723633.0</t>
  </si>
  <si>
    <t>33130279.0</t>
  </si>
  <si>
    <t>21659.0</t>
  </si>
  <si>
    <t>3980532.0</t>
  </si>
  <si>
    <t>3308574.0</t>
  </si>
  <si>
    <t>2022863.0</t>
  </si>
  <si>
    <t>131738922.0</t>
  </si>
  <si>
    <t>90917134.0</t>
  </si>
  <si>
    <t>34676097.0</t>
  </si>
  <si>
    <t>3986438.0</t>
  </si>
  <si>
    <t>3235845.0</t>
  </si>
  <si>
    <t>1979530.0</t>
  </si>
  <si>
    <t>135684712.0</t>
  </si>
  <si>
    <t>93089054.0</t>
  </si>
  <si>
    <t>36308654.0</t>
  </si>
  <si>
    <t>26766.0</t>
  </si>
  <si>
    <t>3782643.0</t>
  </si>
  <si>
    <t>3135540.0</t>
  </si>
  <si>
    <t>1891269.0</t>
  </si>
  <si>
    <t>138009082.0</t>
  </si>
  <si>
    <t>94409023.0</t>
  </si>
  <si>
    <t>37201209.0</t>
  </si>
  <si>
    <t>2544465.0</t>
  </si>
  <si>
    <t>3108434.0</t>
  </si>
  <si>
    <t>1850570.0</t>
  </si>
  <si>
    <t>139689126.0</t>
  </si>
  <si>
    <t>95407379.0</t>
  </si>
  <si>
    <t>37855688.0</t>
  </si>
  <si>
    <t>1442887.0</t>
  </si>
  <si>
    <t>3111551.0</t>
  </si>
  <si>
    <t>1844792.0</t>
  </si>
  <si>
    <t>142541468.0</t>
  </si>
  <si>
    <t>96944041.0</t>
  </si>
  <si>
    <t>39029543.0</t>
  </si>
  <si>
    <t>26850.0</t>
  </si>
  <si>
    <t>2903902.0</t>
  </si>
  <si>
    <t>3149491.0</t>
  </si>
  <si>
    <t>1846369.0</t>
  </si>
  <si>
    <t>146055340.0</t>
  </si>
  <si>
    <t>101538153.0</t>
  </si>
  <si>
    <t>42376131.0</t>
  </si>
  <si>
    <t>26890.0</t>
  </si>
  <si>
    <t>3805614.0</t>
  </si>
  <si>
    <t>3210180.0</t>
  </si>
  <si>
    <t>1873951.0</t>
  </si>
  <si>
    <t>150651249.0</t>
  </si>
  <si>
    <t>104234876.0</t>
  </si>
  <si>
    <t>44092847.0</t>
  </si>
  <si>
    <t>26896.0</t>
  </si>
  <si>
    <t>4614187.0</t>
  </si>
  <si>
    <t>3301464.0</t>
  </si>
  <si>
    <t>1935926.0</t>
  </si>
  <si>
    <t>155519518.0</t>
  </si>
  <si>
    <t>107187198.0</t>
  </si>
  <si>
    <t>45868809.0</t>
  </si>
  <si>
    <t>5215158.0</t>
  </si>
  <si>
    <t>3476263.0</t>
  </si>
  <si>
    <t>2057801.0</t>
  </si>
  <si>
    <t>161233565.0</t>
  </si>
  <si>
    <t>110788069.0</t>
  </si>
  <si>
    <t>47836610.0</t>
  </si>
  <si>
    <t>29573.0</t>
  </si>
  <si>
    <t>5291161.0</t>
  </si>
  <si>
    <t>3690751.0</t>
  </si>
  <si>
    <t>2226590.0</t>
  </si>
  <si>
    <t>164622834.0</t>
  </si>
  <si>
    <t>112928888.0</t>
  </si>
  <si>
    <t>48830017.0</t>
  </si>
  <si>
    <t>29593.0</t>
  </si>
  <si>
    <t>3554012.0</t>
  </si>
  <si>
    <t>3835733.0</t>
  </si>
  <si>
    <t>2347476.0</t>
  </si>
  <si>
    <t>166756911.0</t>
  </si>
  <si>
    <t>114451162.0</t>
  </si>
  <si>
    <t>49401709.0</t>
  </si>
  <si>
    <t>1820285.0</t>
  </si>
  <si>
    <t>3888100.0</t>
  </si>
  <si>
    <t>2398524.0</t>
  </si>
  <si>
    <t>170384027.0</t>
  </si>
  <si>
    <t>116802908.0</t>
  </si>
  <si>
    <t>50503662.0</t>
  </si>
  <si>
    <t>3690485.0</t>
  </si>
  <si>
    <t>4006254.0</t>
  </si>
  <si>
    <t>2516146.0</t>
  </si>
  <si>
    <t>174797593.0</t>
  </si>
  <si>
    <t>119653818.0</t>
  </si>
  <si>
    <t>51839986.0</t>
  </si>
  <si>
    <t>4697513.0</t>
  </si>
  <si>
    <t>4140173.0</t>
  </si>
  <si>
    <t>2649722.0</t>
  </si>
  <si>
    <t>180137480.0</t>
  </si>
  <si>
    <t>123072571.0</t>
  </si>
  <si>
    <t>53647916.0</t>
  </si>
  <si>
    <t>5476711.0</t>
  </si>
  <si>
    <t>4263319.0</t>
  </si>
  <si>
    <t>2754589.0</t>
  </si>
  <si>
    <t>186234515.0</t>
  </si>
  <si>
    <t>126974863.0</t>
  </si>
  <si>
    <t>55630044.0</t>
  </si>
  <si>
    <t>6130811.0</t>
  </si>
  <si>
    <t>4388891.0</t>
  </si>
  <si>
    <t>2870914.0</t>
  </si>
  <si>
    <t>192284919.0</t>
  </si>
  <si>
    <t>131037642.0</t>
  </si>
  <si>
    <t>57592062.0</t>
  </si>
  <si>
    <t>5944902.0</t>
  </si>
  <si>
    <t>4475303.0</t>
  </si>
  <si>
    <t>2963971.0</t>
  </si>
  <si>
    <t>196438103.0</t>
  </si>
  <si>
    <t>133758293.0</t>
  </si>
  <si>
    <t>58941914.0</t>
  </si>
  <si>
    <t>3947723.0</t>
  </si>
  <si>
    <t>4529774.0</t>
  </si>
  <si>
    <t>3036355.0</t>
  </si>
  <si>
    <t>199193078.0</t>
  </si>
  <si>
    <t>135682450.0</t>
  </si>
  <si>
    <t>59594142.0</t>
  </si>
  <si>
    <t>2145843.0</t>
  </si>
  <si>
    <t>4576284.0</t>
  </si>
  <si>
    <t>3088506.0</t>
  </si>
  <si>
    <t>203736475.0</t>
  </si>
  <si>
    <t>138785868.0</t>
  </si>
  <si>
    <t>61038511.0</t>
  </si>
  <si>
    <t>4437430.0</t>
  </si>
  <si>
    <t>4682986.0</t>
  </si>
  <si>
    <t>3164139.0</t>
  </si>
  <si>
    <t>208904282.0</t>
  </si>
  <si>
    <t>142236854.0</t>
  </si>
  <si>
    <t>62801619.0</t>
  </si>
  <si>
    <t>32300.0</t>
  </si>
  <si>
    <t>5310858.0</t>
  </si>
  <si>
    <t>4770613.0</t>
  </si>
  <si>
    <t>3235786.0</t>
  </si>
  <si>
    <t>214673904.0</t>
  </si>
  <si>
    <t>145972522.0</t>
  </si>
  <si>
    <t>64849818.0</t>
  </si>
  <si>
    <t>32353.0</t>
  </si>
  <si>
    <t>6038064.0</t>
  </si>
  <si>
    <t>4850805.0</t>
  </si>
  <si>
    <t>3305505.0</t>
  </si>
  <si>
    <t>221225256.0</t>
  </si>
  <si>
    <t>150258633.0</t>
  </si>
  <si>
    <t>67177224.0</t>
  </si>
  <si>
    <t>32412.0</t>
  </si>
  <si>
    <t>6576629.0</t>
  </si>
  <si>
    <t>4914495.0</t>
  </si>
  <si>
    <t>3352678.0</t>
  </si>
  <si>
    <t>227907482.0</t>
  </si>
  <si>
    <t>154607793.0</t>
  </si>
  <si>
    <t>69564461.0</t>
  </si>
  <si>
    <t>6498313.0</t>
  </si>
  <si>
    <t>4993552.0</t>
  </si>
  <si>
    <t>3388330.0</t>
  </si>
  <si>
    <t>232079387.0</t>
  </si>
  <si>
    <t>157477799.0</t>
  </si>
  <si>
    <t>70885151.0</t>
  </si>
  <si>
    <t>4452432.0</t>
  </si>
  <si>
    <t>5065650.0</t>
  </si>
  <si>
    <t>3416248.0</t>
  </si>
  <si>
    <t>234786759.0</t>
  </si>
  <si>
    <t>159381457.0</t>
  </si>
  <si>
    <t>71602254.0</t>
  </si>
  <si>
    <t>34872.0</t>
  </si>
  <si>
    <t>2465806.0</t>
  </si>
  <si>
    <t>5111460.0</t>
  </si>
  <si>
    <t>3420559.0</t>
  </si>
  <si>
    <t>239724231.0</t>
  </si>
  <si>
    <t>162578983.0</t>
  </si>
  <si>
    <t>73236630.0</t>
  </si>
  <si>
    <t>4817534.0</t>
  </si>
  <si>
    <t>5166570.0</t>
  </si>
  <si>
    <t>3439422.0</t>
  </si>
  <si>
    <t>245280120.0</t>
  </si>
  <si>
    <t>166142723.0</t>
  </si>
  <si>
    <t>75049391.0</t>
  </si>
  <si>
    <t>5586362.0</t>
  </si>
  <si>
    <t>5205777.0</t>
  </si>
  <si>
    <t>3454505.0</t>
  </si>
  <si>
    <t>251327584.0</t>
  </si>
  <si>
    <t>170011604.0</t>
  </si>
  <si>
    <t>77042959.0</t>
  </si>
  <si>
    <t>6218305.0</t>
  </si>
  <si>
    <t>5231374.0</t>
  </si>
  <si>
    <t>3456666.0</t>
  </si>
  <si>
    <t>257798510.0</t>
  </si>
  <si>
    <t>174185792.0</t>
  </si>
  <si>
    <t>79182649.0</t>
  </si>
  <si>
    <t>35003.0</t>
  </si>
  <si>
    <t>6591468.0</t>
  </si>
  <si>
    <t>5233336.0</t>
  </si>
  <si>
    <t>3450620.0</t>
  </si>
  <si>
    <t>264618451.0</t>
  </si>
  <si>
    <t>178585320.0</t>
  </si>
  <si>
    <t>81348270.0</t>
  </si>
  <si>
    <t>36336.0</t>
  </si>
  <si>
    <t>6614954.0</t>
  </si>
  <si>
    <t>5249845.0</t>
  </si>
  <si>
    <t>3463297.0</t>
  </si>
  <si>
    <t>268946247.0</t>
  </si>
  <si>
    <t>181695879.0</t>
  </si>
  <si>
    <t>82542873.0</t>
  </si>
  <si>
    <t>36345.0</t>
  </si>
  <si>
    <t>4603374.0</t>
  </si>
  <si>
    <t>5271249.0</t>
  </si>
  <si>
    <t>3496462.0</t>
  </si>
  <si>
    <t>271952725.0</t>
  </si>
  <si>
    <t>183653178.0</t>
  </si>
  <si>
    <t>83228709.0</t>
  </si>
  <si>
    <t>2802645.0</t>
  </si>
  <si>
    <t>5319238.0</t>
  </si>
  <si>
    <t>3520633.0</t>
  </si>
  <si>
    <t>277225600.0</t>
  </si>
  <si>
    <t>187158768.0</t>
  </si>
  <si>
    <t>84807539.0</t>
  </si>
  <si>
    <t>36363.0</t>
  </si>
  <si>
    <t>4918652.0</t>
  </si>
  <si>
    <t>5335034.0</t>
  </si>
  <si>
    <t>3550952.0</t>
  </si>
  <si>
    <t>283122091.0</t>
  </si>
  <si>
    <t>190993004.0</t>
  </si>
  <si>
    <t>86658500.0</t>
  </si>
  <si>
    <t>36388.0</t>
  </si>
  <si>
    <t>6055818.0</t>
  </si>
  <si>
    <t>5401895.0</t>
  </si>
  <si>
    <t>3594983.0</t>
  </si>
  <si>
    <t>290027084.0</t>
  </si>
  <si>
    <t>195299708.0</t>
  </si>
  <si>
    <t>89040693.0</t>
  </si>
  <si>
    <t>36462.0</t>
  </si>
  <si>
    <t>7071101.0</t>
  </si>
  <si>
    <t>5523789.0</t>
  </si>
  <si>
    <t>3661856.0</t>
  </si>
  <si>
    <t>297272279.0</t>
  </si>
  <si>
    <t>199709454.0</t>
  </si>
  <si>
    <t>91671438.0</t>
  </si>
  <si>
    <t>7474923.0</t>
  </si>
  <si>
    <t>5649729.0</t>
  </si>
  <si>
    <t>3711388.0</t>
  </si>
  <si>
    <t>305423950.0</t>
  </si>
  <si>
    <t>204783375.0</t>
  </si>
  <si>
    <t>94659613.0</t>
  </si>
  <si>
    <t>7557475.0</t>
  </si>
  <si>
    <t>5784112.0</t>
  </si>
  <si>
    <t>3757658.0</t>
  </si>
  <si>
    <t>310165904.0</t>
  </si>
  <si>
    <t>207599570.0</t>
  </si>
  <si>
    <t>96362492.0</t>
  </si>
  <si>
    <t>36952.0</t>
  </si>
  <si>
    <t>5163829.0</t>
  </si>
  <si>
    <t>5863833.0</t>
  </si>
  <si>
    <t>3738425.0</t>
  </si>
  <si>
    <t>313430437.0</t>
  </si>
  <si>
    <t>209622730.0</t>
  </si>
  <si>
    <t>97336058.0</t>
  </si>
  <si>
    <t>3172282.0</t>
  </si>
  <si>
    <t>5916377.0</t>
  </si>
  <si>
    <t>3756644.0</t>
  </si>
  <si>
    <t>319403010.0</t>
  </si>
  <si>
    <t>213242164.0</t>
  </si>
  <si>
    <t>99463846.0</t>
  </si>
  <si>
    <t>5786311.0</t>
  </si>
  <si>
    <t>6040288.0</t>
  </si>
  <si>
    <t>3792537.0</t>
  </si>
  <si>
    <t>326344322.0</t>
  </si>
  <si>
    <t>217354263.0</t>
  </si>
  <si>
    <t>102189047.0</t>
  </si>
  <si>
    <t>37063.0</t>
  </si>
  <si>
    <t>6961943.0</t>
  </si>
  <si>
    <t>6171543.0</t>
  </si>
  <si>
    <t>3818201.0</t>
  </si>
  <si>
    <t>334262952.0</t>
  </si>
  <si>
    <t>222034297.0</t>
  </si>
  <si>
    <t>105390436.0</t>
  </si>
  <si>
    <t>37118.0</t>
  </si>
  <si>
    <t>8071300.0</t>
  </si>
  <si>
    <t>6314137.0</t>
  </si>
  <si>
    <t>3868696.0</t>
  </si>
  <si>
    <t>342730865.0</t>
  </si>
  <si>
    <t>226832645.0</t>
  </si>
  <si>
    <t>109016690.0</t>
  </si>
  <si>
    <t>8663531.0</t>
  </si>
  <si>
    <t>6483629.0</t>
  </si>
  <si>
    <t>3915274.0</t>
  </si>
  <si>
    <t>349536380.0</t>
  </si>
  <si>
    <t>230817656.0</t>
  </si>
  <si>
    <t>111793214.0</t>
  </si>
  <si>
    <t>37822.0</t>
  </si>
  <si>
    <t>6458013.0</t>
  </si>
  <si>
    <t>6326312.0</t>
  </si>
  <si>
    <t>3792178.0</t>
  </si>
  <si>
    <t>353900209.0</t>
  </si>
  <si>
    <t>233393967.0</t>
  </si>
  <si>
    <t>113523629.0</t>
  </si>
  <si>
    <t>4506065.0</t>
  </si>
  <si>
    <t>6232680.0</t>
  </si>
  <si>
    <t>3726516.0</t>
  </si>
  <si>
    <t>356283227.0</t>
  </si>
  <si>
    <t>234900464.0</t>
  </si>
  <si>
    <t>114270434.0</t>
  </si>
  <si>
    <t>37893.0</t>
  </si>
  <si>
    <t>2174104.0</t>
  </si>
  <si>
    <t>6089393.0</t>
  </si>
  <si>
    <t>3643200.0</t>
  </si>
  <si>
    <t>361437141.0</t>
  </si>
  <si>
    <t>237871810.0</t>
  </si>
  <si>
    <t>116533188.0</t>
  </si>
  <si>
    <t>37962.0</t>
  </si>
  <si>
    <t>5189675.0</t>
  </si>
  <si>
    <t>6003749.0</t>
  </si>
  <si>
    <t>3563310.0</t>
  </si>
  <si>
    <t>368706100.0</t>
  </si>
  <si>
    <t>242056466.0</t>
  </si>
  <si>
    <t>119696734.0</t>
  </si>
  <si>
    <t>38071.0</t>
  </si>
  <si>
    <t>7683669.0</t>
  </si>
  <si>
    <t>6106893.0</t>
  </si>
  <si>
    <t>3620164.0</t>
  </si>
  <si>
    <t>377555045.0</t>
  </si>
  <si>
    <t>247483841.0</t>
  </si>
  <si>
    <t>123383150.0</t>
  </si>
  <si>
    <t>38149.0</t>
  </si>
  <si>
    <t>8888998.0</t>
  </si>
  <si>
    <t>6223620.0</t>
  </si>
  <si>
    <t>3704924.0</t>
  </si>
  <si>
    <t>387018428.0</t>
  </si>
  <si>
    <t>253052452.0</t>
  </si>
  <si>
    <t>127392319.0</t>
  </si>
  <si>
    <t>38240.0</t>
  </si>
  <si>
    <t>9708355.0</t>
  </si>
  <si>
    <t>6372790.0</t>
  </si>
  <si>
    <t>3820555.0</t>
  </si>
  <si>
    <t>396467871.0</t>
  </si>
  <si>
    <t>258851147.0</t>
  </si>
  <si>
    <t>131406935.0</t>
  </si>
  <si>
    <t>9083242.0</t>
  </si>
  <si>
    <t>6747871.0</t>
  </si>
  <si>
    <t>4074643.0</t>
  </si>
  <si>
    <t>402495292.0</t>
  </si>
  <si>
    <t>262517695.0</t>
  </si>
  <si>
    <t>134049189.0</t>
  </si>
  <si>
    <t>6345923.0</t>
  </si>
  <si>
    <t>7010644.0</t>
  </si>
  <si>
    <t>4248293.0</t>
  </si>
  <si>
    <t>406324246.0</t>
  </si>
  <si>
    <t>264842235.0</t>
  </si>
  <si>
    <t>135575684.0</t>
  </si>
  <si>
    <t>39112.0</t>
  </si>
  <si>
    <t>3607849.0</t>
  </si>
  <si>
    <t>7215436.0</t>
  </si>
  <si>
    <t>4375589.0</t>
  </si>
  <si>
    <t>413043257.0</t>
  </si>
  <si>
    <t>268996896.0</t>
  </si>
  <si>
    <t>138302632.0</t>
  </si>
  <si>
    <t>39234.0</t>
  </si>
  <si>
    <t>6569919.0</t>
  </si>
  <si>
    <t>7412602.0</t>
  </si>
  <si>
    <t>4523647.0</t>
  </si>
  <si>
    <t>420496765.0</t>
  </si>
  <si>
    <t>273313258.0</t>
  </si>
  <si>
    <t>141159920.0</t>
  </si>
  <si>
    <t>7762900.0</t>
  </si>
  <si>
    <t>7423903.0</t>
  </si>
  <si>
    <t>4531078.0</t>
  </si>
  <si>
    <t>428430112.0</t>
  </si>
  <si>
    <t>277868010.0</t>
  </si>
  <si>
    <t>144272533.0</t>
  </si>
  <si>
    <t>8510726.0</t>
  </si>
  <si>
    <t>7369849.0</t>
  </si>
  <si>
    <t>4479308.0</t>
  </si>
  <si>
    <t>437081615.0</t>
  </si>
  <si>
    <t>282879803.0</t>
  </si>
  <si>
    <t>147607729.0</t>
  </si>
  <si>
    <t>8795767.0</t>
  </si>
  <si>
    <t>7239465.0</t>
  </si>
  <si>
    <t>4391468.0</t>
  </si>
  <si>
    <t>446233856.0</t>
  </si>
  <si>
    <t>288344091.0</t>
  </si>
  <si>
    <t>151014121.0</t>
  </si>
  <si>
    <t>41000.0</t>
  </si>
  <si>
    <t>8469007.0</t>
  </si>
  <si>
    <t>7151722.0</t>
  </si>
  <si>
    <t>4292133.0</t>
  </si>
  <si>
    <t>451599890.0</t>
  </si>
  <si>
    <t>291239013.0</t>
  </si>
  <si>
    <t>153173820.0</t>
  </si>
  <si>
    <t>5838028.0</t>
  </si>
  <si>
    <t>7079164.0</t>
  </si>
  <si>
    <t>4205085.0</t>
  </si>
  <si>
    <t>455716592.0</t>
  </si>
  <si>
    <t>293902216.0</t>
  </si>
  <si>
    <t>154423661.0</t>
  </si>
  <si>
    <t>3548882.0</t>
  </si>
  <si>
    <t>7070740.0</t>
  </si>
  <si>
    <t>4189166.0</t>
  </si>
  <si>
    <t>462502078.0</t>
  </si>
  <si>
    <t>297837767.0</t>
  </si>
  <si>
    <t>157039161.0</t>
  </si>
  <si>
    <t>41753.0</t>
  </si>
  <si>
    <t>6266618.0</t>
  </si>
  <si>
    <t>7027416.0</t>
  </si>
  <si>
    <t>4106443.0</t>
  </si>
  <si>
    <t>469691937.0</t>
  </si>
  <si>
    <t>303388697.0</t>
  </si>
  <si>
    <t>161730095.0</t>
  </si>
  <si>
    <t>42441.0</t>
  </si>
  <si>
    <t>7589600.0</t>
  </si>
  <si>
    <t>7002664.0</t>
  </si>
  <si>
    <t>4045558.0</t>
  </si>
  <si>
    <t>478305561.0</t>
  </si>
  <si>
    <t>307948852.0</t>
  </si>
  <si>
    <t>165294618.0</t>
  </si>
  <si>
    <t>8790405.0</t>
  </si>
  <si>
    <t>7042613.0</t>
  </si>
  <si>
    <t>4011885.0</t>
  </si>
  <si>
    <t>486900049.0</t>
  </si>
  <si>
    <t>312607796.0</t>
  </si>
  <si>
    <t>168906703.0</t>
  </si>
  <si>
    <t>8889807.0</t>
  </si>
  <si>
    <t>7056048.0</t>
  </si>
  <si>
    <t>3975407.0</t>
  </si>
  <si>
    <t>496171419.0</t>
  </si>
  <si>
    <t>317828676.0</t>
  </si>
  <si>
    <t>172579466.0</t>
  </si>
  <si>
    <t>8537041.0</t>
  </si>
  <si>
    <t>7065769.0</t>
  </si>
  <si>
    <t>3950318.0</t>
  </si>
  <si>
    <t>501190814.0</t>
  </si>
  <si>
    <t>320482752.0</t>
  </si>
  <si>
    <t>174793691.0</t>
  </si>
  <si>
    <t>46008.0</t>
  </si>
  <si>
    <t>5781944.0</t>
  </si>
  <si>
    <t>7057761.0</t>
  </si>
  <si>
    <t>3942359.0</t>
  </si>
  <si>
    <t>505881694.0</t>
  </si>
  <si>
    <t>323416460.0</t>
  </si>
  <si>
    <t>176185506.0</t>
  </si>
  <si>
    <t>3582648.0</t>
  </si>
  <si>
    <t>7062582.0</t>
  </si>
  <si>
    <t>3946753.0</t>
  </si>
  <si>
    <t>512131935.0</t>
  </si>
  <si>
    <t>326745440.0</t>
  </si>
  <si>
    <t>178816715.0</t>
  </si>
  <si>
    <t>6748041.0</t>
  </si>
  <si>
    <t>7131358.0</t>
  </si>
  <si>
    <t>3985928.0</t>
  </si>
  <si>
    <t>520189031.0</t>
  </si>
  <si>
    <t>331149378.0</t>
  </si>
  <si>
    <t>182264502.0</t>
  </si>
  <si>
    <t>47879.0</t>
  </si>
  <si>
    <t>8177616.0</t>
  </si>
  <si>
    <t>7215364.0</t>
  </si>
  <si>
    <t>4034217.0</t>
  </si>
  <si>
    <t>529202662.0</t>
  </si>
  <si>
    <t>335980633.0</t>
  </si>
  <si>
    <t>186084773.0</t>
  </si>
  <si>
    <t>49550.0</t>
  </si>
  <si>
    <t>9345864.0</t>
  </si>
  <si>
    <t>7294711.0</t>
  </si>
  <si>
    <t>4076429.0</t>
  </si>
  <si>
    <t>537983987.0</t>
  </si>
  <si>
    <t>341559196.0</t>
  </si>
  <si>
    <t>190533871.0</t>
  </si>
  <si>
    <t>9119276.0</t>
  </si>
  <si>
    <t>7327493.0</t>
  </si>
  <si>
    <t>4088128.0</t>
  </si>
  <si>
    <t>546800588.0</t>
  </si>
  <si>
    <t>346664699.0</t>
  </si>
  <si>
    <t>194051643.0</t>
  </si>
  <si>
    <t>52951.0</t>
  </si>
  <si>
    <t>8560730.0</t>
  </si>
  <si>
    <t>7330873.0</t>
  </si>
  <si>
    <t>4097395.0</t>
  </si>
  <si>
    <t>551719517.0</t>
  </si>
  <si>
    <t>349233805.0</t>
  </si>
  <si>
    <t>196234784.0</t>
  </si>
  <si>
    <t>5281836.0</t>
  </si>
  <si>
    <t>7259432.0</t>
  </si>
  <si>
    <t>4028732.0</t>
  </si>
  <si>
    <t>556092813.0</t>
  </si>
  <si>
    <t>351760943.0</t>
  </si>
  <si>
    <t>197972462.0</t>
  </si>
  <si>
    <t>53355.0</t>
  </si>
  <si>
    <t>3390622.0</t>
  </si>
  <si>
    <t>7231997.0</t>
  </si>
  <si>
    <t>3976283.0</t>
  </si>
  <si>
    <t>561455341.0</t>
  </si>
  <si>
    <t>354586776.0</t>
  </si>
  <si>
    <t>200475330.0</t>
  </si>
  <si>
    <t>54334.0</t>
  </si>
  <si>
    <t>5680804.0</t>
  </si>
  <si>
    <t>7079539.0</t>
  </si>
  <si>
    <t>3873715.0</t>
  </si>
  <si>
    <t>568866081.0</t>
  </si>
  <si>
    <t>358219382.0</t>
  </si>
  <si>
    <t>203814829.0</t>
  </si>
  <si>
    <t>55780.0</t>
  </si>
  <si>
    <t>7736530.0</t>
  </si>
  <si>
    <t>7016522.0</t>
  </si>
  <si>
    <t>3815168.0</t>
  </si>
  <si>
    <t>577389785.0</t>
  </si>
  <si>
    <t>362664224.0</t>
  </si>
  <si>
    <t>207984693.0</t>
  </si>
  <si>
    <t>8594317.0</t>
  </si>
  <si>
    <t>6909163.0</t>
  </si>
  <si>
    <t>3726889.0</t>
  </si>
  <si>
    <t>586471299.0</t>
  </si>
  <si>
    <t>367351514.0</t>
  </si>
  <si>
    <t>212198090.0</t>
  </si>
  <si>
    <t>59501.0</t>
  </si>
  <si>
    <t>9353928.0</t>
  </si>
  <si>
    <t>6942597.0</t>
  </si>
  <si>
    <t>3716987.0</t>
  </si>
  <si>
    <t>595831312.0</t>
  </si>
  <si>
    <t>372269247.0</t>
  </si>
  <si>
    <t>216490653.0</t>
  </si>
  <si>
    <t>8646971.0</t>
  </si>
  <si>
    <t>6954930.0</t>
  </si>
  <si>
    <t>3672767.0</t>
  </si>
  <si>
    <t>601015267.0</t>
  </si>
  <si>
    <t>374871892.0</t>
  </si>
  <si>
    <t>218914734.0</t>
  </si>
  <si>
    <t>5849844.0</t>
  </si>
  <si>
    <t>7036271.0</t>
  </si>
  <si>
    <t>3709931.0</t>
  </si>
  <si>
    <t>605672730.0</t>
  </si>
  <si>
    <t>377702700.0</t>
  </si>
  <si>
    <t>220578315.0</t>
  </si>
  <si>
    <t>62581.0</t>
  </si>
  <si>
    <t>3594213.0</t>
  </si>
  <si>
    <t>7065339.0</t>
  </si>
  <si>
    <t>3740779.0</t>
  </si>
  <si>
    <t>611961626.0</t>
  </si>
  <si>
    <t>381068846.0</t>
  </si>
  <si>
    <t>223417165.0</t>
  </si>
  <si>
    <t>63917.0</t>
  </si>
  <si>
    <t>6609829.0</t>
  </si>
  <si>
    <t>7198041.0</t>
  </si>
  <si>
    <t>3817968.0</t>
  </si>
  <si>
    <t>619929617.0</t>
  </si>
  <si>
    <t>385242118.0</t>
  </si>
  <si>
    <t>227022357.0</t>
  </si>
  <si>
    <t>65662.0</t>
  </si>
  <si>
    <t>8402414.0</t>
  </si>
  <si>
    <t>7293150.0</t>
  </si>
  <si>
    <t>3864589.0</t>
  </si>
  <si>
    <t>628287556.0</t>
  </si>
  <si>
    <t>389647766.0</t>
  </si>
  <si>
    <t>230832748.0</t>
  </si>
  <si>
    <t>67541.0</t>
  </si>
  <si>
    <t>9147006.0</t>
  </si>
  <si>
    <t>7372090.0</t>
  </si>
  <si>
    <t>3921612.0</t>
  </si>
  <si>
    <t>636458055.0</t>
  </si>
  <si>
    <t>394031976.0</t>
  </si>
  <si>
    <t>234581689.0</t>
  </si>
  <si>
    <t>8107604.0</t>
  </si>
  <si>
    <t>7194011.0</t>
  </si>
  <si>
    <t>3841194.0</t>
  </si>
  <si>
    <t>645921329.0</t>
  </si>
  <si>
    <t>399339600.0</t>
  </si>
  <si>
    <t>238764396.0</t>
  </si>
  <si>
    <t>70890.0</t>
  </si>
  <si>
    <t>8553274.0</t>
  </si>
  <si>
    <t>7180593.0</t>
  </si>
  <si>
    <t>3884884.0</t>
  </si>
  <si>
    <t>651714595.0</t>
  </si>
  <si>
    <t>402602550.0</t>
  </si>
  <si>
    <t>241211748.0</t>
  </si>
  <si>
    <t>6428651.0</t>
  </si>
  <si>
    <t>7263290.0</t>
  </si>
  <si>
    <t>3972641.0</t>
  </si>
  <si>
    <t>657189635.0</t>
  </si>
  <si>
    <t>405740725.0</t>
  </si>
  <si>
    <t>243054912.0</t>
  </si>
  <si>
    <t>71559.0</t>
  </si>
  <si>
    <t>4165397.0</t>
  </si>
  <si>
    <t>7344882.0</t>
  </si>
  <si>
    <t>4040952.0</t>
  </si>
  <si>
    <t>664066645.0</t>
  </si>
  <si>
    <t>409584224.0</t>
  </si>
  <si>
    <t>246022190.0</t>
  </si>
  <si>
    <t>73220.0</t>
  </si>
  <si>
    <t>7155927.0</t>
  </si>
  <si>
    <t>7422903.0</t>
  </si>
  <si>
    <t>4108010.0</t>
  </si>
  <si>
    <t>672211202.0</t>
  </si>
  <si>
    <t>414113970.0</t>
  </si>
  <si>
    <t>249503847.0</t>
  </si>
  <si>
    <t>75344.0</t>
  </si>
  <si>
    <t>8521373.0</t>
  </si>
  <si>
    <t>7439890.0</t>
  </si>
  <si>
    <t>4154996.0</t>
  </si>
  <si>
    <t>680744187.0</t>
  </si>
  <si>
    <t>418744636.0</t>
  </si>
  <si>
    <t>253218986.0</t>
  </si>
  <si>
    <t>78024.0</t>
  </si>
  <si>
    <t>9385323.0</t>
  </si>
  <si>
    <t>7473936.0</t>
  </si>
  <si>
    <t>4189766.0</t>
  </si>
  <si>
    <t>690142230.0</t>
  </si>
  <si>
    <t>423766546.0</t>
  </si>
  <si>
    <t>257460644.0</t>
  </si>
  <si>
    <t>80723.0</t>
  </si>
  <si>
    <t>9436811.0</t>
  </si>
  <si>
    <t>7663821.0</t>
  </si>
  <si>
    <t>4289731.0</t>
  </si>
  <si>
    <t>700131109.0</t>
  </si>
  <si>
    <t>429005911.0</t>
  </si>
  <si>
    <t>262025501.0</t>
  </si>
  <si>
    <t>83987.0</t>
  </si>
  <si>
    <t>8898321.0</t>
  </si>
  <si>
    <t>7713116.0</t>
  </si>
  <si>
    <t>4272964.0</t>
  </si>
  <si>
    <t>705729169.0</t>
  </si>
  <si>
    <t>432073206.0</t>
  </si>
  <si>
    <t>264522787.0</t>
  </si>
  <si>
    <t>6299482.0</t>
  </si>
  <si>
    <t>7694822.0</t>
  </si>
  <si>
    <t>4242782.0</t>
  </si>
  <si>
    <t>710729768.0</t>
  </si>
  <si>
    <t>435005097.0</t>
  </si>
  <si>
    <t>266506405.0</t>
  </si>
  <si>
    <t>84980.0</t>
  </si>
  <si>
    <t>3883524.0</t>
  </si>
  <si>
    <t>7654524.0</t>
  </si>
  <si>
    <t>4212708.0</t>
  </si>
  <si>
    <t>716682075.0</t>
  </si>
  <si>
    <t>438473347.0</t>
  </si>
  <si>
    <t>269015883.0</t>
  </si>
  <si>
    <t>85678.0</t>
  </si>
  <si>
    <t>6432782.0</t>
  </si>
  <si>
    <t>7551192.0</t>
  </si>
  <si>
    <t>4156900.0</t>
  </si>
  <si>
    <t>724155094.0</t>
  </si>
  <si>
    <t>442432343.0</t>
  </si>
  <si>
    <t>272280203.0</t>
  </si>
  <si>
    <t>88147.0</t>
  </si>
  <si>
    <t>7745684.0</t>
  </si>
  <si>
    <t>7440354.0</t>
  </si>
  <si>
    <t>4072394.0</t>
  </si>
  <si>
    <t>732745467.0</t>
  </si>
  <si>
    <t>447006659.0</t>
  </si>
  <si>
    <t>276182184.0</t>
  </si>
  <si>
    <t>90625.0</t>
  </si>
  <si>
    <t>9018719.0</t>
  </si>
  <si>
    <t>7387958.0</t>
  </si>
  <si>
    <t>4028092.0</t>
  </si>
  <si>
    <t>741630387.0</t>
  </si>
  <si>
    <t>452037582.0</t>
  </si>
  <si>
    <t>280073715.0</t>
  </si>
  <si>
    <t>93183.0</t>
  </si>
  <si>
    <t>9367534.0</t>
  </si>
  <si>
    <t>7378027.0</t>
  </si>
  <si>
    <t>4059354.0</t>
  </si>
  <si>
    <t>751307732.0</t>
  </si>
  <si>
    <t>457397221.0</t>
  </si>
  <si>
    <t>284541799.0</t>
  </si>
  <si>
    <t>96343.0</t>
  </si>
  <si>
    <t>8724729.0</t>
  </si>
  <si>
    <t>7353206.0</t>
  </si>
  <si>
    <t>4099373.0</t>
  </si>
  <si>
    <t>756530856.0</t>
  </si>
  <si>
    <t>460328600.0</t>
  </si>
  <si>
    <t>286786999.0</t>
  </si>
  <si>
    <t>97028.0</t>
  </si>
  <si>
    <t>5914230.0</t>
  </si>
  <si>
    <t>7298172.0</t>
  </si>
  <si>
    <t>4079432.0</t>
  </si>
  <si>
    <t>761574504.0</t>
  </si>
  <si>
    <t>463018736.0</t>
  </si>
  <si>
    <t>289001881.0</t>
  </si>
  <si>
    <t>3994267.0</t>
  </si>
  <si>
    <t>7313992.0</t>
  </si>
  <si>
    <t>4069798.0</t>
  </si>
  <si>
    <t>767439863.0</t>
  </si>
  <si>
    <t>466530622.0</t>
  </si>
  <si>
    <t>291361467.0</t>
  </si>
  <si>
    <t>98842.0</t>
  </si>
  <si>
    <t>6294243.0</t>
  </si>
  <si>
    <t>7294201.0</t>
  </si>
  <si>
    <t>4083505.0</t>
  </si>
  <si>
    <t>775871014.0</t>
  </si>
  <si>
    <t>471264748.0</t>
  </si>
  <si>
    <t>295131581.0</t>
  </si>
  <si>
    <t>101303.0</t>
  </si>
  <si>
    <t>8883399.0</t>
  </si>
  <si>
    <t>7456727.0</t>
  </si>
  <si>
    <t>4200054.0</t>
  </si>
  <si>
    <t>785110983.0</t>
  </si>
  <si>
    <t>476501852.0</t>
  </si>
  <si>
    <t>299146723.0</t>
  </si>
  <si>
    <t>103770.0</t>
  </si>
  <si>
    <t>9459425.0</t>
  </si>
  <si>
    <t>7519690.0</t>
  </si>
  <si>
    <t>4260802.0</t>
  </si>
  <si>
    <t>793358549.0</t>
  </si>
  <si>
    <t>481106421.0</t>
  </si>
  <si>
    <t>302758040.0</t>
  </si>
  <si>
    <t>106113.0</t>
  </si>
  <si>
    <t>8691551.0</t>
  </si>
  <si>
    <t>7423126.0</t>
  </si>
  <si>
    <t>4198232.0</t>
  </si>
  <si>
    <t>803070899.0</t>
  </si>
  <si>
    <t>486479243.0</t>
  </si>
  <si>
    <t>307471323.0</t>
  </si>
  <si>
    <t>109493.0</t>
  </si>
  <si>
    <t>9040206.0</t>
  </si>
  <si>
    <t>7468184.0</t>
  </si>
  <si>
    <t>4207989.0</t>
  </si>
  <si>
    <t>809225861.0</t>
  </si>
  <si>
    <t>489733182.0</t>
  </si>
  <si>
    <t>310359781.0</t>
  </si>
  <si>
    <t>110425.0</t>
  </si>
  <si>
    <t>6962423.0</t>
  </si>
  <si>
    <t>7617928.0</t>
  </si>
  <si>
    <t>4280169.0</t>
  </si>
  <si>
    <t>815559414.0</t>
  </si>
  <si>
    <t>493145864.0</t>
  </si>
  <si>
    <t>313460623.0</t>
  </si>
  <si>
    <t>110894.0</t>
  </si>
  <si>
    <t>4789734.0</t>
  </si>
  <si>
    <t>7731566.0</t>
  </si>
  <si>
    <t>4344400.0</t>
  </si>
  <si>
    <t>823461954.0</t>
  </si>
  <si>
    <t>497859529.0</t>
  </si>
  <si>
    <t>316921182.0</t>
  </si>
  <si>
    <t>112703.0</t>
  </si>
  <si>
    <t>8452218.0</t>
  </si>
  <si>
    <t>8039852.0</t>
  </si>
  <si>
    <t>4511329.0</t>
  </si>
  <si>
    <t>832296303.0</t>
  </si>
  <si>
    <t>502687630.0</t>
  </si>
  <si>
    <t>321124560.0</t>
  </si>
  <si>
    <t>9468678.0</t>
  </si>
  <si>
    <t>8123464.0</t>
  </si>
  <si>
    <t>4535604.0</t>
  </si>
  <si>
    <t>841961434.0</t>
  </si>
  <si>
    <t>507656447.0</t>
  </si>
  <si>
    <t>325852890.0</t>
  </si>
  <si>
    <t>117296.0</t>
  </si>
  <si>
    <t>10186149.0</t>
  </si>
  <si>
    <t>8227277.0</t>
  </si>
  <si>
    <t>4544404.0</t>
  </si>
  <si>
    <t>851607339.0</t>
  </si>
  <si>
    <t>512746112.0</t>
  </si>
  <si>
    <t>330768648.0</t>
  </si>
  <si>
    <t>119734.0</t>
  </si>
  <si>
    <t>10172301.0</t>
  </si>
  <si>
    <t>8438812.0</t>
  </si>
  <si>
    <t>4627249.0</t>
  </si>
  <si>
    <t>862603315.0</t>
  </si>
  <si>
    <t>518720288.0</t>
  </si>
  <si>
    <t>335975827.0</t>
  </si>
  <si>
    <t>9709791.0</t>
  </si>
  <si>
    <t>8534475.0</t>
  </si>
  <si>
    <t>4641598.0</t>
  </si>
  <si>
    <t>868733150.0</t>
  </si>
  <si>
    <t>521903680.0</t>
  </si>
  <si>
    <t>338897418.0</t>
  </si>
  <si>
    <t>123453.0</t>
  </si>
  <si>
    <t>7055894.0</t>
  </si>
  <si>
    <t>8547823.0</t>
  </si>
  <si>
    <t>4625493.0</t>
  </si>
  <si>
    <t>875177593.0</t>
  </si>
  <si>
    <t>525120899.0</t>
  </si>
  <si>
    <t>342262133.0</t>
  </si>
  <si>
    <t>123990.0</t>
  </si>
  <si>
    <t>4642541.0</t>
  </si>
  <si>
    <t>8526797.0</t>
  </si>
  <si>
    <t>4584448.0</t>
  </si>
  <si>
    <t>882938402.0</t>
  </si>
  <si>
    <t>528984775.0</t>
  </si>
  <si>
    <t>346373289.0</t>
  </si>
  <si>
    <t>8335373.0</t>
  </si>
  <si>
    <t>8510100.0</t>
  </si>
  <si>
    <t>4476182.0</t>
  </si>
  <si>
    <t>891781739.0</t>
  </si>
  <si>
    <t>533443808.0</t>
  </si>
  <si>
    <t>350880522.0</t>
  </si>
  <si>
    <t>9721931.0</t>
  </si>
  <si>
    <t>8546282.0</t>
  </si>
  <si>
    <t>4424837.0</t>
  </si>
  <si>
    <t>901710539.0</t>
  </si>
  <si>
    <t>537979388.0</t>
  </si>
  <si>
    <t>356325442.0</t>
  </si>
  <si>
    <t>130261.0</t>
  </si>
  <si>
    <t>10125149.0</t>
  </si>
  <si>
    <t>8537569.0</t>
  </si>
  <si>
    <t>4353304.0</t>
  </si>
  <si>
    <t>910806699.0</t>
  </si>
  <si>
    <t>542169777.0</t>
  </si>
  <si>
    <t>361157166.0</t>
  </si>
  <si>
    <t>133004.0</t>
  </si>
  <si>
    <t>9735127.0</t>
  </si>
  <si>
    <t>8475119.0</t>
  </si>
  <si>
    <t>4236778.0</t>
  </si>
  <si>
    <t>921136664.0</t>
  </si>
  <si>
    <t>547086785.0</t>
  </si>
  <si>
    <t>366485798.0</t>
  </si>
  <si>
    <t>135787.0</t>
  </si>
  <si>
    <t>9094141.0</t>
  </si>
  <si>
    <t>8387165.0</t>
  </si>
  <si>
    <t>4136491.0</t>
  </si>
  <si>
    <t>926777032.0</t>
  </si>
  <si>
    <t>549775375.0</t>
  </si>
  <si>
    <t>369316318.0</t>
  </si>
  <si>
    <t>136635.0</t>
  </si>
  <si>
    <t>6617490.0</t>
  </si>
  <si>
    <t>8324541.0</t>
  </si>
  <si>
    <t>4078226.0</t>
  </si>
  <si>
    <t>933220794.0</t>
  </si>
  <si>
    <t>552810665.0</t>
  </si>
  <si>
    <t>372577094.0</t>
  </si>
  <si>
    <t>136953.0</t>
  </si>
  <si>
    <t>4667590.0</t>
  </si>
  <si>
    <t>8328114.0</t>
  </si>
  <si>
    <t>4065079.0</t>
  </si>
  <si>
    <t>939587223.0</t>
  </si>
  <si>
    <t>556194083.0</t>
  </si>
  <si>
    <t>376091307.0</t>
  </si>
  <si>
    <t>138429.0</t>
  </si>
  <si>
    <t>6893503.0</t>
  </si>
  <si>
    <t>8122134.0</t>
  </si>
  <si>
    <t>3926027.0</t>
  </si>
  <si>
    <t>948154426.0</t>
  </si>
  <si>
    <t>559767506.0</t>
  </si>
  <si>
    <t>381207824.0</t>
  </si>
  <si>
    <t>140116.0</t>
  </si>
  <si>
    <t>9177530.0</t>
  </si>
  <si>
    <t>8044363.0</t>
  </si>
  <si>
    <t>3795299.0</t>
  </si>
  <si>
    <t>957118490.0</t>
  </si>
  <si>
    <t>563554406.0</t>
  </si>
  <si>
    <t>386413720.0</t>
  </si>
  <si>
    <t>141609.0</t>
  </si>
  <si>
    <t>9457762.0</t>
  </si>
  <si>
    <t>7949021.0</t>
  </si>
  <si>
    <t>3693184.0</t>
  </si>
  <si>
    <t>965298160.0</t>
  </si>
  <si>
    <t>567158097.0</t>
  </si>
  <si>
    <t>391065193.0</t>
  </si>
  <si>
    <t>143282.0</t>
  </si>
  <si>
    <t>8771647.0</t>
  </si>
  <si>
    <t>7811384.0</t>
  </si>
  <si>
    <t>3595818.0</t>
  </si>
  <si>
    <t>974791347.0</t>
  </si>
  <si>
    <t>571512927.0</t>
  </si>
  <si>
    <t>396288065.0</t>
  </si>
  <si>
    <t>8585356.0</t>
  </si>
  <si>
    <t>7738697.0</t>
  </si>
  <si>
    <t>3497624.0</t>
  </si>
  <si>
    <t>980901705.0</t>
  </si>
  <si>
    <t>573951275.0</t>
  </si>
  <si>
    <t>399845272.0</t>
  </si>
  <si>
    <t>147360.0</t>
  </si>
  <si>
    <t>6694300.0</t>
  </si>
  <si>
    <t>7749668.0</t>
  </si>
  <si>
    <t>3432214.0</t>
  </si>
  <si>
    <t>987265634.0</t>
  </si>
  <si>
    <t>592721431.0</t>
  </si>
  <si>
    <t>404964397.0</t>
  </si>
  <si>
    <t>4948903.0</t>
  </si>
  <si>
    <t>7789859.0</t>
  </si>
  <si>
    <t>3427117.0</t>
  </si>
  <si>
    <t>994504673.0</t>
  </si>
  <si>
    <t>595674818.0</t>
  </si>
  <si>
    <t>409302119.0</t>
  </si>
  <si>
    <t>149324.0</t>
  </si>
  <si>
    <t>7835194.0</t>
  </si>
  <si>
    <t>7924380.0</t>
  </si>
  <si>
    <t>3515015.0</t>
  </si>
  <si>
    <t>1002842021.0</t>
  </si>
  <si>
    <t>599069225.0</t>
  </si>
  <si>
    <t>414348396.0</t>
  </si>
  <si>
    <t>151907.0</t>
  </si>
  <si>
    <t>8916835.0</t>
  </si>
  <si>
    <t>7887142.0</t>
  </si>
  <si>
    <t>3499188.0</t>
  </si>
  <si>
    <t>1011599292.0</t>
  </si>
  <si>
    <t>602710812.0</t>
  </si>
  <si>
    <t>419433506.0</t>
  </si>
  <si>
    <t>154455.0</t>
  </si>
  <si>
    <t>9349979.0</t>
  </si>
  <si>
    <t>7871746.0</t>
  </si>
  <si>
    <t>3482537.0</t>
  </si>
  <si>
    <t>1019570455.0</t>
  </si>
  <si>
    <t>606123762.0</t>
  </si>
  <si>
    <t>424109445.0</t>
  </si>
  <si>
    <t>157403.0</t>
  </si>
  <si>
    <t>8630594.0</t>
  </si>
  <si>
    <t>7851595.0</t>
  </si>
  <si>
    <t>3441002.0</t>
  </si>
  <si>
    <t>1029152277.0</t>
  </si>
  <si>
    <t>610394187.0</t>
  </si>
  <si>
    <t>429603419.0</t>
  </si>
  <si>
    <t>161326.0</t>
  </si>
  <si>
    <t>8149039.0</t>
  </si>
  <si>
    <t>7789263.0</t>
  </si>
  <si>
    <t>3383842.0</t>
  </si>
  <si>
    <t>1034953104.0</t>
  </si>
  <si>
    <t>613263525.0</t>
  </si>
  <si>
    <t>433483452.0</t>
  </si>
  <si>
    <t>162556.0</t>
  </si>
  <si>
    <t>6362923.0</t>
  </si>
  <si>
    <t>7741922.0</t>
  </si>
  <si>
    <t>3373288.0</t>
  </si>
  <si>
    <t>1041345837.0</t>
  </si>
  <si>
    <t>616445753.0</t>
  </si>
  <si>
    <t>436922342.0</t>
  </si>
  <si>
    <t>163121.0</t>
  </si>
  <si>
    <t>4757604.0</t>
  </si>
  <si>
    <t>7714597.0</t>
  </si>
  <si>
    <t>3363625.0</t>
  </si>
  <si>
    <t>1048843259.0</t>
  </si>
  <si>
    <t>622108241.0</t>
  </si>
  <si>
    <t>443576554.0</t>
  </si>
  <si>
    <t>165745.0</t>
  </si>
  <si>
    <t>7586617.0</t>
  </si>
  <si>
    <t>7679080.0</t>
  </si>
  <si>
    <t>3367855.0</t>
  </si>
  <si>
    <t>1056668472.0</t>
  </si>
  <si>
    <t>625411760.0</t>
  </si>
  <si>
    <t>448212135.0</t>
  </si>
  <si>
    <t>168664.0</t>
  </si>
  <si>
    <t>8437192.0</t>
  </si>
  <si>
    <t>7610561.0</t>
  </si>
  <si>
    <t>3355253.0</t>
  </si>
  <si>
    <t>1065204062.0</t>
  </si>
  <si>
    <t>629058718.0</t>
  </si>
  <si>
    <t>453379356.0</t>
  </si>
  <si>
    <t>8998931.0</t>
  </si>
  <si>
    <t>7560411.0</t>
  </si>
  <si>
    <t>3335390.0</t>
  </si>
  <si>
    <t>1073550982.0</t>
  </si>
  <si>
    <t>632538828.0</t>
  </si>
  <si>
    <t>458377409.0</t>
  </si>
  <si>
    <t>174234.0</t>
  </si>
  <si>
    <t>8945753.0</t>
  </si>
  <si>
    <t>7605440.0</t>
  </si>
  <si>
    <t>3338742.0</t>
  </si>
  <si>
    <t>1083400483.0</t>
  </si>
  <si>
    <t>636892157.0</t>
  </si>
  <si>
    <t>464049110.0</t>
  </si>
  <si>
    <t>178219.0</t>
  </si>
  <si>
    <t>8413429.0</t>
  </si>
  <si>
    <t>7643209.0</t>
  </si>
  <si>
    <t>3348508.0</t>
  </si>
  <si>
    <t>1088720706.0</t>
  </si>
  <si>
    <t>639119508.0</t>
  </si>
  <si>
    <t>467185419.0</t>
  </si>
  <si>
    <t>179564.0</t>
  </si>
  <si>
    <t>6453376.0</t>
  </si>
  <si>
    <t>7656133.0</t>
  </si>
  <si>
    <t>3323344.0</t>
  </si>
  <si>
    <t>1095160180.0</t>
  </si>
  <si>
    <t>641994969.0</t>
  </si>
  <si>
    <t>470973390.0</t>
  </si>
  <si>
    <t>180177.0</t>
  </si>
  <si>
    <t>4775224.0</t>
  </si>
  <si>
    <t>7658645.0</t>
  </si>
  <si>
    <t>3278551.0</t>
  </si>
  <si>
    <t>1102534353.0</t>
  </si>
  <si>
    <t>645056191.0</t>
  </si>
  <si>
    <t>475421649.0</t>
  </si>
  <si>
    <t>182428.0</t>
  </si>
  <si>
    <t>7711753.0</t>
  </si>
  <si>
    <t>7676526.0</t>
  </si>
  <si>
    <t>3248564.0</t>
  </si>
  <si>
    <t>1110594735.0</t>
  </si>
  <si>
    <t>648384942.0</t>
  </si>
  <si>
    <t>480292231.0</t>
  </si>
  <si>
    <t>185071.0</t>
  </si>
  <si>
    <t>8550927.0</t>
  </si>
  <si>
    <t>7692772.0</t>
  </si>
  <si>
    <t>3229441.0</t>
  </si>
  <si>
    <t>1118879346.0</t>
  </si>
  <si>
    <t>651765879.0</t>
  </si>
  <si>
    <t>485308602.0</t>
  </si>
  <si>
    <t>186601.0</t>
  </si>
  <si>
    <t>8692094.0</t>
  </si>
  <si>
    <t>7648936.0</t>
  </si>
  <si>
    <t>89.47</t>
  </si>
  <si>
    <t>3180491.0</t>
  </si>
  <si>
    <t>1127251824.0</t>
  </si>
  <si>
    <t>655279457.0</t>
  </si>
  <si>
    <t>490513050.0</t>
  </si>
  <si>
    <t>2033459.0</t>
  </si>
  <si>
    <t>8869520.0</t>
  </si>
  <si>
    <t>7638047.0</t>
  </si>
  <si>
    <t>3165485.0</t>
  </si>
  <si>
    <t>1136439579.0</t>
  </si>
  <si>
    <t>658799828.0</t>
  </si>
  <si>
    <t>496369481.0</t>
  </si>
  <si>
    <t>2066654.0</t>
  </si>
  <si>
    <t>8234460.0</t>
  </si>
  <si>
    <t>7612480.0</t>
  </si>
  <si>
    <t>3134268.0</t>
  </si>
  <si>
    <t>1141917717.0</t>
  </si>
  <si>
    <t>660827832.0</t>
  </si>
  <si>
    <t>499893467.0</t>
  </si>
  <si>
    <t>2071099.0</t>
  </si>
  <si>
    <t>6229613.0</t>
  </si>
  <si>
    <t>7580513.0</t>
  </si>
  <si>
    <t>3092981.0</t>
  </si>
  <si>
    <t>1147964579.0</t>
  </si>
  <si>
    <t>663337945.0</t>
  </si>
  <si>
    <t>503425619.0</t>
  </si>
  <si>
    <t>2146986.0</t>
  </si>
  <si>
    <t>4659541.0</t>
  </si>
  <si>
    <t>7563990.0</t>
  </si>
  <si>
    <t>3053059.0</t>
  </si>
  <si>
    <t>1154567106.0</t>
  </si>
  <si>
    <t>665930400.0</t>
  </si>
  <si>
    <t>507567020.0</t>
  </si>
  <si>
    <t>2166286.0</t>
  </si>
  <si>
    <t>6924932.0</t>
  </si>
  <si>
    <t>7451585.0</t>
  </si>
  <si>
    <t>2994938.0</t>
  </si>
  <si>
    <t>1161988337.0</t>
  </si>
  <si>
    <t>669018232.0</t>
  </si>
  <si>
    <t>512009326.0</t>
  </si>
  <si>
    <t>2198632.0</t>
  </si>
  <si>
    <t>7818552.0</t>
  </si>
  <si>
    <t>7346959.0</t>
  </si>
  <si>
    <t>2955598.0</t>
  </si>
  <si>
    <t>1169728914.0</t>
  </si>
  <si>
    <t>672122988.0</t>
  </si>
  <si>
    <t>516765870.0</t>
  </si>
  <si>
    <t>2201020.0</t>
  </si>
  <si>
    <t>8161589.0</t>
  </si>
  <si>
    <t>7271176.0</t>
  </si>
  <si>
    <t>2921369.0</t>
  </si>
  <si>
    <t>1176547007.0</t>
  </si>
  <si>
    <t>674842324.0</t>
  </si>
  <si>
    <t>521009513.0</t>
  </si>
  <si>
    <t>2203684.0</t>
  </si>
  <si>
    <t>7242477.0</t>
  </si>
  <si>
    <t>7038736.0</t>
  </si>
  <si>
    <t>2806495.0</t>
  </si>
  <si>
    <t>1184127470.0</t>
  </si>
  <si>
    <t>677821346.0</t>
  </si>
  <si>
    <t>525848053.0</t>
  </si>
  <si>
    <t>2207045.0</t>
  </si>
  <si>
    <t>6722278.0</t>
  </si>
  <si>
    <t>6822714.0</t>
  </si>
  <si>
    <t>2732463.0</t>
  </si>
  <si>
    <t>1188772041.0</t>
  </si>
  <si>
    <t>679453778.0</t>
  </si>
  <si>
    <t>528899671.0</t>
  </si>
  <si>
    <t>2208391.0</t>
  </si>
  <si>
    <t>5548617.0</t>
  </si>
  <si>
    <t>6725428.0</t>
  </si>
  <si>
    <t>2682589.0</t>
  </si>
  <si>
    <t>1194550484.0</t>
  </si>
  <si>
    <t>681902397.0</t>
  </si>
  <si>
    <t>532407265.0</t>
  </si>
  <si>
    <t>2209157.0</t>
  </si>
  <si>
    <t>4233060.0</t>
  </si>
  <si>
    <t>6664507.0</t>
  </si>
  <si>
    <t>2656454.0</t>
  </si>
  <si>
    <t>1201816329.0</t>
  </si>
  <si>
    <t>685191292.0</t>
  </si>
  <si>
    <t>536597424.0</t>
  </si>
  <si>
    <t>2211754.0</t>
  </si>
  <si>
    <t>7694980.0</t>
  </si>
  <si>
    <t>6774507.0</t>
  </si>
  <si>
    <t>96.11</t>
  </si>
  <si>
    <t>2754148.0</t>
  </si>
  <si>
    <t>1209495336.0</t>
  </si>
  <si>
    <t>688551261.0</t>
  </si>
  <si>
    <t>541024856.0</t>
  </si>
  <si>
    <t>2214775.0</t>
  </si>
  <si>
    <t>8115313.0</t>
  </si>
  <si>
    <t>6816903.0</t>
  </si>
  <si>
    <t>96.72</t>
  </si>
  <si>
    <t>2792139.0</t>
  </si>
  <si>
    <t>1217470079.0</t>
  </si>
  <si>
    <t>692086329.0</t>
  </si>
  <si>
    <t>545595788.0</t>
  </si>
  <si>
    <t>2218008.0</t>
  </si>
  <si>
    <t>8417850.0</t>
  </si>
  <si>
    <t>6853514.0</t>
  </si>
  <si>
    <t>2851760.0</t>
  </si>
  <si>
    <t>1225025944.0</t>
  </si>
  <si>
    <t>695544190.0</t>
  </si>
  <si>
    <t>549815874.0</t>
  </si>
  <si>
    <t>2221684.0</t>
  </si>
  <si>
    <t>8017702.0</t>
  </si>
  <si>
    <t>6964255.0</t>
  </si>
  <si>
    <t>97.96</t>
  </si>
  <si>
    <t>2956386.0</t>
  </si>
  <si>
    <t>1233537350.0</t>
  </si>
  <si>
    <t>699247074.0</t>
  </si>
  <si>
    <t>554811899.0</t>
  </si>
  <si>
    <t>2229965.0</t>
  </si>
  <si>
    <t>7788103.0</t>
  </si>
  <si>
    <t>7116518.0</t>
  </si>
  <si>
    <t>3076946.0</t>
  </si>
  <si>
    <t>1238654409.0</t>
  </si>
  <si>
    <t>701477729.0</t>
  </si>
  <si>
    <t>557742395.0</t>
  </si>
  <si>
    <t>2237843.0</t>
  </si>
  <si>
    <t>5810248.0</t>
  </si>
  <si>
    <t>7153895.0</t>
  </si>
  <si>
    <t>3144355.0</t>
  </si>
  <si>
    <t>1243968170.0</t>
  </si>
  <si>
    <t>703957467.0</t>
  </si>
  <si>
    <t>560611978.0</t>
  </si>
  <si>
    <t>2269731.0</t>
  </si>
  <si>
    <t>4180766.0</t>
  </si>
  <si>
    <t>7146424.0</t>
  </si>
  <si>
    <t>5715.0</t>
  </si>
  <si>
    <t>3188032.0</t>
  </si>
  <si>
    <t>1250328838.0</t>
  </si>
  <si>
    <t>707140645.0</t>
  </si>
  <si>
    <t>563874285.0</t>
  </si>
  <si>
    <t>2330926.0</t>
  </si>
  <si>
    <t>6806604.0</t>
  </si>
  <si>
    <t>7019516.0</t>
  </si>
  <si>
    <t>3180797.0</t>
  </si>
  <si>
    <t>1257298736.0</t>
  </si>
  <si>
    <t>710329998.0</t>
  </si>
  <si>
    <t>567821013.0</t>
  </si>
  <si>
    <t>2413028.0</t>
  </si>
  <si>
    <t>7444269.0</t>
  </si>
  <si>
    <t>6923654.0</t>
  </si>
  <si>
    <t>100.54</t>
  </si>
  <si>
    <t>3160967.0</t>
  </si>
  <si>
    <t>1264049552.0</t>
  </si>
  <si>
    <t>713348484.0</t>
  </si>
  <si>
    <t>571579335.0</t>
  </si>
  <si>
    <t>2496860.0</t>
  </si>
  <si>
    <t>7223010.0</t>
  </si>
  <si>
    <t>6752956.0</t>
  </si>
  <si>
    <t>3090798.0</t>
  </si>
  <si>
    <t>1271166445.0</t>
  </si>
  <si>
    <t>716489061.0</t>
  </si>
  <si>
    <t>575601785.0</t>
  </si>
  <si>
    <t>2588250.0</t>
  </si>
  <si>
    <t>7596625.0</t>
  </si>
  <si>
    <t>6692807.0</t>
  </si>
  <si>
    <t>3048595.0</t>
  </si>
  <si>
    <t>1278968772.0</t>
  </si>
  <si>
    <t>719758882.0</t>
  </si>
  <si>
    <t>580259698.0</t>
  </si>
  <si>
    <t>2636966.0</t>
  </si>
  <si>
    <t>7095257.0</t>
  </si>
  <si>
    <t>6593829.0</t>
  </si>
  <si>
    <t>102.28</t>
  </si>
  <si>
    <t>2995438.0</t>
  </si>
  <si>
    <t>1283768739.0</t>
  </si>
  <si>
    <t>721952926.0</t>
  </si>
  <si>
    <t>582907526.0</t>
  </si>
  <si>
    <t>2666399.0</t>
  </si>
  <si>
    <t>5368996.0</t>
  </si>
  <si>
    <t>6530792.0</t>
  </si>
  <si>
    <t>102.66</t>
  </si>
  <si>
    <t>2982318.0</t>
  </si>
  <si>
    <t>1288830907.0</t>
  </si>
  <si>
    <t>724399240.0</t>
  </si>
  <si>
    <t>585527734.0</t>
  </si>
  <si>
    <t>2747422.0</t>
  </si>
  <si>
    <t>3935607.0</t>
  </si>
  <si>
    <t>6495768.0</t>
  </si>
  <si>
    <t>103.06</t>
  </si>
  <si>
    <t>2974508.0</t>
  </si>
  <si>
    <t>1294738505.0</t>
  </si>
  <si>
    <t>727360612.0</t>
  </si>
  <si>
    <t>588486297.0</t>
  </si>
  <si>
    <t>2826594.0</t>
  </si>
  <si>
    <t>5550156.0</t>
  </si>
  <si>
    <t>6316275.0</t>
  </si>
  <si>
    <t>103.54</t>
  </si>
  <si>
    <t>1301163609.0</t>
  </si>
  <si>
    <t>730249453.0</t>
  </si>
  <si>
    <t>592035871.0</t>
  </si>
  <si>
    <t>2905249.0</t>
  </si>
  <si>
    <t>6883549.0</t>
  </si>
  <si>
    <t>6236175.0</t>
  </si>
  <si>
    <t>104.05</t>
  </si>
  <si>
    <t>2836479.0</t>
  </si>
  <si>
    <t>1307822626.0</t>
  </si>
  <si>
    <t>733147405.0</t>
  </si>
  <si>
    <t>595753981.0</t>
  </si>
  <si>
    <t>3041402.0</t>
  </si>
  <si>
    <t>7111050.0</t>
  </si>
  <si>
    <t>6220176.0</t>
  </si>
  <si>
    <t>104.58</t>
  </si>
  <si>
    <t>2820554.0</t>
  </si>
  <si>
    <t>1314576603.0</t>
  </si>
  <si>
    <t>735977401.0</t>
  </si>
  <si>
    <t>599698412.0</t>
  </si>
  <si>
    <t>3195871.0</t>
  </si>
  <si>
    <t>7231278.0</t>
  </si>
  <si>
    <t>6167986.0</t>
  </si>
  <si>
    <t>105.12</t>
  </si>
  <si>
    <t>2778606.0</t>
  </si>
  <si>
    <t>1321523523.0</t>
  </si>
  <si>
    <t>738820680.0</t>
  </si>
  <si>
    <t>603847635.0</t>
  </si>
  <si>
    <t>3359458.0</t>
  </si>
  <si>
    <t>6235520.0</t>
  </si>
  <si>
    <t>6045168.0</t>
  </si>
  <si>
    <t>105.68</t>
  </si>
  <si>
    <t>2687163.0</t>
  </si>
  <si>
    <t>1325509623.0</t>
  </si>
  <si>
    <t>740406116.0</t>
  </si>
  <si>
    <t>605922670.0</t>
  </si>
  <si>
    <t>3448414.0</t>
  </si>
  <si>
    <t>4252232.0</t>
  </si>
  <si>
    <t>5885627.0</t>
  </si>
  <si>
    <t>2605756.0</t>
  </si>
  <si>
    <t>1329993930.0</t>
  </si>
  <si>
    <t>742476703.0</t>
  </si>
  <si>
    <t>608270457.0</t>
  </si>
  <si>
    <t>3582550.0</t>
  </si>
  <si>
    <t>3165594.0</t>
  </si>
  <si>
    <t>5775624.0</t>
  </si>
  <si>
    <t>106.36</t>
  </si>
  <si>
    <t>2545242.0</t>
  </si>
  <si>
    <t>1336449136.0</t>
  </si>
  <si>
    <t>745417337.0</t>
  </si>
  <si>
    <t>611515303.0</t>
  </si>
  <si>
    <t>3948268.0</t>
  </si>
  <si>
    <t>6565725.0</t>
  </si>
  <si>
    <t>5920712.0</t>
  </si>
  <si>
    <t>2585684.0</t>
  </si>
  <si>
    <t>1343586647.0</t>
  </si>
  <si>
    <t>748550808.0</t>
  </si>
  <si>
    <t>615207209.0</t>
  </si>
  <si>
    <t>4360782.0</t>
  </si>
  <si>
    <t>7585825.0</t>
  </si>
  <si>
    <t>6021031.0</t>
  </si>
  <si>
    <t>2619132.0</t>
  </si>
  <si>
    <t>1350436633.0</t>
  </si>
  <si>
    <t>751463651.0</t>
  </si>
  <si>
    <t>618918922.0</t>
  </si>
  <si>
    <t>4708239.0</t>
  </si>
  <si>
    <t>7305813.0</t>
  </si>
  <si>
    <t>6048858.0</t>
  </si>
  <si>
    <t>2620802.0</t>
  </si>
  <si>
    <t>1357011736.0</t>
  </si>
  <si>
    <t>754294200.0</t>
  </si>
  <si>
    <t>622692603.0</t>
  </si>
  <si>
    <t>5037059.0</t>
  </si>
  <si>
    <t>7039932.0</t>
  </si>
  <si>
    <t>6021517.0</t>
  </si>
  <si>
    <t>108.52</t>
  </si>
  <si>
    <t>2619447.0</t>
  </si>
  <si>
    <t>1364367023.0</t>
  </si>
  <si>
    <t>757765785.0</t>
  </si>
  <si>
    <t>626473490.0</t>
  </si>
  <si>
    <t>5345447.0</t>
  </si>
  <si>
    <t>7051262.0</t>
  </si>
  <si>
    <t>6138053.0</t>
  </si>
  <si>
    <t>2699482.0</t>
  </si>
  <si>
    <t>1368952259.0</t>
  </si>
  <si>
    <t>759911683.0</t>
  </si>
  <si>
    <t>628814872.0</t>
  </si>
  <si>
    <t>5472071.0</t>
  </si>
  <si>
    <t>5197870.0</t>
  </si>
  <si>
    <t>6273144.0</t>
  </si>
  <si>
    <t>2772198.0</t>
  </si>
  <si>
    <t>1373917988.0</t>
  </si>
  <si>
    <t>762011829.0</t>
  </si>
  <si>
    <t>631656083.0</t>
  </si>
  <si>
    <t>5611772.0</t>
  </si>
  <si>
    <t>3751285.0</t>
  </si>
  <si>
    <t>6356817.0</t>
  </si>
  <si>
    <t>2805149.0</t>
  </si>
  <si>
    <t>1380928780.0</t>
  </si>
  <si>
    <t>764895630.0</t>
  </si>
  <si>
    <t>635561223.0</t>
  </si>
  <si>
    <t>5916761.0</t>
  </si>
  <si>
    <t>7028862.0</t>
  </si>
  <si>
    <t>6422975.0</t>
  </si>
  <si>
    <t>110.43</t>
  </si>
  <si>
    <t>2788667.0</t>
  </si>
  <si>
    <t>1387803307.0</t>
  </si>
  <si>
    <t>767741232.0</t>
  </si>
  <si>
    <t>639344480.0</t>
  </si>
  <si>
    <t>6232883.0</t>
  </si>
  <si>
    <t>7187343.0</t>
  </si>
  <si>
    <t>6366054.0</t>
  </si>
  <si>
    <t>2735279.0</t>
  </si>
  <si>
    <t>1394485683.0</t>
  </si>
  <si>
    <t>770587291.0</t>
  </si>
  <si>
    <t>643060321.0</t>
  </si>
  <si>
    <t>6562677.0</t>
  </si>
  <si>
    <t>7118067.0</t>
  </si>
  <si>
    <t>6339231.0</t>
  </si>
  <si>
    <t>2722262.0</t>
  </si>
  <si>
    <t>1401413498.0</t>
  </si>
  <si>
    <t>773608492.0</t>
  </si>
  <si>
    <t>646725945.0</t>
  </si>
  <si>
    <t>6936061.0</t>
  </si>
  <si>
    <t>7250469.0</t>
  </si>
  <si>
    <t>6369304.0</t>
  </si>
  <si>
    <t>112.07</t>
  </si>
  <si>
    <t>2735296.0</t>
  </si>
  <si>
    <t>1408747086.0</t>
  </si>
  <si>
    <t>776921872.0</t>
  </si>
  <si>
    <t>650532101.0</t>
  </si>
  <si>
    <t>7246619.0</t>
  </si>
  <si>
    <t>7208356.0</t>
  </si>
  <si>
    <t>6391753.0</t>
  </si>
  <si>
    <t>2728682.0</t>
  </si>
  <si>
    <t>1413464353.0</t>
  </si>
  <si>
    <t>778972948.0</t>
  </si>
  <si>
    <t>653068960.0</t>
  </si>
  <si>
    <t>7357614.0</t>
  </si>
  <si>
    <t>5263441.0</t>
  </si>
  <si>
    <t>6401116.0</t>
  </si>
  <si>
    <t>113.03</t>
  </si>
  <si>
    <t>2710916.0</t>
  </si>
  <si>
    <t>1418561455.0</t>
  </si>
  <si>
    <t>780850817.0</t>
  </si>
  <si>
    <t>656202269.0</t>
  </si>
  <si>
    <t>7477595.0</t>
  </si>
  <si>
    <t>3907498.0</t>
  </si>
  <si>
    <t>6423435.0</t>
  </si>
  <si>
    <t>2711097.0</t>
  </si>
  <si>
    <t>1424506585.0</t>
  </si>
  <si>
    <t>783266604.0</t>
  </si>
  <si>
    <t>659271499.0</t>
  </si>
  <si>
    <t>7843332.0</t>
  </si>
  <si>
    <t>5960183.0</t>
  </si>
  <si>
    <t>6270765.0</t>
  </si>
  <si>
    <t>113.91</t>
  </si>
  <si>
    <t>2640876.0</t>
  </si>
  <si>
    <t>1430883367.0</t>
  </si>
  <si>
    <t>785746976.0</t>
  </si>
  <si>
    <t>662851629.0</t>
  </si>
  <si>
    <t>8542866.0</t>
  </si>
  <si>
    <t>6698649.0</t>
  </si>
  <si>
    <t>6200951.0</t>
  </si>
  <si>
    <t>2588235.0</t>
  </si>
  <si>
    <t>1436927802.0</t>
  </si>
  <si>
    <t>788289573.0</t>
  </si>
  <si>
    <t>666260742.0</t>
  </si>
  <si>
    <t>9028758.0</t>
  </si>
  <si>
    <t>6415117.0</t>
  </si>
  <si>
    <t>6100531.0</t>
  </si>
  <si>
    <t>2507559.0</t>
  </si>
  <si>
    <t>1442405376.0</t>
  </si>
  <si>
    <t>790325020.0</t>
  </si>
  <si>
    <t>669408719.0</t>
  </si>
  <si>
    <t>9500315.0</t>
  </si>
  <si>
    <t>5867941.0</t>
  </si>
  <si>
    <t>5903025.0</t>
  </si>
  <si>
    <t>2365810.0</t>
  </si>
  <si>
    <t>1448796199.0</t>
  </si>
  <si>
    <t>793053370.0</t>
  </si>
  <si>
    <t>672810940.0</t>
  </si>
  <si>
    <t>9855886.0</t>
  </si>
  <si>
    <t>6250005.0</t>
  </si>
  <si>
    <t>5766120.0</t>
  </si>
  <si>
    <t>2297016.0</t>
  </si>
  <si>
    <t>1452858329.0</t>
  </si>
  <si>
    <t>795073321.0</t>
  </si>
  <si>
    <t>674789774.0</t>
  </si>
  <si>
    <t>9961266.0</t>
  </si>
  <si>
    <t>4605316.0</t>
  </si>
  <si>
    <t>5672108.0</t>
  </si>
  <si>
    <t>116.18</t>
  </si>
  <si>
    <t>2284197.0</t>
  </si>
  <si>
    <t>1457443597.0</t>
  </si>
  <si>
    <t>796949733.0</t>
  </si>
  <si>
    <t>677684610.0</t>
  </si>
  <si>
    <t>10098351.0</t>
  </si>
  <si>
    <t>3219857.0</t>
  </si>
  <si>
    <t>5573873.0</t>
  </si>
  <si>
    <t>2273638.0</t>
  </si>
  <si>
    <t>1462284679.0</t>
  </si>
  <si>
    <t>799243487.0</t>
  </si>
  <si>
    <t>680107041.0</t>
  </si>
  <si>
    <t>10303574.0</t>
  </si>
  <si>
    <t>5099208.0</t>
  </si>
  <si>
    <t>5450873.0</t>
  </si>
  <si>
    <t>1468143500.0</t>
  </si>
  <si>
    <t>801825138.0</t>
  </si>
  <si>
    <t>683161250.0</t>
  </si>
  <si>
    <t>10644716.0</t>
  </si>
  <si>
    <t>6164290.0</t>
  </si>
  <si>
    <t>5374528.0</t>
  </si>
  <si>
    <t>2281878.0</t>
  </si>
  <si>
    <t>1473460228.0</t>
  </si>
  <si>
    <t>804157657.0</t>
  </si>
  <si>
    <t>685895203.0</t>
  </si>
  <si>
    <t>11004293.0</t>
  </si>
  <si>
    <t>5696174.0</t>
  </si>
  <si>
    <t>5271827.0</t>
  </si>
  <si>
    <t>117.83</t>
  </si>
  <si>
    <t>2278473.0</t>
  </si>
  <si>
    <t>1479133577.0</t>
  </si>
  <si>
    <t>806729548.0</t>
  </si>
  <si>
    <t>688613602.0</t>
  </si>
  <si>
    <t>11502288.0</t>
  </si>
  <si>
    <t>5958337.0</t>
  </si>
  <si>
    <t>5284738.0</t>
  </si>
  <si>
    <t>118.28</t>
  </si>
  <si>
    <t>2352719.0</t>
  </si>
  <si>
    <t>1485657765.0</t>
  </si>
  <si>
    <t>809722314.0</t>
  </si>
  <si>
    <t>691826616.0</t>
  </si>
  <si>
    <t>11898926.0</t>
  </si>
  <si>
    <t>6370177.0</t>
  </si>
  <si>
    <t>5301905.0</t>
  </si>
  <si>
    <t>2396340.0</t>
  </si>
  <si>
    <t>1489879346.0</t>
  </si>
  <si>
    <t>811688838.0</t>
  </si>
  <si>
    <t>694031740.0</t>
  </si>
  <si>
    <t>11993433.0</t>
  </si>
  <si>
    <t>4697807.0</t>
  </si>
  <si>
    <t>5315122.0</t>
  </si>
  <si>
    <t>2389710.0</t>
  </si>
  <si>
    <t>1493916357.0</t>
  </si>
  <si>
    <t>813265674.0</t>
  </si>
  <si>
    <t>696401137.0</t>
  </si>
  <si>
    <t>12169592.0</t>
  </si>
  <si>
    <t>3160566.0</t>
  </si>
  <si>
    <t>5306649.0</t>
  </si>
  <si>
    <t>2358068.0</t>
  </si>
  <si>
    <t>1499499177.0</t>
  </si>
  <si>
    <t>815860141.0</t>
  </si>
  <si>
    <t>699113933.0</t>
  </si>
  <si>
    <t>12495333.0</t>
  </si>
  <si>
    <t>5568585.0</t>
  </si>
  <si>
    <t>5373704.0</t>
  </si>
  <si>
    <t>119.91</t>
  </si>
  <si>
    <t>2388433.0</t>
  </si>
  <si>
    <t>1504570345.0</t>
  </si>
  <si>
    <t>818204794.0</t>
  </si>
  <si>
    <t>701575787.0</t>
  </si>
  <si>
    <t>12860724.0</t>
  </si>
  <si>
    <t>5283087.0</t>
  </si>
  <si>
    <t>5247817.0</t>
  </si>
  <si>
    <t>2349972.0</t>
  </si>
  <si>
    <t>1509756335.0</t>
  </si>
  <si>
    <t>820316842.0</t>
  </si>
  <si>
    <t>704408448.0</t>
  </si>
  <si>
    <t>13204208.0</t>
  </si>
  <si>
    <t>5470472.0</t>
  </si>
  <si>
    <t>5215574.0</t>
  </si>
  <si>
    <t>2315665.0</t>
  </si>
  <si>
    <t>1514797692.0</t>
  </si>
  <si>
    <t>822455705.0</t>
  </si>
  <si>
    <t>707082170.0</t>
  </si>
  <si>
    <t>13524403.0</t>
  </si>
  <si>
    <t>5308785.0</t>
  </si>
  <si>
    <t>5122780.0</t>
  </si>
  <si>
    <t>2252080.0</t>
  </si>
  <si>
    <t>1520736589.0</t>
  </si>
  <si>
    <t>824966044.0</t>
  </si>
  <si>
    <t>710220813.0</t>
  </si>
  <si>
    <t>13877253.0</t>
  </si>
  <si>
    <t>5882876.0</t>
  </si>
  <si>
    <t>5053167.0</t>
  </si>
  <si>
    <t>2186118.0</t>
  </si>
  <si>
    <t>1524768280.0</t>
  </si>
  <si>
    <t>826837974.0</t>
  </si>
  <si>
    <t>712253857.0</t>
  </si>
  <si>
    <t>14015885.0</t>
  </si>
  <si>
    <t>4448794.0</t>
  </si>
  <si>
    <t>5017594.0</t>
  </si>
  <si>
    <t>2165294.0</t>
  </si>
  <si>
    <t>1528200067.0</t>
  </si>
  <si>
    <t>828136401.0</t>
  </si>
  <si>
    <t>714372766.0</t>
  </si>
  <si>
    <t>14140531.0</t>
  </si>
  <si>
    <t>2861290.0</t>
  </si>
  <si>
    <t>4974844.0</t>
  </si>
  <si>
    <t>122.21</t>
  </si>
  <si>
    <t>2145981.0</t>
  </si>
  <si>
    <t>1531407335.0</t>
  </si>
  <si>
    <t>829406554.0</t>
  </si>
  <si>
    <t>716045013.0</t>
  </si>
  <si>
    <t>14471440.0</t>
  </si>
  <si>
    <t>3245159.0</t>
  </si>
  <si>
    <t>4642920.0</t>
  </si>
  <si>
    <t>1961668.0</t>
  </si>
  <si>
    <t>1535587159.0</t>
  </si>
  <si>
    <t>830984906.0</t>
  </si>
  <si>
    <t>718345904.0</t>
  </si>
  <si>
    <t>14843875.0</t>
  </si>
  <si>
    <t>4107578.0</t>
  </si>
  <si>
    <t>4474988.0</t>
  </si>
  <si>
    <t>1839103.0</t>
  </si>
  <si>
    <t>1539836621.0</t>
  </si>
  <si>
    <t>832593609.0</t>
  </si>
  <si>
    <t>720606849.0</t>
  </si>
  <si>
    <t>15315498.0</t>
  </si>
  <si>
    <t>4467874.0</t>
  </si>
  <si>
    <t>4331762.0</t>
  </si>
  <si>
    <t>1764488.0</t>
  </si>
  <si>
    <t>1544226632.0</t>
  </si>
  <si>
    <t>834524648.0</t>
  </si>
  <si>
    <t>722699298.0</t>
  </si>
  <si>
    <t>15777275.0</t>
  </si>
  <si>
    <t>4610934.0</t>
  </si>
  <si>
    <t>4232067.0</t>
  </si>
  <si>
    <t>1734684.0</t>
  </si>
  <si>
    <t>1549999649.0</t>
  </si>
  <si>
    <t>836895217.0</t>
  </si>
  <si>
    <t>725574889.0</t>
  </si>
  <si>
    <t>16381618.0</t>
  </si>
  <si>
    <t>5756320.0</t>
  </si>
  <si>
    <t>4213999.0</t>
  </si>
  <si>
    <t>123.95</t>
  </si>
  <si>
    <t>1710814.0</t>
  </si>
  <si>
    <t>1554028377.0</t>
  </si>
  <si>
    <t>838449675.0</t>
  </si>
  <si>
    <t>727723762.0</t>
  </si>
  <si>
    <t>16731946.0</t>
  </si>
  <si>
    <t>4438272.0</t>
  </si>
  <si>
    <t>4212488.0</t>
  </si>
  <si>
    <t>1673028.0</t>
  </si>
  <si>
    <t>1557572155.0</t>
  </si>
  <si>
    <t>839762557.0</t>
  </si>
  <si>
    <t>729724459.0</t>
  </si>
  <si>
    <t>17028692.0</t>
  </si>
  <si>
    <t>2856460.0</t>
  </si>
  <si>
    <t>4211796.0</t>
  </si>
  <si>
    <t>1655033.0</t>
  </si>
  <si>
    <t>1562852406.0</t>
  </si>
  <si>
    <t>841791787.0</t>
  </si>
  <si>
    <t>732222446.0</t>
  </si>
  <si>
    <t>17843416.0</t>
  </si>
  <si>
    <t>5477142.0</t>
  </si>
  <si>
    <t>4530658.0</t>
  </si>
  <si>
    <t>1771116.0</t>
  </si>
  <si>
    <t>1571516481.0</t>
  </si>
  <si>
    <t>843867003.0</t>
  </si>
  <si>
    <t>735074047.0</t>
  </si>
  <si>
    <t>18745703.0</t>
  </si>
  <si>
    <t>5665185.0</t>
  </si>
  <si>
    <t>4753168.0</t>
  </si>
  <si>
    <t>125.67</t>
  </si>
  <si>
    <t>1843813.0</t>
  </si>
  <si>
    <t>1576891309.0</t>
  </si>
  <si>
    <t>845802543.0</t>
  </si>
  <si>
    <t>737573443.0</t>
  </si>
  <si>
    <t>19695849.0</t>
  </si>
  <si>
    <t>5552362.0</t>
  </si>
  <si>
    <t>4908097.0</t>
  </si>
  <si>
    <t>1583320539.0</t>
  </si>
  <si>
    <t>847736901.0</t>
  </si>
  <si>
    <t>740238485.0</t>
  </si>
  <si>
    <t>21541409.0</t>
  </si>
  <si>
    <t>6659425.0</t>
  </si>
  <si>
    <t>5200738.0</t>
  </si>
  <si>
    <t>1890654.0</t>
  </si>
  <si>
    <t>1589492955.0</t>
  </si>
  <si>
    <t>849662787.0</t>
  </si>
  <si>
    <t>743354075.0</t>
  </si>
  <si>
    <t>22673426.0</t>
  </si>
  <si>
    <t>6122892.0</t>
  </si>
  <si>
    <t>5253103.0</t>
  </si>
  <si>
    <t>1827519.0</t>
  </si>
  <si>
    <t>1593342183.0</t>
  </si>
  <si>
    <t>850928334.0</t>
  </si>
  <si>
    <t>745346208.0</t>
  </si>
  <si>
    <t>23251141.0</t>
  </si>
  <si>
    <t>4229814.0</t>
  </si>
  <si>
    <t>5223329.0</t>
  </si>
  <si>
    <t>1773602.0</t>
  </si>
  <si>
    <t>1596632178.0</t>
  </si>
  <si>
    <t>851958027.0</t>
  </si>
  <si>
    <t>747216619.0</t>
  </si>
  <si>
    <t>23634051.0</t>
  </si>
  <si>
    <t>2764566.0</t>
  </si>
  <si>
    <t>5210199.0</t>
  </si>
  <si>
    <t>1754790.0</t>
  </si>
  <si>
    <t>1601000231.0</t>
  </si>
  <si>
    <t>853130981.0</t>
  </si>
  <si>
    <t>749181174.0</t>
  </si>
  <si>
    <t>24606788.0</t>
  </si>
  <si>
    <t>4538114.0</t>
  </si>
  <si>
    <t>5076052.0</t>
  </si>
  <si>
    <t>1631411.0</t>
  </si>
  <si>
    <t>1606292397.0</t>
  </si>
  <si>
    <t>854420392.0</t>
  </si>
  <si>
    <t>751827884.0</t>
  </si>
  <si>
    <t>25953315.0</t>
  </si>
  <si>
    <t>5486445.0</t>
  </si>
  <si>
    <t>5050515.0</t>
  </si>
  <si>
    <t>128.45</t>
  </si>
  <si>
    <t>1533921.0</t>
  </si>
  <si>
    <t>1611125123.0</t>
  </si>
  <si>
    <t>855665685.0</t>
  </si>
  <si>
    <t>754219863.0</t>
  </si>
  <si>
    <t>27151617.0</t>
  </si>
  <si>
    <t>5051752.0</t>
  </si>
  <si>
    <t>4979001.0</t>
  </si>
  <si>
    <t>1437153.0</t>
  </si>
  <si>
    <t>1616244766.0</t>
  </si>
  <si>
    <t>856893356.0</t>
  </si>
  <si>
    <t>756945142.0</t>
  </si>
  <si>
    <t>28324566.0</t>
  </si>
  <si>
    <t>5341927.0</t>
  </si>
  <si>
    <t>4790786.0</t>
  </si>
  <si>
    <t>1336544.0</t>
  </si>
  <si>
    <t>1622134438.0</t>
  </si>
  <si>
    <t>858226179.0</t>
  </si>
  <si>
    <t>760304772.0</t>
  </si>
  <si>
    <t>29486812.0</t>
  </si>
  <si>
    <t>5955476.0</t>
  </si>
  <si>
    <t>4766870.0</t>
  </si>
  <si>
    <t>1258407.0</t>
  </si>
  <si>
    <t>1625574533.0</t>
  </si>
  <si>
    <t>859248900.0</t>
  </si>
  <si>
    <t>762085532.0</t>
  </si>
  <si>
    <t>30099722.0</t>
  </si>
  <si>
    <t>3825450.0</t>
  </si>
  <si>
    <t>4709103.0</t>
  </si>
  <si>
    <t>1221298.0</t>
  </si>
  <si>
    <t>1628415812.0</t>
  </si>
  <si>
    <t>860080365.0</t>
  </si>
  <si>
    <t>763682508.0</t>
  </si>
  <si>
    <t>30486537.0</t>
  </si>
  <si>
    <t>2690510.0</t>
  </si>
  <si>
    <t>4698524.0</t>
  </si>
  <si>
    <t>1201326.0</t>
  </si>
  <si>
    <t>1632257720.0</t>
  </si>
  <si>
    <t>861174552.0</t>
  </si>
  <si>
    <t>765724252.0</t>
  </si>
  <si>
    <t>31290392.0</t>
  </si>
  <si>
    <t>3577914.0</t>
  </si>
  <si>
    <t>4561356.0</t>
  </si>
  <si>
    <t>130.53</t>
  </si>
  <si>
    <t>1182453.0</t>
  </si>
  <si>
    <t>1637416556.0</t>
  </si>
  <si>
    <t>862451609.0</t>
  </si>
  <si>
    <t>768328146.0</t>
  </si>
  <si>
    <t>32386566.0</t>
  </si>
  <si>
    <t>4982028.0</t>
  </si>
  <si>
    <t>4489292.0</t>
  </si>
  <si>
    <t>130.94</t>
  </si>
  <si>
    <t>1168996.0</t>
  </si>
  <si>
    <t>1642186026.0</t>
  </si>
  <si>
    <t>863606090.0</t>
  </si>
  <si>
    <t>770491739.0</t>
  </si>
  <si>
    <t>33860182.0</t>
  </si>
  <si>
    <t>4921563.0</t>
  </si>
  <si>
    <t>4470703.0</t>
  </si>
  <si>
    <t>1153155.0</t>
  </si>
  <si>
    <t>1646639834.0</t>
  </si>
  <si>
    <t>864872108.0</t>
  </si>
  <si>
    <t>772447814.0</t>
  </si>
  <si>
    <t>35107323.0</t>
  </si>
  <si>
    <t>4730596.0</t>
  </si>
  <si>
    <t>4383362.0</t>
  </si>
  <si>
    <t>1160063.0</t>
  </si>
  <si>
    <t>1652172842.0</t>
  </si>
  <si>
    <t>866355549.0</t>
  </si>
  <si>
    <t>775120607.0</t>
  </si>
  <si>
    <t>36367599.0</t>
  </si>
  <si>
    <t>5437997.0</t>
  </si>
  <si>
    <t>4309432.0</t>
  </si>
  <si>
    <t>132.12</t>
  </si>
  <si>
    <t>1179281.0</t>
  </si>
  <si>
    <t>1655676283.0</t>
  </si>
  <si>
    <t>867328193.0</t>
  </si>
  <si>
    <t>776904609.0</t>
  </si>
  <si>
    <t>37038613.0</t>
  </si>
  <si>
    <t>3874078.0</t>
  </si>
  <si>
    <t>4316384.0</t>
  </si>
  <si>
    <t>1182359.0</t>
  </si>
  <si>
    <t>1658394853.0</t>
  </si>
  <si>
    <t>868235917.0</t>
  </si>
  <si>
    <t>778322037.0</t>
  </si>
  <si>
    <t>37421541.0</t>
  </si>
  <si>
    <t>2268560.0</t>
  </si>
  <si>
    <t>4256109.0</t>
  </si>
  <si>
    <t>1170403.0</t>
  </si>
  <si>
    <t>1662988531.0</t>
  </si>
  <si>
    <t>869379665.0</t>
  </si>
  <si>
    <t>780392094.0</t>
  </si>
  <si>
    <t>38434208.0</t>
  </si>
  <si>
    <t>4431183.0</t>
  </si>
  <si>
    <t>4378000.0</t>
  </si>
  <si>
    <t>1186331.0</t>
  </si>
  <si>
    <t>1667385032.0</t>
  </si>
  <si>
    <t>870462723.0</t>
  </si>
  <si>
    <t>782461477.0</t>
  </si>
  <si>
    <t>39641760.0</t>
  </si>
  <si>
    <t>4558794.0</t>
  </si>
  <si>
    <t>4317540.0</t>
  </si>
  <si>
    <t>1168483.0</t>
  </si>
  <si>
    <t>1671857765.0</t>
  </si>
  <si>
    <t>871546949.0</t>
  </si>
  <si>
    <t>784476429.0</t>
  </si>
  <si>
    <t>41009510.0</t>
  </si>
  <si>
    <t>4682129.0</t>
  </si>
  <si>
    <t>4283335.0</t>
  </si>
  <si>
    <t>1160727.0</t>
  </si>
  <si>
    <t>1676630031.0</t>
  </si>
  <si>
    <t>872542714.0</t>
  </si>
  <si>
    <t>786507287.0</t>
  </si>
  <si>
    <t>42713395.0</t>
  </si>
  <si>
    <t>4981600.0</t>
  </si>
  <si>
    <t>4319193.0</t>
  </si>
  <si>
    <t>1119417.0</t>
  </si>
  <si>
    <t>1682272413.0</t>
  </si>
  <si>
    <t>873788344.0</t>
  </si>
  <si>
    <t>789006987.0</t>
  </si>
  <si>
    <t>44590899.0</t>
  </si>
  <si>
    <t>5631456.0</t>
  </si>
  <si>
    <t>4346827.0</t>
  </si>
  <si>
    <t>1085660.0</t>
  </si>
  <si>
    <t>1686427737.0</t>
  </si>
  <si>
    <t>874683888.0</t>
  </si>
  <si>
    <t>791014123.0</t>
  </si>
  <si>
    <t>45670998.0</t>
  </si>
  <si>
    <t>4159641.0</t>
  </si>
  <si>
    <t>4387628.0</t>
  </si>
  <si>
    <t>1069210.0</t>
  </si>
  <si>
    <t>1689632004.0</t>
  </si>
  <si>
    <t>875606697.0</t>
  </si>
  <si>
    <t>792433670.0</t>
  </si>
  <si>
    <t>46376574.0</t>
  </si>
  <si>
    <t>2453842.0</t>
  </si>
  <si>
    <t>4414089.0</t>
  </si>
  <si>
    <t>1694614233.0</t>
  </si>
  <si>
    <t>876732265.0</t>
  </si>
  <si>
    <t>794404628.0</t>
  </si>
  <si>
    <t>49038813.0</t>
  </si>
  <si>
    <t>5102695.0</t>
  </si>
  <si>
    <t>4510024.0</t>
  </si>
  <si>
    <t>1054392.0</t>
  </si>
  <si>
    <t>1699707847.0</t>
  </si>
  <si>
    <t>877787477.0</t>
  </si>
  <si>
    <t>796306319.0</t>
  </si>
  <si>
    <t>51169253.0</t>
  </si>
  <si>
    <t>5269897.0</t>
  </si>
  <si>
    <t>4611609.0</t>
  </si>
  <si>
    <t>135.92</t>
  </si>
  <si>
    <t>1050412.0</t>
  </si>
  <si>
    <t>1705177548.0</t>
  </si>
  <si>
    <t>878797909.0</t>
  </si>
  <si>
    <t>798197208.0</t>
  </si>
  <si>
    <t>53713193.0</t>
  </si>
  <si>
    <t>5732774.0</t>
  </si>
  <si>
    <t>4761704.0</t>
  </si>
  <si>
    <t>1041619.0</t>
  </si>
  <si>
    <t>1710833060.0</t>
  </si>
  <si>
    <t>879942088.0</t>
  </si>
  <si>
    <t>800360837.0</t>
  </si>
  <si>
    <t>56067068.0</t>
  </si>
  <si>
    <t>5745851.0</t>
  </si>
  <si>
    <t>4870882.0</t>
  </si>
  <si>
    <t>136.81</t>
  </si>
  <si>
    <t>1057303.0</t>
  </si>
  <si>
    <t>1716813106.0</t>
  </si>
  <si>
    <t>881191075.0</t>
  </si>
  <si>
    <t>802663476.0</t>
  </si>
  <si>
    <t>58469206.0</t>
  </si>
  <si>
    <t>5934682.0</t>
  </si>
  <si>
    <t>4914196.0</t>
  </si>
  <si>
    <t>137.29</t>
  </si>
  <si>
    <t>1056842.0</t>
  </si>
  <si>
    <t>1720206119.0</t>
  </si>
  <si>
    <t>881799920.0</t>
  </si>
  <si>
    <t>804139984.0</t>
  </si>
  <si>
    <t>59743063.0</t>
  </si>
  <si>
    <t>3726610.0</t>
  </si>
  <si>
    <t>4852341.0</t>
  </si>
  <si>
    <t>137.56</t>
  </si>
  <si>
    <t>1027841.0</t>
  </si>
  <si>
    <t>1722945272.0</t>
  </si>
  <si>
    <t>882544517.0</t>
  </si>
  <si>
    <t>805217980.0</t>
  </si>
  <si>
    <t>60411848.0</t>
  </si>
  <si>
    <t>2151629.0</t>
  </si>
  <si>
    <t>4809167.0</t>
  </si>
  <si>
    <t>1013600.0</t>
  </si>
  <si>
    <t>1726471351.0</t>
  </si>
  <si>
    <t>883264042.0</t>
  </si>
  <si>
    <t>806480798.0</t>
  </si>
  <si>
    <t>61958736.0</t>
  </si>
  <si>
    <t>3729109.0</t>
  </si>
  <si>
    <t>4612943.0</t>
  </si>
  <si>
    <t>958120.0</t>
  </si>
  <si>
    <t>1731200294.0</t>
  </si>
  <si>
    <t>884035540.0</t>
  </si>
  <si>
    <t>807941950.0</t>
  </si>
  <si>
    <t>64475907.0</t>
  </si>
  <si>
    <t>4776237.0</t>
  </si>
  <si>
    <t>4542413.0</t>
  </si>
  <si>
    <t>914733.0</t>
  </si>
  <si>
    <t>1735936646.0</t>
  </si>
  <si>
    <t>884876666.0</t>
  </si>
  <si>
    <t>809218996.0</t>
  </si>
  <si>
    <t>67114382.0</t>
  </si>
  <si>
    <t>4884537.0</t>
  </si>
  <si>
    <t>4421242.0</t>
  </si>
  <si>
    <t>886103.0</t>
  </si>
  <si>
    <t>1740757042.0</t>
  </si>
  <si>
    <t>885761353.0</t>
  </si>
  <si>
    <t>810552938.0</t>
  </si>
  <si>
    <t>69755018.0</t>
  </si>
  <si>
    <t>4948091.0</t>
  </si>
  <si>
    <t>4307273.0</t>
  </si>
  <si>
    <t>849761.0</t>
  </si>
  <si>
    <t>1746239221.0</t>
  </si>
  <si>
    <t>886888937.0</t>
  </si>
  <si>
    <t>812185037.0</t>
  </si>
  <si>
    <t>72476599.0</t>
  </si>
  <si>
    <t>5425823.0</t>
  </si>
  <si>
    <t>4234577.0</t>
  </si>
  <si>
    <t>827899.0</t>
  </si>
  <si>
    <t>1749418732.0</t>
  </si>
  <si>
    <t>887684373.0</t>
  </si>
  <si>
    <t>813168111.0</t>
  </si>
  <si>
    <t>73854312.0</t>
  </si>
  <si>
    <t>3519193.0</t>
  </si>
  <si>
    <t>4204950.0</t>
  </si>
  <si>
    <t>837079.0</t>
  </si>
  <si>
    <t>1751691648.0</t>
  </si>
  <si>
    <t>888205188.0</t>
  </si>
  <si>
    <t>813995815.0</t>
  </si>
  <si>
    <t>74733501.0</t>
  </si>
  <si>
    <t>2016900.0</t>
  </si>
  <si>
    <t>4185703.0</t>
  </si>
  <si>
    <t>830790.0</t>
  </si>
  <si>
    <t>1756183672.0</t>
  </si>
  <si>
    <t>889212905.0</t>
  </si>
  <si>
    <t>815185827.0</t>
  </si>
  <si>
    <t>76832172.0</t>
  </si>
  <si>
    <t>4708716.0</t>
  </si>
  <si>
    <t>4325645.0</t>
  </si>
  <si>
    <t>877244.0</t>
  </si>
  <si>
    <t>1761598920.0</t>
  </si>
  <si>
    <t>890363936.0</t>
  </si>
  <si>
    <t>816621284.0</t>
  </si>
  <si>
    <t>79685348.0</t>
  </si>
  <si>
    <t>5144532.0</t>
  </si>
  <si>
    <t>4378255.0</t>
  </si>
  <si>
    <t>921977.0</t>
  </si>
  <si>
    <t>1767065426.0</t>
  </si>
  <si>
    <t>891595108.0</t>
  </si>
  <si>
    <t>817852592.0</t>
  </si>
  <si>
    <t>82719167.0</t>
  </si>
  <si>
    <t>5738031.0</t>
  </si>
  <si>
    <t>4500190.0</t>
  </si>
  <si>
    <t>141.31</t>
  </si>
  <si>
    <t>980527.0</t>
  </si>
  <si>
    <t>1771964005.0</t>
  </si>
  <si>
    <t>892690210.0</t>
  </si>
  <si>
    <t>818985231.0</t>
  </si>
  <si>
    <t>85441901.0</t>
  </si>
  <si>
    <t>5050420.0</t>
  </si>
  <si>
    <t>4514806.0</t>
  </si>
  <si>
    <t>1012310.0</t>
  </si>
  <si>
    <t>1777767238.0</t>
  </si>
  <si>
    <t>894007640.0</t>
  </si>
  <si>
    <t>820426789.0</t>
  </si>
  <si>
    <t>88463074.0</t>
  </si>
  <si>
    <t>5734713.0</t>
  </si>
  <si>
    <t>4558931.0</t>
  </si>
  <si>
    <t>1039276.0</t>
  </si>
  <si>
    <t>1781089716.0</t>
  </si>
  <si>
    <t>894916079.0</t>
  </si>
  <si>
    <t>821269587.0</t>
  </si>
  <si>
    <t>90000853.0</t>
  </si>
  <si>
    <t>3777744.0</t>
  </si>
  <si>
    <t>4595865.0</t>
  </si>
  <si>
    <t>142.43</t>
  </si>
  <si>
    <t>1057483.0</t>
  </si>
  <si>
    <t>1783625272.0</t>
  </si>
  <si>
    <t>895476973.0</t>
  </si>
  <si>
    <t>822057503.0</t>
  </si>
  <si>
    <t>91040674.0</t>
  </si>
  <si>
    <t>2045241.0</t>
  </si>
  <si>
    <t>4599911.0</t>
  </si>
  <si>
    <t>142.63</t>
  </si>
  <si>
    <t>1055240.0</t>
  </si>
  <si>
    <t>1788486274.0</t>
  </si>
  <si>
    <t>896408844.0</t>
  </si>
  <si>
    <t>823152050.0</t>
  </si>
  <si>
    <t>93623380.0</t>
  </si>
  <si>
    <t>4790708.0</t>
  </si>
  <si>
    <t>4611629.0</t>
  </si>
  <si>
    <t>143.02</t>
  </si>
  <si>
    <t>1040028.0</t>
  </si>
  <si>
    <t>1793595059.0</t>
  </si>
  <si>
    <t>897402480.0</t>
  </si>
  <si>
    <t>824226761.0</t>
  </si>
  <si>
    <t>96693202.0</t>
  </si>
  <si>
    <t>5319217.0</t>
  </si>
  <si>
    <t>4636585.0</t>
  </si>
  <si>
    <t>1027013.0</t>
  </si>
  <si>
    <t>1799177762.0</t>
  </si>
  <si>
    <t>898427058.0</t>
  </si>
  <si>
    <t>825374111.0</t>
  </si>
  <si>
    <t>100143940.0</t>
  </si>
  <si>
    <t>5841644.0</t>
  </si>
  <si>
    <t>4651388.0</t>
  </si>
  <si>
    <t>143.87</t>
  </si>
  <si>
    <t>995174.0</t>
  </si>
  <si>
    <t>1804712194.0</t>
  </si>
  <si>
    <t>899417799.0</t>
  </si>
  <si>
    <t>826508353.0</t>
  </si>
  <si>
    <t>103596156.0</t>
  </si>
  <si>
    <t>5770164.0</t>
  </si>
  <si>
    <t>4754202.0</t>
  </si>
  <si>
    <t>980736.0</t>
  </si>
  <si>
    <t>1810843934.0</t>
  </si>
  <si>
    <t>900583213.0</t>
  </si>
  <si>
    <t>827795063.0</t>
  </si>
  <si>
    <t>107263269.0</t>
  </si>
  <si>
    <t>6071634.0</t>
  </si>
  <si>
    <t>4802336.0</t>
  </si>
  <si>
    <t>962605.0</t>
  </si>
  <si>
    <t>1814349035.0</t>
  </si>
  <si>
    <t>901403901.0</t>
  </si>
  <si>
    <t>828490640.0</t>
  </si>
  <si>
    <t>109216402.0</t>
  </si>
  <si>
    <t>4084762.0</t>
  </si>
  <si>
    <t>4846193.0</t>
  </si>
  <si>
    <t>947915.0</t>
  </si>
  <si>
    <t>1816891271.0</t>
  </si>
  <si>
    <t>901873624.0</t>
  </si>
  <si>
    <t>829014885.0</t>
  </si>
  <si>
    <t>110517211.0</t>
  </si>
  <si>
    <t>2229944.0</t>
  </si>
  <si>
    <t>4872585.0</t>
  </si>
  <si>
    <t>937267.0</t>
  </si>
  <si>
    <t>1822650508.0</t>
  </si>
  <si>
    <t>902861816.0</t>
  </si>
  <si>
    <t>830326222.0</t>
  </si>
  <si>
    <t>113727896.0</t>
  </si>
  <si>
    <t>5282412.0</t>
  </si>
  <si>
    <t>4942820.0</t>
  </si>
  <si>
    <t>937877.0</t>
  </si>
  <si>
    <t>1828404358.0</t>
  </si>
  <si>
    <t>903850191.0</t>
  </si>
  <si>
    <t>831265004.0</t>
  </si>
  <si>
    <t>117535683.0</t>
  </si>
  <si>
    <t>5957038.0</t>
  </si>
  <si>
    <t>5033944.0</t>
  </si>
  <si>
    <t>146.21</t>
  </si>
  <si>
    <t>938674.0</t>
  </si>
  <si>
    <t>1833777415.0</t>
  </si>
  <si>
    <t>904767474.0</t>
  </si>
  <si>
    <t>832185117.0</t>
  </si>
  <si>
    <t>121178206.0</t>
  </si>
  <si>
    <t>5909277.0</t>
  </si>
  <si>
    <t>5043606.0</t>
  </si>
  <si>
    <t>146.64</t>
  </si>
  <si>
    <t>927253.0</t>
  </si>
  <si>
    <t>1838709036.0</t>
  </si>
  <si>
    <t>905366736.0</t>
  </si>
  <si>
    <t>833151769.0</t>
  </si>
  <si>
    <t>124648835.0</t>
  </si>
  <si>
    <t>5071714.0</t>
  </si>
  <si>
    <t>4943829.0</t>
  </si>
  <si>
    <t>147.04</t>
  </si>
  <si>
    <t>866142.0</t>
  </si>
  <si>
    <t>1845011356.0</t>
  </si>
  <si>
    <t>906250677.0</t>
  </si>
  <si>
    <t>834448773.0</t>
  </si>
  <si>
    <t>128708386.0</t>
  </si>
  <si>
    <t>6071240.0</t>
  </si>
  <si>
    <t>4943771.0</t>
  </si>
  <si>
    <t>833282.0</t>
  </si>
  <si>
    <t>1849185036.0</t>
  </si>
  <si>
    <t>906968677.0</t>
  </si>
  <si>
    <t>835230083.0</t>
  </si>
  <si>
    <t>131372655.0</t>
  </si>
  <si>
    <t>4538895.0</t>
  </si>
  <si>
    <t>5008648.0</t>
  </si>
  <si>
    <t>147.87</t>
  </si>
  <si>
    <t>812684.0</t>
  </si>
  <si>
    <t>1852102516.0</t>
  </si>
  <si>
    <t>907459670.0</t>
  </si>
  <si>
    <t>836071173.0</t>
  </si>
  <si>
    <t>132860341.0</t>
  </si>
  <si>
    <t>2464922.0</t>
  </si>
  <si>
    <t>5042217.0</t>
  </si>
  <si>
    <t>148.11</t>
  </si>
  <si>
    <t>812669.0</t>
  </si>
  <si>
    <t>1858550099.0</t>
  </si>
  <si>
    <t>908319957.0</t>
  </si>
  <si>
    <t>837325863.0</t>
  </si>
  <si>
    <t>136514393.0</t>
  </si>
  <si>
    <t>6127559.0</t>
  </si>
  <si>
    <t>5162950.0</t>
  </si>
  <si>
    <t>800860.0</t>
  </si>
  <si>
    <t>1869004390.0</t>
  </si>
  <si>
    <t>911100386.0</t>
  </si>
  <si>
    <t>840819133.0</t>
  </si>
  <si>
    <t>141002914.0</t>
  </si>
  <si>
    <t>7022852.0</t>
  </si>
  <si>
    <t>5315211.0</t>
  </si>
  <si>
    <t>795024.0</t>
  </si>
  <si>
    <t>1876444628.0</t>
  </si>
  <si>
    <t>912098085.0</t>
  </si>
  <si>
    <t>842075057.0</t>
  </si>
  <si>
    <t>146231142.0</t>
  </si>
  <si>
    <t>7527612.0</t>
  </si>
  <si>
    <t>5546403.0</t>
  </si>
  <si>
    <t>796292.0</t>
  </si>
  <si>
    <t>1883709115.0</t>
  </si>
  <si>
    <t>913042968.0</t>
  </si>
  <si>
    <t>843225249.0</t>
  </si>
  <si>
    <t>151430797.0</t>
  </si>
  <si>
    <t>7598186.0</t>
  </si>
  <si>
    <t>5907321.0</t>
  </si>
  <si>
    <t>850059.0</t>
  </si>
  <si>
    <t>1893007795.0</t>
  </si>
  <si>
    <t>914077638.0</t>
  </si>
  <si>
    <t>844741460.0</t>
  </si>
  <si>
    <t>158151686.0</t>
  </si>
  <si>
    <t>8775120.0</t>
  </si>
  <si>
    <t>6293594.0</t>
  </si>
  <si>
    <t>151.38</t>
  </si>
  <si>
    <t>864395.0</t>
  </si>
  <si>
    <t>1898319354.0</t>
  </si>
  <si>
    <t>914803693.0</t>
  </si>
  <si>
    <t>845715048.0</t>
  </si>
  <si>
    <t>161705934.0</t>
  </si>
  <si>
    <t>5796651.0</t>
  </si>
  <si>
    <t>6473273.0</t>
  </si>
  <si>
    <t>866807.0</t>
  </si>
  <si>
    <t>1901603984.0</t>
  </si>
  <si>
    <t>915310150.0</t>
  </si>
  <si>
    <t>846448985.0</t>
  </si>
  <si>
    <t>163501294.0</t>
  </si>
  <si>
    <t>2946923.0</t>
  </si>
  <si>
    <t>6542132.0</t>
  </si>
  <si>
    <t>152.07</t>
  </si>
  <si>
    <t>873330.0</t>
  </si>
  <si>
    <t>1908418967.0</t>
  </si>
  <si>
    <t>916241654.0</t>
  </si>
  <si>
    <t>847549151.0</t>
  </si>
  <si>
    <t>168285903.0</t>
  </si>
  <si>
    <t>6794168.0</t>
  </si>
  <si>
    <t>6637363.0</t>
  </si>
  <si>
    <t>152.61</t>
  </si>
  <si>
    <t>877606.0</t>
  </si>
  <si>
    <t>1915750655.0</t>
  </si>
  <si>
    <t>917088381.0</t>
  </si>
  <si>
    <t>848628758.0</t>
  </si>
  <si>
    <t>173318859.0</t>
  </si>
  <si>
    <t>7553159.0</t>
  </si>
  <si>
    <t>6713114.0</t>
  </si>
  <si>
    <t>866552.0</t>
  </si>
  <si>
    <t>1923038858.0</t>
  </si>
  <si>
    <t>917984500.0</t>
  </si>
  <si>
    <t>849726291.0</t>
  </si>
  <si>
    <t>178634873.0</t>
  </si>
  <si>
    <t>7315618.0</t>
  </si>
  <si>
    <t>6682835.0</t>
  </si>
  <si>
    <t>153.78</t>
  </si>
  <si>
    <t>849874.0</t>
  </si>
  <si>
    <t>1930615142.0</t>
  </si>
  <si>
    <t>918895774.0</t>
  </si>
  <si>
    <t>850775560.0</t>
  </si>
  <si>
    <t>184256621.0</t>
  </si>
  <si>
    <t>8111778.0</t>
  </si>
  <si>
    <t>6756205.0</t>
  </si>
  <si>
    <t>154.39</t>
  </si>
  <si>
    <t>846774.0</t>
  </si>
  <si>
    <t>1940233397.0</t>
  </si>
  <si>
    <t>919878583.0</t>
  </si>
  <si>
    <t>852049572.0</t>
  </si>
  <si>
    <t>191567346.0</t>
  </si>
  <si>
    <t>9470458.0</t>
  </si>
  <si>
    <t>6855540.0</t>
  </si>
  <si>
    <t>835865.0</t>
  </si>
  <si>
    <t>1945891542.0</t>
  </si>
  <si>
    <t>920483433.0</t>
  </si>
  <si>
    <t>852861976.0</t>
  </si>
  <si>
    <t>195767377.0</t>
  </si>
  <si>
    <t>6986328.0</t>
  </si>
  <si>
    <t>7025489.0</t>
  </si>
  <si>
    <t>822399.0</t>
  </si>
  <si>
    <t>1952113048.0</t>
  </si>
  <si>
    <t>920978502.0</t>
  </si>
  <si>
    <t>853427151.0</t>
  </si>
  <si>
    <t>200659652.0</t>
  </si>
  <si>
    <t>3934902.0</t>
  </si>
  <si>
    <t>7166627.0</t>
  </si>
  <si>
    <t>816992.0</t>
  </si>
  <si>
    <t>1959473666.0</t>
  </si>
  <si>
    <t>921813751.0</t>
  </si>
  <si>
    <t>854341106.0</t>
  </si>
  <si>
    <t>206201684.0</t>
  </si>
  <si>
    <t>7680784.0</t>
  </si>
  <si>
    <t>7293294.0</t>
  </si>
  <si>
    <t>156.69</t>
  </si>
  <si>
    <t>1968302279.0</t>
  </si>
  <si>
    <t>922681698.0</t>
  </si>
  <si>
    <t>855315254.0</t>
  </si>
  <si>
    <t>213168979.0</t>
  </si>
  <si>
    <t>9185247.0</t>
  </si>
  <si>
    <t>7526440.0</t>
  </si>
  <si>
    <t>807675.0</t>
  </si>
  <si>
    <t>1977428317.0</t>
  </si>
  <si>
    <t>923605998.0</t>
  </si>
  <si>
    <t>856289222.0</t>
  </si>
  <si>
    <t>220338203.0</t>
  </si>
  <si>
    <t>9485577.0</t>
  </si>
  <si>
    <t>7836440.0</t>
  </si>
  <si>
    <t>818561.0</t>
  </si>
  <si>
    <t>1986747303.0</t>
  </si>
  <si>
    <t>924615905.0</t>
  </si>
  <si>
    <t>857322915.0</t>
  </si>
  <si>
    <t>227834363.0</t>
  </si>
  <si>
    <t>9730267.0</t>
  </si>
  <si>
    <t>8067650.0</t>
  </si>
  <si>
    <t>826361.0</t>
  </si>
  <si>
    <t>1997458375.0</t>
  </si>
  <si>
    <t>925752979.0</t>
  </si>
  <si>
    <t>858394005.0</t>
  </si>
  <si>
    <t>236293034.0</t>
  </si>
  <si>
    <t>10141816.0</t>
  </si>
  <si>
    <t>8163557.0</t>
  </si>
  <si>
    <t>861646.0</t>
  </si>
  <si>
    <t>2003896716.0</t>
  </si>
  <si>
    <t>926525354.0</t>
  </si>
  <si>
    <t>859041244.0</t>
  </si>
  <si>
    <t>241271447.0</t>
  </si>
  <si>
    <t>7279666.0</t>
  </si>
  <si>
    <t>8205465.0</t>
  </si>
  <si>
    <t>900615.0</t>
  </si>
  <si>
    <t>2009347896.0</t>
  </si>
  <si>
    <t>927450852.0</t>
  </si>
  <si>
    <t>859520751.0</t>
  </si>
  <si>
    <t>244773990.0</t>
  </si>
  <si>
    <t>4241742.0</t>
  </si>
  <si>
    <t>8249304.0</t>
  </si>
  <si>
    <t>925197.0</t>
  </si>
  <si>
    <t>2018022197.0</t>
  </si>
  <si>
    <t>928544045.0</t>
  </si>
  <si>
    <t>860383796.0</t>
  </si>
  <si>
    <t>251390260.0</t>
  </si>
  <si>
    <t>8544925.0</t>
  </si>
  <si>
    <t>8372746.0</t>
  </si>
  <si>
    <t>958507.0</t>
  </si>
  <si>
    <t>2026923819.0</t>
  </si>
  <si>
    <t>929706206.0</t>
  </si>
  <si>
    <t>861290838.0</t>
  </si>
  <si>
    <t>259583438.0</t>
  </si>
  <si>
    <t>9291079.0</t>
  </si>
  <si>
    <t>8387869.0</t>
  </si>
  <si>
    <t>997500.0</t>
  </si>
  <si>
    <t>2035418943.0</t>
  </si>
  <si>
    <t>930821289.0</t>
  </si>
  <si>
    <t>862193678.0</t>
  </si>
  <si>
    <t>266659846.0</t>
  </si>
  <si>
    <t>8862737.0</t>
  </si>
  <si>
    <t>8298753.0</t>
  </si>
  <si>
    <t>2042392610.0</t>
  </si>
  <si>
    <t>931618833.0</t>
  </si>
  <si>
    <t>862886959.0</t>
  </si>
  <si>
    <t>272003916.0</t>
  </si>
  <si>
    <t>7073735.0</t>
  </si>
  <si>
    <t>7919271.0</t>
  </si>
  <si>
    <t>996646.0</t>
  </si>
  <si>
    <t>2047215242.0</t>
  </si>
  <si>
    <t>931924915.0</t>
  </si>
  <si>
    <t>863327569.0</t>
  </si>
  <si>
    <t>276052426.0</t>
  </si>
  <si>
    <t>3454664.0</t>
  </si>
  <si>
    <t>6963986.0</t>
  </si>
  <si>
    <t>876562.0</t>
  </si>
  <si>
    <t>2047858637.0</t>
  </si>
  <si>
    <t>932016171.0</t>
  </si>
  <si>
    <t>863426167.0</t>
  </si>
  <si>
    <t>276536245.0</t>
  </si>
  <si>
    <t>1128277.0</t>
  </si>
  <si>
    <t>6085238.0</t>
  </si>
  <si>
    <t>163.76</t>
  </si>
  <si>
    <t>760529.0</t>
  </si>
  <si>
    <t>2049729478.0</t>
  </si>
  <si>
    <t>932380315.0</t>
  </si>
  <si>
    <t>863727075.0</t>
  </si>
  <si>
    <t>278087195.0</t>
  </si>
  <si>
    <t>1834442.0</t>
  </si>
  <si>
    <t>5741366.0</t>
  </si>
  <si>
    <t>163.91</t>
  </si>
  <si>
    <t>712135.0</t>
  </si>
  <si>
    <t>2055701597.0</t>
  </si>
  <si>
    <t>933175171.0</t>
  </si>
  <si>
    <t>864486099.0</t>
  </si>
  <si>
    <t>283082625.0</t>
  </si>
  <si>
    <t>6502678.0</t>
  </si>
  <si>
    <t>5449638.0</t>
  </si>
  <si>
    <t>164.39</t>
  </si>
  <si>
    <t>674691.0</t>
  </si>
  <si>
    <t>2062856900.0</t>
  </si>
  <si>
    <t>934098846.0</t>
  </si>
  <si>
    <t>865353141.0</t>
  </si>
  <si>
    <t>288860281.0</t>
  </si>
  <si>
    <t>7355402.0</t>
  </si>
  <si>
    <t>5173136.0</t>
  </si>
  <si>
    <t>636023.0</t>
  </si>
  <si>
    <t>2069736655.0</t>
  </si>
  <si>
    <t>934984812.0</t>
  </si>
  <si>
    <t>866062230.0</t>
  </si>
  <si>
    <t>294480019.0</t>
  </si>
  <si>
    <t>7656065.0</t>
  </si>
  <si>
    <t>5000749.0</t>
  </si>
  <si>
    <t>165.51</t>
  </si>
  <si>
    <t>610524.0</t>
  </si>
  <si>
    <t>2076506771.0</t>
  </si>
  <si>
    <t>935837551.0</t>
  </si>
  <si>
    <t>867046716.0</t>
  </si>
  <si>
    <t>299443453.0</t>
  </si>
  <si>
    <t>6947999.0</t>
  </si>
  <si>
    <t>4982791.0</t>
  </si>
  <si>
    <t>612846.0</t>
  </si>
  <si>
    <t>2081780435.0</t>
  </si>
  <si>
    <t>936203078.0</t>
  </si>
  <si>
    <t>867430613.0</t>
  </si>
  <si>
    <t>303857004.0</t>
  </si>
  <si>
    <t>3761308.0</t>
  </si>
  <si>
    <t>5026598.0</t>
  </si>
  <si>
    <t>620317.0</t>
  </si>
  <si>
    <t>2082504426.0</t>
  </si>
  <si>
    <t>936279910.0</t>
  </si>
  <si>
    <t>867491467.0</t>
  </si>
  <si>
    <t>304429503.0</t>
  </si>
  <si>
    <t>1446001.0</t>
  </si>
  <si>
    <t>5071987.0</t>
  </si>
  <si>
    <t>625376.0</t>
  </si>
  <si>
    <t>2085616056.0</t>
  </si>
  <si>
    <t>936753403.0</t>
  </si>
  <si>
    <t>868131525.0</t>
  </si>
  <si>
    <t>306587573.0</t>
  </si>
  <si>
    <t>2514891.0</t>
  </si>
  <si>
    <t>5169193.0</t>
  </si>
  <si>
    <t>640444.0</t>
  </si>
  <si>
    <t>2091659049.0</t>
  </si>
  <si>
    <t>937501818.0</t>
  </si>
  <si>
    <t>868929669.0</t>
  </si>
  <si>
    <t>311053683.0</t>
  </si>
  <si>
    <t>6148854.0</t>
  </si>
  <si>
    <t>5118644.0</t>
  </si>
  <si>
    <t>167.26</t>
  </si>
  <si>
    <t>635059.0</t>
  </si>
  <si>
    <t>2098826648.0</t>
  </si>
  <si>
    <t>938387140.0</t>
  </si>
  <si>
    <t>869786123.0</t>
  </si>
  <si>
    <t>316543352.0</t>
  </si>
  <si>
    <t>7626716.0</t>
  </si>
  <si>
    <t>5157404.0</t>
  </si>
  <si>
    <t>638299.0</t>
  </si>
  <si>
    <t>2105940899.0</t>
  </si>
  <si>
    <t>939221637.0</t>
  </si>
  <si>
    <t>870673343.0</t>
  </si>
  <si>
    <t>321812015.0</t>
  </si>
  <si>
    <t>7594388.0</t>
  </si>
  <si>
    <t>5148594.0</t>
  </si>
  <si>
    <t>630012.0</t>
  </si>
  <si>
    <t>2112653946.0</t>
  </si>
  <si>
    <t>939970172.0</t>
  </si>
  <si>
    <t>871533158.0</t>
  </si>
  <si>
    <t>327003716.0</t>
  </si>
  <si>
    <t>7109011.0</t>
  </si>
  <si>
    <t>5171594.0</t>
  </si>
  <si>
    <t>619458.0</t>
  </si>
  <si>
    <t>2122728129.0</t>
  </si>
  <si>
    <t>941049109.0</t>
  </si>
  <si>
    <t>872647893.0</t>
  </si>
  <si>
    <t>334862439.0</t>
  </si>
  <si>
    <t>8235119.0</t>
  </si>
  <si>
    <t>5810712.0</t>
  </si>
  <si>
    <t>696625.0</t>
  </si>
  <si>
    <t>2128078860.0</t>
  </si>
  <si>
    <t>941722168.0</t>
  </si>
  <si>
    <t>873374171.0</t>
  </si>
  <si>
    <t>338896659.0</t>
  </si>
  <si>
    <t>5844769.0</t>
  </si>
  <si>
    <t>6439107.0</t>
  </si>
  <si>
    <t>778416.0</t>
  </si>
  <si>
    <t>2131712374.0</t>
  </si>
  <si>
    <t>942269073.0</t>
  </si>
  <si>
    <t>873810804.0</t>
  </si>
  <si>
    <t>342267525.0</t>
  </si>
  <si>
    <t>3235912.0</t>
  </si>
  <si>
    <t>6542108.0</t>
  </si>
  <si>
    <t>789816.0</t>
  </si>
  <si>
    <t>2138357524.0</t>
  </si>
  <si>
    <t>943040359.0</t>
  </si>
  <si>
    <t>874630981.0</t>
  </si>
  <si>
    <t>347190868.0</t>
  </si>
  <si>
    <t>6807244.0</t>
  </si>
  <si>
    <t>6636168.0</t>
  </si>
  <si>
    <t>790289.0</t>
  </si>
  <si>
    <t>2145238005.0</t>
  </si>
  <si>
    <t>943940592.0</t>
  </si>
  <si>
    <t>875528562.0</t>
  </si>
  <si>
    <t>352497070.0</t>
  </si>
  <si>
    <t>7436505.0</t>
  </si>
  <si>
    <t>6608995.0</t>
  </si>
  <si>
    <t>171.55</t>
  </si>
  <si>
    <t>787332.0</t>
  </si>
  <si>
    <t>2152554239.0</t>
  </si>
  <si>
    <t>944899283.0</t>
  </si>
  <si>
    <t>876581445.0</t>
  </si>
  <si>
    <t>358430434.0</t>
  </si>
  <si>
    <t>7446662.0</t>
  </si>
  <si>
    <t>6587891.0</t>
  </si>
  <si>
    <t>794901.0</t>
  </si>
  <si>
    <t>2159496800.0</t>
  </si>
  <si>
    <t>945796373.0</t>
  </si>
  <si>
    <t>877404179.0</t>
  </si>
  <si>
    <t>363747238.0</t>
  </si>
  <si>
    <t>7412207.0</t>
  </si>
  <si>
    <t>6631204.0</t>
  </si>
  <si>
    <t>172.69</t>
  </si>
  <si>
    <t>816088.0</t>
  </si>
  <si>
    <t>2168387750.0</t>
  </si>
  <si>
    <t>946735851.0</t>
  </si>
  <si>
    <t>878315804.0</t>
  </si>
  <si>
    <t>371258487.0</t>
  </si>
  <si>
    <t>7628048.0</t>
  </si>
  <si>
    <t>6544480.0</t>
  </si>
  <si>
    <t>818619.0</t>
  </si>
  <si>
    <t>2172802804.0</t>
  </si>
  <si>
    <t>947406537.0</t>
  </si>
  <si>
    <t>878784059.0</t>
  </si>
  <si>
    <t>374652283.0</t>
  </si>
  <si>
    <t>5881818.0</t>
  </si>
  <si>
    <t>6549772.0</t>
  </si>
  <si>
    <t>821713.0</t>
  </si>
  <si>
    <t>2178149915.0</t>
  </si>
  <si>
    <t>947988107.0</t>
  </si>
  <si>
    <t>879213304.0</t>
  </si>
  <si>
    <t>377512597.0</t>
  </si>
  <si>
    <t>3643298.0</t>
  </si>
  <si>
    <t>6607968.0</t>
  </si>
  <si>
    <t>821129.0</t>
  </si>
  <si>
    <t>2184413699.0</t>
  </si>
  <si>
    <t>948695895.0</t>
  </si>
  <si>
    <t>879921909.0</t>
  </si>
  <si>
    <t>382023099.0</t>
  </si>
  <si>
    <t>6099780.0</t>
  </si>
  <si>
    <t>6506900.0</t>
  </si>
  <si>
    <t>807363.0</t>
  </si>
  <si>
    <t>2190415330.0</t>
  </si>
  <si>
    <t>949427090.0</t>
  </si>
  <si>
    <t>880643809.0</t>
  </si>
  <si>
    <t>386641996.0</t>
  </si>
  <si>
    <t>6269424.0</t>
  </si>
  <si>
    <t>6340178.0</t>
  </si>
  <si>
    <t>175.16</t>
  </si>
  <si>
    <t>784172.0</t>
  </si>
  <si>
    <t>2196378437.0</t>
  </si>
  <si>
    <t>950306534.0</t>
  </si>
  <si>
    <t>881343466.0</t>
  </si>
  <si>
    <t>391084054.0</t>
  </si>
  <si>
    <t>6496080.0</t>
  </si>
  <si>
    <t>6204385.0</t>
  </si>
  <si>
    <t>175.64</t>
  </si>
  <si>
    <t>782096.0</t>
  </si>
  <si>
    <t>2202560511.0</t>
  </si>
  <si>
    <t>951036441.0</t>
  </si>
  <si>
    <t>882097441.0</t>
  </si>
  <si>
    <t>395897242.0</t>
  </si>
  <si>
    <t>6429197.0</t>
  </si>
  <si>
    <t>6063948.0</t>
  </si>
  <si>
    <t>756323.0</t>
  </si>
  <si>
    <t>2209839567.0</t>
  </si>
  <si>
    <t>951794377.0</t>
  </si>
  <si>
    <t>882789501.0</t>
  </si>
  <si>
    <t>401631043.0</t>
  </si>
  <si>
    <t>6632389.0</t>
  </si>
  <si>
    <t>5921711.0</t>
  </si>
  <si>
    <t>727171.0</t>
  </si>
  <si>
    <t>2213411772.0</t>
  </si>
  <si>
    <t>952333072.0</t>
  </si>
  <si>
    <t>883185104.0</t>
  </si>
  <si>
    <t>404237837.0</t>
  </si>
  <si>
    <t>4534865.0</t>
  </si>
  <si>
    <t>5729294.0</t>
  </si>
  <si>
    <t>710615.0</t>
  </si>
  <si>
    <t>2217469912.0</t>
  </si>
  <si>
    <t>952867625.0</t>
  </si>
  <si>
    <t>883625078.0</t>
  </si>
  <si>
    <t>407147567.0</t>
  </si>
  <si>
    <t>2668271.0</t>
  </si>
  <si>
    <t>5589999.0</t>
  </si>
  <si>
    <t>702784.0</t>
  </si>
  <si>
    <t>2222706576.0</t>
  </si>
  <si>
    <t>953464196.0</t>
  </si>
  <si>
    <t>884251297.0</t>
  </si>
  <si>
    <t>411074210.0</t>
  </si>
  <si>
    <t>5382013.0</t>
  </si>
  <si>
    <t>5487461.0</t>
  </si>
  <si>
    <t>691206.0</t>
  </si>
  <si>
    <t>2228240765.0</t>
  </si>
  <si>
    <t>954083900.0</t>
  </si>
  <si>
    <t>884956506.0</t>
  </si>
  <si>
    <t>415310664.0</t>
  </si>
  <si>
    <t>5581737.0</t>
  </si>
  <si>
    <t>5389222.0</t>
  </si>
  <si>
    <t>675373.0</t>
  </si>
  <si>
    <t>2233202950.0</t>
  </si>
  <si>
    <t>954655864.0</t>
  </si>
  <si>
    <t>885640306.0</t>
  </si>
  <si>
    <t>419128825.0</t>
  </si>
  <si>
    <t>5223479.0</t>
  </si>
  <si>
    <t>5207419.0</t>
  </si>
  <si>
    <t>178.58</t>
  </si>
  <si>
    <t>627322.0</t>
  </si>
  <si>
    <t>2238310451.0</t>
  </si>
  <si>
    <t>955227759.0</t>
  </si>
  <si>
    <t>886302340.0</t>
  </si>
  <si>
    <t>423061565.0</t>
  </si>
  <si>
    <t>5369279.0</t>
  </si>
  <si>
    <t>5056000.0</t>
  </si>
  <si>
    <t>178.99</t>
  </si>
  <si>
    <t>605511.0</t>
  </si>
  <si>
    <t>2244576465.0</t>
  </si>
  <si>
    <t>955868502.0</t>
  </si>
  <si>
    <t>887077349.0</t>
  </si>
  <si>
    <t>427820199.0</t>
  </si>
  <si>
    <t>5808913.0</t>
  </si>
  <si>
    <t>4938366.0</t>
  </si>
  <si>
    <t>179.49</t>
  </si>
  <si>
    <t>586939.0</t>
  </si>
  <si>
    <t>2247790001.0</t>
  </si>
  <si>
    <t>956252918.0</t>
  </si>
  <si>
    <t>887578788.0</t>
  </si>
  <si>
    <t>430118802.0</t>
  </si>
  <si>
    <t>3716654.0</t>
  </si>
  <si>
    <t>4821473.0</t>
  </si>
  <si>
    <t>179.75</t>
  </si>
  <si>
    <t>557154.0</t>
  </si>
  <si>
    <t>2250538538.0</t>
  </si>
  <si>
    <t>956557545.0</t>
  </si>
  <si>
    <t>887964634.0</t>
  </si>
  <si>
    <t>432006702.0</t>
  </si>
  <si>
    <t>2310757.0</t>
  </si>
  <si>
    <t>4770403.0</t>
  </si>
  <si>
    <t>541045.0</t>
  </si>
  <si>
    <t>2254915526.0</t>
  </si>
  <si>
    <t>957119057.0</t>
  </si>
  <si>
    <t>888544583.0</t>
  </si>
  <si>
    <t>434897757.0</t>
  </si>
  <si>
    <t>3945240.0</t>
  </si>
  <si>
    <t>4565147.0</t>
  </si>
  <si>
    <t>527891.0</t>
  </si>
  <si>
    <t>2258692143.0</t>
  </si>
  <si>
    <t>957501779.0</t>
  </si>
  <si>
    <t>889069658.0</t>
  </si>
  <si>
    <t>437809226.0</t>
  </si>
  <si>
    <t>4078138.0</t>
  </si>
  <si>
    <t>4350346.0</t>
  </si>
  <si>
    <t>496078.0</t>
  </si>
  <si>
    <t>2262589564.0</t>
  </si>
  <si>
    <t>957883551.0</t>
  </si>
  <si>
    <t>889682383.0</t>
  </si>
  <si>
    <t>440692891.0</t>
  </si>
  <si>
    <t>4075778.0</t>
  </si>
  <si>
    <t>4186390.0</t>
  </si>
  <si>
    <t>180.93</t>
  </si>
  <si>
    <t>469645.0</t>
  </si>
  <si>
    <t>2266595920.0</t>
  </si>
  <si>
    <t>958254739.0</t>
  </si>
  <si>
    <t>890258579.0</t>
  </si>
  <si>
    <t>443772835.0</t>
  </si>
  <si>
    <t>4261681.0</t>
  </si>
  <si>
    <t>4028161.0</t>
  </si>
  <si>
    <t>441749.0</t>
  </si>
  <si>
    <t>2271675715.0</t>
  </si>
  <si>
    <t>958731845.0</t>
  </si>
  <si>
    <t>891031518.0</t>
  </si>
  <si>
    <t>447523324.0</t>
  </si>
  <si>
    <t>4668056.0</t>
  </si>
  <si>
    <t>3865182.0</t>
  </si>
  <si>
    <t>181.66</t>
  </si>
  <si>
    <t>418370.0</t>
  </si>
  <si>
    <t>2274821596.0</t>
  </si>
  <si>
    <t>959045173.0</t>
  </si>
  <si>
    <t>891578094.0</t>
  </si>
  <si>
    <t>450711311.0</t>
  </si>
  <si>
    <t>3454469.0</t>
  </si>
  <si>
    <t>3827730.0</t>
  </si>
  <si>
    <t>181.91</t>
  </si>
  <si>
    <t>405435.0</t>
  </si>
  <si>
    <t>2277600652.0</t>
  </si>
  <si>
    <t>959319524.0</t>
  </si>
  <si>
    <t>892001325.0</t>
  </si>
  <si>
    <t>452520733.0</t>
  </si>
  <si>
    <t>1959705.0</t>
  </si>
  <si>
    <t>3777580.0</t>
  </si>
  <si>
    <t>2281579427.0</t>
  </si>
  <si>
    <t>959679832.0</t>
  </si>
  <si>
    <t>892600266.0</t>
  </si>
  <si>
    <t>455459619.0</t>
  </si>
  <si>
    <t>3928967.0</t>
  </si>
  <si>
    <t>3775256.0</t>
  </si>
  <si>
    <t>182.45</t>
  </si>
  <si>
    <t>368843.0</t>
  </si>
  <si>
    <t>2285453304.0</t>
  </si>
  <si>
    <t>960046790.0</t>
  </si>
  <si>
    <t>893184012.0</t>
  </si>
  <si>
    <t>458431872.0</t>
  </si>
  <si>
    <t>4048534.0</t>
  </si>
  <si>
    <t>3771027.0</t>
  </si>
  <si>
    <t>364799.0</t>
  </si>
  <si>
    <t>2289374074.0</t>
  </si>
  <si>
    <t>960408704.0</t>
  </si>
  <si>
    <t>893770116.0</t>
  </si>
  <si>
    <t>461419466.0</t>
  </si>
  <si>
    <t>4071318.0</t>
  </si>
  <si>
    <t>3770391.0</t>
  </si>
  <si>
    <t>183.07</t>
  </si>
  <si>
    <t>360362.0</t>
  </si>
  <si>
    <t>2293345947.0</t>
  </si>
  <si>
    <t>960760819.0</t>
  </si>
  <si>
    <t>894329231.0</t>
  </si>
  <si>
    <t>464528780.0</t>
  </si>
  <si>
    <t>4146298.0</t>
  </si>
  <si>
    <t>3753911.0</t>
  </si>
  <si>
    <t>183.39</t>
  </si>
  <si>
    <t>355546.0</t>
  </si>
  <si>
    <t>2297516459.0</t>
  </si>
  <si>
    <t>961117957.0</t>
  </si>
  <si>
    <t>894960848.0</t>
  </si>
  <si>
    <t>467640910.0</t>
  </si>
  <si>
    <t>3851020.0</t>
  </si>
  <si>
    <t>3637188.0</t>
  </si>
  <si>
    <t>183.73</t>
  </si>
  <si>
    <t>341890.0</t>
  </si>
  <si>
    <t>2300329119.0</t>
  </si>
  <si>
    <t>961370934.0</t>
  </si>
  <si>
    <t>895438491.0</t>
  </si>
  <si>
    <t>469718146.0</t>
  </si>
  <si>
    <t>3143831.0</t>
  </si>
  <si>
    <t>3592811.0</t>
  </si>
  <si>
    <t>333024.0</t>
  </si>
  <si>
    <t>2302744500.0</t>
  </si>
  <si>
    <t>961561487.0</t>
  </si>
  <si>
    <t>895746386.0</t>
  </si>
  <si>
    <t>471403410.0</t>
  </si>
  <si>
    <t>1863775.0</t>
  </si>
  <si>
    <t>3579104.0</t>
  </si>
  <si>
    <t>184.14</t>
  </si>
  <si>
    <t>327334.0</t>
  </si>
  <si>
    <t>2306119224.0</t>
  </si>
  <si>
    <t>961841648.0</t>
  </si>
  <si>
    <t>896175388.0</t>
  </si>
  <si>
    <t>473988312.0</t>
  </si>
  <si>
    <t>3359390.0</t>
  </si>
  <si>
    <t>3497737.0</t>
  </si>
  <si>
    <t>184.41</t>
  </si>
  <si>
    <t>2309725731.0</t>
  </si>
  <si>
    <t>962123742.0</t>
  </si>
  <si>
    <t>896636667.0</t>
  </si>
  <si>
    <t>476852960.0</t>
  </si>
  <si>
    <t>3720005.0</t>
  </si>
  <si>
    <t>3450802.0</t>
  </si>
  <si>
    <t>306105.0</t>
  </si>
  <si>
    <t>2313501272.0</t>
  </si>
  <si>
    <t>962432002.0</t>
  </si>
  <si>
    <t>897538821.0</t>
  </si>
  <si>
    <t>479648379.0</t>
  </si>
  <si>
    <t>3893182.0</t>
  </si>
  <si>
    <t>3425358.0</t>
  </si>
  <si>
    <t>297269.0</t>
  </si>
  <si>
    <t>2316863082.0</t>
  </si>
  <si>
    <t>962699946.0</t>
  </si>
  <si>
    <t>897996393.0</t>
  </si>
  <si>
    <t>482312786.0</t>
  </si>
  <si>
    <t>3552135.0</t>
  </si>
  <si>
    <t>3340483.0</t>
  </si>
  <si>
    <t>185.27</t>
  </si>
  <si>
    <t>286912.0</t>
  </si>
  <si>
    <t>2320861617.0</t>
  </si>
  <si>
    <t>963026680.0</t>
  </si>
  <si>
    <t>898521588.0</t>
  </si>
  <si>
    <t>485419932.0</t>
  </si>
  <si>
    <t>3831126.0</t>
  </si>
  <si>
    <t>3337638.0</t>
  </si>
  <si>
    <t>185.59</t>
  </si>
  <si>
    <t>281268.0</t>
  </si>
  <si>
    <t>2323434873.0</t>
  </si>
  <si>
    <t>963238242.0</t>
  </si>
  <si>
    <t>898889017.0</t>
  </si>
  <si>
    <t>487393769.0</t>
  </si>
  <si>
    <t>2803274.0</t>
  </si>
  <si>
    <t>3288961.0</t>
  </si>
  <si>
    <t>274463.0</t>
  </si>
  <si>
    <t>2325738430.0</t>
  </si>
  <si>
    <t>963420513.0</t>
  </si>
  <si>
    <t>899185185.0</t>
  </si>
  <si>
    <t>488959742.0</t>
  </si>
  <si>
    <t>1732480.0</t>
  </si>
  <si>
    <t>3270203.0</t>
  </si>
  <si>
    <t>271927.0</t>
  </si>
  <si>
    <t>2328629910.0</t>
  </si>
  <si>
    <t>963658208.0</t>
  </si>
  <si>
    <t>899515509.0</t>
  </si>
  <si>
    <t>491215418.0</t>
  </si>
  <si>
    <t>2892457.0</t>
  </si>
  <si>
    <t>3203501.0</t>
  </si>
  <si>
    <t>186.21</t>
  </si>
  <si>
    <t>266183.0</t>
  </si>
  <si>
    <t>2331706029.0</t>
  </si>
  <si>
    <t>963895794.0</t>
  </si>
  <si>
    <t>899939450.0</t>
  </si>
  <si>
    <t>493622170.0</t>
  </si>
  <si>
    <t>3169633.0</t>
  </si>
  <si>
    <t>3124878.0</t>
  </si>
  <si>
    <t>186.46</t>
  </si>
  <si>
    <t>259363.0</t>
  </si>
  <si>
    <t>2334091106.0</t>
  </si>
  <si>
    <t>964152715.0</t>
  </si>
  <si>
    <t>900334610.0</t>
  </si>
  <si>
    <t>495370335.0</t>
  </si>
  <si>
    <t>2480961.0</t>
  </si>
  <si>
    <t>2923146.0</t>
  </si>
  <si>
    <t>251857.0</t>
  </si>
  <si>
    <t>2337079978.0</t>
  </si>
  <si>
    <t>964407482.0</t>
  </si>
  <si>
    <t>900736178.0</t>
  </si>
  <si>
    <t>497713882.0</t>
  </si>
  <si>
    <t>3087347.0</t>
  </si>
  <si>
    <t>2856749.0</t>
  </si>
  <si>
    <t>249179.0</t>
  </si>
  <si>
    <t>2340638515.0</t>
  </si>
  <si>
    <t>964666247.0</t>
  </si>
  <si>
    <t>901237090.0</t>
  </si>
  <si>
    <t>500493360.0</t>
  </si>
  <si>
    <t>3447039.0</t>
  </si>
  <si>
    <t>2801884.0</t>
  </si>
  <si>
    <t>240559.0</t>
  </si>
  <si>
    <t>2342994103.0</t>
  </si>
  <si>
    <t>964843271.0</t>
  </si>
  <si>
    <t>901520255.0</t>
  </si>
  <si>
    <t>502367562.0</t>
  </si>
  <si>
    <t>2586820.0</t>
  </si>
  <si>
    <t>2770963.0</t>
  </si>
  <si>
    <t>187.36</t>
  </si>
  <si>
    <t>235787.0</t>
  </si>
  <si>
    <t>2344780539.0</t>
  </si>
  <si>
    <t>964987338.0</t>
  </si>
  <si>
    <t>901745321.0</t>
  </si>
  <si>
    <t>503626068.0</t>
  </si>
  <si>
    <t>1608315.0</t>
  </si>
  <si>
    <t>2753226.0</t>
  </si>
  <si>
    <t>233044.0</t>
  </si>
  <si>
    <t>2347946060.0</t>
  </si>
  <si>
    <t>965210993.0</t>
  </si>
  <si>
    <t>902101824.0</t>
  </si>
  <si>
    <t>506117808.0</t>
  </si>
  <si>
    <t>2930230.0</t>
  </si>
  <si>
    <t>2758621.0</t>
  </si>
  <si>
    <t>187.76</t>
  </si>
  <si>
    <t>229822.0</t>
  </si>
  <si>
    <t>2350366669.0</t>
  </si>
  <si>
    <t>965385820.0</t>
  </si>
  <si>
    <t>902370220.0</t>
  </si>
  <si>
    <t>508027448.0</t>
  </si>
  <si>
    <t>2483611.0</t>
  </si>
  <si>
    <t>2660618.0</t>
  </si>
  <si>
    <t>220115.0</t>
  </si>
  <si>
    <t>2352718074.0</t>
  </si>
  <si>
    <t>965561705.0</t>
  </si>
  <si>
    <t>902651017.0</t>
  </si>
  <si>
    <t>509908137.0</t>
  </si>
  <si>
    <t>2447227.0</t>
  </si>
  <si>
    <t>2655793.0</t>
  </si>
  <si>
    <t>188.14</t>
  </si>
  <si>
    <t>209508.0</t>
  </si>
  <si>
    <t>2355052282.0</t>
  </si>
  <si>
    <t>965940136.0</t>
  </si>
  <si>
    <t>903272390.0</t>
  </si>
  <si>
    <t>511780448.0</t>
  </si>
  <si>
    <t>2458463.0</t>
  </si>
  <si>
    <t>2565955.0</t>
  </si>
  <si>
    <t>2357934429.0</t>
  </si>
  <si>
    <t>966137183.0</t>
  </si>
  <si>
    <t>903590651.0</t>
  </si>
  <si>
    <t>514124062.0</t>
  </si>
  <si>
    <t>2899688.0</t>
  </si>
  <si>
    <t>2487763.0</t>
  </si>
  <si>
    <t>188386.0</t>
  </si>
  <si>
    <t>2359920324.0</t>
  </si>
  <si>
    <t>966281013.0</t>
  </si>
  <si>
    <t>903785197.0</t>
  </si>
  <si>
    <t>515763931.0</t>
  </si>
  <si>
    <t>2281893.0</t>
  </si>
  <si>
    <t>2444202.0</t>
  </si>
  <si>
    <t>188.72</t>
  </si>
  <si>
    <t>183515.0</t>
  </si>
  <si>
    <t>2361533889.0</t>
  </si>
  <si>
    <t>966402674.0</t>
  </si>
  <si>
    <t>903939657.0</t>
  </si>
  <si>
    <t>517164865.0</t>
  </si>
  <si>
    <t>1444602.0</t>
  </si>
  <si>
    <t>2420818.0</t>
  </si>
  <si>
    <t>188.84</t>
  </si>
  <si>
    <t>2363623096.0</t>
  </si>
  <si>
    <t>966560951.0</t>
  </si>
  <si>
    <t>904156630.0</t>
  </si>
  <si>
    <t>518821459.0</t>
  </si>
  <si>
    <t>2226839.0</t>
  </si>
  <si>
    <t>2320331.0</t>
  </si>
  <si>
    <t>173178.0</t>
  </si>
  <si>
    <t>2365682902.0</t>
  </si>
  <si>
    <t>966702780.0</t>
  </si>
  <si>
    <t>904377245.0</t>
  </si>
  <si>
    <t>520512249.0</t>
  </si>
  <si>
    <t>2281443.0</t>
  </si>
  <si>
    <t>2291451.0</t>
  </si>
  <si>
    <t>189.18</t>
  </si>
  <si>
    <t>169142.0</t>
  </si>
  <si>
    <t>2367896426.0</t>
  </si>
  <si>
    <t>966839836.0</t>
  </si>
  <si>
    <t>904616408.0</t>
  </si>
  <si>
    <t>522113765.0</t>
  </si>
  <si>
    <t>2456786.0</t>
  </si>
  <si>
    <t>2292815.0</t>
  </si>
  <si>
    <t>189.35</t>
  </si>
  <si>
    <t>165009.0</t>
  </si>
  <si>
    <t>2370670557.0</t>
  </si>
  <si>
    <t>967009472.0</t>
  </si>
  <si>
    <t>905624705.0</t>
  </si>
  <si>
    <t>523881226.0</t>
  </si>
  <si>
    <t>2315489.0</t>
  </si>
  <si>
    <t>2272393.0</t>
  </si>
  <si>
    <t>189.58</t>
  </si>
  <si>
    <t>2373393732.0</t>
  </si>
  <si>
    <t>967177268.0</t>
  </si>
  <si>
    <t>905922758.0</t>
  </si>
  <si>
    <t>525964206.0</t>
  </si>
  <si>
    <t>2658639.0</t>
  </si>
  <si>
    <t>2237958.0</t>
  </si>
  <si>
    <t>189.79</t>
  </si>
  <si>
    <t>159128.0</t>
  </si>
  <si>
    <t>2375257427.0</t>
  </si>
  <si>
    <t>967320833.0</t>
  </si>
  <si>
    <t>906123633.0</t>
  </si>
  <si>
    <t>527473292.0</t>
  </si>
  <si>
    <t>2133737.0</t>
  </si>
  <si>
    <t>2216790.0</t>
  </si>
  <si>
    <t>159960.0</t>
  </si>
  <si>
    <t>2376545134.0</t>
  </si>
  <si>
    <t>967399330.0</t>
  </si>
  <si>
    <t>906246877.0</t>
  </si>
  <si>
    <t>528446199.0</t>
  </si>
  <si>
    <t>1304812.0</t>
  </si>
  <si>
    <t>2196818.0</t>
  </si>
  <si>
    <t>159467.0</t>
  </si>
  <si>
    <t>2378315071.0</t>
  </si>
  <si>
    <t>967521665.0</t>
  </si>
  <si>
    <t>906458143.0</t>
  </si>
  <si>
    <t>529871660.0</t>
  </si>
  <si>
    <t>2006712.0</t>
  </si>
  <si>
    <t>2165371.0</t>
  </si>
  <si>
    <t>190.19</t>
  </si>
  <si>
    <t>156951.0</t>
  </si>
  <si>
    <t>2380236193.0</t>
  </si>
  <si>
    <t>967650414.0</t>
  </si>
  <si>
    <t>906687175.0</t>
  </si>
  <si>
    <t>531431106.0</t>
  </si>
  <si>
    <t>2118013.0</t>
  </si>
  <si>
    <t>2142022.0</t>
  </si>
  <si>
    <t>190.34</t>
  </si>
  <si>
    <t>155273.0</t>
  </si>
  <si>
    <t>2382508951.0</t>
  </si>
  <si>
    <t>967848643.0</t>
  </si>
  <si>
    <t>907103312.0</t>
  </si>
  <si>
    <t>533199574.0</t>
  </si>
  <si>
    <t>2093509.0</t>
  </si>
  <si>
    <t>2090128.0</t>
  </si>
  <si>
    <t>153832.0</t>
  </si>
  <si>
    <t>2384500900.0</t>
  </si>
  <si>
    <t>967993846.0</t>
  </si>
  <si>
    <t>907338915.0</t>
  </si>
  <si>
    <t>534691705.0</t>
  </si>
  <si>
    <t>2051583.0</t>
  </si>
  <si>
    <t>2052428.0</t>
  </si>
  <si>
    <t>190.68</t>
  </si>
  <si>
    <t>150441.0</t>
  </si>
  <si>
    <t>2387135363.0</t>
  </si>
  <si>
    <t>968153140.0</t>
  </si>
  <si>
    <t>907598602.0</t>
  </si>
  <si>
    <t>536769093.0</t>
  </si>
  <si>
    <t>2480445.0</t>
  </si>
  <si>
    <t>2026973.0</t>
  </si>
  <si>
    <t>148168.0</t>
  </si>
  <si>
    <t>2388982044.0</t>
  </si>
  <si>
    <t>968304955.0</t>
  </si>
  <si>
    <t>907795447.0</t>
  </si>
  <si>
    <t>538257972.0</t>
  </si>
  <si>
    <t>2078241.0</t>
  </si>
  <si>
    <t>2019046.0</t>
  </si>
  <si>
    <t>191.04</t>
  </si>
  <si>
    <t>148705.0</t>
  </si>
  <si>
    <t>2390230712.0</t>
  </si>
  <si>
    <t>968398774.0</t>
  </si>
  <si>
    <t>907916216.0</t>
  </si>
  <si>
    <t>539171884.0</t>
  </si>
  <si>
    <t>1243794.0</t>
  </si>
  <si>
    <t>2010328.0</t>
  </si>
  <si>
    <t>149137.0</t>
  </si>
  <si>
    <t>2391805605.0</t>
  </si>
  <si>
    <t>968496623.0</t>
  </si>
  <si>
    <t>908104355.0</t>
  </si>
  <si>
    <t>539993412.0</t>
  </si>
  <si>
    <t>1520478.0</t>
  </si>
  <si>
    <t>1940867.0</t>
  </si>
  <si>
    <t>191.27</t>
  </si>
  <si>
    <t>144950.0</t>
  </si>
  <si>
    <t>2393603569.0</t>
  </si>
  <si>
    <t>968624785.0</t>
  </si>
  <si>
    <t>908306801.0</t>
  </si>
  <si>
    <t>542065177.0</t>
  </si>
  <si>
    <t>1916066.0</t>
  </si>
  <si>
    <t>1912014.0</t>
  </si>
  <si>
    <t>191.41</t>
  </si>
  <si>
    <t>142562.0</t>
  </si>
  <si>
    <t>2395758348.0</t>
  </si>
  <si>
    <t>968797202.0</t>
  </si>
  <si>
    <t>908672436.0</t>
  </si>
  <si>
    <t>543623509.0</t>
  </si>
  <si>
    <t>1977453.0</t>
  </si>
  <si>
    <t>1895433.0</t>
  </si>
  <si>
    <t>191.58</t>
  </si>
  <si>
    <t>2397500291.0</t>
  </si>
  <si>
    <t>968920459.0</t>
  </si>
  <si>
    <t>908858355.0</t>
  </si>
  <si>
    <t>545686330.0</t>
  </si>
  <si>
    <t>1861798.0</t>
  </si>
  <si>
    <t>1868323.0</t>
  </si>
  <si>
    <t>140706.0</t>
  </si>
  <si>
    <t>2400082972.0</t>
  </si>
  <si>
    <t>969082772.0</t>
  </si>
  <si>
    <t>909110570.0</t>
  </si>
  <si>
    <t>547501110.0</t>
  </si>
  <si>
    <t>2317710.0</t>
  </si>
  <si>
    <t>1845075.0</t>
  </si>
  <si>
    <t>140468.0</t>
  </si>
  <si>
    <t>2401792162.0</t>
  </si>
  <si>
    <t>969232426.0</t>
  </si>
  <si>
    <t>909288046.0</t>
  </si>
  <si>
    <t>548813899.0</t>
  </si>
  <si>
    <t>1905650.0</t>
  </si>
  <si>
    <t>1820421.0</t>
  </si>
  <si>
    <t>139693.0</t>
  </si>
  <si>
    <t>2402819593.0</t>
  </si>
  <si>
    <t>969315903.0</t>
  </si>
  <si>
    <t>909393496.0</t>
  </si>
  <si>
    <t>549524750.0</t>
  </si>
  <si>
    <t>1057600.0</t>
  </si>
  <si>
    <t>1793821.0</t>
  </si>
  <si>
    <t>192.15</t>
  </si>
  <si>
    <t>139005.0</t>
  </si>
  <si>
    <t>2404306770.0</t>
  </si>
  <si>
    <t>969434410.0</t>
  </si>
  <si>
    <t>909557140.0</t>
  </si>
  <si>
    <t>550654024.0</t>
  </si>
  <si>
    <t>1699526.0</t>
  </si>
  <si>
    <t>1819403.0</t>
  </si>
  <si>
    <t>192.27</t>
  </si>
  <si>
    <t>2405997834.0</t>
  </si>
  <si>
    <t>969549705.0</t>
  </si>
  <si>
    <t>909734511.0</t>
  </si>
  <si>
    <t>551967495.0</t>
  </si>
  <si>
    <t>1782089.0</t>
  </si>
  <si>
    <t>1800259.0</t>
  </si>
  <si>
    <t>139057.0</t>
  </si>
  <si>
    <t>2408050882.0</t>
  </si>
  <si>
    <t>969704538.0</t>
  </si>
  <si>
    <t>910067718.0</t>
  </si>
  <si>
    <t>553464963.0</t>
  </si>
  <si>
    <t>1999247.0</t>
  </si>
  <si>
    <t>1803324.0</t>
  </si>
  <si>
    <t>138928.0</t>
  </si>
  <si>
    <t>2410222050.0</t>
  </si>
  <si>
    <t>969857011.0</t>
  </si>
  <si>
    <t>910380919.0</t>
  </si>
  <si>
    <t>555074288.0</t>
  </si>
  <si>
    <t>2044210.0</t>
  </si>
  <si>
    <t>1829388.0</t>
  </si>
  <si>
    <t>192.74</t>
  </si>
  <si>
    <t>142145.0</t>
  </si>
  <si>
    <t>2412765650.0</t>
  </si>
  <si>
    <t>970028692.0</t>
  </si>
  <si>
    <t>910618632.0</t>
  </si>
  <si>
    <t>556753720.0</t>
  </si>
  <si>
    <t>2299243.0</t>
  </si>
  <si>
    <t>1826760.0</t>
  </si>
  <si>
    <t>144149.0</t>
  </si>
  <si>
    <t>2414324801.0</t>
  </si>
  <si>
    <t>970175205.0</t>
  </si>
  <si>
    <t>910796498.0</t>
  </si>
  <si>
    <t>557871315.0</t>
  </si>
  <si>
    <t>1781135.0</t>
  </si>
  <si>
    <t>1808977.0</t>
  </si>
  <si>
    <t>143698.0</t>
  </si>
  <si>
    <t>2415241563.0</t>
  </si>
  <si>
    <t>970267647.0</t>
  </si>
  <si>
    <t>910908717.0</t>
  </si>
  <si>
    <t>558452739.0</t>
  </si>
  <si>
    <t>981025.0</t>
  </si>
  <si>
    <t>1798050.0</t>
  </si>
  <si>
    <t>143856.0</t>
  </si>
  <si>
    <t>2417126415.0</t>
  </si>
  <si>
    <t>970403787.0</t>
  </si>
  <si>
    <t>911085576.0</t>
  </si>
  <si>
    <t>559903891.0</t>
  </si>
  <si>
    <t>1763065.0</t>
  </si>
  <si>
    <t>1807136.0</t>
  </si>
  <si>
    <t>193.29</t>
  </si>
  <si>
    <t>146073.0</t>
  </si>
  <si>
    <t>2418928775.0</t>
  </si>
  <si>
    <t>970530902.0</t>
  </si>
  <si>
    <t>911255571.0</t>
  </si>
  <si>
    <t>561306895.0</t>
  </si>
  <si>
    <t>1815572.0</t>
  </si>
  <si>
    <t>1811929.0</t>
  </si>
  <si>
    <t>147209.0</t>
  </si>
  <si>
    <t>2420843047.0</t>
  </si>
  <si>
    <t>970675299.0</t>
  </si>
  <si>
    <t>911485976.0</t>
  </si>
  <si>
    <t>562754219.0</t>
  </si>
  <si>
    <t>1937590.0</t>
  </si>
  <si>
    <t>1803124.0</t>
  </si>
  <si>
    <t>193.59</t>
  </si>
  <si>
    <t>148026.0</t>
  </si>
  <si>
    <t>2422663110.0</t>
  </si>
  <si>
    <t>970798651.0</t>
  </si>
  <si>
    <t>911657216.0</t>
  </si>
  <si>
    <t>564162876.0</t>
  </si>
  <si>
    <t>1951575.0</t>
  </si>
  <si>
    <t>1789890.0</t>
  </si>
  <si>
    <t>2425374575.0</t>
  </si>
  <si>
    <t>970945964.0</t>
  </si>
  <si>
    <t>911885207.0</t>
  </si>
  <si>
    <t>566080881.0</t>
  </si>
  <si>
    <t>2469323.0</t>
  </si>
  <si>
    <t>1814185.0</t>
  </si>
  <si>
    <t>193.95</t>
  </si>
  <si>
    <t>140239.0</t>
  </si>
  <si>
    <t>2427071194.0</t>
  </si>
  <si>
    <t>971078469.0</t>
  </si>
  <si>
    <t>912062496.0</t>
  </si>
  <si>
    <t>567339643.0</t>
  </si>
  <si>
    <t>1888503.0</t>
  </si>
  <si>
    <t>1829522.0</t>
  </si>
  <si>
    <t>137882.0</t>
  </si>
  <si>
    <t>2428361032.0</t>
  </si>
  <si>
    <t>971155811.0</t>
  </si>
  <si>
    <t>912170271.0</t>
  </si>
  <si>
    <t>568192968.0</t>
  </si>
  <si>
    <t>1152659.0</t>
  </si>
  <si>
    <t>1854040.0</t>
  </si>
  <si>
    <t>136009.0</t>
  </si>
  <si>
    <t>2430032059.0</t>
  </si>
  <si>
    <t>971277668.0</t>
  </si>
  <si>
    <t>912323346.0</t>
  </si>
  <si>
    <t>569465460.0</t>
  </si>
  <si>
    <t>1774889.0</t>
  </si>
  <si>
    <t>1855734.0</t>
  </si>
  <si>
    <t>134630.0</t>
  </si>
  <si>
    <t>2431938325.0</t>
  </si>
  <si>
    <t>971408105.0</t>
  </si>
  <si>
    <t>912540901.0</t>
  </si>
  <si>
    <t>570920174.0</t>
  </si>
  <si>
    <t>1919984.0</t>
  </si>
  <si>
    <t>1870648.0</t>
  </si>
  <si>
    <t>2433779523.0</t>
  </si>
  <si>
    <t>971540062.0</t>
  </si>
  <si>
    <t>912714945.0</t>
  </si>
  <si>
    <t>572327918.0</t>
  </si>
  <si>
    <t>1923586.0</t>
  </si>
  <si>
    <t>1868649.0</t>
  </si>
  <si>
    <t>133827.0</t>
  </si>
  <si>
    <t>2435631929.0</t>
  </si>
  <si>
    <t>971679721.0</t>
  </si>
  <si>
    <t>912894419.0</t>
  </si>
  <si>
    <t>573757719.0</t>
  </si>
  <si>
    <t>1964483.0</t>
  </si>
  <si>
    <t>1870489.0</t>
  </si>
  <si>
    <t>134465.0</t>
  </si>
  <si>
    <t>2437667729.0</t>
  </si>
  <si>
    <t>971799660.0</t>
  </si>
  <si>
    <t>913040470.0</t>
  </si>
  <si>
    <t>575271577.0</t>
  </si>
  <si>
    <t>2006696.0</t>
  </si>
  <si>
    <t>1804398.0</t>
  </si>
  <si>
    <t>132998.0</t>
  </si>
  <si>
    <t>2439087992.0</t>
  </si>
  <si>
    <t>971905950.0</t>
  </si>
  <si>
    <t>913185104.0</t>
  </si>
  <si>
    <t>576376725.0</t>
  </si>
  <si>
    <t>1662683.0</t>
  </si>
  <si>
    <t>1772136.0</t>
  </si>
  <si>
    <t>130078.0</t>
  </si>
  <si>
    <t>2440303413.0</t>
  </si>
  <si>
    <t>971982795.0</t>
  </si>
  <si>
    <t>913291208.0</t>
  </si>
  <si>
    <t>577201297.0</t>
  </si>
  <si>
    <t>871844.0</t>
  </si>
  <si>
    <t>1732022.0</t>
  </si>
  <si>
    <t>127424.0</t>
  </si>
  <si>
    <t>2441668046.0</t>
  </si>
  <si>
    <t>972087129.0</t>
  </si>
  <si>
    <t>913408887.0</t>
  </si>
  <si>
    <t>578308852.0</t>
  </si>
  <si>
    <t>1451896.0</t>
  </si>
  <si>
    <t>1685879.0</t>
  </si>
  <si>
    <t>195.25</t>
  </si>
  <si>
    <t>124799.0</t>
  </si>
  <si>
    <t>2443398521.0</t>
  </si>
  <si>
    <t>972214022.0</t>
  </si>
  <si>
    <t>913570280.0</t>
  </si>
  <si>
    <t>579649563.0</t>
  </si>
  <si>
    <t>1830012.0</t>
  </si>
  <si>
    <t>125515.0</t>
  </si>
  <si>
    <t>2445241818.0</t>
  </si>
  <si>
    <t>972347151.0</t>
  </si>
  <si>
    <t>913727170.0</t>
  </si>
  <si>
    <t>581088949.0</t>
  </si>
  <si>
    <t>1945942.0</t>
  </si>
  <si>
    <t>1676220.0</t>
  </si>
  <si>
    <t>126266.0</t>
  </si>
  <si>
    <t>2447359718.0</t>
  </si>
  <si>
    <t>972511927.0</t>
  </si>
  <si>
    <t>913931997.0</t>
  </si>
  <si>
    <t>582605342.0</t>
  </si>
  <si>
    <t>2178505.0</t>
  </si>
  <si>
    <t>1706794.0</t>
  </si>
  <si>
    <t>130496.0</t>
  </si>
  <si>
    <t>2449884368.0</t>
  </si>
  <si>
    <t>972656480.0</t>
  </si>
  <si>
    <t>914128076.0</t>
  </si>
  <si>
    <t>584507214.0</t>
  </si>
  <si>
    <t>2400894.0</t>
  </si>
  <si>
    <t>1763109.0</t>
  </si>
  <si>
    <t>195.91</t>
  </si>
  <si>
    <t>132393.0</t>
  </si>
  <si>
    <t>2451568419.0</t>
  </si>
  <si>
    <t>972794336.0</t>
  </si>
  <si>
    <t>914292416.0</t>
  </si>
  <si>
    <t>585721084.0</t>
  </si>
  <si>
    <t>1862836.0</t>
  </si>
  <si>
    <t>1791702.0</t>
  </si>
  <si>
    <t>196.04</t>
  </si>
  <si>
    <t>136376.0</t>
  </si>
  <si>
    <t>2452754011.0</t>
  </si>
  <si>
    <t>972874056.0</t>
  </si>
  <si>
    <t>914388834.0</t>
  </si>
  <si>
    <t>586469874.0</t>
  </si>
  <si>
    <t>1028552.0</t>
  </si>
  <si>
    <t>1814089.0</t>
  </si>
  <si>
    <t>139314.0</t>
  </si>
  <si>
    <t>2454331941.0</t>
  </si>
  <si>
    <t>972981578.0</t>
  </si>
  <si>
    <t>914509319.0</t>
  </si>
  <si>
    <t>587712554.0</t>
  </si>
  <si>
    <t>1676409.0</t>
  </si>
  <si>
    <t>1846165.0</t>
  </si>
  <si>
    <t>196.27</t>
  </si>
  <si>
    <t>139805.0</t>
  </si>
  <si>
    <t>2456151506.0</t>
  </si>
  <si>
    <t>973094915.0</t>
  </si>
  <si>
    <t>914644764.0</t>
  </si>
  <si>
    <t>589166428.0</t>
  </si>
  <si>
    <t>1906653.0</t>
  </si>
  <si>
    <t>1857116.0</t>
  </si>
  <si>
    <t>137964.0</t>
  </si>
  <si>
    <t>2458126041.0</t>
  </si>
  <si>
    <t>973219851.0</t>
  </si>
  <si>
    <t>914821190.0</t>
  </si>
  <si>
    <t>590730667.0</t>
  </si>
  <si>
    <t>1975447.0</t>
  </si>
  <si>
    <t>1861329.0</t>
  </si>
  <si>
    <t>2460142131.0</t>
  </si>
  <si>
    <t>973340465.0</t>
  </si>
  <si>
    <t>914961445.0</t>
  </si>
  <si>
    <t>592367956.0</t>
  </si>
  <si>
    <t>2110887.0</t>
  </si>
  <si>
    <t>1851671.0</t>
  </si>
  <si>
    <t>129801.0</t>
  </si>
  <si>
    <t>2462322466.0</t>
  </si>
  <si>
    <t>973476301.0</t>
  </si>
  <si>
    <t>915138947.0</t>
  </si>
  <si>
    <t>594028903.0</t>
  </si>
  <si>
    <t>2101204.0</t>
  </si>
  <si>
    <t>1808856.0</t>
  </si>
  <si>
    <t>127388.0</t>
  </si>
  <si>
    <t>2463685933.0</t>
  </si>
  <si>
    <t>973605978.0</t>
  </si>
  <si>
    <t>915293137.0</t>
  </si>
  <si>
    <t>595025641.0</t>
  </si>
  <si>
    <t>1511678.0</t>
  </si>
  <si>
    <t>1758692.0</t>
  </si>
  <si>
    <t>197.01</t>
  </si>
  <si>
    <t>124875.0</t>
  </si>
  <si>
    <t>2464626696.0</t>
  </si>
  <si>
    <t>973667262.0</t>
  </si>
  <si>
    <t>915365996.0</t>
  </si>
  <si>
    <t>595576634.0</t>
  </si>
  <si>
    <t>760587.0</t>
  </si>
  <si>
    <t>1720412.0</t>
  </si>
  <si>
    <t>197.09</t>
  </si>
  <si>
    <t>121965.0</t>
  </si>
  <si>
    <t>2465876616.0</t>
  </si>
  <si>
    <t>973751362.0</t>
  </si>
  <si>
    <t>915463610.0</t>
  </si>
  <si>
    <t>596617769.0</t>
  </si>
  <si>
    <t>1343492.0</t>
  </si>
  <si>
    <t>1672848.0</t>
  </si>
  <si>
    <t>118755.0</t>
  </si>
  <si>
    <t>2467178611.0</t>
  </si>
  <si>
    <t>973839835.0</t>
  </si>
  <si>
    <t>915565168.0</t>
  </si>
  <si>
    <t>597644675.0</t>
  </si>
  <si>
    <t>1394747.0</t>
  </si>
  <si>
    <t>1599721.0</t>
  </si>
  <si>
    <t>115416.0</t>
  </si>
  <si>
    <t>2468713506.0</t>
  </si>
  <si>
    <t>973947173.0</t>
  </si>
  <si>
    <t>915704796.0</t>
  </si>
  <si>
    <t>598847752.0</t>
  </si>
  <si>
    <t>1536498.0</t>
  </si>
  <si>
    <t>1537014.0</t>
  </si>
  <si>
    <t>2469924619.0</t>
  </si>
  <si>
    <t>974052604.0</t>
  </si>
  <si>
    <t>915825613.0</t>
  </si>
  <si>
    <t>599762272.0</t>
  </si>
  <si>
    <t>1299071.0</t>
  </si>
  <si>
    <t>1421039.0</t>
  </si>
  <si>
    <t>197.51</t>
  </si>
  <si>
    <t>109544.0</t>
  </si>
  <si>
    <t>2471903467.0</t>
  </si>
  <si>
    <t>974203574.0</t>
  </si>
  <si>
    <t>915987298.0</t>
  </si>
  <si>
    <t>601271660.0</t>
  </si>
  <si>
    <t>1893313.0</t>
  </si>
  <si>
    <t>1391338.0</t>
  </si>
  <si>
    <t>109786.0</t>
  </si>
  <si>
    <t>2472977623.0</t>
  </si>
  <si>
    <t>974301904.0</t>
  </si>
  <si>
    <t>916103227.0</t>
  </si>
  <si>
    <t>602041637.0</t>
  </si>
  <si>
    <t>1224196.0</t>
  </si>
  <si>
    <t>1350273.0</t>
  </si>
  <si>
    <t>197.76</t>
  </si>
  <si>
    <t>106752.0</t>
  </si>
  <si>
    <t>2473846278.0</t>
  </si>
  <si>
    <t>974362728.0</t>
  </si>
  <si>
    <t>916174266.0</t>
  </si>
  <si>
    <t>602587306.0</t>
  </si>
  <si>
    <t>744532.0</t>
  </si>
  <si>
    <t>1347979.0</t>
  </si>
  <si>
    <t>106532.0</t>
  </si>
  <si>
    <t>2475063521.0</t>
  </si>
  <si>
    <t>974458273.0</t>
  </si>
  <si>
    <t>916275860.0</t>
  </si>
  <si>
    <t>603533750.0</t>
  </si>
  <si>
    <t>1314907.0</t>
  </si>
  <si>
    <t>1343894.0</t>
  </si>
  <si>
    <t>108355.0</t>
  </si>
  <si>
    <t>2476502015.0</t>
  </si>
  <si>
    <t>974581585.0</t>
  </si>
  <si>
    <t>916390608.0</t>
  </si>
  <si>
    <t>604647907.0</t>
  </si>
  <si>
    <t>1517387.0</t>
  </si>
  <si>
    <t>1361415.0</t>
  </si>
  <si>
    <t>198.04</t>
  </si>
  <si>
    <t>2478095552.0</t>
  </si>
  <si>
    <t>974690725.0</t>
  </si>
  <si>
    <t>916526225.0</t>
  </si>
  <si>
    <t>605894377.0</t>
  </si>
  <si>
    <t>1595049.0</t>
  </si>
  <si>
    <t>1369781.0</t>
  </si>
  <si>
    <t>114024.0</t>
  </si>
  <si>
    <t>2479587811.0</t>
  </si>
  <si>
    <t>974794261.0</t>
  </si>
  <si>
    <t>916634712.0</t>
  </si>
  <si>
    <t>607060299.0</t>
  </si>
  <si>
    <t>1609216.0</t>
  </si>
  <si>
    <t>1414087.0</t>
  </si>
  <si>
    <t>198.29</t>
  </si>
  <si>
    <t>115485.0</t>
  </si>
  <si>
    <t>2481629794.0</t>
  </si>
  <si>
    <t>974958478.0</t>
  </si>
  <si>
    <t>916794163.0</t>
  </si>
  <si>
    <t>608648133.0</t>
  </si>
  <si>
    <t>1977308.0</t>
  </si>
  <si>
    <t>1426084.0</t>
  </si>
  <si>
    <t>118829.0</t>
  </si>
  <si>
    <t>2482824036.0</t>
  </si>
  <si>
    <t>975052602.0</t>
  </si>
  <si>
    <t>916914553.0</t>
  </si>
  <si>
    <t>609538222.0</t>
  </si>
  <si>
    <t>1353966.0</t>
  </si>
  <si>
    <t>1444622.0</t>
  </si>
  <si>
    <t>198.54</t>
  </si>
  <si>
    <t>118466.0</t>
  </si>
  <si>
    <t>2483790556.0</t>
  </si>
  <si>
    <t>975119229.0</t>
  </si>
  <si>
    <t>916989972.0</t>
  </si>
  <si>
    <t>610182549.0</t>
  </si>
  <si>
    <t>894135.0</t>
  </si>
  <si>
    <t>1465992.0</t>
  </si>
  <si>
    <t>198.62</t>
  </si>
  <si>
    <t>118731.0</t>
  </si>
  <si>
    <t>2484982652.0</t>
  </si>
  <si>
    <t>975213042.0</t>
  </si>
  <si>
    <t>917087433.0</t>
  </si>
  <si>
    <t>611125464.0</t>
  </si>
  <si>
    <t>1308327.0</t>
  </si>
  <si>
    <t>1465053.0</t>
  </si>
  <si>
    <t>198.72</t>
  </si>
  <si>
    <t>118386.0</t>
  </si>
  <si>
    <t>2486357117.0</t>
  </si>
  <si>
    <t>975327937.0</t>
  </si>
  <si>
    <t>917200856.0</t>
  </si>
  <si>
    <t>612178055.0</t>
  </si>
  <si>
    <t>1493841.0</t>
  </si>
  <si>
    <t>1461690.0</t>
  </si>
  <si>
    <t>117166.0</t>
  </si>
  <si>
    <t>2487821599.0</t>
  </si>
  <si>
    <t>975440687.0</t>
  </si>
  <si>
    <t>917325890.0</t>
  </si>
  <si>
    <t>613319672.0</t>
  </si>
  <si>
    <t>1484401.0</t>
  </si>
  <si>
    <t>1445884.0</t>
  </si>
  <si>
    <t>198.94</t>
  </si>
  <si>
    <t>117627.0</t>
  </si>
  <si>
    <t>2489281282.0</t>
  </si>
  <si>
    <t>975551123.0</t>
  </si>
  <si>
    <t>917440873.0</t>
  </si>
  <si>
    <t>614450643.0</t>
  </si>
  <si>
    <t>1573899.0</t>
  </si>
  <si>
    <t>1440837.0</t>
  </si>
  <si>
    <t>199.06</t>
  </si>
  <si>
    <t>118438.0</t>
  </si>
  <si>
    <t>2491488088.0</t>
  </si>
  <si>
    <t>975699553.0</t>
  </si>
  <si>
    <t>917637097.0</t>
  </si>
  <si>
    <t>615899346.0</t>
  </si>
  <si>
    <t>1851563.0</t>
  </si>
  <si>
    <t>1422872.0</t>
  </si>
  <si>
    <t>117252.0</t>
  </si>
  <si>
    <t>2492563534.0</t>
  </si>
  <si>
    <t>975782171.0</t>
  </si>
  <si>
    <t>917738157.0</t>
  </si>
  <si>
    <t>616706143.0</t>
  </si>
  <si>
    <t>1243681.0</t>
  </si>
  <si>
    <t>1407120.0</t>
  </si>
  <si>
    <t>115662.0</t>
  </si>
  <si>
    <t>2493692945.0</t>
  </si>
  <si>
    <t>975842451.0</t>
  </si>
  <si>
    <t>917812502.0</t>
  </si>
  <si>
    <t>617563343.0</t>
  </si>
  <si>
    <t>845044.0</t>
  </si>
  <si>
    <t>1400104.0</t>
  </si>
  <si>
    <t>114990.0</t>
  </si>
  <si>
    <t>2494924269.0</t>
  </si>
  <si>
    <t>975937462.0</t>
  </si>
  <si>
    <t>917912894.0</t>
  </si>
  <si>
    <t>618542687.0</t>
  </si>
  <si>
    <t>1306183.0</t>
  </si>
  <si>
    <t>1399798.0</t>
  </si>
  <si>
    <t>114614.0</t>
  </si>
  <si>
    <t>2496201845.0</t>
  </si>
  <si>
    <t>976036721.0</t>
  </si>
  <si>
    <t>918007399.0</t>
  </si>
  <si>
    <t>619571815.0</t>
  </si>
  <si>
    <t>1380274.0</t>
  </si>
  <si>
    <t>1383570.0</t>
  </si>
  <si>
    <t>199.61</t>
  </si>
  <si>
    <t>2497637472.0</t>
  </si>
  <si>
    <t>976165371.0</t>
  </si>
  <si>
    <t>918135811.0</t>
  </si>
  <si>
    <t>620676493.0</t>
  </si>
  <si>
    <t>1408865.0</t>
  </si>
  <si>
    <t>1372786.0</t>
  </si>
  <si>
    <t>114598.0</t>
  </si>
  <si>
    <t>2498925666.0</t>
  </si>
  <si>
    <t>976295733.0</t>
  </si>
  <si>
    <t>918249984.0</t>
  </si>
  <si>
    <t>621628011.0</t>
  </si>
  <si>
    <t>1377694.0</t>
  </si>
  <si>
    <t>1344754.0</t>
  </si>
  <si>
    <t>199.83</t>
  </si>
  <si>
    <t>117394.0</t>
  </si>
  <si>
    <t>2500764475.0</t>
  </si>
  <si>
    <t>976474188.0</t>
  </si>
  <si>
    <t>918392304.0</t>
  </si>
  <si>
    <t>622935607.0</t>
  </si>
  <si>
    <t>1693639.0</t>
  </si>
  <si>
    <t>1322196.0</t>
  </si>
  <si>
    <t>121586.0</t>
  </si>
  <si>
    <t>2501720760.0</t>
  </si>
  <si>
    <t>976541434.0</t>
  </si>
  <si>
    <t>918483843.0</t>
  </si>
  <si>
    <t>623674706.0</t>
  </si>
  <si>
    <t>1129935.0</t>
  </si>
  <si>
    <t>1305945.0</t>
  </si>
  <si>
    <t>124061.0</t>
  </si>
  <si>
    <t>2502347125.0</t>
  </si>
  <si>
    <t>976661803.0</t>
  </si>
  <si>
    <t>918557714.0</t>
  </si>
  <si>
    <t>624000296.0</t>
  </si>
  <si>
    <t>555279.0</t>
  </si>
  <si>
    <t>1264553.0</t>
  </si>
  <si>
    <t>200.11</t>
  </si>
  <si>
    <t>127819.0</t>
  </si>
  <si>
    <t>2503200488.0</t>
  </si>
  <si>
    <t>976749892.0</t>
  </si>
  <si>
    <t>918617915.0</t>
  </si>
  <si>
    <t>624672041.0</t>
  </si>
  <si>
    <t>947646.0</t>
  </si>
  <si>
    <t>1213334.0</t>
  </si>
  <si>
    <t>200.17</t>
  </si>
  <si>
    <t>127260.0</t>
  </si>
  <si>
    <t>2504547488.0</t>
  </si>
  <si>
    <t>976908872.0</t>
  </si>
  <si>
    <t>918722182.0</t>
  </si>
  <si>
    <t>625685362.0</t>
  </si>
  <si>
    <t>1428552.0</t>
  </si>
  <si>
    <t>1220228.0</t>
  </si>
  <si>
    <t>135616.0</t>
  </si>
  <si>
    <t>2505896661.0</t>
  </si>
  <si>
    <t>977106930.0</t>
  </si>
  <si>
    <t>918860416.0</t>
  </si>
  <si>
    <t>626685747.0</t>
  </si>
  <si>
    <t>1320146.0</t>
  </si>
  <si>
    <t>1207552.0</t>
  </si>
  <si>
    <t>200.39</t>
  </si>
  <si>
    <t>142274.0</t>
  </si>
  <si>
    <t>2507153795.0</t>
  </si>
  <si>
    <t>977302098.0</t>
  </si>
  <si>
    <t>918954549.0</t>
  </si>
  <si>
    <t>627980596.0</t>
  </si>
  <si>
    <t>1353903.0</t>
  </si>
  <si>
    <t>1204152.0</t>
  </si>
  <si>
    <t>152747.0</t>
  </si>
  <si>
    <t>2508621824.0</t>
  </si>
  <si>
    <t>977421883.0</t>
  </si>
  <si>
    <t>919062972.0</t>
  </si>
  <si>
    <t>629061446.0</t>
  </si>
  <si>
    <t>1327218.0</t>
  </si>
  <si>
    <t>1151809.0</t>
  </si>
  <si>
    <t>200.61</t>
  </si>
  <si>
    <t>148418.0</t>
  </si>
  <si>
    <t>2509327496.0</t>
  </si>
  <si>
    <t>977482902.0</t>
  </si>
  <si>
    <t>919138669.0</t>
  </si>
  <si>
    <t>629608250.0</t>
  </si>
  <si>
    <t>844901.0</t>
  </si>
  <si>
    <t>1111088.0</t>
  </si>
  <si>
    <t>200.66</t>
  </si>
  <si>
    <t>148409.0</t>
  </si>
  <si>
    <t>2509791994.0</t>
  </si>
  <si>
    <t>977667313.0</t>
  </si>
  <si>
    <t>919272701.0</t>
  </si>
  <si>
    <t>629939689.0</t>
  </si>
  <si>
    <t>435478.0</t>
  </si>
  <si>
    <t>1093976.0</t>
  </si>
  <si>
    <t>149291.0</t>
  </si>
  <si>
    <t>2510671980.0</t>
  </si>
  <si>
    <t>977778267.0</t>
  </si>
  <si>
    <t>919348660.0</t>
  </si>
  <si>
    <t>630596586.0</t>
  </si>
  <si>
    <t>960059.0</t>
  </si>
  <si>
    <t>1095751.0</t>
  </si>
  <si>
    <t>200.77</t>
  </si>
  <si>
    <t>152381.0</t>
  </si>
  <si>
    <t>2511664880.0</t>
  </si>
  <si>
    <t>977881598.0</t>
  </si>
  <si>
    <t>919425582.0</t>
  </si>
  <si>
    <t>631369991.0</t>
  </si>
  <si>
    <t>1080627.0</t>
  </si>
  <si>
    <t>1046048.0</t>
  </si>
  <si>
    <t>144346.0</t>
  </si>
  <si>
    <t>2512803854.0</t>
  </si>
  <si>
    <t>978011674.0</t>
  </si>
  <si>
    <t>919524824.0</t>
  </si>
  <si>
    <t>632253104.0</t>
  </si>
  <si>
    <t>1104084.0</t>
  </si>
  <si>
    <t>1015184.0</t>
  </si>
  <si>
    <t>137706.0</t>
  </si>
  <si>
    <t>2513871235.0</t>
  </si>
  <si>
    <t>978106901.0</t>
  </si>
  <si>
    <t>919607643.0</t>
  </si>
  <si>
    <t>633100613.0</t>
  </si>
  <si>
    <t>1134782.0</t>
  </si>
  <si>
    <t>983876.0</t>
  </si>
  <si>
    <t>121801.0</t>
  </si>
  <si>
    <t>2515316469.0</t>
  </si>
  <si>
    <t>978210835.0</t>
  </si>
  <si>
    <t>919726420.0</t>
  </si>
  <si>
    <t>634167826.0</t>
  </si>
  <si>
    <t>1326219.0</t>
  </si>
  <si>
    <t>983736.0</t>
  </si>
  <si>
    <t>2515964878.0</t>
  </si>
  <si>
    <t>978270924.0</t>
  </si>
  <si>
    <t>919800803.0</t>
  </si>
  <si>
    <t>634650085.0</t>
  </si>
  <si>
    <t>775144.0</t>
  </si>
  <si>
    <t>973772.0</t>
  </si>
  <si>
    <t>109129.0</t>
  </si>
  <si>
    <t>2516301470.0</t>
  </si>
  <si>
    <t>978307871.0</t>
  </si>
  <si>
    <t>919842526.0</t>
  </si>
  <si>
    <t>634849234.0</t>
  </si>
  <si>
    <t>351748.0</t>
  </si>
  <si>
    <t>960776.0</t>
  </si>
  <si>
    <t>101863.0</t>
  </si>
  <si>
    <t>2517078579.0</t>
  </si>
  <si>
    <t>978369623.0</t>
  </si>
  <si>
    <t>919922258.0</t>
  </si>
  <si>
    <t>635449506.0</t>
  </si>
  <si>
    <t>845253.0</t>
  </si>
  <si>
    <t>944544.0</t>
  </si>
  <si>
    <t>201.28</t>
  </si>
  <si>
    <t>2517955710.0</t>
  </si>
  <si>
    <t>978440397.0</t>
  </si>
  <si>
    <t>920003654.0</t>
  </si>
  <si>
    <t>636150248.0</t>
  </si>
  <si>
    <t>950538.0</t>
  </si>
  <si>
    <t>926136.0</t>
  </si>
  <si>
    <t>201.35</t>
  </si>
  <si>
    <t>89245.0</t>
  </si>
  <si>
    <t>2519029733.0</t>
  </si>
  <si>
    <t>978516528.0</t>
  </si>
  <si>
    <t>920103278.0</t>
  </si>
  <si>
    <t>637026795.0</t>
  </si>
  <si>
    <t>976554.0</t>
  </si>
  <si>
    <t>908085.0</t>
  </si>
  <si>
    <t>81064.0</t>
  </si>
  <si>
    <t>2519921949.0</t>
  </si>
  <si>
    <t>978580900.0</t>
  </si>
  <si>
    <t>920180769.0</t>
  </si>
  <si>
    <t>637741800.0</t>
  </si>
  <si>
    <t>979367.0</t>
  </si>
  <si>
    <t>886060.0</t>
  </si>
  <si>
    <t>76694.0</t>
  </si>
  <si>
    <t>2521199627.0</t>
  </si>
  <si>
    <t>978658316.0</t>
  </si>
  <si>
    <t>920283396.0</t>
  </si>
  <si>
    <t>638686175.0</t>
  </si>
  <si>
    <t>864452.0</t>
  </si>
  <si>
    <t>201.61</t>
  </si>
  <si>
    <t>73023.0</t>
  </si>
  <si>
    <t>2521769656.0</t>
  </si>
  <si>
    <t>978710809.0</t>
  </si>
  <si>
    <t>920348634.0</t>
  </si>
  <si>
    <t>639110192.0</t>
  </si>
  <si>
    <t>699109.0</t>
  </si>
  <si>
    <t>853756.0</t>
  </si>
  <si>
    <t>2522082761.0</t>
  </si>
  <si>
    <t>978738153.0</t>
  </si>
  <si>
    <t>920398884.0</t>
  </si>
  <si>
    <t>639298982.0</t>
  </si>
  <si>
    <t>317784.0</t>
  </si>
  <si>
    <t>848910.0</t>
  </si>
  <si>
    <t>70528.0</t>
  </si>
  <si>
    <t>2522957764.0</t>
  </si>
  <si>
    <t>978791743.0</t>
  </si>
  <si>
    <t>920461898.0</t>
  </si>
  <si>
    <t>639954330.0</t>
  </si>
  <si>
    <t>943464.0</t>
  </si>
  <si>
    <t>862935.0</t>
  </si>
  <si>
    <t>201.75</t>
  </si>
  <si>
    <t>2523775895.0</t>
  </si>
  <si>
    <t>978866806.0</t>
  </si>
  <si>
    <t>920535186.0</t>
  </si>
  <si>
    <t>640592038.0</t>
  </si>
  <si>
    <t>860153.0</t>
  </si>
  <si>
    <t>849296.0</t>
  </si>
  <si>
    <t>201.82</t>
  </si>
  <si>
    <t>70094.0</t>
  </si>
  <si>
    <t>2524815635.0</t>
  </si>
  <si>
    <t>978956647.0</t>
  </si>
  <si>
    <t>920622660.0</t>
  </si>
  <si>
    <t>641437245.0</t>
  </si>
  <si>
    <t>1037763.0</t>
  </si>
  <si>
    <t>858166.0</t>
  </si>
  <si>
    <t>201.9</t>
  </si>
  <si>
    <t>72781.0</t>
  </si>
  <si>
    <t>2525866219.0</t>
  </si>
  <si>
    <t>979049255.0</t>
  </si>
  <si>
    <t>920698201.0</t>
  </si>
  <si>
    <t>642282417.0</t>
  </si>
  <si>
    <t>1105983.0</t>
  </si>
  <si>
    <t>876371.0</t>
  </si>
  <si>
    <t>201.99</t>
  </si>
  <si>
    <t>76751.0</t>
  </si>
  <si>
    <t>2527197063.0</t>
  </si>
  <si>
    <t>979158386.0</t>
  </si>
  <si>
    <t>920800947.0</t>
  </si>
  <si>
    <t>643257440.0</t>
  </si>
  <si>
    <t>1203066.0</t>
  </si>
  <si>
    <t>880677.0</t>
  </si>
  <si>
    <t>202.09</t>
  </si>
  <si>
    <t>81237.0</t>
  </si>
  <si>
    <t>2527840439.0</t>
  </si>
  <si>
    <t>979250039.0</t>
  </si>
  <si>
    <t>920867835.0</t>
  </si>
  <si>
    <t>643710839.0</t>
  </si>
  <si>
    <t>762914.0</t>
  </si>
  <si>
    <t>889915.0</t>
  </si>
  <si>
    <t>86714.0</t>
  </si>
  <si>
    <t>2528177412.0</t>
  </si>
  <si>
    <t>979289652.0</t>
  </si>
  <si>
    <t>920921119.0</t>
  </si>
  <si>
    <t>643917940.0</t>
  </si>
  <si>
    <t>340360.0</t>
  </si>
  <si>
    <t>893268.0</t>
  </si>
  <si>
    <t>202.17</t>
  </si>
  <si>
    <t>2528936897.0</t>
  </si>
  <si>
    <t>979373278.0</t>
  </si>
  <si>
    <t>920998611.0</t>
  </si>
  <si>
    <t>644484280.0</t>
  </si>
  <si>
    <t>803549.0</t>
  </si>
  <si>
    <t>873397.0</t>
  </si>
  <si>
    <t>92194.0</t>
  </si>
  <si>
    <t>2529887677.0</t>
  </si>
  <si>
    <t>979463788.0</t>
  </si>
  <si>
    <t>921089517.0</t>
  </si>
  <si>
    <t>645222167.0</t>
  </si>
  <si>
    <t>1024394.0</t>
  </si>
  <si>
    <t>896863.0</t>
  </si>
  <si>
    <t>202.31</t>
  </si>
  <si>
    <t>2530930493.0</t>
  </si>
  <si>
    <t>979561777.0</t>
  </si>
  <si>
    <t>921204639.0</t>
  </si>
  <si>
    <t>646029344.0</t>
  </si>
  <si>
    <t>1027142.0</t>
  </si>
  <si>
    <t>895342.0</t>
  </si>
  <si>
    <t>2532004711.0</t>
  </si>
  <si>
    <t>979658503.0</t>
  </si>
  <si>
    <t>921323883.0</t>
  </si>
  <si>
    <t>646795418.0</t>
  </si>
  <si>
    <t>1137219.0</t>
  </si>
  <si>
    <t>899806.0</t>
  </si>
  <si>
    <t>96804.0</t>
  </si>
  <si>
    <t>2533275338.0</t>
  </si>
  <si>
    <t>979760409.0</t>
  </si>
  <si>
    <t>921448946.0</t>
  </si>
  <si>
    <t>647716970.0</t>
  </si>
  <si>
    <t>1208058.0</t>
  </si>
  <si>
    <t>900522.0</t>
  </si>
  <si>
    <t>2533850938.0</t>
  </si>
  <si>
    <t>979813379.0</t>
  </si>
  <si>
    <t>921504760.0</t>
  </si>
  <si>
    <t>648162139.0</t>
  </si>
  <si>
    <t>709461.0</t>
  </si>
  <si>
    <t>892885.0</t>
  </si>
  <si>
    <t>92326.0</t>
  </si>
  <si>
    <t>2534161160.0</t>
  </si>
  <si>
    <t>979837854.0</t>
  </si>
  <si>
    <t>921565465.0</t>
  </si>
  <si>
    <t>648355646.0</t>
  </si>
  <si>
    <t>353108.0</t>
  </si>
  <si>
    <t>894704.0</t>
  </si>
  <si>
    <t>91561.0</t>
  </si>
  <si>
    <t>2534897873.0</t>
  </si>
  <si>
    <t>979858442.0</t>
  </si>
  <si>
    <t>921633861.0</t>
  </si>
  <si>
    <t>648985538.0</t>
  </si>
  <si>
    <t>836447.0</t>
  </si>
  <si>
    <t>899403.0</t>
  </si>
  <si>
    <t>202.71</t>
  </si>
  <si>
    <t>84243.0</t>
  </si>
  <si>
    <t>2536008704.0</t>
  </si>
  <si>
    <t>979940036.0</t>
  </si>
  <si>
    <t>921734447.0</t>
  </si>
  <si>
    <t>649885252.0</t>
  </si>
  <si>
    <t>1212637.0</t>
  </si>
  <si>
    <t>926295.0</t>
  </si>
  <si>
    <t>202.8</t>
  </si>
  <si>
    <t>84296.0</t>
  </si>
  <si>
    <t>2537237307.0</t>
  </si>
  <si>
    <t>980033478.0</t>
  </si>
  <si>
    <t>921851237.0</t>
  </si>
  <si>
    <t>650882936.0</t>
  </si>
  <si>
    <t>1212710.0</t>
  </si>
  <si>
    <t>952803.0</t>
  </si>
  <si>
    <t>84802.0</t>
  </si>
  <si>
    <t>2538495275.0</t>
  </si>
  <si>
    <t>980121647.0</t>
  </si>
  <si>
    <t>921960040.0</t>
  </si>
  <si>
    <t>651912069.0</t>
  </si>
  <si>
    <t>1341226.0</t>
  </si>
  <si>
    <t>981911.0</t>
  </si>
  <si>
    <t>85007.0</t>
  </si>
  <si>
    <t>2539990758.0</t>
  </si>
  <si>
    <t>980219775.0</t>
  </si>
  <si>
    <t>922035373.0</t>
  </si>
  <si>
    <t>653125800.0</t>
  </si>
  <si>
    <t>1508388.0</t>
  </si>
  <si>
    <t>1024835.0</t>
  </si>
  <si>
    <t>203.12</t>
  </si>
  <si>
    <t>84814.0</t>
  </si>
  <si>
    <t>2540858805.0</t>
  </si>
  <si>
    <t>980284282.0</t>
  </si>
  <si>
    <t>922101746.0</t>
  </si>
  <si>
    <t>653840460.0</t>
  </si>
  <si>
    <t>1022888.0</t>
  </si>
  <si>
    <t>1069599.0</t>
  </si>
  <si>
    <t>86672.0</t>
  </si>
  <si>
    <t>2541660227.0</t>
  </si>
  <si>
    <t>980411188.0</t>
  </si>
  <si>
    <t>922294747.0</t>
  </si>
  <si>
    <t>654289526.0</t>
  </si>
  <si>
    <t>476175.0</t>
  </si>
  <si>
    <t>1087186.0</t>
  </si>
  <si>
    <t>203.25</t>
  </si>
  <si>
    <t>2542849153.0</t>
  </si>
  <si>
    <t>980485889.0</t>
  </si>
  <si>
    <t>922362293.0</t>
  </si>
  <si>
    <t>655309056.0</t>
  </si>
  <si>
    <t>1268973.0</t>
  </si>
  <si>
    <t>1148977.0</t>
  </si>
  <si>
    <t>94383.0</t>
  </si>
  <si>
    <t>2544259855.0</t>
  </si>
  <si>
    <t>980569918.0</t>
  </si>
  <si>
    <t>922432476.0</t>
  </si>
  <si>
    <t>656538277.0</t>
  </si>
  <si>
    <t>1490495.0</t>
  </si>
  <si>
    <t>1188589.0</t>
  </si>
  <si>
    <t>93469.0</t>
  </si>
  <si>
    <t>2545849017.0</t>
  </si>
  <si>
    <t>980665427.0</t>
  </si>
  <si>
    <t>922523608.0</t>
  </si>
  <si>
    <t>657910475.0</t>
  </si>
  <si>
    <t>1550846.0</t>
  </si>
  <si>
    <t>1236923.0</t>
  </si>
  <si>
    <t>203.58</t>
  </si>
  <si>
    <t>92529.0</t>
  </si>
  <si>
    <t>2547177574.0</t>
  </si>
  <si>
    <t>980752808.0</t>
  </si>
  <si>
    <t>922592742.0</t>
  </si>
  <si>
    <t>659040915.0</t>
  </si>
  <si>
    <t>1410343.0</t>
  </si>
  <si>
    <t>1246815.0</t>
  </si>
  <si>
    <t>203.69</t>
  </si>
  <si>
    <t>91209.0</t>
  </si>
  <si>
    <t>2549137244.0</t>
  </si>
  <si>
    <t>980858811.0</t>
  </si>
  <si>
    <t>922690446.0</t>
  </si>
  <si>
    <t>660632550.0</t>
  </si>
  <si>
    <t>1853477.0</t>
  </si>
  <si>
    <t>1296151.0</t>
  </si>
  <si>
    <t>203.85</t>
  </si>
  <si>
    <t>90976.0</t>
  </si>
  <si>
    <t>2550331675.0</t>
  </si>
  <si>
    <t>980926070.0</t>
  </si>
  <si>
    <t>922757613.0</t>
  </si>
  <si>
    <t>661652933.0</t>
  </si>
  <si>
    <t>1284170.0</t>
  </si>
  <si>
    <t>1333486.0</t>
  </si>
  <si>
    <t>203.94</t>
  </si>
  <si>
    <t>90083.0</t>
  </si>
  <si>
    <t>2550946103.0</t>
  </si>
  <si>
    <t>980962896.0</t>
  </si>
  <si>
    <t>922801063.0</t>
  </si>
  <si>
    <t>662140753.0</t>
  </si>
  <si>
    <t>626316.0</t>
  </si>
  <si>
    <t>1354936.0</t>
  </si>
  <si>
    <t>88794.0</t>
  </si>
  <si>
    <t>2551969765.0</t>
  </si>
  <si>
    <t>981041059.0</t>
  </si>
  <si>
    <t>922862911.0</t>
  </si>
  <si>
    <t>662986299.0</t>
  </si>
  <si>
    <t>1106859.0</t>
  </si>
  <si>
    <t>204.07</t>
  </si>
  <si>
    <t>2553643818.0</t>
  </si>
  <si>
    <t>981134822.0</t>
  </si>
  <si>
    <t>922939241.0</t>
  </si>
  <si>
    <t>664456857.0</t>
  </si>
  <si>
    <t>1712791.0</t>
  </si>
  <si>
    <t>1363543.0</t>
  </si>
  <si>
    <t>204.21</t>
  </si>
  <si>
    <t>2555370275.0</t>
  </si>
  <si>
    <t>981224627.0</t>
  </si>
  <si>
    <t>923023736.0</t>
  </si>
  <si>
    <t>665971715.0</t>
  </si>
  <si>
    <t>1713284.0</t>
  </si>
  <si>
    <t>1386746.0</t>
  </si>
  <si>
    <t>89525.0</t>
  </si>
  <si>
    <t>2557078844.0</t>
  </si>
  <si>
    <t>981311458.0</t>
  </si>
  <si>
    <t>923100284.0</t>
  </si>
  <si>
    <t>667469103.0</t>
  </si>
  <si>
    <t>1778611.0</t>
  </si>
  <si>
    <t>1439360.0</t>
  </si>
  <si>
    <t>204.48</t>
  </si>
  <si>
    <t>2559313163.0</t>
  </si>
  <si>
    <t>981427503.0</t>
  </si>
  <si>
    <t>923196578.0</t>
  </si>
  <si>
    <t>669352152.0</t>
  </si>
  <si>
    <t>2183041.0</t>
  </si>
  <si>
    <t>1486440.0</t>
  </si>
  <si>
    <t>91007.0</t>
  </si>
  <si>
    <t>2560679401.0</t>
  </si>
  <si>
    <t>981487505.0</t>
  </si>
  <si>
    <t>923266080.0</t>
  </si>
  <si>
    <t>670556326.0</t>
  </si>
  <si>
    <t>1479024.0</t>
  </si>
  <si>
    <t>1514274.0</t>
  </si>
  <si>
    <t>91855.0</t>
  </si>
  <si>
    <t>2561432659.0</t>
  </si>
  <si>
    <t>981544690.0</t>
  </si>
  <si>
    <t>923305189.0</t>
  </si>
  <si>
    <t>671179200.0</t>
  </si>
  <si>
    <t>755014.0</t>
  </si>
  <si>
    <t>1532660.0</t>
  </si>
  <si>
    <t>204.83</t>
  </si>
  <si>
    <t>93422.0</t>
  </si>
  <si>
    <t>2562934077.0</t>
  </si>
  <si>
    <t>981629785.0</t>
  </si>
  <si>
    <t>923370717.0</t>
  </si>
  <si>
    <t>672503114.0</t>
  </si>
  <si>
    <t>1569766.0</t>
  </si>
  <si>
    <t>1598792.0</t>
  </si>
  <si>
    <t>94134.0</t>
  </si>
  <si>
    <t>2564631095.0</t>
  </si>
  <si>
    <t>981718676.0</t>
  </si>
  <si>
    <t>923442333.0</t>
  </si>
  <si>
    <t>674004373.0</t>
  </si>
  <si>
    <t>1762264.0</t>
  </si>
  <si>
    <t>1605856.0</t>
  </si>
  <si>
    <t>2566513665.0</t>
  </si>
  <si>
    <t>981810154.0</t>
  </si>
  <si>
    <t>923524842.0</t>
  </si>
  <si>
    <t>675700846.0</t>
  </si>
  <si>
    <t>1877036.0</t>
  </si>
  <si>
    <t>1629250.0</t>
  </si>
  <si>
    <t>94121.0</t>
  </si>
  <si>
    <t>2568210607.0</t>
  </si>
  <si>
    <t>981901133.0</t>
  </si>
  <si>
    <t>923600442.0</t>
  </si>
  <si>
    <t>677189958.0</t>
  </si>
  <si>
    <t>1763962.0</t>
  </si>
  <si>
    <t>1627158.0</t>
  </si>
  <si>
    <t>94679.0</t>
  </si>
  <si>
    <t>2570284477.0</t>
  </si>
  <si>
    <t>982008910.0</t>
  </si>
  <si>
    <t>923695808.0</t>
  </si>
  <si>
    <t>678950062.0</t>
  </si>
  <si>
    <t>1989278.0</t>
  </si>
  <si>
    <t>1599478.0</t>
  </si>
  <si>
    <t>94667.0</t>
  </si>
  <si>
    <t>2571560487.0</t>
  </si>
  <si>
    <t>982068319.0</t>
  </si>
  <si>
    <t>923750655.0</t>
  </si>
  <si>
    <t>680099015.0</t>
  </si>
  <si>
    <t>1369280.0</t>
  </si>
  <si>
    <t>1583799.0</t>
  </si>
  <si>
    <t>205.64</t>
  </si>
  <si>
    <t>2572228610.0</t>
  </si>
  <si>
    <t>982104520.0</t>
  </si>
  <si>
    <t>923782516.0</t>
  </si>
  <si>
    <t>680680713.0</t>
  </si>
  <si>
    <t>686501.0</t>
  </si>
  <si>
    <t>1574013.0</t>
  </si>
  <si>
    <t>95170.0</t>
  </si>
  <si>
    <t>2573649816.0</t>
  </si>
  <si>
    <t>982224461.0</t>
  </si>
  <si>
    <t>923837334.0</t>
  </si>
  <si>
    <t>681875603.0</t>
  </si>
  <si>
    <t>1486457.0</t>
  </si>
  <si>
    <t>1562071.0</t>
  </si>
  <si>
    <t>95401.0</t>
  </si>
  <si>
    <t>2575138104.0</t>
  </si>
  <si>
    <t>982310677.0</t>
  </si>
  <si>
    <t>923903173.0</t>
  </si>
  <si>
    <t>683198919.0</t>
  </si>
  <si>
    <t>1544137.0</t>
  </si>
  <si>
    <t>1530912.0</t>
  </si>
  <si>
    <t>205.93</t>
  </si>
  <si>
    <t>95026.0</t>
  </si>
  <si>
    <t>2576776728.0</t>
  </si>
  <si>
    <t>982396653.0</t>
  </si>
  <si>
    <t>923976156.0</t>
  </si>
  <si>
    <t>684653812.0</t>
  </si>
  <si>
    <t>1533960.0</t>
  </si>
  <si>
    <t>1481915.0</t>
  </si>
  <si>
    <t>206.06</t>
  </si>
  <si>
    <t>94486.0</t>
  </si>
  <si>
    <t>2578237696.0</t>
  </si>
  <si>
    <t>982472042.0</t>
  </si>
  <si>
    <t>924037939.0</t>
  </si>
  <si>
    <t>685930976.0</t>
  </si>
  <si>
    <t>1529624.0</t>
  </si>
  <si>
    <t>1448440.0</t>
  </si>
  <si>
    <t>92422.0</t>
  </si>
  <si>
    <t>2580092155.0</t>
  </si>
  <si>
    <t>982573508.0</t>
  </si>
  <si>
    <t>924119944.0</t>
  </si>
  <si>
    <t>687521742.0</t>
  </si>
  <si>
    <t>1835350.0</t>
  </si>
  <si>
    <t>1426459.0</t>
  </si>
  <si>
    <t>206.32</t>
  </si>
  <si>
    <t>89236.0</t>
  </si>
  <si>
    <t>2581338914.0</t>
  </si>
  <si>
    <t>982633280.0</t>
  </si>
  <si>
    <t>924174350.0</t>
  </si>
  <si>
    <t>688635061.0</t>
  </si>
  <si>
    <t>1350718.0</t>
  </si>
  <si>
    <t>1423813.0</t>
  </si>
  <si>
    <t>206.42</t>
  </si>
  <si>
    <t>87106.0</t>
  </si>
  <si>
    <t>2581982384.0</t>
  </si>
  <si>
    <t>982672954.0</t>
  </si>
  <si>
    <t>924214515.0</t>
  </si>
  <si>
    <t>689168185.0</t>
  </si>
  <si>
    <t>659763.0</t>
  </si>
  <si>
    <t>1420001.0</t>
  </si>
  <si>
    <t>85014.0</t>
  </si>
  <si>
    <t>2583406868.0</t>
  </si>
  <si>
    <t>982741793.0</t>
  </si>
  <si>
    <t>924271599.0</t>
  </si>
  <si>
    <t>690428933.0</t>
  </si>
  <si>
    <t>1402192.0</t>
  </si>
  <si>
    <t>1407964.0</t>
  </si>
  <si>
    <t>2584807495.0</t>
  </si>
  <si>
    <t>982819471.0</t>
  </si>
  <si>
    <t>924334913.0</t>
  </si>
  <si>
    <t>691662831.0</t>
  </si>
  <si>
    <t>1441824.0</t>
  </si>
  <si>
    <t>1393351.0</t>
  </si>
  <si>
    <t>206.7</t>
  </si>
  <si>
    <t>81103.0</t>
  </si>
  <si>
    <t>2586322438.0</t>
  </si>
  <si>
    <t>982891484.0</t>
  </si>
  <si>
    <t>924400359.0</t>
  </si>
  <si>
    <t>693007479.0</t>
  </si>
  <si>
    <t>1453740.0</t>
  </si>
  <si>
    <t>1381890.0</t>
  </si>
  <si>
    <t>79164.0</t>
  </si>
  <si>
    <t>2587145828.0</t>
  </si>
  <si>
    <t>982956771.0</t>
  </si>
  <si>
    <t>924455922.0</t>
  </si>
  <si>
    <t>693727165.0</t>
  </si>
  <si>
    <t>903722.0</t>
  </si>
  <si>
    <t>1292472.0</t>
  </si>
  <si>
    <t>206.89</t>
  </si>
  <si>
    <t>77571.0</t>
  </si>
  <si>
    <t>2588551719.0</t>
  </si>
  <si>
    <t>983040157.0</t>
  </si>
  <si>
    <t>924525956.0</t>
  </si>
  <si>
    <t>694915014.0</t>
  </si>
  <si>
    <t>1411817.0</t>
  </si>
  <si>
    <t>1231968.0</t>
  </si>
  <si>
    <t>2589142651.0</t>
  </si>
  <si>
    <t>983082987.0</t>
  </si>
  <si>
    <t>924567251.0</t>
  </si>
  <si>
    <t>695406993.0</t>
  </si>
  <si>
    <t>687617.0</t>
  </si>
  <si>
    <t>1137174.0</t>
  </si>
  <si>
    <t>207.05</t>
  </si>
  <si>
    <t>73474.0</t>
  </si>
  <si>
    <t>2589508032.0</t>
  </si>
  <si>
    <t>983116575.0</t>
  </si>
  <si>
    <t>924599719.0</t>
  </si>
  <si>
    <t>695684866.0</t>
  </si>
  <si>
    <t>351913.0</t>
  </si>
  <si>
    <t>1093209.0</t>
  </si>
  <si>
    <t>207.08</t>
  </si>
  <si>
    <t>73403.0</t>
  </si>
  <si>
    <t>2590083324.0</t>
  </si>
  <si>
    <t>983181273.0</t>
  </si>
  <si>
    <t>924652682.0</t>
  </si>
  <si>
    <t>696120629.0</t>
  </si>
  <si>
    <t>621791.0</t>
  </si>
  <si>
    <t>981733.0</t>
  </si>
  <si>
    <t>72347.0</t>
  </si>
  <si>
    <t>2591070415.0</t>
  </si>
  <si>
    <t>983254467.0</t>
  </si>
  <si>
    <t>924711127.0</t>
  </si>
  <si>
    <t>696960238.0</t>
  </si>
  <si>
    <t>1044013.0</t>
  </si>
  <si>
    <t>924910.0</t>
  </si>
  <si>
    <t>2592414276.0</t>
  </si>
  <si>
    <t>983333488.0</t>
  </si>
  <si>
    <t>924775637.0</t>
  </si>
  <si>
    <t>698137928.0</t>
  </si>
  <si>
    <t>1282419.0</t>
  </si>
  <si>
    <t>900449.0</t>
  </si>
  <si>
    <t>207.31</t>
  </si>
  <si>
    <t>73257.0</t>
  </si>
  <si>
    <t>2593630070.0</t>
  </si>
  <si>
    <t>983418133.0</t>
  </si>
  <si>
    <t>924839551.0</t>
  </si>
  <si>
    <t>699182407.0</t>
  </si>
  <si>
    <t>1274865.0</t>
  </si>
  <si>
    <t>953479.0</t>
  </si>
  <si>
    <t>2595257386.0</t>
  </si>
  <si>
    <t>983517361.0</t>
  </si>
  <si>
    <t>924929599.0</t>
  </si>
  <si>
    <t>700538406.0</t>
  </si>
  <si>
    <t>1572564.0</t>
  </si>
  <si>
    <t>976454.0</t>
  </si>
  <si>
    <t>77945.0</t>
  </si>
  <si>
    <t>2596333415.0</t>
  </si>
  <si>
    <t>983570207.0</t>
  </si>
  <si>
    <t>924982361.0</t>
  </si>
  <si>
    <t>701474086.0</t>
  </si>
  <si>
    <t>1169506.0</t>
  </si>
  <si>
    <t>1045296.0</t>
  </si>
  <si>
    <t>207.62</t>
  </si>
  <si>
    <t>79382.0</t>
  </si>
  <si>
    <t>2596920944.0</t>
  </si>
  <si>
    <t>983603789.0</t>
  </si>
  <si>
    <t>925014657.0</t>
  </si>
  <si>
    <t>709121724.0</t>
  </si>
  <si>
    <t>581500.0</t>
  </si>
  <si>
    <t>1078095.0</t>
  </si>
  <si>
    <t>207.67</t>
  </si>
  <si>
    <t>79437.0</t>
  </si>
  <si>
    <t>2598018650.0</t>
  </si>
  <si>
    <t>983671536.0</t>
  </si>
  <si>
    <t>925076943.0</t>
  </si>
  <si>
    <t>710062854.0</t>
  </si>
  <si>
    <t>1132819.0</t>
  </si>
  <si>
    <t>1151098.0</t>
  </si>
  <si>
    <t>2599146939.0</t>
  </si>
  <si>
    <t>983745007.0</t>
  </si>
  <si>
    <t>925138148.0</t>
  </si>
  <si>
    <t>711022944.0</t>
  </si>
  <si>
    <t>1190532.0</t>
  </si>
  <si>
    <t>1172031.0</t>
  </si>
  <si>
    <t>79379.0</t>
  </si>
  <si>
    <t>2600466832.0</t>
  </si>
  <si>
    <t>983828640.0</t>
  </si>
  <si>
    <t>925207210.0</t>
  </si>
  <si>
    <t>712125914.0</t>
  </si>
  <si>
    <t>1250110.0</t>
  </si>
  <si>
    <t>1167415.0</t>
  </si>
  <si>
    <t>80080.0</t>
  </si>
  <si>
    <t>2601559342.0</t>
  </si>
  <si>
    <t>983890959.0</t>
  </si>
  <si>
    <t>925267986.0</t>
  </si>
  <si>
    <t>713056292.0</t>
  </si>
  <si>
    <t>1150094.0</t>
  </si>
  <si>
    <t>1149587.0</t>
  </si>
  <si>
    <t>208.04</t>
  </si>
  <si>
    <t>78848.0</t>
  </si>
  <si>
    <t>2602976525.0</t>
  </si>
  <si>
    <t>983992000.0</t>
  </si>
  <si>
    <t>925348726.0</t>
  </si>
  <si>
    <t>714387854.0</t>
  </si>
  <si>
    <t>1439691.0</t>
  </si>
  <si>
    <t>1130609.0</t>
  </si>
  <si>
    <t>78068.0</t>
  </si>
  <si>
    <t>2603937634.0</t>
  </si>
  <si>
    <t>984034748.0</t>
  </si>
  <si>
    <t>925401585.0</t>
  </si>
  <si>
    <t>715244070.0</t>
  </si>
  <si>
    <t>1059217.0</t>
  </si>
  <si>
    <t>1114854.0</t>
  </si>
  <si>
    <t>78226.0</t>
  </si>
  <si>
    <t>2604460200.0</t>
  </si>
  <si>
    <t>984083106.0</t>
  </si>
  <si>
    <t>925435892.0</t>
  </si>
  <si>
    <t>715705619.0</t>
  </si>
  <si>
    <t>510636.0</t>
  </si>
  <si>
    <t>1104730.0</t>
  </si>
  <si>
    <t>2605374220.0</t>
  </si>
  <si>
    <t>984155614.0</t>
  </si>
  <si>
    <t>925485547.0</t>
  </si>
  <si>
    <t>716500561.0</t>
  </si>
  <si>
    <t>991603.0</t>
  </si>
  <si>
    <t>1084555.0</t>
  </si>
  <si>
    <t>80629.0</t>
  </si>
  <si>
    <t>2606426264.0</t>
  </si>
  <si>
    <t>984243657.0</t>
  </si>
  <si>
    <t>925552936.0</t>
  </si>
  <si>
    <t>717404539.0</t>
  </si>
  <si>
    <t>1091991.0</t>
  </si>
  <si>
    <t>1070476.0</t>
  </si>
  <si>
    <t>208.43</t>
  </si>
  <si>
    <t>81098.0</t>
  </si>
  <si>
    <t>2607494855.0</t>
  </si>
  <si>
    <t>984324495.0</t>
  </si>
  <si>
    <t>925613694.0</t>
  </si>
  <si>
    <t>718334703.0</t>
  </si>
  <si>
    <t>1044394.0</t>
  </si>
  <si>
    <t>1041086.0</t>
  </si>
  <si>
    <t>208.51</t>
  </si>
  <si>
    <t>2608309025.0</t>
  </si>
  <si>
    <t>984397576.0</t>
  </si>
  <si>
    <t>925658288.0</t>
  </si>
  <si>
    <t>719031637.0</t>
  </si>
  <si>
    <t>889372.0</t>
  </si>
  <si>
    <t>208.58</t>
  </si>
  <si>
    <t>80352.0</t>
  </si>
  <si>
    <t>2609364585.0</t>
  </si>
  <si>
    <t>984470258.0</t>
  </si>
  <si>
    <t>925719555.0</t>
  </si>
  <si>
    <t>719902551.0</t>
  </si>
  <si>
    <t>1085154.0</t>
  </si>
  <si>
    <t>953196.0</t>
  </si>
  <si>
    <t>208.66</t>
  </si>
  <si>
    <t>77972.0</t>
  </si>
  <si>
    <t>2610058119.0</t>
  </si>
  <si>
    <t>984508780.0</t>
  </si>
  <si>
    <t>925757092.0</t>
  </si>
  <si>
    <t>720486255.0</t>
  </si>
  <si>
    <t>804178.0</t>
  </si>
  <si>
    <t>915068.0</t>
  </si>
  <si>
    <t>76489.0</t>
  </si>
  <si>
    <t>2610563094.0</t>
  </si>
  <si>
    <t>984551357.0</t>
  </si>
  <si>
    <t>925797573.0</t>
  </si>
  <si>
    <t>720901376.0</t>
  </si>
  <si>
    <t>372451.0</t>
  </si>
  <si>
    <t>895614.0</t>
  </si>
  <si>
    <t>2611150871.0</t>
  </si>
  <si>
    <t>984583517.0</t>
  </si>
  <si>
    <t>925818574.0</t>
  </si>
  <si>
    <t>721442786.0</t>
  </si>
  <si>
    <t>692344.0</t>
  </si>
  <si>
    <t>842682.0</t>
  </si>
  <si>
    <t>2611935540.0</t>
  </si>
  <si>
    <t>984642207.0</t>
  </si>
  <si>
    <t>925869453.0</t>
  </si>
  <si>
    <t>722026319.0</t>
  </si>
  <si>
    <t>890384.0</t>
  </si>
  <si>
    <t>816304.0</t>
  </si>
  <si>
    <t>208.87</t>
  </si>
  <si>
    <t>2613053501.0</t>
  </si>
  <si>
    <t>984735613.0</t>
  </si>
  <si>
    <t>925942903.0</t>
  </si>
  <si>
    <t>722690533.0</t>
  </si>
  <si>
    <t>1136937.0</t>
  </si>
  <si>
    <t>832063.0</t>
  </si>
  <si>
    <t>208.96</t>
  </si>
  <si>
    <t>69062.0</t>
  </si>
  <si>
    <t>2614100908.0</t>
  </si>
  <si>
    <t>984827546.0</t>
  </si>
  <si>
    <t>926016063.0</t>
  </si>
  <si>
    <t>723257986.0</t>
  </si>
  <si>
    <t>1154486.0</t>
  </si>
  <si>
    <t>871784.0</t>
  </si>
  <si>
    <t>71816.0</t>
  </si>
  <si>
    <t>2615499588.0</t>
  </si>
  <si>
    <t>984934396.0</t>
  </si>
  <si>
    <t>926107631.0</t>
  </si>
  <si>
    <t>723961794.0</t>
  </si>
  <si>
    <t>1404044.0</t>
  </si>
  <si>
    <t>919022.0</t>
  </si>
  <si>
    <t>2616345439.0</t>
  </si>
  <si>
    <t>984984384.0</t>
  </si>
  <si>
    <t>926168924.0</t>
  </si>
  <si>
    <t>724455701.0</t>
  </si>
  <si>
    <t>973947.0</t>
  </si>
  <si>
    <t>945514.0</t>
  </si>
  <si>
    <t>77362.0</t>
  </si>
  <si>
    <t>2617082857.0</t>
  </si>
  <si>
    <t>985027092.0</t>
  </si>
  <si>
    <t>926212753.0</t>
  </si>
  <si>
    <t>724944522.0</t>
  </si>
  <si>
    <t>500771.0</t>
  </si>
  <si>
    <t>964703.0</t>
  </si>
  <si>
    <t>78082.0</t>
  </si>
  <si>
    <t>2618187563.0</t>
  </si>
  <si>
    <t>985121708.0</t>
  </si>
  <si>
    <t>926281040.0</t>
  </si>
  <si>
    <t>725444519.0</t>
  </si>
  <si>
    <t>1214287.0</t>
  </si>
  <si>
    <t>1039265.0</t>
  </si>
  <si>
    <t>209.37</t>
  </si>
  <si>
    <t>85793.0</t>
  </si>
  <si>
    <t>2619365258.0</t>
  </si>
  <si>
    <t>985204191.0</t>
  </si>
  <si>
    <t>926351542.0</t>
  </si>
  <si>
    <t>726046953.0</t>
  </si>
  <si>
    <t>1312948.0</t>
  </si>
  <si>
    <t>1099629.0</t>
  </si>
  <si>
    <t>89480.0</t>
  </si>
  <si>
    <t>2620714665.0</t>
  </si>
  <si>
    <t>985304035.0</t>
  </si>
  <si>
    <t>926432877.0</t>
  </si>
  <si>
    <t>726755873.0</t>
  </si>
  <si>
    <t>1355222.0</t>
  </si>
  <si>
    <t>1130816.0</t>
  </si>
  <si>
    <t>90020.0</t>
  </si>
  <si>
    <t>2621963124.0</t>
  </si>
  <si>
    <t>985396796.0</t>
  </si>
  <si>
    <t>926505245.0</t>
  </si>
  <si>
    <t>727421819.0</t>
  </si>
  <si>
    <t>1354830.0</t>
  </si>
  <si>
    <t>1159437.0</t>
  </si>
  <si>
    <t>90086.0</t>
  </si>
  <si>
    <t>2623596768.0</t>
  </si>
  <si>
    <t>985501918.0</t>
  </si>
  <si>
    <t>926593020.0</t>
  </si>
  <si>
    <t>728138309.0</t>
  </si>
  <si>
    <t>1584528.0</t>
  </si>
  <si>
    <t>1185223.0</t>
  </si>
  <si>
    <t>90921.0</t>
  </si>
  <si>
    <t>2624425299.0</t>
  </si>
  <si>
    <t>985550122.0</t>
  </si>
  <si>
    <t>926646762.0</t>
  </si>
  <si>
    <t>728593435.0</t>
  </si>
  <si>
    <t>978262.0</t>
  </si>
  <si>
    <t>1185661.0</t>
  </si>
  <si>
    <t>91601.0</t>
  </si>
  <si>
    <t>2625173273.0</t>
  </si>
  <si>
    <t>985608133.0</t>
  </si>
  <si>
    <t>926706892.0</t>
  </si>
  <si>
    <t>729063257.0</t>
  </si>
  <si>
    <t>465706.0</t>
  </si>
  <si>
    <t>1180680.0</t>
  </si>
  <si>
    <t>92074.0</t>
  </si>
  <si>
    <t>2626125376.0</t>
  </si>
  <si>
    <t>985701782.0</t>
  </si>
  <si>
    <t>926771223.0</t>
  </si>
  <si>
    <t>729355637.0</t>
  </si>
  <si>
    <t>1070537.0</t>
  </si>
  <si>
    <t>1160173.0</t>
  </si>
  <si>
    <t>92296.0</t>
  </si>
  <si>
    <t>2627361820.0</t>
  </si>
  <si>
    <t>985789068.0</t>
  </si>
  <si>
    <t>926845590.0</t>
  </si>
  <si>
    <t>729920604.0</t>
  </si>
  <si>
    <t>1355254.0</t>
  </si>
  <si>
    <t>1166247.0</t>
  </si>
  <si>
    <t>2628748937.0</t>
  </si>
  <si>
    <t>985887254.0</t>
  </si>
  <si>
    <t>926925990.0</t>
  </si>
  <si>
    <t>730568074.0</t>
  </si>
  <si>
    <t>1452136.0</t>
  </si>
  <si>
    <t>1180124.0</t>
  </si>
  <si>
    <t>2630203199.0</t>
  </si>
  <si>
    <t>985983500.0</t>
  </si>
  <si>
    <t>927005157.0</t>
  </si>
  <si>
    <t>731338368.0</t>
  </si>
  <si>
    <t>1571083.0</t>
  </si>
  <si>
    <t>1211003.0</t>
  </si>
  <si>
    <t>210.33</t>
  </si>
  <si>
    <t>93727.0</t>
  </si>
  <si>
    <t>2631759180.0</t>
  </si>
  <si>
    <t>986094586.0</t>
  </si>
  <si>
    <t>927102231.0</t>
  </si>
  <si>
    <t>731819200.0</t>
  </si>
  <si>
    <t>1459606.0</t>
  </si>
  <si>
    <t>1193194.0</t>
  </si>
  <si>
    <t>210.45</t>
  </si>
  <si>
    <t>94015.0</t>
  </si>
  <si>
    <t>2632560172.0</t>
  </si>
  <si>
    <t>986143209.0</t>
  </si>
  <si>
    <t>927161008.0</t>
  </si>
  <si>
    <t>732204760.0</t>
  </si>
  <si>
    <t>944201.0</t>
  </si>
  <si>
    <t>1188328.0</t>
  </si>
  <si>
    <t>210.52</t>
  </si>
  <si>
    <t>93533.0</t>
  </si>
  <si>
    <t>2633267326.0</t>
  </si>
  <si>
    <t>986177701.0</t>
  </si>
  <si>
    <t>927198705.0</t>
  </si>
  <si>
    <t>732658261.0</t>
  </si>
  <si>
    <t>493381.0</t>
  </si>
  <si>
    <t>1192287.0</t>
  </si>
  <si>
    <t>93125.0</t>
  </si>
  <si>
    <t>2634544454.0</t>
  </si>
  <si>
    <t>986289133.0</t>
  </si>
  <si>
    <t>927280084.0</t>
  </si>
  <si>
    <t>733149782.0</t>
  </si>
  <si>
    <t>1361710.0</t>
  </si>
  <si>
    <t>1233885.0</t>
  </si>
  <si>
    <t>94166.0</t>
  </si>
  <si>
    <t>2635897995.0</t>
  </si>
  <si>
    <t>986376237.0</t>
  </si>
  <si>
    <t>927354021.0</t>
  </si>
  <si>
    <t>733761705.0</t>
  </si>
  <si>
    <t>1470683.0</t>
  </si>
  <si>
    <t>1250389.0</t>
  </si>
  <si>
    <t>94029.0</t>
  </si>
  <si>
    <t>2637424121.0</t>
  </si>
  <si>
    <t>986475958.0</t>
  </si>
  <si>
    <t>927439127.0</t>
  </si>
  <si>
    <t>734500309.0</t>
  </si>
  <si>
    <t>1600192.0</t>
  </si>
  <si>
    <t>1271553.0</t>
  </si>
  <si>
    <t>210.91</t>
  </si>
  <si>
    <t>93923.0</t>
  </si>
  <si>
    <t>2638945427.0</t>
  </si>
  <si>
    <t>986571205.0</t>
  </si>
  <si>
    <t>927518251.0</t>
  </si>
  <si>
    <t>735255526.0</t>
  </si>
  <si>
    <t>1640222.0</t>
  </si>
  <si>
    <t>1281428.0</t>
  </si>
  <si>
    <t>211.03</t>
  </si>
  <si>
    <t>93777.0</t>
  </si>
  <si>
    <t>2640840622.0</t>
  </si>
  <si>
    <t>986683421.0</t>
  </si>
  <si>
    <t>927626812.0</t>
  </si>
  <si>
    <t>736024684.0</t>
  </si>
  <si>
    <t>1755583.0</t>
  </si>
  <si>
    <t>1323713.0</t>
  </si>
  <si>
    <t>93453.0</t>
  </si>
  <si>
    <t>2641592703.0</t>
  </si>
  <si>
    <t>986726527.0</t>
  </si>
  <si>
    <t>927667943.0</t>
  </si>
  <si>
    <t>736386920.0</t>
  </si>
  <si>
    <t>882884.0</t>
  </si>
  <si>
    <t>1314951.0</t>
  </si>
  <si>
    <t>211.24</t>
  </si>
  <si>
    <t>2642231920.0</t>
  </si>
  <si>
    <t>986755076.0</t>
  </si>
  <si>
    <t>927698274.0</t>
  </si>
  <si>
    <t>736791627.0</t>
  </si>
  <si>
    <t>471553.0</t>
  </si>
  <si>
    <t>91818.0</t>
  </si>
  <si>
    <t>2643414133.0</t>
  </si>
  <si>
    <t>986857047.0</t>
  </si>
  <si>
    <t>927770966.0</t>
  </si>
  <si>
    <t>737200013.0</t>
  </si>
  <si>
    <t>1272845.0</t>
  </si>
  <si>
    <t>1299140.0</t>
  </si>
  <si>
    <t>211.39</t>
  </si>
  <si>
    <t>91093.0</t>
  </si>
  <si>
    <t>2644711572.0</t>
  </si>
  <si>
    <t>986937567.0</t>
  </si>
  <si>
    <t>927838558.0</t>
  </si>
  <si>
    <t>737753219.0</t>
  </si>
  <si>
    <t>1404856.0</t>
  </si>
  <si>
    <t>1289736.0</t>
  </si>
  <si>
    <t>211.49</t>
  </si>
  <si>
    <t>2646141798.0</t>
  </si>
  <si>
    <t>987031331.0</t>
  </si>
  <si>
    <t>927914622.0</t>
  </si>
  <si>
    <t>738351993.0</t>
  </si>
  <si>
    <t>1509263.0</t>
  </si>
  <si>
    <t>1276747.0</t>
  </si>
  <si>
    <t>89739.0</t>
  </si>
  <si>
    <t>2647703121.0</t>
  </si>
  <si>
    <t>987125664.0</t>
  </si>
  <si>
    <t>927988107.0</t>
  </si>
  <si>
    <t>739132500.0</t>
  </si>
  <si>
    <t>1655935.0</t>
  </si>
  <si>
    <t>1278994.0</t>
  </si>
  <si>
    <t>2649654045.0</t>
  </si>
  <si>
    <t>987231860.0</t>
  </si>
  <si>
    <t>928077688.0</t>
  </si>
  <si>
    <t>739936842.0</t>
  </si>
  <si>
    <t>1768691.0</t>
  </si>
  <si>
    <t>1280860.0</t>
  </si>
  <si>
    <t>2650661040.0</t>
  </si>
  <si>
    <t>987287057.0</t>
  </si>
  <si>
    <t>928123615.0</t>
  </si>
  <si>
    <t>740503876.0</t>
  </si>
  <si>
    <t>1140899.0</t>
  </si>
  <si>
    <t>1317718.0</t>
  </si>
  <si>
    <t>2651270609.0</t>
  </si>
  <si>
    <t>987313747.0</t>
  </si>
  <si>
    <t>928145743.0</t>
  </si>
  <si>
    <t>740876231.0</t>
  </si>
  <si>
    <t>531838.0</t>
  </si>
  <si>
    <t>1326334.0</t>
  </si>
  <si>
    <t>90908.0</t>
  </si>
  <si>
    <t>2652425901.0</t>
  </si>
  <si>
    <t>987405375.0</t>
  </si>
  <si>
    <t>928219548.0</t>
  </si>
  <si>
    <t>741248655.0</t>
  </si>
  <si>
    <t>1237366.0</t>
  </si>
  <si>
    <t>1321262.0</t>
  </si>
  <si>
    <t>90159.0</t>
  </si>
  <si>
    <t>2653944205.0</t>
  </si>
  <si>
    <t>987497267.0</t>
  </si>
  <si>
    <t>928298985.0</t>
  </si>
  <si>
    <t>741961407.0</t>
  </si>
  <si>
    <t>1551375.0</t>
  </si>
  <si>
    <t>1342196.0</t>
  </si>
  <si>
    <t>90091.0</t>
  </si>
  <si>
    <t>2655495533.0</t>
  </si>
  <si>
    <t>987592322.0</t>
  </si>
  <si>
    <t>928369030.0</t>
  </si>
  <si>
    <t>742662441.0</t>
  </si>
  <si>
    <t>1724484.0</t>
  </si>
  <si>
    <t>1372943.0</t>
  </si>
  <si>
    <t>90864.0</t>
  </si>
  <si>
    <t>2657294789.0</t>
  </si>
  <si>
    <t>987698817.0</t>
  </si>
  <si>
    <t>928447744.0</t>
  </si>
  <si>
    <t>743627237.0</t>
  </si>
  <si>
    <t>1789050.0</t>
  </si>
  <si>
    <t>1391956.0</t>
  </si>
  <si>
    <t>91804.0</t>
  </si>
  <si>
    <t>2659394020.0</t>
  </si>
  <si>
    <t>987810502.0</t>
  </si>
  <si>
    <t>928534493.0</t>
  </si>
  <si>
    <t>744537437.0</t>
  </si>
  <si>
    <t>1925610.0</t>
  </si>
  <si>
    <t>1413497.0</t>
  </si>
  <si>
    <t>91976.0</t>
  </si>
  <si>
    <t>2660392304.0</t>
  </si>
  <si>
    <t>987855191.0</t>
  </si>
  <si>
    <t>928573383.0</t>
  </si>
  <si>
    <t>745132983.0</t>
  </si>
  <si>
    <t>1148629.0</t>
  </si>
  <si>
    <t>1414749.0</t>
  </si>
  <si>
    <t>90668.0</t>
  </si>
  <si>
    <t>2661106267.0</t>
  </si>
  <si>
    <t>987894472.0</t>
  </si>
  <si>
    <t>928611992.0</t>
  </si>
  <si>
    <t>745591668.0</t>
  </si>
  <si>
    <t>578447.0</t>
  </si>
  <si>
    <t>1421552.0</t>
  </si>
  <si>
    <t>90815.0</t>
  </si>
  <si>
    <t>2662484109.0</t>
  </si>
  <si>
    <t>987998043.0</t>
  </si>
  <si>
    <t>928677158.0</t>
  </si>
  <si>
    <t>746168408.0</t>
  </si>
  <si>
    <t>1476405.0</t>
  </si>
  <si>
    <t>1455847.0</t>
  </si>
  <si>
    <t>92406.0</t>
  </si>
  <si>
    <t>2663992698.0</t>
  </si>
  <si>
    <t>988085505.0</t>
  </si>
  <si>
    <t>928742248.0</t>
  </si>
  <si>
    <t>746894579.0</t>
  </si>
  <si>
    <t>1608134.0</t>
  </si>
  <si>
    <t>1463947.0</t>
  </si>
  <si>
    <t>93575.0</t>
  </si>
  <si>
    <t>2665616418.0</t>
  </si>
  <si>
    <t>988184363.0</t>
  </si>
  <si>
    <t>928813752.0</t>
  </si>
  <si>
    <t>747685710.0</t>
  </si>
  <si>
    <t>1711817.0</t>
  </si>
  <si>
    <t>1462309.0</t>
  </si>
  <si>
    <t>93785.0</t>
  </si>
  <si>
    <t>2667323225.0</t>
  </si>
  <si>
    <t>988312327.0</t>
  </si>
  <si>
    <t>928884331.0</t>
  </si>
  <si>
    <t>748557022.0</t>
  </si>
  <si>
    <t>1764355.0</t>
  </si>
  <si>
    <t>1458952.0</t>
  </si>
  <si>
    <t>97599.0</t>
  </si>
  <si>
    <t>2669472935.0</t>
  </si>
  <si>
    <t>988419887.0</t>
  </si>
  <si>
    <t>928965466.0</t>
  </si>
  <si>
    <t>749557665.0</t>
  </si>
  <si>
    <t>1989362.0</t>
  </si>
  <si>
    <t>1468090.0</t>
  </si>
  <si>
    <t>2670594051.0</t>
  </si>
  <si>
    <t>988464002.0</t>
  </si>
  <si>
    <t>929003194.0</t>
  </si>
  <si>
    <t>750277951.0</t>
  </si>
  <si>
    <t>1251201.0</t>
  </si>
  <si>
    <t>1482762.0</t>
  </si>
  <si>
    <t>213.56</t>
  </si>
  <si>
    <t>97246.0</t>
  </si>
  <si>
    <t>2671285489.0</t>
  </si>
  <si>
    <t>988494478.0</t>
  </si>
  <si>
    <t>929031645.0</t>
  </si>
  <si>
    <t>750734670.0</t>
  </si>
  <si>
    <t>605598.0</t>
  </si>
  <si>
    <t>1486669.0</t>
  </si>
  <si>
    <t>213.61</t>
  </si>
  <si>
    <t>97164.0</t>
  </si>
  <si>
    <t>2672698669.0</t>
  </si>
  <si>
    <t>988607799.0</t>
  </si>
  <si>
    <t>929106448.0</t>
  </si>
  <si>
    <t>751340038.0</t>
  </si>
  <si>
    <t>1476776.0</t>
  </si>
  <si>
    <t>1486748.0</t>
  </si>
  <si>
    <t>97216.0</t>
  </si>
  <si>
    <t>2674211680.0</t>
  </si>
  <si>
    <t>988697663.0</t>
  </si>
  <si>
    <t>929172825.0</t>
  </si>
  <si>
    <t>752068364.0</t>
  </si>
  <si>
    <t>1601053.0</t>
  </si>
  <si>
    <t>1485734.0</t>
  </si>
  <si>
    <t>97178.0</t>
  </si>
  <si>
    <t>2675884648.0</t>
  </si>
  <si>
    <t>988798500.0</t>
  </si>
  <si>
    <t>929245108.0</t>
  </si>
  <si>
    <t>752865539.0</t>
  </si>
  <si>
    <t>1749188.0</t>
  </si>
  <si>
    <t>1489496.0</t>
  </si>
  <si>
    <t>97305.0</t>
  </si>
  <si>
    <t>2677658481.0</t>
  </si>
  <si>
    <t>988946030.0</t>
  </si>
  <si>
    <t>929315539.0</t>
  </si>
  <si>
    <t>753765686.0</t>
  </si>
  <si>
    <t>1835973.0</t>
  </si>
  <si>
    <t>1499947.0</t>
  </si>
  <si>
    <t>214.12</t>
  </si>
  <si>
    <t>99983.0</t>
  </si>
  <si>
    <t>2679727275.0</t>
  </si>
  <si>
    <t>989052228.0</t>
  </si>
  <si>
    <t>929396488.0</t>
  </si>
  <si>
    <t>754709214.0</t>
  </si>
  <si>
    <t>1906662.0</t>
  </si>
  <si>
    <t>1488439.0</t>
  </si>
  <si>
    <t>214.29</t>
  </si>
  <si>
    <t>99369.0</t>
  </si>
  <si>
    <t>2680860403.0</t>
  </si>
  <si>
    <t>989095257.0</t>
  </si>
  <si>
    <t>929432182.0</t>
  </si>
  <si>
    <t>755456771.0</t>
  </si>
  <si>
    <t>1251155.0</t>
  </si>
  <si>
    <t>1488740.0</t>
  </si>
  <si>
    <t>99123.0</t>
  </si>
  <si>
    <t>2681489979.0</t>
  </si>
  <si>
    <t>989119775.0</t>
  </si>
  <si>
    <t>929451830.0</t>
  </si>
  <si>
    <t>755880449.0</t>
  </si>
  <si>
    <t>621678.0</t>
  </si>
  <si>
    <t>1491161.0</t>
  </si>
  <si>
    <t>2682718274.0</t>
  </si>
  <si>
    <t>989211511.0</t>
  </si>
  <si>
    <t>929507887.0</t>
  </si>
  <si>
    <t>756449791.0</t>
  </si>
  <si>
    <t>1223068.0</t>
  </si>
  <si>
    <t>1454986.0</t>
  </si>
  <si>
    <t>214.53</t>
  </si>
  <si>
    <t>96379.0</t>
  </si>
  <si>
    <t>2683907647.0</t>
  </si>
  <si>
    <t>989290625.0</t>
  </si>
  <si>
    <t>929563410.0</t>
  </si>
  <si>
    <t>756982569.0</t>
  </si>
  <si>
    <t>1252280.0</t>
  </si>
  <si>
    <t>1405717.0</t>
  </si>
  <si>
    <t>94455.0</t>
  </si>
  <si>
    <t>2685461582.0</t>
  </si>
  <si>
    <t>989376516.0</t>
  </si>
  <si>
    <t>929622227.0</t>
  </si>
  <si>
    <t>757855223.0</t>
  </si>
  <si>
    <t>1612780.0</t>
  </si>
  <si>
    <t>1386227.0</t>
  </si>
  <si>
    <t>214.75</t>
  </si>
  <si>
    <t>92248.0</t>
  </si>
  <si>
    <t>2686953881.0</t>
  </si>
  <si>
    <t>989527340.0</t>
  </si>
  <si>
    <t>929684096.0</t>
  </si>
  <si>
    <t>758612784.0</t>
  </si>
  <si>
    <t>1537085.0</t>
  </si>
  <si>
    <t>1343524.0</t>
  </si>
  <si>
    <t>214.87</t>
  </si>
  <si>
    <t>92687.0</t>
  </si>
  <si>
    <t>2688937462.0</t>
  </si>
  <si>
    <t>989625654.0</t>
  </si>
  <si>
    <t>929754674.0</t>
  </si>
  <si>
    <t>759626081.0</t>
  </si>
  <si>
    <t>1872217.0</t>
  </si>
  <si>
    <t>1338611.0</t>
  </si>
  <si>
    <t>91889.0</t>
  </si>
  <si>
    <t>2690149284.0</t>
  </si>
  <si>
    <t>989672338.0</t>
  </si>
  <si>
    <t>929791363.0</t>
  </si>
  <si>
    <t>760477904.0</t>
  </si>
  <si>
    <t>1317903.0</t>
  </si>
  <si>
    <t>1348140.0</t>
  </si>
  <si>
    <t>92249.0</t>
  </si>
  <si>
    <t>2690839548.0</t>
  </si>
  <si>
    <t>989698247.0</t>
  </si>
  <si>
    <t>929814344.0</t>
  </si>
  <si>
    <t>760970991.0</t>
  </si>
  <si>
    <t>686848.0</t>
  </si>
  <si>
    <t>1357445.0</t>
  </si>
  <si>
    <t>215.18</t>
  </si>
  <si>
    <t>92226.0</t>
  </si>
  <si>
    <t>2692159313.0</t>
  </si>
  <si>
    <t>989763532.0</t>
  </si>
  <si>
    <t>929865289.0</t>
  </si>
  <si>
    <t>762108096.0</t>
  </si>
  <si>
    <t>1406477.0</t>
  </si>
  <si>
    <t>1383650.0</t>
  </si>
  <si>
    <t>2693601186.0</t>
  </si>
  <si>
    <t>989831551.0</t>
  </si>
  <si>
    <t>929917380.0</t>
  </si>
  <si>
    <t>762988541.0</t>
  </si>
  <si>
    <t>1523602.0</t>
  </si>
  <si>
    <t>1422409.0</t>
  </si>
  <si>
    <t>88493.0</t>
  </si>
  <si>
    <t>2695069673.0</t>
  </si>
  <si>
    <t>989904850.0</t>
  </si>
  <si>
    <t>929970234.0</t>
  </si>
  <si>
    <t>763897020.0</t>
  </si>
  <si>
    <t>1556812.0</t>
  </si>
  <si>
    <t>1414419.0</t>
  </si>
  <si>
    <t>2696786527.0</t>
  </si>
  <si>
    <t>989970709.0</t>
  </si>
  <si>
    <t>930025878.0</t>
  </si>
  <si>
    <t>764994348.0</t>
  </si>
  <si>
    <t>1702356.0</t>
  </si>
  <si>
    <t>1438027.0</t>
  </si>
  <si>
    <t>215.65</t>
  </si>
  <si>
    <t>74299.0</t>
  </si>
  <si>
    <t>2698693166.0</t>
  </si>
  <si>
    <t>990044540.0</t>
  </si>
  <si>
    <t>930086681.0</t>
  </si>
  <si>
    <t>766094480.0</t>
  </si>
  <si>
    <t>1778649.0</t>
  </si>
  <si>
    <t>1424663.0</t>
  </si>
  <si>
    <t>215.81</t>
  </si>
  <si>
    <t>2699996441.0</t>
  </si>
  <si>
    <t>990085579.0</t>
  </si>
  <si>
    <t>930118219.0</t>
  </si>
  <si>
    <t>767097446.0</t>
  </si>
  <si>
    <t>1405388.0</t>
  </si>
  <si>
    <t>1437159.0</t>
  </si>
  <si>
    <t>215.91</t>
  </si>
  <si>
    <t>70322.0</t>
  </si>
  <si>
    <t>2700809693.0</t>
  </si>
  <si>
    <t>990110055.0</t>
  </si>
  <si>
    <t>930138863.0</t>
  </si>
  <si>
    <t>767735153.0</t>
  </si>
  <si>
    <t>794800.0</t>
  </si>
  <si>
    <t>1452583.0</t>
  </si>
  <si>
    <t>70605.0</t>
  </si>
  <si>
    <t>2702091787.0</t>
  </si>
  <si>
    <t>990189302.0</t>
  </si>
  <si>
    <t>930186910.0</t>
  </si>
  <si>
    <t>768512993.0</t>
  </si>
  <si>
    <t>1368113.0</t>
  </si>
  <si>
    <t>1444345.0</t>
  </si>
  <si>
    <t>216.08</t>
  </si>
  <si>
    <t>70268.0</t>
  </si>
  <si>
    <t>2703687514.0</t>
  </si>
  <si>
    <t>990380433.0</t>
  </si>
  <si>
    <t>930237124.0</t>
  </si>
  <si>
    <t>769455851.0</t>
  </si>
  <si>
    <t>1675403.0</t>
  </si>
  <si>
    <t>1466627.0</t>
  </si>
  <si>
    <t>216.21</t>
  </si>
  <si>
    <t>87475.0</t>
  </si>
  <si>
    <t>2705232616.0</t>
  </si>
  <si>
    <t>990459842.0</t>
  </si>
  <si>
    <t>930289116.0</t>
  </si>
  <si>
    <t>770446797.0</t>
  </si>
  <si>
    <t>1630609.0</t>
  </si>
  <si>
    <t>1478076.0</t>
  </si>
  <si>
    <t>216.33</t>
  </si>
  <si>
    <t>89047.0</t>
  </si>
  <si>
    <t>2706932986.0</t>
  </si>
  <si>
    <t>990581178.0</t>
  </si>
  <si>
    <t>930342156.0</t>
  </si>
  <si>
    <t>771563421.0</t>
  </si>
  <si>
    <t>1649649.0</t>
  </si>
  <si>
    <t>1471252.0</t>
  </si>
  <si>
    <t>216.47</t>
  </si>
  <si>
    <t>96434.0</t>
  </si>
  <si>
    <t>2708948394.0</t>
  </si>
  <si>
    <t>990668470.0</t>
  </si>
  <si>
    <t>930398120.0</t>
  </si>
  <si>
    <t>772826293.0</t>
  </si>
  <si>
    <t>1948890.0</t>
  </si>
  <si>
    <t>1495984.0</t>
  </si>
  <si>
    <t>2710276023.0</t>
  </si>
  <si>
    <t>990710823.0</t>
  </si>
  <si>
    <t>930427054.0</t>
  </si>
  <si>
    <t>773871741.0</t>
  </si>
  <si>
    <t>1469843.0</t>
  </si>
  <si>
    <t>1505229.0</t>
  </si>
  <si>
    <t>98244.0</t>
  </si>
  <si>
    <t>2711198039.0</t>
  </si>
  <si>
    <t>990738575.0</t>
  </si>
  <si>
    <t>930452214.0</t>
  </si>
  <si>
    <t>774625609.0</t>
  </si>
  <si>
    <t>850303.0</t>
  </si>
  <si>
    <t>1513185.0</t>
  </si>
  <si>
    <t>97802.0</t>
  </si>
  <si>
    <t>2712520408.0</t>
  </si>
  <si>
    <t>990819663.0</t>
  </si>
  <si>
    <t>930495567.0</t>
  </si>
  <si>
    <t>775448683.0</t>
  </si>
  <si>
    <t>1411609.0</t>
  </si>
  <si>
    <t>1519423.0</t>
  </si>
  <si>
    <t>99989.0</t>
  </si>
  <si>
    <t>2714063677.0</t>
  </si>
  <si>
    <t>990886283.0</t>
  </si>
  <si>
    <t>930540400.0</t>
  </si>
  <si>
    <t>776553072.0</t>
  </si>
  <si>
    <t>1604950.0</t>
  </si>
  <si>
    <t>1509322.0</t>
  </si>
  <si>
    <t>82253.0</t>
  </si>
  <si>
    <t>2715288555.0</t>
  </si>
  <si>
    <t>990972476.0</t>
  </si>
  <si>
    <t>930606994.0</t>
  </si>
  <si>
    <t>777313203.0</t>
  </si>
  <si>
    <t>1119863.0</t>
  </si>
  <si>
    <t>1436397.0</t>
  </si>
  <si>
    <t>79440.0</t>
  </si>
  <si>
    <t>2716513385.0</t>
  </si>
  <si>
    <t>991040250.0</t>
  </si>
  <si>
    <t>930620460.0</t>
  </si>
  <si>
    <t>778450671.0</t>
  </si>
  <si>
    <t>1234656.0</t>
  </si>
  <si>
    <t>1377119.0</t>
  </si>
  <si>
    <t>71754.0</t>
  </si>
  <si>
    <t>2718272913.0</t>
  </si>
  <si>
    <t>991094015.0</t>
  </si>
  <si>
    <t>930653635.0</t>
  </si>
  <si>
    <t>779732332.0</t>
  </si>
  <si>
    <t>1637686.0</t>
  </si>
  <si>
    <t>1332676.0</t>
  </si>
  <si>
    <t>2719606411.0</t>
  </si>
  <si>
    <t>991130611.0</t>
  </si>
  <si>
    <t>930679908.0</t>
  </si>
  <si>
    <t>780852528.0</t>
  </si>
  <si>
    <t>1428091.0</t>
  </si>
  <si>
    <t>1326634.0</t>
  </si>
  <si>
    <t>65847.0</t>
  </si>
  <si>
    <t>2720432284.0</t>
  </si>
  <si>
    <t>991152200.0</t>
  </si>
  <si>
    <t>930698137.0</t>
  </si>
  <si>
    <t>781543315.0</t>
  </si>
  <si>
    <t>1324707.0</t>
  </si>
  <si>
    <t>65365.0</t>
  </si>
  <si>
    <t>2721666449.0</t>
  </si>
  <si>
    <t>991216170.0</t>
  </si>
  <si>
    <t>930734583.0</t>
  </si>
  <si>
    <t>782440651.0</t>
  </si>
  <si>
    <t>1309661.0</t>
  </si>
  <si>
    <t>1310165.0</t>
  </si>
  <si>
    <t>217.64</t>
  </si>
  <si>
    <t>62739.0</t>
  </si>
  <si>
    <t>2723048911.0</t>
  </si>
  <si>
    <t>991272986.0</t>
  </si>
  <si>
    <t>930773070.0</t>
  </si>
  <si>
    <t>783462119.0</t>
  </si>
  <si>
    <t>1465157.0</t>
  </si>
  <si>
    <t>1290207.0</t>
  </si>
  <si>
    <t>61430.0</t>
  </si>
  <si>
    <t>2724570314.0</t>
  </si>
  <si>
    <t>991342481.0</t>
  </si>
  <si>
    <t>930821914.0</t>
  </si>
  <si>
    <t>784483000.0</t>
  </si>
  <si>
    <t>1559250.0</t>
  </si>
  <si>
    <t>1352991.0</t>
  </si>
  <si>
    <t>62796.0</t>
  </si>
  <si>
    <t>2726104133.0</t>
  </si>
  <si>
    <t>991442037.0</t>
  </si>
  <si>
    <t>930867438.0</t>
  </si>
  <si>
    <t>785570203.0</t>
  </si>
  <si>
    <t>1549095.0</t>
  </si>
  <si>
    <t>1397926.0</t>
  </si>
  <si>
    <t>67130.0</t>
  </si>
  <si>
    <t>2728052118.0</t>
  </si>
  <si>
    <t>991512829.0</t>
  </si>
  <si>
    <t>930916350.0</t>
  </si>
  <si>
    <t>786842711.0</t>
  </si>
  <si>
    <t>1807598.0</t>
  </si>
  <si>
    <t>1422212.0</t>
  </si>
  <si>
    <t>2729387777.0</t>
  </si>
  <si>
    <t>991553984.0</t>
  </si>
  <si>
    <t>930947871.0</t>
  </si>
  <si>
    <t>787950560.0</t>
  </si>
  <si>
    <t>1424426.0</t>
  </si>
  <si>
    <t>1421690.0</t>
  </si>
  <si>
    <t>70294.0</t>
  </si>
  <si>
    <t>2737782651.0</t>
  </si>
  <si>
    <t>992584253.0</t>
  </si>
  <si>
    <t>932116434.0</t>
  </si>
  <si>
    <t>788659327.0</t>
  </si>
  <si>
    <t>773827.0</t>
  </si>
  <si>
    <t>1412715.0</t>
  </si>
  <si>
    <t>70291.0</t>
  </si>
  <si>
    <t>2739045895.0</t>
  </si>
  <si>
    <t>992649501.0</t>
  </si>
  <si>
    <t>932152434.0</t>
  </si>
  <si>
    <t>789547779.0</t>
  </si>
  <si>
    <t>1305936.0</t>
  </si>
  <si>
    <t>1389373.0</t>
  </si>
  <si>
    <t>2740429659.0</t>
  </si>
  <si>
    <t>992704784.0</t>
  </si>
  <si>
    <t>932225757.0</t>
  </si>
  <si>
    <t>790556057.0</t>
  </si>
  <si>
    <t>1444234.0</t>
  </si>
  <si>
    <t>1390189.0</t>
  </si>
  <si>
    <t>2741900792.0</t>
  </si>
  <si>
    <t>992764480.0</t>
  </si>
  <si>
    <t>932266834.0</t>
  </si>
  <si>
    <t>791634337.0</t>
  </si>
  <si>
    <t>1502783.0</t>
  </si>
  <si>
    <t>1384232.0</t>
  </si>
  <si>
    <t>2743362125.0</t>
  </si>
  <si>
    <t>992856791.0</t>
  </si>
  <si>
    <t>932312256.0</t>
  </si>
  <si>
    <t>792664151.0</t>
  </si>
  <si>
    <t>1450652.0</t>
  </si>
  <si>
    <t>1374337.0</t>
  </si>
  <si>
    <t>64228.0</t>
  </si>
  <si>
    <t>2745275191.0</t>
  </si>
  <si>
    <t>992920505.0</t>
  </si>
  <si>
    <t>932356631.0</t>
  </si>
  <si>
    <t>793960147.0</t>
  </si>
  <si>
    <t>1802910.0</t>
  </si>
  <si>
    <t>1377781.0</t>
  </si>
  <si>
    <t>63237.0</t>
  </si>
  <si>
    <t>2746623229.0</t>
  </si>
  <si>
    <t>992951493.0</t>
  </si>
  <si>
    <t>932384621.0</t>
  </si>
  <si>
    <t>795082827.0</t>
  </si>
  <si>
    <t>1410319.0</t>
  </si>
  <si>
    <t>1357065.0</t>
  </si>
  <si>
    <t>219.64</t>
  </si>
  <si>
    <t>2747456961.0</t>
  </si>
  <si>
    <t>995683818.0</t>
  </si>
  <si>
    <t>932832040.0</t>
  </si>
  <si>
    <t>795775128.0</t>
  </si>
  <si>
    <t>751563.0</t>
  </si>
  <si>
    <t>1361575.0</t>
  </si>
  <si>
    <t>63365.0</t>
  </si>
  <si>
    <t>2748731098.0</t>
  </si>
  <si>
    <t>995745859.0</t>
  </si>
  <si>
    <t>932868386.0</t>
  </si>
  <si>
    <t>796667008.0</t>
  </si>
  <si>
    <t>1361181.0</t>
  </si>
  <si>
    <t>55203.0</t>
  </si>
  <si>
    <t>2750112965.0</t>
  </si>
  <si>
    <t>995793398.0</t>
  </si>
  <si>
    <t>932906755.0</t>
  </si>
  <si>
    <t>797686542.0</t>
  </si>
  <si>
    <t>1451541.0</t>
  </si>
  <si>
    <t>1365000.0</t>
  </si>
  <si>
    <t>219.92</t>
  </si>
  <si>
    <t>2751422361.0</t>
  </si>
  <si>
    <t>995839407.0</t>
  </si>
  <si>
    <t>932941899.0</t>
  </si>
  <si>
    <t>798649260.0</t>
  </si>
  <si>
    <t>1361950.0</t>
  </si>
  <si>
    <t>1344001.0</t>
  </si>
  <si>
    <t>52572.0</t>
  </si>
  <si>
    <t>2752729138.0</t>
  </si>
  <si>
    <t>995883519.0</t>
  </si>
  <si>
    <t>932975521.0</t>
  </si>
  <si>
    <t>799633123.0</t>
  </si>
  <si>
    <t>1334397.0</t>
  </si>
  <si>
    <t>1331773.0</t>
  </si>
  <si>
    <t>46182.0</t>
  </si>
  <si>
    <t>2754518291.0</t>
  </si>
  <si>
    <t>995938890.0</t>
  </si>
  <si>
    <t>933021284.0</t>
  </si>
  <si>
    <t>801030512.0</t>
  </si>
  <si>
    <t>1703378.0</t>
  </si>
  <si>
    <t>1323488.0</t>
  </si>
  <si>
    <t>44532.0</t>
  </si>
  <si>
    <t>2755783404.0</t>
  </si>
  <si>
    <t>995971407.0</t>
  </si>
  <si>
    <t>933049972.0</t>
  </si>
  <si>
    <t>802097124.0</t>
  </si>
  <si>
    <t>1341207.0</t>
  </si>
  <si>
    <t>44117.0</t>
  </si>
  <si>
    <t>2756538781.0</t>
  </si>
  <si>
    <t>995995583.0</t>
  </si>
  <si>
    <t>933069404.0</t>
  </si>
  <si>
    <t>802733942.0</t>
  </si>
  <si>
    <t>710990.0</t>
  </si>
  <si>
    <t>1308686.0</t>
  </si>
  <si>
    <t>2757817354.0</t>
  </si>
  <si>
    <t>996089420.0</t>
  </si>
  <si>
    <t>933112855.0</t>
  </si>
  <si>
    <t>803638677.0</t>
  </si>
  <si>
    <t>1207192.0</t>
  </si>
  <si>
    <t>1289729.0</t>
  </si>
  <si>
    <t>2759020352.0</t>
  </si>
  <si>
    <t>996137999.0</t>
  </si>
  <si>
    <t>933148401.0</t>
  </si>
  <si>
    <t>804547064.0</t>
  </si>
  <si>
    <t>1259721.0</t>
  </si>
  <si>
    <t>2760196645.0</t>
  </si>
  <si>
    <t>996188975.0</t>
  </si>
  <si>
    <t>933184137.0</t>
  </si>
  <si>
    <t>805447204.0</t>
  </si>
  <si>
    <t>1168503.0</t>
  </si>
  <si>
    <t>1233844.0</t>
  </si>
  <si>
    <t>2761421389.0</t>
  </si>
  <si>
    <t>996287392.0</t>
  </si>
  <si>
    <t>933225480.0</t>
  </si>
  <si>
    <t>806315664.0</t>
  </si>
  <si>
    <t>1102415.0</t>
  </si>
  <si>
    <t>1202412.0</t>
  </si>
  <si>
    <t>2762439194.0</t>
  </si>
  <si>
    <t>996320756.0</t>
  </si>
  <si>
    <t>933249539.0</t>
  </si>
  <si>
    <t>807182607.0</t>
  </si>
  <si>
    <t>1051277.0</t>
  </si>
  <si>
    <t>1106474.0</t>
  </si>
  <si>
    <t>53566.0</t>
  </si>
  <si>
    <t>2763201072.0</t>
  </si>
  <si>
    <t>996333875.0</t>
  </si>
  <si>
    <t>933264872.0</t>
  </si>
  <si>
    <t>807898532.0</t>
  </si>
  <si>
    <t>796531.0</t>
  </si>
  <si>
    <t>1031182.0</t>
  </si>
  <si>
    <t>50760.0</t>
  </si>
  <si>
    <t>2763629493.0</t>
  </si>
  <si>
    <t>996338840.0</t>
  </si>
  <si>
    <t>933276051.0</t>
  </si>
  <si>
    <t>808310221.0</t>
  </si>
  <si>
    <t>374951.0</t>
  </si>
  <si>
    <t>985693.0</t>
  </si>
  <si>
    <t>47998.0</t>
  </si>
  <si>
    <t>2764224461.0</t>
  </si>
  <si>
    <t>996354719.0</t>
  </si>
  <si>
    <t>933288785.0</t>
  </si>
  <si>
    <t>808843115.0</t>
  </si>
  <si>
    <t>598240.0</t>
  </si>
  <si>
    <t>899476.0</t>
  </si>
  <si>
    <t>2764827739.0</t>
  </si>
  <si>
    <t>996367423.0</t>
  </si>
  <si>
    <t>933303656.0</t>
  </si>
  <si>
    <t>809403395.0</t>
  </si>
  <si>
    <t>607702.0</t>
  </si>
  <si>
    <t>812708.0</t>
  </si>
  <si>
    <t>32152.0</t>
  </si>
  <si>
    <t>2765295408.0</t>
  </si>
  <si>
    <t>996378171.0</t>
  </si>
  <si>
    <t>933315359.0</t>
  </si>
  <si>
    <t>809851514.0</t>
  </si>
  <si>
    <t>463148.0</t>
  </si>
  <si>
    <t>653434.0</t>
  </si>
  <si>
    <t>2765582629.0</t>
  </si>
  <si>
    <t>996388003.0</t>
  </si>
  <si>
    <t>933323568.0</t>
  </si>
  <si>
    <t>810122644.0</t>
  </si>
  <si>
    <t>291282.0</t>
  </si>
  <si>
    <t>565021.0</t>
  </si>
  <si>
    <t>2765737537.0</t>
  </si>
  <si>
    <t>996407565.0</t>
  </si>
  <si>
    <t>933333608.0</t>
  </si>
  <si>
    <t>810250926.0</t>
  </si>
  <si>
    <t>143149.0</t>
  </si>
  <si>
    <t>419525.0</t>
  </si>
  <si>
    <t>2765782546.0</t>
  </si>
  <si>
    <t>996409070.0</t>
  </si>
  <si>
    <t>933335031.0</t>
  </si>
  <si>
    <t>810363968.0</t>
  </si>
  <si>
    <t>2765800443.0</t>
  </si>
  <si>
    <t>996410102.0</t>
  </si>
  <si>
    <t>933336074.0</t>
  </si>
  <si>
    <t>810380289.0</t>
  </si>
  <si>
    <t>2765852221.0</t>
  </si>
  <si>
    <t>996413866.0</t>
  </si>
  <si>
    <t>933338032.0</t>
  </si>
  <si>
    <t>810427204.0</t>
  </si>
  <si>
    <t>2765964000.0</t>
  </si>
  <si>
    <t>996421313.0</t>
  </si>
  <si>
    <t>933344313.0</t>
  </si>
  <si>
    <t>810528466.0</t>
  </si>
  <si>
    <t>2766140421.0</t>
  </si>
  <si>
    <t>996425846.0</t>
  </si>
  <si>
    <t>933349049.0</t>
  </si>
  <si>
    <t>810696038.0</t>
  </si>
  <si>
    <t>2766367474.0</t>
  </si>
  <si>
    <t>996451015.0</t>
  </si>
  <si>
    <t>933354812.0</t>
  </si>
  <si>
    <t>810892644.0</t>
  </si>
  <si>
    <t>HND</t>
  </si>
  <si>
    <t>Honduras</t>
  </si>
  <si>
    <t>28570.0</t>
  </si>
  <si>
    <t>37317.0</t>
  </si>
  <si>
    <t>108538.0</t>
  </si>
  <si>
    <t>163858.0</t>
  </si>
  <si>
    <t>136476.0</t>
  </si>
  <si>
    <t>10932.0</t>
  </si>
  <si>
    <t>11893.0</t>
  </si>
  <si>
    <t>253832.0</t>
  </si>
  <si>
    <t>209704.0</t>
  </si>
  <si>
    <t>317257.0</t>
  </si>
  <si>
    <t>352252.0</t>
  </si>
  <si>
    <t>34995.0</t>
  </si>
  <si>
    <t>20487.0</t>
  </si>
  <si>
    <t>377593.0</t>
  </si>
  <si>
    <t>320832.0</t>
  </si>
  <si>
    <t>56761.0</t>
  </si>
  <si>
    <t>25341.0</t>
  </si>
  <si>
    <t>21965.0</t>
  </si>
  <si>
    <t>19111.0</t>
  </si>
  <si>
    <t>20747.0</t>
  </si>
  <si>
    <t>420531.0</t>
  </si>
  <si>
    <t>369571.0</t>
  </si>
  <si>
    <t>56960.0</t>
  </si>
  <si>
    <t>17774.0</t>
  </si>
  <si>
    <t>447023.0</t>
  </si>
  <si>
    <t>390063.0</t>
  </si>
  <si>
    <t>460245.0</t>
  </si>
  <si>
    <t>402319.0</t>
  </si>
  <si>
    <t>479851.0</t>
  </si>
  <si>
    <t>421925.0</t>
  </si>
  <si>
    <t>488859.0</t>
  </si>
  <si>
    <t>430859.0</t>
  </si>
  <si>
    <t>497563.0</t>
  </si>
  <si>
    <t>439563.0</t>
  </si>
  <si>
    <t>541792.0</t>
  </si>
  <si>
    <t>484018.0</t>
  </si>
  <si>
    <t>44229.0</t>
  </si>
  <si>
    <t>11671.0</t>
  </si>
  <si>
    <t>13788.0</t>
  </si>
  <si>
    <t>591888.0</t>
  </si>
  <si>
    <t>533888.0</t>
  </si>
  <si>
    <t>21291.0</t>
  </si>
  <si>
    <t>684035.0</t>
  </si>
  <si>
    <t>625910.0</t>
  </si>
  <si>
    <t>26621.0</t>
  </si>
  <si>
    <t>23983.0</t>
  </si>
  <si>
    <t>24844.0</t>
  </si>
  <si>
    <t>24627.0</t>
  </si>
  <si>
    <t>21419.0</t>
  </si>
  <si>
    <t>17310.0</t>
  </si>
  <si>
    <t>822516.0</t>
  </si>
  <si>
    <t>761715.0</t>
  </si>
  <si>
    <t>903581.0</t>
  </si>
  <si>
    <t>845456.0</t>
  </si>
  <si>
    <t>81065.0</t>
  </si>
  <si>
    <t>26514.0</t>
  </si>
  <si>
    <t>980363.0</t>
  </si>
  <si>
    <t>912814.0</t>
  </si>
  <si>
    <t>67549.0</t>
  </si>
  <si>
    <t>27495.0</t>
  </si>
  <si>
    <t>31720.0</t>
  </si>
  <si>
    <t>1095232.0</t>
  </si>
  <si>
    <t>1020739.0</t>
  </si>
  <si>
    <t>74493.0</t>
  </si>
  <si>
    <t>31074.0</t>
  </si>
  <si>
    <t>28486.0</t>
  </si>
  <si>
    <t>1172830.0</t>
  </si>
  <si>
    <t>1093093.0</t>
  </si>
  <si>
    <t>79737.0</t>
  </si>
  <si>
    <t>32980.0</t>
  </si>
  <si>
    <t>30565.0</t>
  </si>
  <si>
    <t>32487.0</t>
  </si>
  <si>
    <t>1235812.0</t>
  </si>
  <si>
    <t>1138154.0</t>
  </si>
  <si>
    <t>35447.0</t>
  </si>
  <si>
    <t>1474737.0</t>
  </si>
  <si>
    <t>1355746.0</t>
  </si>
  <si>
    <t>118991.0</t>
  </si>
  <si>
    <t>43130.0</t>
  </si>
  <si>
    <t>44594.0</t>
  </si>
  <si>
    <t>37870.0</t>
  </si>
  <si>
    <t>47523.0</t>
  </si>
  <si>
    <t>1578725.0</t>
  </si>
  <si>
    <t>1405676.0</t>
  </si>
  <si>
    <t>173364.0</t>
  </si>
  <si>
    <t>48988.0</t>
  </si>
  <si>
    <t>43671.0</t>
  </si>
  <si>
    <t>32918.0</t>
  </si>
  <si>
    <t>38354.0</t>
  </si>
  <si>
    <t>1705994.0</t>
  </si>
  <si>
    <t>1511974.0</t>
  </si>
  <si>
    <t>194020.0</t>
  </si>
  <si>
    <t>36688.0</t>
  </si>
  <si>
    <t>25912.0</t>
  </si>
  <si>
    <t>40340.0</t>
  </si>
  <si>
    <t>43992.0</t>
  </si>
  <si>
    <t>1912232.0</t>
  </si>
  <si>
    <t>49947.0</t>
  </si>
  <si>
    <t>52250.0</t>
  </si>
  <si>
    <t>54552.0</t>
  </si>
  <si>
    <t>37637.0</t>
  </si>
  <si>
    <t>2146403.0</t>
  </si>
  <si>
    <t>1813072.0</t>
  </si>
  <si>
    <t>333273.0</t>
  </si>
  <si>
    <t>55550.0</t>
  </si>
  <si>
    <t>37987.0</t>
  </si>
  <si>
    <t>61964.0</t>
  </si>
  <si>
    <t>38336.0</t>
  </si>
  <si>
    <t>65172.0</t>
  </si>
  <si>
    <t>39035.0</t>
  </si>
  <si>
    <t>69591.0</t>
  </si>
  <si>
    <t>71800.0</t>
  </si>
  <si>
    <t>39735.0</t>
  </si>
  <si>
    <t>40084.0</t>
  </si>
  <si>
    <t>3774621.0</t>
  </si>
  <si>
    <t>2694923.0</t>
  </si>
  <si>
    <t>1079698.0</t>
  </si>
  <si>
    <t>74238.0</t>
  </si>
  <si>
    <t>74467.0</t>
  </si>
  <si>
    <t>74695.0</t>
  </si>
  <si>
    <t>30833.0</t>
  </si>
  <si>
    <t>4077054.0</t>
  </si>
  <si>
    <t>2768918.0</t>
  </si>
  <si>
    <t>1308136.0</t>
  </si>
  <si>
    <t>74923.0</t>
  </si>
  <si>
    <t>27750.0</t>
  </si>
  <si>
    <t>72369.0</t>
  </si>
  <si>
    <t>69815.0</t>
  </si>
  <si>
    <t>67260.0</t>
  </si>
  <si>
    <t>64478.0</t>
  </si>
  <si>
    <t>17060.0</t>
  </si>
  <si>
    <t>58912.0</t>
  </si>
  <si>
    <t>56130.0</t>
  </si>
  <si>
    <t>4526090.0</t>
  </si>
  <si>
    <t>2896759.0</t>
  </si>
  <si>
    <t>1629331.0</t>
  </si>
  <si>
    <t>4637151.0</t>
  </si>
  <si>
    <t>2947650.0</t>
  </si>
  <si>
    <t>1689501.0</t>
  </si>
  <si>
    <t>16787.0</t>
  </si>
  <si>
    <t>36515.0</t>
  </si>
  <si>
    <t>5034639.0</t>
  </si>
  <si>
    <t>37342.0</t>
  </si>
  <si>
    <t>5196072.0</t>
  </si>
  <si>
    <t>3207579.0</t>
  </si>
  <si>
    <t>1988868.0</t>
  </si>
  <si>
    <t>44933.0</t>
  </si>
  <si>
    <t>51318.0</t>
  </si>
  <si>
    <t>57703.0</t>
  </si>
  <si>
    <t>63485.0</t>
  </si>
  <si>
    <t>69267.0</t>
  </si>
  <si>
    <t>75048.0</t>
  </si>
  <si>
    <t>5761882.0</t>
  </si>
  <si>
    <t>3331191.0</t>
  </si>
  <si>
    <t>2431066.0</t>
  </si>
  <si>
    <t>80830.0</t>
  </si>
  <si>
    <t>70420.0</t>
  </si>
  <si>
    <t>60010.0</t>
  </si>
  <si>
    <t>49600.0</t>
  </si>
  <si>
    <t>39190.0</t>
  </si>
  <si>
    <t>5817602.0</t>
  </si>
  <si>
    <t>3336972.0</t>
  </si>
  <si>
    <t>2481005.0</t>
  </si>
  <si>
    <t>15515.0</t>
  </si>
  <si>
    <t>30626.0</t>
  </si>
  <si>
    <t>6058428.0</t>
  </si>
  <si>
    <t>3520903.0</t>
  </si>
  <si>
    <t>2537900.0</t>
  </si>
  <si>
    <t>26276.0</t>
  </si>
  <si>
    <t>39528.0</t>
  </si>
  <si>
    <t>29059.0</t>
  </si>
  <si>
    <t>44652.0</t>
  </si>
  <si>
    <t>31842.0</t>
  </si>
  <si>
    <t>49776.0</t>
  </si>
  <si>
    <t>6339514.0</t>
  </si>
  <si>
    <t>54900.0</t>
  </si>
  <si>
    <t>37408.0</t>
  </si>
  <si>
    <t>62649.0</t>
  </si>
  <si>
    <t>40191.0</t>
  </si>
  <si>
    <t>6605470.0</t>
  </si>
  <si>
    <t>3841202.0</t>
  </si>
  <si>
    <t>2764643.0</t>
  </si>
  <si>
    <t>78149.0</t>
  </si>
  <si>
    <t>73196.0</t>
  </si>
  <si>
    <t>39282.0</t>
  </si>
  <si>
    <t>68244.0</t>
  </si>
  <si>
    <t>32808.0</t>
  </si>
  <si>
    <t>63291.0</t>
  </si>
  <si>
    <t>58338.0</t>
  </si>
  <si>
    <t>5592.0</t>
  </si>
  <si>
    <t>6854692.0</t>
  </si>
  <si>
    <t>2968472.0</t>
  </si>
  <si>
    <t>43612.0</t>
  </si>
  <si>
    <t>47616.0</t>
  </si>
  <si>
    <t>51621.0</t>
  </si>
  <si>
    <t>59630.0</t>
  </si>
  <si>
    <t>7300131.0</t>
  </si>
  <si>
    <t>3847285.0</t>
  </si>
  <si>
    <t>3453221.0</t>
  </si>
  <si>
    <t>63634.0</t>
  </si>
  <si>
    <t>50480.0</t>
  </si>
  <si>
    <t>43903.0</t>
  </si>
  <si>
    <t>7584433.0</t>
  </si>
  <si>
    <t>3957957.0</t>
  </si>
  <si>
    <t>3622891.0</t>
  </si>
  <si>
    <t>41586.0</t>
  </si>
  <si>
    <t>12518.0</t>
  </si>
  <si>
    <t>44501.0</t>
  </si>
  <si>
    <t>45472.0</t>
  </si>
  <si>
    <t>46444.0</t>
  </si>
  <si>
    <t>7916340.0</t>
  </si>
  <si>
    <t>3987966.0</t>
  </si>
  <si>
    <t>47415.0</t>
  </si>
  <si>
    <t>35142.0</t>
  </si>
  <si>
    <t>14716.0</t>
  </si>
  <si>
    <t>19930.0</t>
  </si>
  <si>
    <t>40788.0</t>
  </si>
  <si>
    <t>7960942.0</t>
  </si>
  <si>
    <t>4395843.0</t>
  </si>
  <si>
    <t>42033.0</t>
  </si>
  <si>
    <t>37435.0</t>
  </si>
  <si>
    <t>79606.0</t>
  </si>
  <si>
    <t>117179.0</t>
  </si>
  <si>
    <t>30729.0</t>
  </si>
  <si>
    <t>9030824.0</t>
  </si>
  <si>
    <t>3891577.0</t>
  </si>
  <si>
    <t>154752.0</t>
  </si>
  <si>
    <t>155855.0</t>
  </si>
  <si>
    <t>20670.0</t>
  </si>
  <si>
    <t>156407.0</t>
  </si>
  <si>
    <t>119386.0</t>
  </si>
  <si>
    <t>82365.0</t>
  </si>
  <si>
    <t>9188959.0</t>
  </si>
  <si>
    <t>3952806.0</t>
  </si>
  <si>
    <t>295259.0</t>
  </si>
  <si>
    <t>15299.0</t>
  </si>
  <si>
    <t>36229.0</t>
  </si>
  <si>
    <t>43205.0</t>
  </si>
  <si>
    <t>50181.0</t>
  </si>
  <si>
    <t>9589064.0</t>
  </si>
  <si>
    <t>4915362.0</t>
  </si>
  <si>
    <t>4296605.0</t>
  </si>
  <si>
    <t>377472.0</t>
  </si>
  <si>
    <t>38745.0</t>
  </si>
  <si>
    <t>9871482.0</t>
  </si>
  <si>
    <t>5016061.0</t>
  </si>
  <si>
    <t>4349744.0</t>
  </si>
  <si>
    <t>506052.0</t>
  </si>
  <si>
    <t>27940.0</t>
  </si>
  <si>
    <t>21059.0</t>
  </si>
  <si>
    <t>9922570.0</t>
  </si>
  <si>
    <t>5034950.0</t>
  </si>
  <si>
    <t>4381943.0</t>
  </si>
  <si>
    <t>10272600.0</t>
  </si>
  <si>
    <t>5035861.0</t>
  </si>
  <si>
    <t>855171.0</t>
  </si>
  <si>
    <t>50004.0</t>
  </si>
  <si>
    <t>45920.0</t>
  </si>
  <si>
    <t>41835.0</t>
  </si>
  <si>
    <t>37750.0</t>
  </si>
  <si>
    <t>29581.0</t>
  </si>
  <si>
    <t>10572367.0</t>
  </si>
  <si>
    <t>5147157.0</t>
  </si>
  <si>
    <t>1053810.0</t>
  </si>
  <si>
    <t>101.34</t>
  </si>
  <si>
    <t>18628.0</t>
  </si>
  <si>
    <t>10676787.0</t>
  </si>
  <si>
    <t>5190314.0</t>
  </si>
  <si>
    <t>4399117.0</t>
  </si>
  <si>
    <t>102.34</t>
  </si>
  <si>
    <t>11004222.0</t>
  </si>
  <si>
    <t>4560702.0</t>
  </si>
  <si>
    <t>46776.0</t>
  </si>
  <si>
    <t>51459.0</t>
  </si>
  <si>
    <t>56141.0</t>
  </si>
  <si>
    <t>70187.0</t>
  </si>
  <si>
    <t>74869.0</t>
  </si>
  <si>
    <t>11561083.0</t>
  </si>
  <si>
    <t>4563441.0</t>
  </si>
  <si>
    <t>79552.0</t>
  </si>
  <si>
    <t>70573.0</t>
  </si>
  <si>
    <t>61595.0</t>
  </si>
  <si>
    <t>34659.0</t>
  </si>
  <si>
    <t>11794913.0</t>
  </si>
  <si>
    <t>1796006.0</t>
  </si>
  <si>
    <t>1839548.0</t>
  </si>
  <si>
    <t>11904698.0</t>
  </si>
  <si>
    <t>4583225.0</t>
  </si>
  <si>
    <t>2021271.0</t>
  </si>
  <si>
    <t>19127.0</t>
  </si>
  <si>
    <t>22929.0</t>
  </si>
  <si>
    <t>12118425.0</t>
  </si>
  <si>
    <t>5236883.0</t>
  </si>
  <si>
    <t>4835619.0</t>
  </si>
  <si>
    <t>2046298.0</t>
  </si>
  <si>
    <t>116.16</t>
  </si>
  <si>
    <t>29730.0</t>
  </si>
  <si>
    <t>28928.0</t>
  </si>
  <si>
    <t>12292839.0</t>
  </si>
  <si>
    <t>5272565.0</t>
  </si>
  <si>
    <t>2092671.0</t>
  </si>
  <si>
    <t>23641.0</t>
  </si>
  <si>
    <t>22366.0</t>
  </si>
  <si>
    <t>12436017.0</t>
  </si>
  <si>
    <t>5291709.0</t>
  </si>
  <si>
    <t>4899315.0</t>
  </si>
  <si>
    <t>2245368.0</t>
  </si>
  <si>
    <t>42463.0</t>
  </si>
  <si>
    <t>64472.0</t>
  </si>
  <si>
    <t>86481.0</t>
  </si>
  <si>
    <t>108490.0</t>
  </si>
  <si>
    <t>55783.0</t>
  </si>
  <si>
    <t>130499.0</t>
  </si>
  <si>
    <t>12508.0</t>
  </si>
  <si>
    <t>152508.0</t>
  </si>
  <si>
    <t>82307.0</t>
  </si>
  <si>
    <t>13657639.0</t>
  </si>
  <si>
    <t>5960689.0</t>
  </si>
  <si>
    <t>2356849.0</t>
  </si>
  <si>
    <t>95569.0</t>
  </si>
  <si>
    <t>151013.0</t>
  </si>
  <si>
    <t>14475.0</t>
  </si>
  <si>
    <t>82122.0</t>
  </si>
  <si>
    <t>9969.0</t>
  </si>
  <si>
    <t>80499.0</t>
  </si>
  <si>
    <t>56994.0</t>
  </si>
  <si>
    <t>28336.0</t>
  </si>
  <si>
    <t>33490.0</t>
  </si>
  <si>
    <t>13727535.0</t>
  </si>
  <si>
    <t>5970793.0</t>
  </si>
  <si>
    <t>2402988.0</t>
  </si>
  <si>
    <t>131.58</t>
  </si>
  <si>
    <t>17979.0</t>
  </si>
  <si>
    <t>13927995.0</t>
  </si>
  <si>
    <t>6031932.0</t>
  </si>
  <si>
    <t>2461042.0</t>
  </si>
  <si>
    <t>28637.0</t>
  </si>
  <si>
    <t>25950.0</t>
  </si>
  <si>
    <t>10470.0</t>
  </si>
  <si>
    <t>14065533.0</t>
  </si>
  <si>
    <t>6210907.0</t>
  </si>
  <si>
    <t>5307723.0</t>
  </si>
  <si>
    <t>2547278.0</t>
  </si>
  <si>
    <t>134.82</t>
  </si>
  <si>
    <t>9214.0</t>
  </si>
  <si>
    <t>14215383.0</t>
  </si>
  <si>
    <t>5314008.0</t>
  </si>
  <si>
    <t>2646857.0</t>
  </si>
  <si>
    <t>21789.0</t>
  </si>
  <si>
    <t>14369912.0</t>
  </si>
  <si>
    <t>5354643.0</t>
  </si>
  <si>
    <t>2727134.0</t>
  </si>
  <si>
    <t>137.74</t>
  </si>
  <si>
    <t>14740.0</t>
  </si>
  <si>
    <t>14404631.0</t>
  </si>
  <si>
    <t>5368598.0</t>
  </si>
  <si>
    <t>2742949.0</t>
  </si>
  <si>
    <t>138.07</t>
  </si>
  <si>
    <t>14444316.0</t>
  </si>
  <si>
    <t>5377667.0</t>
  </si>
  <si>
    <t>2766496.0</t>
  </si>
  <si>
    <t>9709.0</t>
  </si>
  <si>
    <t>14549986.0</t>
  </si>
  <si>
    <t>5416196.0</t>
  </si>
  <si>
    <t>2821834.0</t>
  </si>
  <si>
    <t>18787.0</t>
  </si>
  <si>
    <t>14700875.0</t>
  </si>
  <si>
    <t>5432244.0</t>
  </si>
  <si>
    <t>2933163.0</t>
  </si>
  <si>
    <t>21556.0</t>
  </si>
  <si>
    <t>16007.0</t>
  </si>
  <si>
    <t>14730793.0</t>
  </si>
  <si>
    <t>6227168.0</t>
  </si>
  <si>
    <t>5454213.0</t>
  </si>
  <si>
    <t>3049787.0</t>
  </si>
  <si>
    <t>14837097.0</t>
  </si>
  <si>
    <t>6261004.0</t>
  </si>
  <si>
    <t>5493660.0</t>
  </si>
  <si>
    <t>3082808.0</t>
  </si>
  <si>
    <t>15186.0</t>
  </si>
  <si>
    <t>14891157.0</t>
  </si>
  <si>
    <t>6270383.0</t>
  </si>
  <si>
    <t>5505202.0</t>
  </si>
  <si>
    <t>3115947.0</t>
  </si>
  <si>
    <t>15020339.0</t>
  </si>
  <si>
    <t>6288709.0</t>
  </si>
  <si>
    <t>5528501.0</t>
  </si>
  <si>
    <t>3203504.0</t>
  </si>
  <si>
    <t>19035.0</t>
  </si>
  <si>
    <t>20195.0</t>
  </si>
  <si>
    <t>15177956.0</t>
  </si>
  <si>
    <t>6311485.0</t>
  </si>
  <si>
    <t>5557933.0</t>
  </si>
  <si>
    <t>3308913.0</t>
  </si>
  <si>
    <t>22517.0</t>
  </si>
  <si>
    <t>20618.0</t>
  </si>
  <si>
    <t>18720.0</t>
  </si>
  <si>
    <t>16821.0</t>
  </si>
  <si>
    <t>14923.0</t>
  </si>
  <si>
    <t>15242548.0</t>
  </si>
  <si>
    <t>6320137.0</t>
  </si>
  <si>
    <t>5570982.0</t>
  </si>
  <si>
    <t>3351804.0</t>
  </si>
  <si>
    <t>23326.0</t>
  </si>
  <si>
    <t>26851.0</t>
  </si>
  <si>
    <t>15479847.0</t>
  </si>
  <si>
    <t>6324650.0</t>
  </si>
  <si>
    <t>5597153.0</t>
  </si>
  <si>
    <t>26175.0</t>
  </si>
  <si>
    <t>15527895.0</t>
  </si>
  <si>
    <t>6325371.0</t>
  </si>
  <si>
    <t>5599626.0</t>
  </si>
  <si>
    <t>148.84</t>
  </si>
  <si>
    <t>6333830.0</t>
  </si>
  <si>
    <t>5614564.0</t>
  </si>
  <si>
    <t>6352088.0</t>
  </si>
  <si>
    <t>15588627.0</t>
  </si>
  <si>
    <t>6363398.0</t>
  </si>
  <si>
    <t>5648386.0</t>
  </si>
  <si>
    <t>3577218.0</t>
  </si>
  <si>
    <t>149.42</t>
  </si>
  <si>
    <t>51038.0</t>
  </si>
  <si>
    <t>67472.0</t>
  </si>
  <si>
    <t>100341.0</t>
  </si>
  <si>
    <t>16406054.0</t>
  </si>
  <si>
    <t>6404041.0</t>
  </si>
  <si>
    <t>5699605.0</t>
  </si>
  <si>
    <t>4302783.0</t>
  </si>
  <si>
    <t>116775.0</t>
  </si>
  <si>
    <t>157.25</t>
  </si>
  <si>
    <t>100584.0</t>
  </si>
  <si>
    <t>84393.0</t>
  </si>
  <si>
    <t>35819.0</t>
  </si>
  <si>
    <t>16430114.0</t>
  </si>
  <si>
    <t>6406980.0</t>
  </si>
  <si>
    <t>5704735.0</t>
  </si>
  <si>
    <t>4318774.0</t>
  </si>
  <si>
    <t>16462331.0</t>
  </si>
  <si>
    <t>6412724.0</t>
  </si>
  <si>
    <t>5714098.0</t>
  </si>
  <si>
    <t>4335884.0</t>
  </si>
  <si>
    <t>16591876.0</t>
  </si>
  <si>
    <t>6420766.0</t>
  </si>
  <si>
    <t>5726005.0</t>
  </si>
  <si>
    <t>4445480.0</t>
  </si>
  <si>
    <t>16664337.0</t>
  </si>
  <si>
    <t>6429799.0</t>
  </si>
  <si>
    <t>5743554.0</t>
  </si>
  <si>
    <t>4491359.0</t>
  </si>
  <si>
    <t>16788825.0</t>
  </si>
  <si>
    <t>6443311.0</t>
  </si>
  <si>
    <t>5758291.0</t>
  </si>
  <si>
    <t>4587598.0</t>
  </si>
  <si>
    <t>17784.0</t>
  </si>
  <si>
    <t>HKG</t>
  </si>
  <si>
    <t>Hong Kong</t>
  </si>
  <si>
    <t>6.14245446872242</t>
  </si>
  <si>
    <t>362.8</t>
  </si>
  <si>
    <t>48.445271331576</t>
  </si>
  <si>
    <t>96598.0</t>
  </si>
  <si>
    <t>12.889</t>
  </si>
  <si>
    <t>-6.16</t>
  </si>
  <si>
    <t>11.9110204045661</t>
  </si>
  <si>
    <t>-68.2</t>
  </si>
  <si>
    <t>-9.10685640797542</t>
  </si>
  <si>
    <t>238046.0</t>
  </si>
  <si>
    <t>31.762</t>
  </si>
  <si>
    <t>1587.3</t>
  </si>
  <si>
    <t>-6.60000000000002</t>
  </si>
  <si>
    <t>-0.881308684642784</t>
  </si>
  <si>
    <t>347434.0</t>
  </si>
  <si>
    <t>46.358</t>
  </si>
  <si>
    <t>900.9</t>
  </si>
  <si>
    <t>-11.2166559863627</t>
  </si>
  <si>
    <t>729436.0</t>
  </si>
  <si>
    <t>97.328</t>
  </si>
  <si>
    <t>184.8</t>
  </si>
  <si>
    <t>9.9881650926182</t>
  </si>
  <si>
    <t>16564.0</t>
  </si>
  <si>
    <t>22220.0</t>
  </si>
  <si>
    <t>1418251.0</t>
  </si>
  <si>
    <t>189.237</t>
  </si>
  <si>
    <t>448.4</t>
  </si>
  <si>
    <t>53.0387590212292</t>
  </si>
  <si>
    <t>36029.0</t>
  </si>
  <si>
    <t>63647.0</t>
  </si>
  <si>
    <t>8.492</t>
  </si>
  <si>
    <t>91264.0</t>
  </si>
  <si>
    <t>105073.0</t>
  </si>
  <si>
    <t>118882.0</t>
  </si>
  <si>
    <t>3201483.0</t>
  </si>
  <si>
    <t>427.173</t>
  </si>
  <si>
    <t>11111.1</t>
  </si>
  <si>
    <t>60198.0</t>
  </si>
  <si>
    <t>45527.0</t>
  </si>
  <si>
    <t>6.075</t>
  </si>
  <si>
    <t>3444257.0</t>
  </si>
  <si>
    <t>459.567</t>
  </si>
  <si>
    <t>79.3177816178504</t>
  </si>
  <si>
    <t>3461059.0</t>
  </si>
  <si>
    <t>461.808</t>
  </si>
  <si>
    <t>3763315.0</t>
  </si>
  <si>
    <t>502.138</t>
  </si>
  <si>
    <t>4545.5</t>
  </si>
  <si>
    <t>114.276359442014</t>
  </si>
  <si>
    <t>22861.0</t>
  </si>
  <si>
    <t>4421227.0</t>
  </si>
  <si>
    <t>589.923</t>
  </si>
  <si>
    <t>662.3</t>
  </si>
  <si>
    <t>1170.2</t>
  </si>
  <si>
    <t>156.258700419543</t>
  </si>
  <si>
    <t>38261.0</t>
  </si>
  <si>
    <t>5809821.0</t>
  </si>
  <si>
    <t>775.203</t>
  </si>
  <si>
    <t>549.5</t>
  </si>
  <si>
    <t>1568.6</t>
  </si>
  <si>
    <t>209.457697383435</t>
  </si>
  <si>
    <t>44395.0</t>
  </si>
  <si>
    <t>43997.0</t>
  </si>
  <si>
    <t>42005.0</t>
  </si>
  <si>
    <t>5.605</t>
  </si>
  <si>
    <t>7111961.0</t>
  </si>
  <si>
    <t>948.947</t>
  </si>
  <si>
    <t>279.348146707985</t>
  </si>
  <si>
    <t>8.533</t>
  </si>
  <si>
    <t>68342.0</t>
  </si>
  <si>
    <t>9.119</t>
  </si>
  <si>
    <t>72732.0</t>
  </si>
  <si>
    <t>9.705</t>
  </si>
  <si>
    <t>9148459.0</t>
  </si>
  <si>
    <t>1220.677</t>
  </si>
  <si>
    <t>3703.7</t>
  </si>
  <si>
    <t>20699.0</t>
  </si>
  <si>
    <t>1692.2</t>
  </si>
  <si>
    <t>-8.84</t>
  </si>
  <si>
    <t>225.962205477654</t>
  </si>
  <si>
    <t>75137.0</t>
  </si>
  <si>
    <t>27107.0</t>
  </si>
  <si>
    <t>77542.0</t>
  </si>
  <si>
    <t>10.346</t>
  </si>
  <si>
    <t>40179.0</t>
  </si>
  <si>
    <t>79947.0</t>
  </si>
  <si>
    <t>10.667</t>
  </si>
  <si>
    <t>51847.0</t>
  </si>
  <si>
    <t>51844.0</t>
  </si>
  <si>
    <t>11668.0</t>
  </si>
  <si>
    <t>82352.0</t>
  </si>
  <si>
    <t>62234.0</t>
  </si>
  <si>
    <t>84757.0</t>
  </si>
  <si>
    <t>11.309</t>
  </si>
  <si>
    <t>72375.0</t>
  </si>
  <si>
    <t>72372.0</t>
  </si>
  <si>
    <t>87162.0</t>
  </si>
  <si>
    <t>84031.0</t>
  </si>
  <si>
    <t>84027.0</t>
  </si>
  <si>
    <t>89567.0</t>
  </si>
  <si>
    <t>93024.0</t>
  </si>
  <si>
    <t>93019.0</t>
  </si>
  <si>
    <t>103849.0</t>
  </si>
  <si>
    <t>103844.0</t>
  </si>
  <si>
    <t>113525.0</t>
  </si>
  <si>
    <t>113519.0</t>
  </si>
  <si>
    <t>130547.0</t>
  </si>
  <si>
    <t>17022.0</t>
  </si>
  <si>
    <t>145907.0</t>
  </si>
  <si>
    <t>145900.0</t>
  </si>
  <si>
    <t>162230.0</t>
  </si>
  <si>
    <t>162223.0</t>
  </si>
  <si>
    <t>177111.0</t>
  </si>
  <si>
    <t>177103.0</t>
  </si>
  <si>
    <t>190731.0</t>
  </si>
  <si>
    <t>190723.0</t>
  </si>
  <si>
    <t>206094.0</t>
  </si>
  <si>
    <t>206086.0</t>
  </si>
  <si>
    <t>229420.0</t>
  </si>
  <si>
    <t>229412.0</t>
  </si>
  <si>
    <t>16556.0</t>
  </si>
  <si>
    <t>254020.0</t>
  </si>
  <si>
    <t>17639.0</t>
  </si>
  <si>
    <t>276647.0</t>
  </si>
  <si>
    <t>276637.0</t>
  </si>
  <si>
    <t>18677.0</t>
  </si>
  <si>
    <t>304252.0</t>
  </si>
  <si>
    <t>304242.0</t>
  </si>
  <si>
    <t>27605.0</t>
  </si>
  <si>
    <t>20289.0</t>
  </si>
  <si>
    <t>330620.0</t>
  </si>
  <si>
    <t>330609.0</t>
  </si>
  <si>
    <t>26368.0</t>
  </si>
  <si>
    <t>21929.0</t>
  </si>
  <si>
    <t>354440.0</t>
  </si>
  <si>
    <t>354429.0</t>
  </si>
  <si>
    <t>23820.0</t>
  </si>
  <si>
    <t>23387.0</t>
  </si>
  <si>
    <t>379695.0</t>
  </si>
  <si>
    <t>379641.0</t>
  </si>
  <si>
    <t>403527.0</t>
  </si>
  <si>
    <t>403078.0</t>
  </si>
  <si>
    <t>24809.0</t>
  </si>
  <si>
    <t>413302.0</t>
  </si>
  <si>
    <t>412821.0</t>
  </si>
  <si>
    <t>421522.0</t>
  </si>
  <si>
    <t>421013.0</t>
  </si>
  <si>
    <t>20625.0</t>
  </si>
  <si>
    <t>435239.0</t>
  </si>
  <si>
    <t>429532.0</t>
  </si>
  <si>
    <t>449279.0</t>
  </si>
  <si>
    <t>437264.0</t>
  </si>
  <si>
    <t>462453.0</t>
  </si>
  <si>
    <t>443899.0</t>
  </si>
  <si>
    <t>475124.0</t>
  </si>
  <si>
    <t>450517.0</t>
  </si>
  <si>
    <t>490319.0</t>
  </si>
  <si>
    <t>455922.0</t>
  </si>
  <si>
    <t>34397.0</t>
  </si>
  <si>
    <t>11925036.0</t>
  </si>
  <si>
    <t>1591.155</t>
  </si>
  <si>
    <t>5882.4</t>
  </si>
  <si>
    <t>505100.0</t>
  </si>
  <si>
    <t>461055.0</t>
  </si>
  <si>
    <t>-3.96</t>
  </si>
  <si>
    <t>202.166870992299</t>
  </si>
  <si>
    <t>88193.0</t>
  </si>
  <si>
    <t>466278.0</t>
  </si>
  <si>
    <t>54101.0</t>
  </si>
  <si>
    <t>86819.0</t>
  </si>
  <si>
    <t>11.584</t>
  </si>
  <si>
    <t>531241.0</t>
  </si>
  <si>
    <t>471421.0</t>
  </si>
  <si>
    <t>59820.0</t>
  </si>
  <si>
    <t>85445.0</t>
  </si>
  <si>
    <t>543990.0</t>
  </si>
  <si>
    <t>475046.0</t>
  </si>
  <si>
    <t>68944.0</t>
  </si>
  <si>
    <t>556075.0</t>
  </si>
  <si>
    <t>478875.0</t>
  </si>
  <si>
    <t>11.034</t>
  </si>
  <si>
    <t>577240.0</t>
  </si>
  <si>
    <t>486974.0</t>
  </si>
  <si>
    <t>90266.0</t>
  </si>
  <si>
    <t>81322.0</t>
  </si>
  <si>
    <t>616008.0</t>
  </si>
  <si>
    <t>502691.0</t>
  </si>
  <si>
    <t>113317.0</t>
  </si>
  <si>
    <t>17956.0</t>
  </si>
  <si>
    <t>79948.0</t>
  </si>
  <si>
    <t>659793.0</t>
  </si>
  <si>
    <t>516021.0</t>
  </si>
  <si>
    <t>143772.0</t>
  </si>
  <si>
    <t>43785.0</t>
  </si>
  <si>
    <t>700310.0</t>
  </si>
  <si>
    <t>529477.0</t>
  </si>
  <si>
    <t>745042.0</t>
  </si>
  <si>
    <t>543628.0</t>
  </si>
  <si>
    <t>201414.0</t>
  </si>
  <si>
    <t>30543.0</t>
  </si>
  <si>
    <t>791557.0</t>
  </si>
  <si>
    <t>559929.0</t>
  </si>
  <si>
    <t>231628.0</t>
  </si>
  <si>
    <t>834899.0</t>
  </si>
  <si>
    <t>578939.0</t>
  </si>
  <si>
    <t>255960.0</t>
  </si>
  <si>
    <t>878252.0</t>
  </si>
  <si>
    <t>597555.0</t>
  </si>
  <si>
    <t>280697.0</t>
  </si>
  <si>
    <t>43002.0</t>
  </si>
  <si>
    <t>918960.0</t>
  </si>
  <si>
    <t>615409.0</t>
  </si>
  <si>
    <t>303551.0</t>
  </si>
  <si>
    <t>951119.0</t>
  </si>
  <si>
    <t>632364.0</t>
  </si>
  <si>
    <t>318755.0</t>
  </si>
  <si>
    <t>32159.0</t>
  </si>
  <si>
    <t>981100.0</t>
  </si>
  <si>
    <t>648998.0</t>
  </si>
  <si>
    <t>332102.0</t>
  </si>
  <si>
    <t>1017854.0</t>
  </si>
  <si>
    <t>671883.0</t>
  </si>
  <si>
    <t>345971.0</t>
  </si>
  <si>
    <t>36754.0</t>
  </si>
  <si>
    <t>1057279.0</t>
  </si>
  <si>
    <t>697331.0</t>
  </si>
  <si>
    <t>359948.0</t>
  </si>
  <si>
    <t>37960.0</t>
  </si>
  <si>
    <t>1091110.0</t>
  </si>
  <si>
    <t>719900.0</t>
  </si>
  <si>
    <t>371209.0</t>
  </si>
  <si>
    <t>1123582.0</t>
  </si>
  <si>
    <t>741389.0</t>
  </si>
  <si>
    <t>382192.0</t>
  </si>
  <si>
    <t>20548.0</t>
  </si>
  <si>
    <t>1149668.0</t>
  </si>
  <si>
    <t>758677.0</t>
  </si>
  <si>
    <t>390990.0</t>
  </si>
  <si>
    <t>26086.0</t>
  </si>
  <si>
    <t>1173109.0</t>
  </si>
  <si>
    <t>773889.0</t>
  </si>
  <si>
    <t>399219.0</t>
  </si>
  <si>
    <t>31713.0</t>
  </si>
  <si>
    <t>1196659.0</t>
  </si>
  <si>
    <t>789281.0</t>
  </si>
  <si>
    <t>407377.0</t>
  </si>
  <si>
    <t>23550.0</t>
  </si>
  <si>
    <t>30794.0</t>
  </si>
  <si>
    <t>1222892.0</t>
  </si>
  <si>
    <t>806728.0</t>
  </si>
  <si>
    <t>416163.0</t>
  </si>
  <si>
    <t>29291.0</t>
  </si>
  <si>
    <t>1253082.0</t>
  </si>
  <si>
    <t>828258.0</t>
  </si>
  <si>
    <t>424823.0</t>
  </si>
  <si>
    <t>27972.0</t>
  </si>
  <si>
    <t>1275193.0</t>
  </si>
  <si>
    <t>842681.0</t>
  </si>
  <si>
    <t>432511.0</t>
  </si>
  <si>
    <t>22111.0</t>
  </si>
  <si>
    <t>26298.0</t>
  </si>
  <si>
    <t>1302216.0</t>
  </si>
  <si>
    <t>859938.0</t>
  </si>
  <si>
    <t>442277.0</t>
  </si>
  <si>
    <t>1326885.0</t>
  </si>
  <si>
    <t>872382.0</t>
  </si>
  <si>
    <t>454501.0</t>
  </si>
  <si>
    <t>24669.0</t>
  </si>
  <si>
    <t>1351769.0</t>
  </si>
  <si>
    <t>884170.0</t>
  </si>
  <si>
    <t>467597.0</t>
  </si>
  <si>
    <t>1377524.0</t>
  </si>
  <si>
    <t>897011.0</t>
  </si>
  <si>
    <t>480511.0</t>
  </si>
  <si>
    <t>25755.0</t>
  </si>
  <si>
    <t>14323480.0</t>
  </si>
  <si>
    <t>1911.179</t>
  </si>
  <si>
    <t>7692.3</t>
  </si>
  <si>
    <t>1413794.0</t>
  </si>
  <si>
    <t>916317.0</t>
  </si>
  <si>
    <t>497475.0</t>
  </si>
  <si>
    <t>36270.0</t>
  </si>
  <si>
    <t>27272.0</t>
  </si>
  <si>
    <t>200.564491565676</t>
  </si>
  <si>
    <t>85420.0</t>
  </si>
  <si>
    <t>11.398</t>
  </si>
  <si>
    <t>1454434.0</t>
  </si>
  <si>
    <t>936396.0</t>
  </si>
  <si>
    <t>518036.0</t>
  </si>
  <si>
    <t>28765.0</t>
  </si>
  <si>
    <t>90891.0</t>
  </si>
  <si>
    <t>12.128</t>
  </si>
  <si>
    <t>1491952.0</t>
  </si>
  <si>
    <t>952146.0</t>
  </si>
  <si>
    <t>539804.0</t>
  </si>
  <si>
    <t>37518.0</t>
  </si>
  <si>
    <t>1529675.0</t>
  </si>
  <si>
    <t>971936.0</t>
  </si>
  <si>
    <t>557737.0</t>
  </si>
  <si>
    <t>37723.0</t>
  </si>
  <si>
    <t>101835.0</t>
  </si>
  <si>
    <t>13.588</t>
  </si>
  <si>
    <t>1562858.0</t>
  </si>
  <si>
    <t>989767.0</t>
  </si>
  <si>
    <t>573089.0</t>
  </si>
  <si>
    <t>33710.0</t>
  </si>
  <si>
    <t>16769.0</t>
  </si>
  <si>
    <t>107306.0</t>
  </si>
  <si>
    <t>1593634.0</t>
  </si>
  <si>
    <t>1005427.0</t>
  </si>
  <si>
    <t>588205.0</t>
  </si>
  <si>
    <t>112778.0</t>
  </si>
  <si>
    <t>1624074.0</t>
  </si>
  <si>
    <t>602849.0</t>
  </si>
  <si>
    <t>35221.0</t>
  </si>
  <si>
    <t>15.778</t>
  </si>
  <si>
    <t>1662382.0</t>
  </si>
  <si>
    <t>1038367.0</t>
  </si>
  <si>
    <t>624013.0</t>
  </si>
  <si>
    <t>35513.0</t>
  </si>
  <si>
    <t>1704470.0</t>
  </si>
  <si>
    <t>1055519.0</t>
  </si>
  <si>
    <t>648949.0</t>
  </si>
  <si>
    <t>42088.0</t>
  </si>
  <si>
    <t>35719.0</t>
  </si>
  <si>
    <t>1741688.0</t>
  </si>
  <si>
    <t>1071459.0</t>
  </si>
  <si>
    <t>670227.0</t>
  </si>
  <si>
    <t>37218.0</t>
  </si>
  <si>
    <t>1776576.0</t>
  </si>
  <si>
    <t>1087202.0</t>
  </si>
  <si>
    <t>689372.0</t>
  </si>
  <si>
    <t>1805087.0</t>
  </si>
  <si>
    <t>1100426.0</t>
  </si>
  <si>
    <t>704659.0</t>
  </si>
  <si>
    <t>1830876.0</t>
  </si>
  <si>
    <t>1112093.0</t>
  </si>
  <si>
    <t>718781.0</t>
  </si>
  <si>
    <t>1856654.0</t>
  </si>
  <si>
    <t>1123395.0</t>
  </si>
  <si>
    <t>733257.0</t>
  </si>
  <si>
    <t>33226.0</t>
  </si>
  <si>
    <t>1888636.0</t>
  </si>
  <si>
    <t>1138070.0</t>
  </si>
  <si>
    <t>750564.0</t>
  </si>
  <si>
    <t>1926269.0</t>
  </si>
  <si>
    <t>1153974.0</t>
  </si>
  <si>
    <t>772293.0</t>
  </si>
  <si>
    <t>37633.0</t>
  </si>
  <si>
    <t>31686.0</t>
  </si>
  <si>
    <t>14065.0</t>
  </si>
  <si>
    <t>1955092.0</t>
  </si>
  <si>
    <t>1167863.0</t>
  </si>
  <si>
    <t>787227.0</t>
  </si>
  <si>
    <t>28823.0</t>
  </si>
  <si>
    <t>1984346.0</t>
  </si>
  <si>
    <t>1180440.0</t>
  </si>
  <si>
    <t>803904.0</t>
  </si>
  <si>
    <t>2010387.0</t>
  </si>
  <si>
    <t>1193630.0</t>
  </si>
  <si>
    <t>816755.0</t>
  </si>
  <si>
    <t>26041.0</t>
  </si>
  <si>
    <t>29329.0</t>
  </si>
  <si>
    <t>2026554.0</t>
  </si>
  <si>
    <t>1202373.0</t>
  </si>
  <si>
    <t>824179.0</t>
  </si>
  <si>
    <t>2050337.0</t>
  </si>
  <si>
    <t>1213128.0</t>
  </si>
  <si>
    <t>837207.0</t>
  </si>
  <si>
    <t>23783.0</t>
  </si>
  <si>
    <t>2081181.0</t>
  </si>
  <si>
    <t>1227138.0</t>
  </si>
  <si>
    <t>854041.0</t>
  </si>
  <si>
    <t>30844.0</t>
  </si>
  <si>
    <t>2117838.0</t>
  </si>
  <si>
    <t>1243002.0</t>
  </si>
  <si>
    <t>874834.0</t>
  </si>
  <si>
    <t>36657.0</t>
  </si>
  <si>
    <t>27367.0</t>
  </si>
  <si>
    <t>2146662.0</t>
  </si>
  <si>
    <t>1254798.0</t>
  </si>
  <si>
    <t>891862.0</t>
  </si>
  <si>
    <t>28824.0</t>
  </si>
  <si>
    <t>2175042.0</t>
  </si>
  <si>
    <t>1267446.0</t>
  </si>
  <si>
    <t>907594.0</t>
  </si>
  <si>
    <t>28380.0</t>
  </si>
  <si>
    <t>2200103.0</t>
  </si>
  <si>
    <t>1278566.0</t>
  </si>
  <si>
    <t>921535.0</t>
  </si>
  <si>
    <t>2224183.0</t>
  </si>
  <si>
    <t>1289777.0</t>
  </si>
  <si>
    <t>934403.0</t>
  </si>
  <si>
    <t>24080.0</t>
  </si>
  <si>
    <t>28233.0</t>
  </si>
  <si>
    <t>2250327.0</t>
  </si>
  <si>
    <t>1302550.0</t>
  </si>
  <si>
    <t>947774.0</t>
  </si>
  <si>
    <t>26144.0</t>
  </si>
  <si>
    <t>2286325.0</t>
  </si>
  <si>
    <t>1319749.0</t>
  </si>
  <si>
    <t>966573.0</t>
  </si>
  <si>
    <t>29306.0</t>
  </si>
  <si>
    <t>2328877.0</t>
  </si>
  <si>
    <t>1342216.0</t>
  </si>
  <si>
    <t>986658.0</t>
  </si>
  <si>
    <t>42552.0</t>
  </si>
  <si>
    <t>30148.0</t>
  </si>
  <si>
    <t>2364053.0</t>
  </si>
  <si>
    <t>1359368.0</t>
  </si>
  <si>
    <t>1004681.0</t>
  </si>
  <si>
    <t>35176.0</t>
  </si>
  <si>
    <t>17989217.0</t>
  </si>
  <si>
    <t>2400.298</t>
  </si>
  <si>
    <t>50000.0</t>
  </si>
  <si>
    <t>2400503.0</t>
  </si>
  <si>
    <t>1379456.0</t>
  </si>
  <si>
    <t>1021043.0</t>
  </si>
  <si>
    <t>36450.0</t>
  </si>
  <si>
    <t>212.84940050312</t>
  </si>
  <si>
    <t>111392.0</t>
  </si>
  <si>
    <t>2434067.0</t>
  </si>
  <si>
    <t>1399305.0</t>
  </si>
  <si>
    <t>1034758.0</t>
  </si>
  <si>
    <t>33564.0</t>
  </si>
  <si>
    <t>33423.0</t>
  </si>
  <si>
    <t>2466586.0</t>
  </si>
  <si>
    <t>1419122.0</t>
  </si>
  <si>
    <t>1047460.0</t>
  </si>
  <si>
    <t>32519.0</t>
  </si>
  <si>
    <t>34629.0</t>
  </si>
  <si>
    <t>18478.0</t>
  </si>
  <si>
    <t>97677.0</t>
  </si>
  <si>
    <t>2502784.0</t>
  </si>
  <si>
    <t>1442965.0</t>
  </si>
  <si>
    <t>1059814.0</t>
  </si>
  <si>
    <t>90819.0</t>
  </si>
  <si>
    <t>2547735.0</t>
  </si>
  <si>
    <t>1472109.0</t>
  </si>
  <si>
    <t>1075621.0</t>
  </si>
  <si>
    <t>44951.0</t>
  </si>
  <si>
    <t>21766.0</t>
  </si>
  <si>
    <t>83962.0</t>
  </si>
  <si>
    <t>11.203</t>
  </si>
  <si>
    <t>2598271.0</t>
  </si>
  <si>
    <t>1503592.0</t>
  </si>
  <si>
    <t>1094674.0</t>
  </si>
  <si>
    <t>50536.0</t>
  </si>
  <si>
    <t>38485.0</t>
  </si>
  <si>
    <t>23054.0</t>
  </si>
  <si>
    <t>77104.0</t>
  </si>
  <si>
    <t>10.288</t>
  </si>
  <si>
    <t>2637608.0</t>
  </si>
  <si>
    <t>1528146.0</t>
  </si>
  <si>
    <t>1109457.0</t>
  </si>
  <si>
    <t>39079.0</t>
  </si>
  <si>
    <t>70246.0</t>
  </si>
  <si>
    <t>2679730.0</t>
  </si>
  <si>
    <t>1557557.0</t>
  </si>
  <si>
    <t>1122168.0</t>
  </si>
  <si>
    <t>42122.0</t>
  </si>
  <si>
    <t>25443.0</t>
  </si>
  <si>
    <t>2716210.0</t>
  </si>
  <si>
    <t>1583973.0</t>
  </si>
  <si>
    <t>1132232.0</t>
  </si>
  <si>
    <t>36480.0</t>
  </si>
  <si>
    <t>40306.0</t>
  </si>
  <si>
    <t>26381.0</t>
  </si>
  <si>
    <t>2749076.0</t>
  </si>
  <si>
    <t>1608439.0</t>
  </si>
  <si>
    <t>1140632.0</t>
  </si>
  <si>
    <t>2787309.0</t>
  </si>
  <si>
    <t>1636523.0</t>
  </si>
  <si>
    <t>1150781.0</t>
  </si>
  <si>
    <t>40646.0</t>
  </si>
  <si>
    <t>27651.0</t>
  </si>
  <si>
    <t>2837743.0</t>
  </si>
  <si>
    <t>1671931.0</t>
  </si>
  <si>
    <t>1165807.0</t>
  </si>
  <si>
    <t>50434.0</t>
  </si>
  <si>
    <t>41430.0</t>
  </si>
  <si>
    <t>28546.0</t>
  </si>
  <si>
    <t>2891915.0</t>
  </si>
  <si>
    <t>1708055.0</t>
  </si>
  <si>
    <t>1183854.0</t>
  </si>
  <si>
    <t>54172.0</t>
  </si>
  <si>
    <t>2934415.0</t>
  </si>
  <si>
    <t>1738144.0</t>
  </si>
  <si>
    <t>1196265.0</t>
  </si>
  <si>
    <t>42500.0</t>
  </si>
  <si>
    <t>42401.0</t>
  </si>
  <si>
    <t>2964865.0</t>
  </si>
  <si>
    <t>1761594.0</t>
  </si>
  <si>
    <t>1203264.0</t>
  </si>
  <si>
    <t>40734.0</t>
  </si>
  <si>
    <t>3006387.0</t>
  </si>
  <si>
    <t>1790764.0</t>
  </si>
  <si>
    <t>1215616.0</t>
  </si>
  <si>
    <t>41522.0</t>
  </si>
  <si>
    <t>41454.0</t>
  </si>
  <si>
    <t>3041847.0</t>
  </si>
  <si>
    <t>1817954.0</t>
  </si>
  <si>
    <t>1223886.0</t>
  </si>
  <si>
    <t>35460.0</t>
  </si>
  <si>
    <t>41824.0</t>
  </si>
  <si>
    <t>3080750.0</t>
  </si>
  <si>
    <t>1847189.0</t>
  </si>
  <si>
    <t>1233554.0</t>
  </si>
  <si>
    <t>38903.0</t>
  </si>
  <si>
    <t>30095.0</t>
  </si>
  <si>
    <t>3131081.0</t>
  </si>
  <si>
    <t>1883022.0</t>
  </si>
  <si>
    <t>1248051.0</t>
  </si>
  <si>
    <t>30156.0</t>
  </si>
  <si>
    <t>3182732.0</t>
  </si>
  <si>
    <t>1916404.0</t>
  </si>
  <si>
    <t>1266320.0</t>
  </si>
  <si>
    <t>51651.0</t>
  </si>
  <si>
    <t>3220650.0</t>
  </si>
  <si>
    <t>1940433.0</t>
  </si>
  <si>
    <t>1280208.0</t>
  </si>
  <si>
    <t>37918.0</t>
  </si>
  <si>
    <t>3266654.0</t>
  </si>
  <si>
    <t>1970930.0</t>
  </si>
  <si>
    <t>1295715.0</t>
  </si>
  <si>
    <t>46004.0</t>
  </si>
  <si>
    <t>3307652.0</t>
  </si>
  <si>
    <t>1998732.0</t>
  </si>
  <si>
    <t>1308910.0</t>
  </si>
  <si>
    <t>40998.0</t>
  </si>
  <si>
    <t>43038.0</t>
  </si>
  <si>
    <t>3348335.0</t>
  </si>
  <si>
    <t>2026211.0</t>
  </si>
  <si>
    <t>1322114.0</t>
  </si>
  <si>
    <t>40683.0</t>
  </si>
  <si>
    <t>43784.0</t>
  </si>
  <si>
    <t>3394759.0</t>
  </si>
  <si>
    <t>2056858.0</t>
  </si>
  <si>
    <t>1337891.0</t>
  </si>
  <si>
    <t>3452700.0</t>
  </si>
  <si>
    <t>2092286.0</t>
  </si>
  <si>
    <t>1360404.0</t>
  </si>
  <si>
    <t>45946.0</t>
  </si>
  <si>
    <t>3511300.0</t>
  </si>
  <si>
    <t>2122645.0</t>
  </si>
  <si>
    <t>1388645.0</t>
  </si>
  <si>
    <t>46938.0</t>
  </si>
  <si>
    <t>3561505.0</t>
  </si>
  <si>
    <t>2150358.0</t>
  </si>
  <si>
    <t>1411137.0</t>
  </si>
  <si>
    <t>48694.0</t>
  </si>
  <si>
    <t>3612995.0</t>
  </si>
  <si>
    <t>2179645.0</t>
  </si>
  <si>
    <t>1433340.0</t>
  </si>
  <si>
    <t>49477.0</t>
  </si>
  <si>
    <t>3669066.0</t>
  </si>
  <si>
    <t>2212444.0</t>
  </si>
  <si>
    <t>1456612.0</t>
  </si>
  <si>
    <t>30530.0</t>
  </si>
  <si>
    <t>20096606.0</t>
  </si>
  <si>
    <t>2681.486</t>
  </si>
  <si>
    <t>3729385.0</t>
  </si>
  <si>
    <t>2249125.0</t>
  </si>
  <si>
    <t>1480250.0</t>
  </si>
  <si>
    <t>31845.0</t>
  </si>
  <si>
    <t>234.88211761919</t>
  </si>
  <si>
    <t>69627.0</t>
  </si>
  <si>
    <t>3776980.0</t>
  </si>
  <si>
    <t>2281795.0</t>
  </si>
  <si>
    <t>1495175.0</t>
  </si>
  <si>
    <t>54603.0</t>
  </si>
  <si>
    <t>32134.0</t>
  </si>
  <si>
    <t>69007.0</t>
  </si>
  <si>
    <t>3847094.0</t>
  </si>
  <si>
    <t>2316429.0</t>
  </si>
  <si>
    <t>1530655.0</t>
  </si>
  <si>
    <t>70114.0</t>
  </si>
  <si>
    <t>56342.0</t>
  </si>
  <si>
    <t>32020.0</t>
  </si>
  <si>
    <t>3908873.0</t>
  </si>
  <si>
    <t>2343638.0</t>
  </si>
  <si>
    <t>1565224.0</t>
  </si>
  <si>
    <t>61779.0</t>
  </si>
  <si>
    <t>56796.0</t>
  </si>
  <si>
    <t>67768.0</t>
  </si>
  <si>
    <t>3961822.0</t>
  </si>
  <si>
    <t>2370462.0</t>
  </si>
  <si>
    <t>1591348.0</t>
  </si>
  <si>
    <t>31443.0</t>
  </si>
  <si>
    <t>67148.0</t>
  </si>
  <si>
    <t>4026402.0</t>
  </si>
  <si>
    <t>2406832.0</t>
  </si>
  <si>
    <t>1619557.0</t>
  </si>
  <si>
    <t>64580.0</t>
  </si>
  <si>
    <t>59058.0</t>
  </si>
  <si>
    <t>66529.0</t>
  </si>
  <si>
    <t>4086260.0</t>
  </si>
  <si>
    <t>2440810.0</t>
  </si>
  <si>
    <t>1645436.0</t>
  </si>
  <si>
    <t>59858.0</t>
  </si>
  <si>
    <t>59599.0</t>
  </si>
  <si>
    <t>32624.0</t>
  </si>
  <si>
    <t>65909.0</t>
  </si>
  <si>
    <t>8.794</t>
  </si>
  <si>
    <t>4143534.0</t>
  </si>
  <si>
    <t>2473896.0</t>
  </si>
  <si>
    <t>1669624.0</t>
  </si>
  <si>
    <t>59164.0</t>
  </si>
  <si>
    <t>32110.0</t>
  </si>
  <si>
    <t>4207287.0</t>
  </si>
  <si>
    <t>2509245.0</t>
  </si>
  <si>
    <t>1698028.0</t>
  </si>
  <si>
    <t>63753.0</t>
  </si>
  <si>
    <t>61472.0</t>
  </si>
  <si>
    <t>8208.0</t>
  </si>
  <si>
    <t>32493.0</t>
  </si>
  <si>
    <t>4277534.0</t>
  </si>
  <si>
    <t>2541830.0</t>
  </si>
  <si>
    <t>1735690.0</t>
  </si>
  <si>
    <t>70247.0</t>
  </si>
  <si>
    <t>61491.0</t>
  </si>
  <si>
    <t>4341740.0</t>
  </si>
  <si>
    <t>2565238.0</t>
  </si>
  <si>
    <t>1776488.0</t>
  </si>
  <si>
    <t>64206.0</t>
  </si>
  <si>
    <t>31657.0</t>
  </si>
  <si>
    <t>4396780.0</t>
  </si>
  <si>
    <t>2591801.0</t>
  </si>
  <si>
    <t>1804965.0</t>
  </si>
  <si>
    <t>62137.0</t>
  </si>
  <si>
    <t>31620.0</t>
  </si>
  <si>
    <t>4458472.0</t>
  </si>
  <si>
    <t>2628642.0</t>
  </si>
  <si>
    <t>1829815.0</t>
  </si>
  <si>
    <t>61692.0</t>
  </si>
  <si>
    <t>61724.0</t>
  </si>
  <si>
    <t>2664637.0</t>
  </si>
  <si>
    <t>1853612.0</t>
  </si>
  <si>
    <t>59792.0</t>
  </si>
  <si>
    <t>31975.0</t>
  </si>
  <si>
    <t>4575564.0</t>
  </si>
  <si>
    <t>2698546.0</t>
  </si>
  <si>
    <t>1877003.0</t>
  </si>
  <si>
    <t>57300.0</t>
  </si>
  <si>
    <t>61719.0</t>
  </si>
  <si>
    <t>32093.0</t>
  </si>
  <si>
    <t>4638932.0</t>
  </si>
  <si>
    <t>2731327.0</t>
  </si>
  <si>
    <t>1907590.0</t>
  </si>
  <si>
    <t>63368.0</t>
  </si>
  <si>
    <t>4707922.0</t>
  </si>
  <si>
    <t>2763605.0</t>
  </si>
  <si>
    <t>1944299.0</t>
  </si>
  <si>
    <t>68990.0</t>
  </si>
  <si>
    <t>61484.0</t>
  </si>
  <si>
    <t>31682.0</t>
  </si>
  <si>
    <t>4771446.0</t>
  </si>
  <si>
    <t>2790270.0</t>
  </si>
  <si>
    <t>1981158.0</t>
  </si>
  <si>
    <t>63524.0</t>
  </si>
  <si>
    <t>4826692.0</t>
  </si>
  <si>
    <t>2816920.0</t>
  </si>
  <si>
    <t>2009754.0</t>
  </si>
  <si>
    <t>55246.0</t>
  </si>
  <si>
    <t>61416.0</t>
  </si>
  <si>
    <t>32160.0</t>
  </si>
  <si>
    <t>4891840.0</t>
  </si>
  <si>
    <t>2853327.0</t>
  </si>
  <si>
    <t>2038494.0</t>
  </si>
  <si>
    <t>32098.0</t>
  </si>
  <si>
    <t>4953542.0</t>
  </si>
  <si>
    <t>2888044.0</t>
  </si>
  <si>
    <t>2065479.0</t>
  </si>
  <si>
    <t>61702.0</t>
  </si>
  <si>
    <t>5014359.0</t>
  </si>
  <si>
    <t>2922522.0</t>
  </si>
  <si>
    <t>2091818.0</t>
  </si>
  <si>
    <t>62685.0</t>
  </si>
  <si>
    <t>31997.0</t>
  </si>
  <si>
    <t>5078625.0</t>
  </si>
  <si>
    <t>2955657.0</t>
  </si>
  <si>
    <t>2122948.0</t>
  </si>
  <si>
    <t>62813.0</t>
  </si>
  <si>
    <t>32047.0</t>
  </si>
  <si>
    <t>5149408.0</t>
  </si>
  <si>
    <t>2982535.0</t>
  </si>
  <si>
    <t>2166851.0</t>
  </si>
  <si>
    <t>70783.0</t>
  </si>
  <si>
    <t>63069.0</t>
  </si>
  <si>
    <t>5214027.0</t>
  </si>
  <si>
    <t>3006601.0</t>
  </si>
  <si>
    <t>2207402.0</t>
  </si>
  <si>
    <t>63226.0</t>
  </si>
  <si>
    <t>5270042.0</t>
  </si>
  <si>
    <t>3032077.0</t>
  </si>
  <si>
    <t>2237932.0</t>
  </si>
  <si>
    <t>56015.0</t>
  </si>
  <si>
    <t>63336.0</t>
  </si>
  <si>
    <t>30737.0</t>
  </si>
  <si>
    <t>5336681.0</t>
  </si>
  <si>
    <t>3065005.0</t>
  </si>
  <si>
    <t>2271642.0</t>
  </si>
  <si>
    <t>66639.0</t>
  </si>
  <si>
    <t>63549.0</t>
  </si>
  <si>
    <t>30240.0</t>
  </si>
  <si>
    <t>5401563.0</t>
  </si>
  <si>
    <t>3099548.0</t>
  </si>
  <si>
    <t>2301981.0</t>
  </si>
  <si>
    <t>64882.0</t>
  </si>
  <si>
    <t>64003.0</t>
  </si>
  <si>
    <t>5464781.0</t>
  </si>
  <si>
    <t>3132492.0</t>
  </si>
  <si>
    <t>2332255.0</t>
  </si>
  <si>
    <t>63218.0</t>
  </si>
  <si>
    <t>64346.0</t>
  </si>
  <si>
    <t>5527864.0</t>
  </si>
  <si>
    <t>3165627.0</t>
  </si>
  <si>
    <t>2362203.0</t>
  </si>
  <si>
    <t>63083.0</t>
  </si>
  <si>
    <t>64177.0</t>
  </si>
  <si>
    <t>5598158.0</t>
  </si>
  <si>
    <t>3197309.0</t>
  </si>
  <si>
    <t>2400813.0</t>
  </si>
  <si>
    <t>30682.0</t>
  </si>
  <si>
    <t>22139788.0</t>
  </si>
  <si>
    <t>2954.107</t>
  </si>
  <si>
    <t>33333.3</t>
  </si>
  <si>
    <t>5663185.0</t>
  </si>
  <si>
    <t>3227256.0</t>
  </si>
  <si>
    <t>2435893.0</t>
  </si>
  <si>
    <t>64165.0</t>
  </si>
  <si>
    <t>1890.2</t>
  </si>
  <si>
    <t>252.401466016937</t>
  </si>
  <si>
    <t>65231.0</t>
  </si>
  <si>
    <t>8.704</t>
  </si>
  <si>
    <t>5719059.0</t>
  </si>
  <si>
    <t>3256001.0</t>
  </si>
  <si>
    <t>2463014.0</t>
  </si>
  <si>
    <t>55874.0</t>
  </si>
  <si>
    <t>64145.0</t>
  </si>
  <si>
    <t>64552.0</t>
  </si>
  <si>
    <t>5788027.0</t>
  </si>
  <si>
    <t>3292437.0</t>
  </si>
  <si>
    <t>2495545.0</t>
  </si>
  <si>
    <t>32490.0</t>
  </si>
  <si>
    <t>63874.0</t>
  </si>
  <si>
    <t>5856945.0</t>
  </si>
  <si>
    <t>3330792.0</t>
  </si>
  <si>
    <t>2526108.0</t>
  </si>
  <si>
    <t>68918.0</t>
  </si>
  <si>
    <t>65055.0</t>
  </si>
  <si>
    <t>63195.0</t>
  </si>
  <si>
    <t>5922378.0</t>
  </si>
  <si>
    <t>3366000.0</t>
  </si>
  <si>
    <t>2556333.0</t>
  </si>
  <si>
    <t>65433.0</t>
  </si>
  <si>
    <t>65371.0</t>
  </si>
  <si>
    <t>33358.0</t>
  </si>
  <si>
    <t>62517.0</t>
  </si>
  <si>
    <t>5989572.0</t>
  </si>
  <si>
    <t>3401412.0</t>
  </si>
  <si>
    <t>2588114.0</t>
  </si>
  <si>
    <t>67194.0</t>
  </si>
  <si>
    <t>65958.0</t>
  </si>
  <si>
    <t>6060102.0</t>
  </si>
  <si>
    <t>3434110.0</t>
  </si>
  <si>
    <t>2625946.0</t>
  </si>
  <si>
    <t>61160.0</t>
  </si>
  <si>
    <t>6124790.0</t>
  </si>
  <si>
    <t>3463785.0</t>
  </si>
  <si>
    <t>2660959.0</t>
  </si>
  <si>
    <t>65944.0</t>
  </si>
  <si>
    <t>6180091.0</t>
  </si>
  <si>
    <t>3493802.0</t>
  </si>
  <si>
    <t>2686240.0</t>
  </si>
  <si>
    <t>65862.0</t>
  </si>
  <si>
    <t>33972.0</t>
  </si>
  <si>
    <t>6248803.0</t>
  </si>
  <si>
    <t>3528634.0</t>
  </si>
  <si>
    <t>2720119.0</t>
  </si>
  <si>
    <t>68712.0</t>
  </si>
  <si>
    <t>65825.0</t>
  </si>
  <si>
    <t>33742.0</t>
  </si>
  <si>
    <t>6315624.0</t>
  </si>
  <si>
    <t>3565399.0</t>
  </si>
  <si>
    <t>2750175.0</t>
  </si>
  <si>
    <t>33515.0</t>
  </si>
  <si>
    <t>6381115.0</t>
  </si>
  <si>
    <t>3601539.0</t>
  </si>
  <si>
    <t>2779525.0</t>
  </si>
  <si>
    <t>65491.0</t>
  </si>
  <si>
    <t>65534.0</t>
  </si>
  <si>
    <t>8751.0</t>
  </si>
  <si>
    <t>33648.0</t>
  </si>
  <si>
    <t>6447105.0</t>
  </si>
  <si>
    <t>3634687.0</t>
  </si>
  <si>
    <t>2812367.0</t>
  </si>
  <si>
    <t>65990.0</t>
  </si>
  <si>
    <t>33325.0</t>
  </si>
  <si>
    <t>6515622.0</t>
  </si>
  <si>
    <t>3668199.0</t>
  </si>
  <si>
    <t>2847370.0</t>
  </si>
  <si>
    <t>65074.0</t>
  </si>
  <si>
    <t>33441.0</t>
  </si>
  <si>
    <t>6579691.0</t>
  </si>
  <si>
    <t>3698606.0</t>
  </si>
  <si>
    <t>2881031.0</t>
  </si>
  <si>
    <t>64069.0</t>
  </si>
  <si>
    <t>64986.0</t>
  </si>
  <si>
    <t>33546.0</t>
  </si>
  <si>
    <t>6635038.0</t>
  </si>
  <si>
    <t>3728213.0</t>
  </si>
  <si>
    <t>2906771.0</t>
  </si>
  <si>
    <t>55347.0</t>
  </si>
  <si>
    <t>6700073.0</t>
  </si>
  <si>
    <t>3763628.0</t>
  </si>
  <si>
    <t>2936390.0</t>
  </si>
  <si>
    <t>64467.0</t>
  </si>
  <si>
    <t>6761588.0</t>
  </si>
  <si>
    <t>3797430.0</t>
  </si>
  <si>
    <t>2964101.0</t>
  </si>
  <si>
    <t>61515.0</t>
  </si>
  <si>
    <t>63709.0</t>
  </si>
  <si>
    <t>33147.0</t>
  </si>
  <si>
    <t>6821633.0</t>
  </si>
  <si>
    <t>3829759.0</t>
  </si>
  <si>
    <t>2991784.0</t>
  </si>
  <si>
    <t>60045.0</t>
  </si>
  <si>
    <t>62931.0</t>
  </si>
  <si>
    <t>32603.0</t>
  </si>
  <si>
    <t>6881191.0</t>
  </si>
  <si>
    <t>3858457.0</t>
  </si>
  <si>
    <t>3022643.0</t>
  </si>
  <si>
    <t>59558.0</t>
  </si>
  <si>
    <t>62012.0</t>
  </si>
  <si>
    <t>6944268.0</t>
  </si>
  <si>
    <t>3884723.0</t>
  </si>
  <si>
    <t>3059452.0</t>
  </si>
  <si>
    <t>61235.0</t>
  </si>
  <si>
    <t>30932.0</t>
  </si>
  <si>
    <t>7003919.0</t>
  </si>
  <si>
    <t>3906880.0</t>
  </si>
  <si>
    <t>3096942.0</t>
  </si>
  <si>
    <t>59651.0</t>
  </si>
  <si>
    <t>7054302.0</t>
  </si>
  <si>
    <t>3928908.0</t>
  </si>
  <si>
    <t>3125256.0</t>
  </si>
  <si>
    <t>50383.0</t>
  </si>
  <si>
    <t>59895.0</t>
  </si>
  <si>
    <t>7114060.0</t>
  </si>
  <si>
    <t>3955879.0</t>
  </si>
  <si>
    <t>3158044.0</t>
  </si>
  <si>
    <t>59141.0</t>
  </si>
  <si>
    <t>27464.0</t>
  </si>
  <si>
    <t>7171059.0</t>
  </si>
  <si>
    <t>3983092.0</t>
  </si>
  <si>
    <t>3187805.0</t>
  </si>
  <si>
    <t>58496.0</t>
  </si>
  <si>
    <t>26523.0</t>
  </si>
  <si>
    <t>7227411.0</t>
  </si>
  <si>
    <t>4008093.0</t>
  </si>
  <si>
    <t>3219155.0</t>
  </si>
  <si>
    <t>56352.0</t>
  </si>
  <si>
    <t>57968.0</t>
  </si>
  <si>
    <t>7288103.0</t>
  </si>
  <si>
    <t>4031760.0</t>
  </si>
  <si>
    <t>3256180.0</t>
  </si>
  <si>
    <t>60692.0</t>
  </si>
  <si>
    <t>58130.0</t>
  </si>
  <si>
    <t>7351196.0</t>
  </si>
  <si>
    <t>4055527.0</t>
  </si>
  <si>
    <t>3295506.0</t>
  </si>
  <si>
    <t>63093.0</t>
  </si>
  <si>
    <t>58133.0</t>
  </si>
  <si>
    <t>7412072.0</t>
  </si>
  <si>
    <t>4077594.0</t>
  </si>
  <si>
    <t>3334314.0</t>
  </si>
  <si>
    <t>60876.0</t>
  </si>
  <si>
    <t>58308.0</t>
  </si>
  <si>
    <t>98.97</t>
  </si>
  <si>
    <t>24388.0</t>
  </si>
  <si>
    <t>7463288.0</t>
  </si>
  <si>
    <t>4096383.0</t>
  </si>
  <si>
    <t>3366706.0</t>
  </si>
  <si>
    <t>58427.0</t>
  </si>
  <si>
    <t>99.66</t>
  </si>
  <si>
    <t>23925.0</t>
  </si>
  <si>
    <t>7527144.0</t>
  </si>
  <si>
    <t>4119673.0</t>
  </si>
  <si>
    <t>3407274.0</t>
  </si>
  <si>
    <t>63856.0</t>
  </si>
  <si>
    <t>59012.0</t>
  </si>
  <si>
    <t>24035755.0</t>
  </si>
  <si>
    <t>3207.086</t>
  </si>
  <si>
    <t>14285.7</t>
  </si>
  <si>
    <t>7588520.0</t>
  </si>
  <si>
    <t>4139935.0</t>
  </si>
  <si>
    <t>3448388.0</t>
  </si>
  <si>
    <t>59637.0</t>
  </si>
  <si>
    <t>22406.0</t>
  </si>
  <si>
    <t>273.339223858148</t>
  </si>
  <si>
    <t>7637849.0</t>
  </si>
  <si>
    <t>4161987.0</t>
  </si>
  <si>
    <t>49329.0</t>
  </si>
  <si>
    <t>58634.0</t>
  </si>
  <si>
    <t>7829.0</t>
  </si>
  <si>
    <t>59734.0</t>
  </si>
  <si>
    <t>7685667.0</t>
  </si>
  <si>
    <t>4182755.0</t>
  </si>
  <si>
    <t>3502715.0</t>
  </si>
  <si>
    <t>56795.0</t>
  </si>
  <si>
    <t>102.63</t>
  </si>
  <si>
    <t>21571.0</t>
  </si>
  <si>
    <t>7741890.0</t>
  </si>
  <si>
    <t>4205212.0</t>
  </si>
  <si>
    <t>3536481.0</t>
  </si>
  <si>
    <t>56223.0</t>
  </si>
  <si>
    <t>55813.0</t>
  </si>
  <si>
    <t>7799157.0</t>
  </si>
  <si>
    <t>4228145.0</t>
  </si>
  <si>
    <t>3570809.0</t>
  </si>
  <si>
    <t>57267.0</t>
  </si>
  <si>
    <t>55298.0</t>
  </si>
  <si>
    <t>57595.0</t>
  </si>
  <si>
    <t>7842537.0</t>
  </si>
  <si>
    <t>4244752.0</t>
  </si>
  <si>
    <t>3597553.0</t>
  </si>
  <si>
    <t>43380.0</t>
  </si>
  <si>
    <t>54178.0</t>
  </si>
  <si>
    <t>56882.0</t>
  </si>
  <si>
    <t>7887769.0</t>
  </si>
  <si>
    <t>4260161.0</t>
  </si>
  <si>
    <t>3627379.0</t>
  </si>
  <si>
    <t>45232.0</t>
  </si>
  <si>
    <t>51518.0</t>
  </si>
  <si>
    <t>105.33</t>
  </si>
  <si>
    <t>20070.0</t>
  </si>
  <si>
    <t>56169.0</t>
  </si>
  <si>
    <t>7927833.0</t>
  </si>
  <si>
    <t>4272729.0</t>
  </si>
  <si>
    <t>3654875.0</t>
  </si>
  <si>
    <t>40064.0</t>
  </si>
  <si>
    <t>105.86</t>
  </si>
  <si>
    <t>7967785.0</t>
  </si>
  <si>
    <t>4284801.0</t>
  </si>
  <si>
    <t>3682754.0</t>
  </si>
  <si>
    <t>17545.0</t>
  </si>
  <si>
    <t>8010616.0</t>
  </si>
  <si>
    <t>4298211.0</t>
  </si>
  <si>
    <t>3712175.0</t>
  </si>
  <si>
    <t>42831.0</t>
  </si>
  <si>
    <t>8062225.0</t>
  </si>
  <si>
    <t>4313521.0</t>
  </si>
  <si>
    <t>3748474.0</t>
  </si>
  <si>
    <t>51609.0</t>
  </si>
  <si>
    <t>45762.0</t>
  </si>
  <si>
    <t>15473.0</t>
  </si>
  <si>
    <t>8115760.0</t>
  </si>
  <si>
    <t>4329936.0</t>
  </si>
  <si>
    <t>3785594.0</t>
  </si>
  <si>
    <t>53535.0</t>
  </si>
  <si>
    <t>8152020.0</t>
  </si>
  <si>
    <t>3811573.0</t>
  </si>
  <si>
    <t>44212.0</t>
  </si>
  <si>
    <t>13638.0</t>
  </si>
  <si>
    <t>8188306.0</t>
  </si>
  <si>
    <t>4350738.0</t>
  </si>
  <si>
    <t>3837338.0</t>
  </si>
  <si>
    <t>36286.0</t>
  </si>
  <si>
    <t>42934.0</t>
  </si>
  <si>
    <t>8218259.0</t>
  </si>
  <si>
    <t>4359000.0</t>
  </si>
  <si>
    <t>3859025.0</t>
  </si>
  <si>
    <t>8247793.0</t>
  </si>
  <si>
    <t>4367261.0</t>
  </si>
  <si>
    <t>3880301.0</t>
  </si>
  <si>
    <t>29534.0</t>
  </si>
  <si>
    <t>40001.0</t>
  </si>
  <si>
    <t>8278677.0</t>
  </si>
  <si>
    <t>4376022.0</t>
  </si>
  <si>
    <t>3902384.0</t>
  </si>
  <si>
    <t>30884.0</t>
  </si>
  <si>
    <t>38294.0</t>
  </si>
  <si>
    <t>8316327.0</t>
  </si>
  <si>
    <t>4387205.0</t>
  </si>
  <si>
    <t>3928837.0</t>
  </si>
  <si>
    <t>36300.0</t>
  </si>
  <si>
    <t>8356840.0</t>
  </si>
  <si>
    <t>4398724.0</t>
  </si>
  <si>
    <t>3957829.0</t>
  </si>
  <si>
    <t>40513.0</t>
  </si>
  <si>
    <t>34440.0</t>
  </si>
  <si>
    <t>8380455.0</t>
  </si>
  <si>
    <t>4405049.0</t>
  </si>
  <si>
    <t>3975093.0</t>
  </si>
  <si>
    <t>32634.0</t>
  </si>
  <si>
    <t>8405349.0</t>
  </si>
  <si>
    <t>4412468.0</t>
  </si>
  <si>
    <t>3992572.0</t>
  </si>
  <si>
    <t>8423971.0</t>
  </si>
  <si>
    <t>4418021.0</t>
  </si>
  <si>
    <t>4005630.0</t>
  </si>
  <si>
    <t>29387.0</t>
  </si>
  <si>
    <t>8440532.0</t>
  </si>
  <si>
    <t>4422179.0</t>
  </si>
  <si>
    <t>4018033.0</t>
  </si>
  <si>
    <t>16561.0</t>
  </si>
  <si>
    <t>8474343.0</t>
  </si>
  <si>
    <t>4430261.0</t>
  </si>
  <si>
    <t>4043761.0</t>
  </si>
  <si>
    <t>33811.0</t>
  </si>
  <si>
    <t>113.16</t>
  </si>
  <si>
    <t>8511655.0</t>
  </si>
  <si>
    <t>4441250.0</t>
  </si>
  <si>
    <t>4070084.0</t>
  </si>
  <si>
    <t>37312.0</t>
  </si>
  <si>
    <t>27904.0</t>
  </si>
  <si>
    <t>113.66</t>
  </si>
  <si>
    <t>8550756.0</t>
  </si>
  <si>
    <t>4451349.0</t>
  </si>
  <si>
    <t>4099086.0</t>
  </si>
  <si>
    <t>39101.0</t>
  </si>
  <si>
    <t>8574403.0</t>
  </si>
  <si>
    <t>4457273.0</t>
  </si>
  <si>
    <t>4116809.0</t>
  </si>
  <si>
    <t>8601152.0</t>
  </si>
  <si>
    <t>4465699.0</t>
  </si>
  <si>
    <t>4135123.0</t>
  </si>
  <si>
    <t>26749.0</t>
  </si>
  <si>
    <t>8623095.0</t>
  </si>
  <si>
    <t>4472772.0</t>
  </si>
  <si>
    <t>4149991.0</t>
  </si>
  <si>
    <t>115.15</t>
  </si>
  <si>
    <t>8646728.0</t>
  </si>
  <si>
    <t>4480558.0</t>
  </si>
  <si>
    <t>4165838.0</t>
  </si>
  <si>
    <t>23633.0</t>
  </si>
  <si>
    <t>29457.0</t>
  </si>
  <si>
    <t>25720830.0</t>
  </si>
  <si>
    <t>3431.925</t>
  </si>
  <si>
    <t>16666.7</t>
  </si>
  <si>
    <t>8677021.0</t>
  </si>
  <si>
    <t>4492448.0</t>
  </si>
  <si>
    <t>4184239.0</t>
  </si>
  <si>
    <t>28954.0</t>
  </si>
  <si>
    <t>115.87</t>
  </si>
  <si>
    <t>2220.2</t>
  </si>
  <si>
    <t>296.466900249077</t>
  </si>
  <si>
    <t>54320.0</t>
  </si>
  <si>
    <t>8692615.0</t>
  </si>
  <si>
    <t>4497910.0</t>
  </si>
  <si>
    <t>4194371.0</t>
  </si>
  <si>
    <t>25851.0</t>
  </si>
  <si>
    <t>52471.0</t>
  </si>
  <si>
    <t>8715278.0</t>
  </si>
  <si>
    <t>4503516.0</t>
  </si>
  <si>
    <t>4211428.0</t>
  </si>
  <si>
    <t>116.38</t>
  </si>
  <si>
    <t>50622.0</t>
  </si>
  <si>
    <t>8728032.0</t>
  </si>
  <si>
    <t>4506922.0</t>
  </si>
  <si>
    <t>4220776.0</t>
  </si>
  <si>
    <t>8745744.0</t>
  </si>
  <si>
    <t>4512343.0</t>
  </si>
  <si>
    <t>46924.0</t>
  </si>
  <si>
    <t>8759769.0</t>
  </si>
  <si>
    <t>4517498.0</t>
  </si>
  <si>
    <t>4241935.0</t>
  </si>
  <si>
    <t>8772339.0</t>
  </si>
  <si>
    <t>4521836.0</t>
  </si>
  <si>
    <t>4250166.0</t>
  </si>
  <si>
    <t>117.14</t>
  </si>
  <si>
    <t>8786290.0</t>
  </si>
  <si>
    <t>4526537.0</t>
  </si>
  <si>
    <t>4259416.0</t>
  </si>
  <si>
    <t>8801659.0</t>
  </si>
  <si>
    <t>4530966.0</t>
  </si>
  <si>
    <t>4270356.0</t>
  </si>
  <si>
    <t>8801728.0</t>
  </si>
  <si>
    <t>4530992.0</t>
  </si>
  <si>
    <t>4270399.0</t>
  </si>
  <si>
    <t>8820379.0</t>
  </si>
  <si>
    <t>4535292.0</t>
  </si>
  <si>
    <t>4284695.0</t>
  </si>
  <si>
    <t>117.78</t>
  </si>
  <si>
    <t>8835728.0</t>
  </si>
  <si>
    <t>4540727.0</t>
  </si>
  <si>
    <t>4294616.0</t>
  </si>
  <si>
    <t>8844239.0</t>
  </si>
  <si>
    <t>4543554.0</t>
  </si>
  <si>
    <t>4300300.0</t>
  </si>
  <si>
    <t>8855823.0</t>
  </si>
  <si>
    <t>4546930.0</t>
  </si>
  <si>
    <t>4308508.0</t>
  </si>
  <si>
    <t>8875317.0</t>
  </si>
  <si>
    <t>4552475.0</t>
  </si>
  <si>
    <t>4322456.0</t>
  </si>
  <si>
    <t>19494.0</t>
  </si>
  <si>
    <t>8893829.0</t>
  </si>
  <si>
    <t>4558632.0</t>
  </si>
  <si>
    <t>4334811.0</t>
  </si>
  <si>
    <t>8902011.0</t>
  </si>
  <si>
    <t>4561220.0</t>
  </si>
  <si>
    <t>4340404.0</t>
  </si>
  <si>
    <t>8914296.0</t>
  </si>
  <si>
    <t>4565860.0</t>
  </si>
  <si>
    <t>4348040.0</t>
  </si>
  <si>
    <t>8923664.0</t>
  </si>
  <si>
    <t>4569891.0</t>
  </si>
  <si>
    <t>4353363.0</t>
  </si>
  <si>
    <t>8931820.0</t>
  </si>
  <si>
    <t>4573362.0</t>
  </si>
  <si>
    <t>4358036.0</t>
  </si>
  <si>
    <t>11684.0</t>
  </si>
  <si>
    <t>119.27</t>
  </si>
  <si>
    <t>8943320.0</t>
  </si>
  <si>
    <t>4577452.0</t>
  </si>
  <si>
    <t>4365432.0</t>
  </si>
  <si>
    <t>8958337.0</t>
  </si>
  <si>
    <t>4583072.0</t>
  </si>
  <si>
    <t>4374825.0</t>
  </si>
  <si>
    <t>8972437.0</t>
  </si>
  <si>
    <t>4587595.0</t>
  </si>
  <si>
    <t>4384393.0</t>
  </si>
  <si>
    <t>8979483.0</t>
  </si>
  <si>
    <t>4590096.0</t>
  </si>
  <si>
    <t>4388909.0</t>
  </si>
  <si>
    <t>8990370.0</t>
  </si>
  <si>
    <t>4593910.0</t>
  </si>
  <si>
    <t>4395883.0</t>
  </si>
  <si>
    <t>9000009.0</t>
  </si>
  <si>
    <t>4402056.0</t>
  </si>
  <si>
    <t>9008596.0</t>
  </si>
  <si>
    <t>4600946.0</t>
  </si>
  <si>
    <t>4407024.0</t>
  </si>
  <si>
    <t>120.29</t>
  </si>
  <si>
    <t>9018496.0</t>
  </si>
  <si>
    <t>4604846.0</t>
  </si>
  <si>
    <t>4412918.0</t>
  </si>
  <si>
    <t>120.43</t>
  </si>
  <si>
    <t>9028420.0</t>
  </si>
  <si>
    <t>4609897.0</t>
  </si>
  <si>
    <t>4417783.0</t>
  </si>
  <si>
    <t>9037488.0</t>
  </si>
  <si>
    <t>4614817.0</t>
  </si>
  <si>
    <t>4421914.0</t>
  </si>
  <si>
    <t>120.68</t>
  </si>
  <si>
    <t>27060838.0</t>
  </si>
  <si>
    <t>3610.722</t>
  </si>
  <si>
    <t>9043790.0</t>
  </si>
  <si>
    <t>4617563.0</t>
  </si>
  <si>
    <t>4425467.0</t>
  </si>
  <si>
    <t>2502.4</t>
  </si>
  <si>
    <t>334.1495230985</t>
  </si>
  <si>
    <t>9052208.0</t>
  </si>
  <si>
    <t>4621451.0</t>
  </si>
  <si>
    <t>4429973.0</t>
  </si>
  <si>
    <t>120.88</t>
  </si>
  <si>
    <t>9059753.0</t>
  </si>
  <si>
    <t>4625399.0</t>
  </si>
  <si>
    <t>4433553.0</t>
  </si>
  <si>
    <t>9062552.0</t>
  </si>
  <si>
    <t>4626797.0</t>
  </si>
  <si>
    <t>4434954.0</t>
  </si>
  <si>
    <t>47604.0</t>
  </si>
  <si>
    <t>9071097.0</t>
  </si>
  <si>
    <t>4631297.0</t>
  </si>
  <si>
    <t>4438975.0</t>
  </si>
  <si>
    <t>9080781.0</t>
  </si>
  <si>
    <t>4636411.0</t>
  </si>
  <si>
    <t>4443535.0</t>
  </si>
  <si>
    <t>9091378.0</t>
  </si>
  <si>
    <t>4642089.0</t>
  </si>
  <si>
    <t>4448451.0</t>
  </si>
  <si>
    <t>9097698.0</t>
  </si>
  <si>
    <t>4645334.0</t>
  </si>
  <si>
    <t>4451526.0</t>
  </si>
  <si>
    <t>9106208.0</t>
  </si>
  <si>
    <t>4649441.0</t>
  </si>
  <si>
    <t>4455910.0</t>
  </si>
  <si>
    <t>9113379.0</t>
  </si>
  <si>
    <t>4653289.0</t>
  </si>
  <si>
    <t>4459215.0</t>
  </si>
  <si>
    <t>9115303.0</t>
  </si>
  <si>
    <t>4654587.0</t>
  </si>
  <si>
    <t>4459841.0</t>
  </si>
  <si>
    <t>9139649.0</t>
  </si>
  <si>
    <t>4658735.0</t>
  </si>
  <si>
    <t>4463168.0</t>
  </si>
  <si>
    <t>17746.0</t>
  </si>
  <si>
    <t>122.04</t>
  </si>
  <si>
    <t>9159523.0</t>
  </si>
  <si>
    <t>4664227.0</t>
  </si>
  <si>
    <t>4467452.0</t>
  </si>
  <si>
    <t>9180483.0</t>
  </si>
  <si>
    <t>4669954.0</t>
  </si>
  <si>
    <t>4472949.0</t>
  </si>
  <si>
    <t>37580.0</t>
  </si>
  <si>
    <t>20960.0</t>
  </si>
  <si>
    <t>9192193.0</t>
  </si>
  <si>
    <t>4673236.0</t>
  </si>
  <si>
    <t>4475570.0</t>
  </si>
  <si>
    <t>9207276.0</t>
  </si>
  <si>
    <t>4677485.0</t>
  </si>
  <si>
    <t>4479275.0</t>
  </si>
  <si>
    <t>50516.0</t>
  </si>
  <si>
    <t>122.95</t>
  </si>
  <si>
    <t>9221217.0</t>
  </si>
  <si>
    <t>4681762.0</t>
  </si>
  <si>
    <t>4482731.0</t>
  </si>
  <si>
    <t>56724.0</t>
  </si>
  <si>
    <t>123.13</t>
  </si>
  <si>
    <t>9225358.0</t>
  </si>
  <si>
    <t>4683167.0</t>
  </si>
  <si>
    <t>4484065.0</t>
  </si>
  <si>
    <t>58126.0</t>
  </si>
  <si>
    <t>9242044.0</t>
  </si>
  <si>
    <t>4688594.0</t>
  </si>
  <si>
    <t>4488762.0</t>
  </si>
  <si>
    <t>123.41</t>
  </si>
  <si>
    <t>9258695.0</t>
  </si>
  <si>
    <t>4694442.0</t>
  </si>
  <si>
    <t>4493460.0</t>
  </si>
  <si>
    <t>70793.0</t>
  </si>
  <si>
    <t>16651.0</t>
  </si>
  <si>
    <t>9276437.0</t>
  </si>
  <si>
    <t>4701069.0</t>
  </si>
  <si>
    <t>4498380.0</t>
  </si>
  <si>
    <t>76988.0</t>
  </si>
  <si>
    <t>123.87</t>
  </si>
  <si>
    <t>9287180.0</t>
  </si>
  <si>
    <t>4704794.0</t>
  </si>
  <si>
    <t>4501188.0</t>
  </si>
  <si>
    <t>124.01</t>
  </si>
  <si>
    <t>9301528.0</t>
  </si>
  <si>
    <t>4709217.0</t>
  </si>
  <si>
    <t>4504852.0</t>
  </si>
  <si>
    <t>9318621.0</t>
  </si>
  <si>
    <t>4713316.0</t>
  </si>
  <si>
    <t>4508387.0</t>
  </si>
  <si>
    <t>96918.0</t>
  </si>
  <si>
    <t>13915.0</t>
  </si>
  <si>
    <t>9324135.0</t>
  </si>
  <si>
    <t>4714885.0</t>
  </si>
  <si>
    <t>4509692.0</t>
  </si>
  <si>
    <t>99558.0</t>
  </si>
  <si>
    <t>9346023.0</t>
  </si>
  <si>
    <t>4720619.0</t>
  </si>
  <si>
    <t>4513918.0</t>
  </si>
  <si>
    <t>111486.0</t>
  </si>
  <si>
    <t>9368258.0</t>
  </si>
  <si>
    <t>4727361.0</t>
  </si>
  <si>
    <t>4518299.0</t>
  </si>
  <si>
    <t>9394932.0</t>
  </si>
  <si>
    <t>4735709.0</t>
  </si>
  <si>
    <t>4523646.0</t>
  </si>
  <si>
    <t>135577.0</t>
  </si>
  <si>
    <t>26674.0</t>
  </si>
  <si>
    <t>9414609.0</t>
  </si>
  <si>
    <t>4741381.0</t>
  </si>
  <si>
    <t>4526844.0</t>
  </si>
  <si>
    <t>146384.0</t>
  </si>
  <si>
    <t>125.71</t>
  </si>
  <si>
    <t>9436385.0</t>
  </si>
  <si>
    <t>4748531.0</t>
  </si>
  <si>
    <t>4530772.0</t>
  </si>
  <si>
    <t>157082.0</t>
  </si>
  <si>
    <t>21776.0</t>
  </si>
  <si>
    <t>126.01</t>
  </si>
  <si>
    <t>28587474.0</t>
  </si>
  <si>
    <t>3814.421</t>
  </si>
  <si>
    <t>9457661.0</t>
  </si>
  <si>
    <t>4756024.0</t>
  </si>
  <si>
    <t>4534511.0</t>
  </si>
  <si>
    <t>167126.0</t>
  </si>
  <si>
    <t>21276.0</t>
  </si>
  <si>
    <t>2892.2</t>
  </si>
  <si>
    <t>386.200148139978</t>
  </si>
  <si>
    <t>6.867</t>
  </si>
  <si>
    <t>9463596.0</t>
  </si>
  <si>
    <t>4758093.0</t>
  </si>
  <si>
    <t>4535849.0</t>
  </si>
  <si>
    <t>169654.0</t>
  </si>
  <si>
    <t>52035.0</t>
  </si>
  <si>
    <t>9482880.0</t>
  </si>
  <si>
    <t>4763211.0</t>
  </si>
  <si>
    <t>4539682.0</t>
  </si>
  <si>
    <t>179987.0</t>
  </si>
  <si>
    <t>19551.0</t>
  </si>
  <si>
    <t>52609.0</t>
  </si>
  <si>
    <t>9503394.0</t>
  </si>
  <si>
    <t>4769796.0</t>
  </si>
  <si>
    <t>4544245.0</t>
  </si>
  <si>
    <t>189353.0</t>
  </si>
  <si>
    <t>19305.0</t>
  </si>
  <si>
    <t>7.096</t>
  </si>
  <si>
    <t>9525274.0</t>
  </si>
  <si>
    <t>4776227.0</t>
  </si>
  <si>
    <t>4549392.0</t>
  </si>
  <si>
    <t>199655.0</t>
  </si>
  <si>
    <t>18620.0</t>
  </si>
  <si>
    <t>127.19</t>
  </si>
  <si>
    <t>53756.0</t>
  </si>
  <si>
    <t>9540523.0</t>
  </si>
  <si>
    <t>4780166.0</t>
  </si>
  <si>
    <t>4552593.0</t>
  </si>
  <si>
    <t>207764.0</t>
  </si>
  <si>
    <t>17988.0</t>
  </si>
  <si>
    <t>54330.0</t>
  </si>
  <si>
    <t>9557467.0</t>
  </si>
  <si>
    <t>4784982.0</t>
  </si>
  <si>
    <t>4556444.0</t>
  </si>
  <si>
    <t>216041.0</t>
  </si>
  <si>
    <t>54904.0</t>
  </si>
  <si>
    <t>7.326</t>
  </si>
  <si>
    <t>9573665.0</t>
  </si>
  <si>
    <t>4789621.0</t>
  </si>
  <si>
    <t>4559889.0</t>
  </si>
  <si>
    <t>224155.0</t>
  </si>
  <si>
    <t>16198.0</t>
  </si>
  <si>
    <t>9579395.0</t>
  </si>
  <si>
    <t>4791725.0</t>
  </si>
  <si>
    <t>4561197.0</t>
  </si>
  <si>
    <t>226473.0</t>
  </si>
  <si>
    <t>16543.0</t>
  </si>
  <si>
    <t>9597160.0</t>
  </si>
  <si>
    <t>4796403.0</t>
  </si>
  <si>
    <t>4565425.0</t>
  </si>
  <si>
    <t>235332.0</t>
  </si>
  <si>
    <t>9615055.0</t>
  </si>
  <si>
    <t>4801588.0</t>
  </si>
  <si>
    <t>4570298.0</t>
  </si>
  <si>
    <t>243169.0</t>
  </si>
  <si>
    <t>9634529.0</t>
  </si>
  <si>
    <t>4806779.0</t>
  </si>
  <si>
    <t>4576034.0</t>
  </si>
  <si>
    <t>251716.0</t>
  </si>
  <si>
    <t>9647889.0</t>
  </si>
  <si>
    <t>4809791.0</t>
  </si>
  <si>
    <t>4579461.0</t>
  </si>
  <si>
    <t>258637.0</t>
  </si>
  <si>
    <t>9663663.0</t>
  </si>
  <si>
    <t>4813640.0</t>
  </si>
  <si>
    <t>4583387.0</t>
  </si>
  <si>
    <t>266636.0</t>
  </si>
  <si>
    <t>9678199.0</t>
  </si>
  <si>
    <t>4817221.0</t>
  </si>
  <si>
    <t>4586953.0</t>
  </si>
  <si>
    <t>274025.0</t>
  </si>
  <si>
    <t>9683671.0</t>
  </si>
  <si>
    <t>4818983.0</t>
  </si>
  <si>
    <t>4588313.0</t>
  </si>
  <si>
    <t>129.31</t>
  </si>
  <si>
    <t>9701901.0</t>
  </si>
  <si>
    <t>4823262.0</t>
  </si>
  <si>
    <t>4592973.0</t>
  </si>
  <si>
    <t>285666.0</t>
  </si>
  <si>
    <t>18230.0</t>
  </si>
  <si>
    <t>9719242.0</t>
  </si>
  <si>
    <t>4827576.0</t>
  </si>
  <si>
    <t>4598147.0</t>
  </si>
  <si>
    <t>293519.0</t>
  </si>
  <si>
    <t>129.78</t>
  </si>
  <si>
    <t>9737958.0</t>
  </si>
  <si>
    <t>4831763.0</t>
  </si>
  <si>
    <t>4604595.0</t>
  </si>
  <si>
    <t>301600.0</t>
  </si>
  <si>
    <t>9751729.0</t>
  </si>
  <si>
    <t>4834309.0</t>
  </si>
  <si>
    <t>4609185.0</t>
  </si>
  <si>
    <t>9766693.0</t>
  </si>
  <si>
    <t>4837467.0</t>
  </si>
  <si>
    <t>4614010.0</t>
  </si>
  <si>
    <t>315216.0</t>
  </si>
  <si>
    <t>9779190.0</t>
  </si>
  <si>
    <t>4840366.0</t>
  </si>
  <si>
    <t>4618046.0</t>
  </si>
  <si>
    <t>320778.0</t>
  </si>
  <si>
    <t>14427.0</t>
  </si>
  <si>
    <t>9784939.0</t>
  </si>
  <si>
    <t>4842199.0</t>
  </si>
  <si>
    <t>4619780.0</t>
  </si>
  <si>
    <t>322960.0</t>
  </si>
  <si>
    <t>9803573.0</t>
  </si>
  <si>
    <t>4847168.0</t>
  </si>
  <si>
    <t>4624865.0</t>
  </si>
  <si>
    <t>331540.0</t>
  </si>
  <si>
    <t>18634.0</t>
  </si>
  <si>
    <t>9818937.0</t>
  </si>
  <si>
    <t>4851199.0</t>
  </si>
  <si>
    <t>4629170.0</t>
  </si>
  <si>
    <t>338568.0</t>
  </si>
  <si>
    <t>15364.0</t>
  </si>
  <si>
    <t>9832051.0</t>
  </si>
  <si>
    <t>4854082.0</t>
  </si>
  <si>
    <t>4632850.0</t>
  </si>
  <si>
    <t>345119.0</t>
  </si>
  <si>
    <t>9843926.0</t>
  </si>
  <si>
    <t>4856443.0</t>
  </si>
  <si>
    <t>4636625.0</t>
  </si>
  <si>
    <t>350858.0</t>
  </si>
  <si>
    <t>131.45</t>
  </si>
  <si>
    <t>9855573.0</t>
  </si>
  <si>
    <t>4858517.0</t>
  </si>
  <si>
    <t>4640818.0</t>
  </si>
  <si>
    <t>131.6</t>
  </si>
  <si>
    <t>9878622.0</t>
  </si>
  <si>
    <t>4863058.0</t>
  </si>
  <si>
    <t>4648966.0</t>
  </si>
  <si>
    <t>366598.0</t>
  </si>
  <si>
    <t>9886854.0</t>
  </si>
  <si>
    <t>4865428.0</t>
  </si>
  <si>
    <t>4651796.0</t>
  </si>
  <si>
    <t>369630.0</t>
  </si>
  <si>
    <t>9907307.0</t>
  </si>
  <si>
    <t>4871048.0</t>
  </si>
  <si>
    <t>4657027.0</t>
  </si>
  <si>
    <t>379232.0</t>
  </si>
  <si>
    <t>132.29</t>
  </si>
  <si>
    <t>30289486.0</t>
  </si>
  <si>
    <t>4041.52</t>
  </si>
  <si>
    <t>9925510.0</t>
  </si>
  <si>
    <t>4876277.0</t>
  </si>
  <si>
    <t>4662017.0</t>
  </si>
  <si>
    <t>387216.0</t>
  </si>
  <si>
    <t>18203.0</t>
  </si>
  <si>
    <t>428.102370146176</t>
  </si>
  <si>
    <t>66897.0</t>
  </si>
  <si>
    <t>9943848.0</t>
  </si>
  <si>
    <t>4883414.0</t>
  </si>
  <si>
    <t>4665204.0</t>
  </si>
  <si>
    <t>395230.0</t>
  </si>
  <si>
    <t>18338.0</t>
  </si>
  <si>
    <t>78891.0</t>
  </si>
  <si>
    <t>9965754.0</t>
  </si>
  <si>
    <t>4890981.0</t>
  </si>
  <si>
    <t>4668846.0</t>
  </si>
  <si>
    <t>405927.0</t>
  </si>
  <si>
    <t>90885.0</t>
  </si>
  <si>
    <t>10004595.0</t>
  </si>
  <si>
    <t>4908908.0</t>
  </si>
  <si>
    <t>4674159.0</t>
  </si>
  <si>
    <t>421528.0</t>
  </si>
  <si>
    <t>38841.0</t>
  </si>
  <si>
    <t>102879.0</t>
  </si>
  <si>
    <t>10043697.0</t>
  </si>
  <si>
    <t>4927094.0</t>
  </si>
  <si>
    <t>4678482.0</t>
  </si>
  <si>
    <t>438121.0</t>
  </si>
  <si>
    <t>39102.0</t>
  </si>
  <si>
    <t>114872.0</t>
  </si>
  <si>
    <t>15.327</t>
  </si>
  <si>
    <t>10082335.0</t>
  </si>
  <si>
    <t>4945350.0</t>
  </si>
  <si>
    <t>4681104.0</t>
  </si>
  <si>
    <t>455881.0</t>
  </si>
  <si>
    <t>27926.0</t>
  </si>
  <si>
    <t>126866.0</t>
  </si>
  <si>
    <t>10123870.0</t>
  </si>
  <si>
    <t>4963581.0</t>
  </si>
  <si>
    <t>4685747.0</t>
  </si>
  <si>
    <t>474542.0</t>
  </si>
  <si>
    <t>30938.0</t>
  </si>
  <si>
    <t>138860.0</t>
  </si>
  <si>
    <t>18.528</t>
  </si>
  <si>
    <t>10169000.0</t>
  </si>
  <si>
    <t>4984435.0</t>
  </si>
  <si>
    <t>4690969.0</t>
  </si>
  <si>
    <t>493596.0</t>
  </si>
  <si>
    <t>45130.0</t>
  </si>
  <si>
    <t>34784.0</t>
  </si>
  <si>
    <t>135.79</t>
  </si>
  <si>
    <t>10205844.0</t>
  </si>
  <si>
    <t>5000936.0</t>
  </si>
  <si>
    <t>4696385.0</t>
  </si>
  <si>
    <t>508523.0</t>
  </si>
  <si>
    <t>10233932.0</t>
  </si>
  <si>
    <t>5011900.0</t>
  </si>
  <si>
    <t>4699312.0</t>
  </si>
  <si>
    <t>522720.0</t>
  </si>
  <si>
    <t>17274.0</t>
  </si>
  <si>
    <t>10278879.0</t>
  </si>
  <si>
    <t>5031639.0</t>
  </si>
  <si>
    <t>4703075.0</t>
  </si>
  <si>
    <t>544165.0</t>
  </si>
  <si>
    <t>44947.0</t>
  </si>
  <si>
    <t>17533.0</t>
  </si>
  <si>
    <t>10322345.0</t>
  </si>
  <si>
    <t>5050767.0</t>
  </si>
  <si>
    <t>4706573.0</t>
  </si>
  <si>
    <t>565005.0</t>
  </si>
  <si>
    <t>137.84</t>
  </si>
  <si>
    <t>10362893.0</t>
  </si>
  <si>
    <t>5068866.0</t>
  </si>
  <si>
    <t>4708809.0</t>
  </si>
  <si>
    <t>585218.0</t>
  </si>
  <si>
    <t>40080.0</t>
  </si>
  <si>
    <t>17645.0</t>
  </si>
  <si>
    <t>10406197.0</t>
  </si>
  <si>
    <t>5086739.0</t>
  </si>
  <si>
    <t>4712939.0</t>
  </si>
  <si>
    <t>606519.0</t>
  </si>
  <si>
    <t>40332.0</t>
  </si>
  <si>
    <t>10451093.0</t>
  </si>
  <si>
    <t>5106860.0</t>
  </si>
  <si>
    <t>4717365.0</t>
  </si>
  <si>
    <t>626868.0</t>
  </si>
  <si>
    <t>44896.0</t>
  </si>
  <si>
    <t>40299.0</t>
  </si>
  <si>
    <t>10486633.0</t>
  </si>
  <si>
    <t>5122902.0</t>
  </si>
  <si>
    <t>4721569.0</t>
  </si>
  <si>
    <t>642162.0</t>
  </si>
  <si>
    <t>35540.0</t>
  </si>
  <si>
    <t>10513856.0</t>
  </si>
  <si>
    <t>5132985.0</t>
  </si>
  <si>
    <t>4724246.0</t>
  </si>
  <si>
    <t>656625.0</t>
  </si>
  <si>
    <t>140.39</t>
  </si>
  <si>
    <t>10554382.0</t>
  </si>
  <si>
    <t>5150099.0</t>
  </si>
  <si>
    <t>4727070.0</t>
  </si>
  <si>
    <t>677213.0</t>
  </si>
  <si>
    <t>40526.0</t>
  </si>
  <si>
    <t>140.93</t>
  </si>
  <si>
    <t>16923.0</t>
  </si>
  <si>
    <t>10593136.0</t>
  </si>
  <si>
    <t>5165825.0</t>
  </si>
  <si>
    <t>4730235.0</t>
  </si>
  <si>
    <t>697076.0</t>
  </si>
  <si>
    <t>38684.0</t>
  </si>
  <si>
    <t>141.45</t>
  </si>
  <si>
    <t>10630503.0</t>
  </si>
  <si>
    <t>5181372.0</t>
  </si>
  <si>
    <t>4732274.0</t>
  </si>
  <si>
    <t>716857.0</t>
  </si>
  <si>
    <t>38230.0</t>
  </si>
  <si>
    <t>141.95</t>
  </si>
  <si>
    <t>10670781.0</t>
  </si>
  <si>
    <t>5196992.0</t>
  </si>
  <si>
    <t>4736364.0</t>
  </si>
  <si>
    <t>737425.0</t>
  </si>
  <si>
    <t>40278.0</t>
  </si>
  <si>
    <t>37798.0</t>
  </si>
  <si>
    <t>10718839.0</t>
  </si>
  <si>
    <t>5218246.0</t>
  </si>
  <si>
    <t>4740918.0</t>
  </si>
  <si>
    <t>759675.0</t>
  </si>
  <si>
    <t>38249.0</t>
  </si>
  <si>
    <t>10758093.0</t>
  </si>
  <si>
    <t>5234960.0</t>
  </si>
  <si>
    <t>4746433.0</t>
  </si>
  <si>
    <t>776700.0</t>
  </si>
  <si>
    <t>10790072.0</t>
  </si>
  <si>
    <t>5245773.0</t>
  </si>
  <si>
    <t>4751226.0</t>
  </si>
  <si>
    <t>793073.0</t>
  </si>
  <si>
    <t>10837842.0</t>
  </si>
  <si>
    <t>5264885.0</t>
  </si>
  <si>
    <t>4757194.0</t>
  </si>
  <si>
    <t>815763.0</t>
  </si>
  <si>
    <t>47770.0</t>
  </si>
  <si>
    <t>144.72</t>
  </si>
  <si>
    <t>16398.0</t>
  </si>
  <si>
    <t>10884576.0</t>
  </si>
  <si>
    <t>5283282.0</t>
  </si>
  <si>
    <t>4764302.0</t>
  </si>
  <si>
    <t>836992.0</t>
  </si>
  <si>
    <t>10932054.0</t>
  </si>
  <si>
    <t>5300145.0</t>
  </si>
  <si>
    <t>4771491.0</t>
  </si>
  <si>
    <t>860418.0</t>
  </si>
  <si>
    <t>47478.0</t>
  </si>
  <si>
    <t>145.98</t>
  </si>
  <si>
    <t>16968.0</t>
  </si>
  <si>
    <t>10981489.0</t>
  </si>
  <si>
    <t>5315253.0</t>
  </si>
  <si>
    <t>4779552.0</t>
  </si>
  <si>
    <t>886684.0</t>
  </si>
  <si>
    <t>49435.0</t>
  </si>
  <si>
    <t>11034459.0</t>
  </si>
  <si>
    <t>5332861.0</t>
  </si>
  <si>
    <t>4789897.0</t>
  </si>
  <si>
    <t>911701.0</t>
  </si>
  <si>
    <t>52970.0</t>
  </si>
  <si>
    <t>147.34</t>
  </si>
  <si>
    <t>16374.0</t>
  </si>
  <si>
    <t>11078874.0</t>
  </si>
  <si>
    <t>5347032.0</t>
  </si>
  <si>
    <t>4799485.0</t>
  </si>
  <si>
    <t>932357.0</t>
  </si>
  <si>
    <t>44415.0</t>
  </si>
  <si>
    <t>11115214.0</t>
  </si>
  <si>
    <t>5356609.0</t>
  </si>
  <si>
    <t>4807050.0</t>
  </si>
  <si>
    <t>951555.0</t>
  </si>
  <si>
    <t>36340.0</t>
  </si>
  <si>
    <t>46449.0</t>
  </si>
  <si>
    <t>34594139.0</t>
  </si>
  <si>
    <t>4615.889</t>
  </si>
  <si>
    <t>2777.8</t>
  </si>
  <si>
    <t>11125645.0</t>
  </si>
  <si>
    <t>5360573.0</t>
  </si>
  <si>
    <t>4810695.0</t>
  </si>
  <si>
    <t>954377.0</t>
  </si>
  <si>
    <t>3135.8</t>
  </si>
  <si>
    <t>418.72845050043</t>
  </si>
  <si>
    <t>153515.0</t>
  </si>
  <si>
    <t>168170.0</t>
  </si>
  <si>
    <t>22.439</t>
  </si>
  <si>
    <t>11126047.0</t>
  </si>
  <si>
    <t>5360706.0</t>
  </si>
  <si>
    <t>4810893.0</t>
  </si>
  <si>
    <t>954448.0</t>
  </si>
  <si>
    <t>148.57</t>
  </si>
  <si>
    <t>8652.0</t>
  </si>
  <si>
    <t>182825.0</t>
  </si>
  <si>
    <t>24.394</t>
  </si>
  <si>
    <t>11151837.0</t>
  </si>
  <si>
    <t>5369291.0</t>
  </si>
  <si>
    <t>4812496.0</t>
  </si>
  <si>
    <t>970050.0</t>
  </si>
  <si>
    <t>25790.0</t>
  </si>
  <si>
    <t>197480.0</t>
  </si>
  <si>
    <t>11208530.0</t>
  </si>
  <si>
    <t>5384579.0</t>
  </si>
  <si>
    <t>4832586.0</t>
  </si>
  <si>
    <t>991365.0</t>
  </si>
  <si>
    <t>56693.0</t>
  </si>
  <si>
    <t>212135.0</t>
  </si>
  <si>
    <t>28.305</t>
  </si>
  <si>
    <t>11257573.0</t>
  </si>
  <si>
    <t>5398169.0</t>
  </si>
  <si>
    <t>4847788.0</t>
  </si>
  <si>
    <t>1011616.0</t>
  </si>
  <si>
    <t>30.261</t>
  </si>
  <si>
    <t>11298170.0</t>
  </si>
  <si>
    <t>5408193.0</t>
  </si>
  <si>
    <t>4858607.0</t>
  </si>
  <si>
    <t>1031370.0</t>
  </si>
  <si>
    <t>26137.0</t>
  </si>
  <si>
    <t>241445.0</t>
  </si>
  <si>
    <t>11371542.0</t>
  </si>
  <si>
    <t>5431081.0</t>
  </si>
  <si>
    <t>4879752.0</t>
  </si>
  <si>
    <t>1060709.0</t>
  </si>
  <si>
    <t>73372.0</t>
  </si>
  <si>
    <t>11450215.0</t>
  </si>
  <si>
    <t>5457710.0</t>
  </si>
  <si>
    <t>4901272.0</t>
  </si>
  <si>
    <t>1091233.0</t>
  </si>
  <si>
    <t>78673.0</t>
  </si>
  <si>
    <t>46338.0</t>
  </si>
  <si>
    <t>11535019.0</t>
  </si>
  <si>
    <t>5495049.0</t>
  </si>
  <si>
    <t>4919482.0</t>
  </si>
  <si>
    <t>1120488.0</t>
  </si>
  <si>
    <t>58425.0</t>
  </si>
  <si>
    <t>154.03</t>
  </si>
  <si>
    <t>11622864.0</t>
  </si>
  <si>
    <t>5533163.0</t>
  </si>
  <si>
    <t>4938737.0</t>
  </si>
  <si>
    <t>1150964.0</t>
  </si>
  <si>
    <t>87845.0</t>
  </si>
  <si>
    <t>67290.0</t>
  </si>
  <si>
    <t>23410.0</t>
  </si>
  <si>
    <t>11716586.0</t>
  </si>
  <si>
    <t>5573088.0</t>
  </si>
  <si>
    <t>4961537.0</t>
  </si>
  <si>
    <t>1181961.0</t>
  </si>
  <si>
    <t>93722.0</t>
  </si>
  <si>
    <t>26930.0</t>
  </si>
  <si>
    <t>11790040.0</t>
  </si>
  <si>
    <t>5601313.0</t>
  </si>
  <si>
    <t>4980165.0</t>
  </si>
  <si>
    <t>1208562.0</t>
  </si>
  <si>
    <t>73454.0</t>
  </si>
  <si>
    <t>76067.0</t>
  </si>
  <si>
    <t>11840965.0</t>
  </si>
  <si>
    <t>5617776.0</t>
  </si>
  <si>
    <t>4990594.0</t>
  </si>
  <si>
    <t>1232595.0</t>
  </si>
  <si>
    <t>50925.0</t>
  </si>
  <si>
    <t>158.11</t>
  </si>
  <si>
    <t>29940.0</t>
  </si>
  <si>
    <t>11930597.0</t>
  </si>
  <si>
    <t>5657106.0</t>
  </si>
  <si>
    <t>5007239.0</t>
  </si>
  <si>
    <t>1266252.0</t>
  </si>
  <si>
    <t>89632.0</t>
  </si>
  <si>
    <t>12021852.0</t>
  </si>
  <si>
    <t>5697290.0</t>
  </si>
  <si>
    <t>5025045.0</t>
  </si>
  <si>
    <t>1299517.0</t>
  </si>
  <si>
    <t>91255.0</t>
  </si>
  <si>
    <t>81662.0</t>
  </si>
  <si>
    <t>160.53</t>
  </si>
  <si>
    <t>12116412.0</t>
  </si>
  <si>
    <t>5739950.0</t>
  </si>
  <si>
    <t>5042326.0</t>
  </si>
  <si>
    <t>1334136.0</t>
  </si>
  <si>
    <t>83056.0</t>
  </si>
  <si>
    <t>161.79</t>
  </si>
  <si>
    <t>34986.0</t>
  </si>
  <si>
    <t>12210327.0</t>
  </si>
  <si>
    <t>5782270.0</t>
  </si>
  <si>
    <t>5058753.0</t>
  </si>
  <si>
    <t>1369304.0</t>
  </si>
  <si>
    <t>93915.0</t>
  </si>
  <si>
    <t>11206.0</t>
  </si>
  <si>
    <t>12312345.0</t>
  </si>
  <si>
    <t>5827059.0</t>
  </si>
  <si>
    <t>5079531.0</t>
  </si>
  <si>
    <t>1405755.0</t>
  </si>
  <si>
    <t>102018.0</t>
  </si>
  <si>
    <t>85108.0</t>
  </si>
  <si>
    <t>36282.0</t>
  </si>
  <si>
    <t>12391534.0</t>
  </si>
  <si>
    <t>5859792.0</t>
  </si>
  <si>
    <t>5098062.0</t>
  </si>
  <si>
    <t>1433680.0</t>
  </si>
  <si>
    <t>79189.0</t>
  </si>
  <si>
    <t>85928.0</t>
  </si>
  <si>
    <t>165.47</t>
  </si>
  <si>
    <t>12445215.0</t>
  </si>
  <si>
    <t>5879620.0</t>
  </si>
  <si>
    <t>5108068.0</t>
  </si>
  <si>
    <t>1457527.0</t>
  </si>
  <si>
    <t>86321.0</t>
  </si>
  <si>
    <t>166.18</t>
  </si>
  <si>
    <t>37406.0</t>
  </si>
  <si>
    <t>12528229.0</t>
  </si>
  <si>
    <t>5917032.0</t>
  </si>
  <si>
    <t>5120480.0</t>
  </si>
  <si>
    <t>1490717.0</t>
  </si>
  <si>
    <t>12611831.0</t>
  </si>
  <si>
    <t>5958030.0</t>
  </si>
  <si>
    <t>5131910.0</t>
  </si>
  <si>
    <t>1521891.0</t>
  </si>
  <si>
    <t>84283.0</t>
  </si>
  <si>
    <t>37249.0</t>
  </si>
  <si>
    <t>12701241.0</t>
  </si>
  <si>
    <t>6003480.0</t>
  </si>
  <si>
    <t>5142086.0</t>
  </si>
  <si>
    <t>1555675.0</t>
  </si>
  <si>
    <t>89410.0</t>
  </si>
  <si>
    <t>83547.0</t>
  </si>
  <si>
    <t>37647.0</t>
  </si>
  <si>
    <t>12792330.0</t>
  </si>
  <si>
    <t>6046114.0</t>
  </si>
  <si>
    <t>5153655.0</t>
  </si>
  <si>
    <t>1592561.0</t>
  </si>
  <si>
    <t>91089.0</t>
  </si>
  <si>
    <t>83143.0</t>
  </si>
  <si>
    <t>37692.0</t>
  </si>
  <si>
    <t>12886809.0</t>
  </si>
  <si>
    <t>6083811.0</t>
  </si>
  <si>
    <t>5169677.0</t>
  </si>
  <si>
    <t>1633321.0</t>
  </si>
  <si>
    <t>94479.0</t>
  </si>
  <si>
    <t>36679.0</t>
  </si>
  <si>
    <t>12968941.0</t>
  </si>
  <si>
    <t>6113040.0</t>
  </si>
  <si>
    <t>5186515.0</t>
  </si>
  <si>
    <t>1669386.0</t>
  </si>
  <si>
    <t>82132.0</t>
  </si>
  <si>
    <t>13028885.0</t>
  </si>
  <si>
    <t>6132883.0</t>
  </si>
  <si>
    <t>5196249.0</t>
  </si>
  <si>
    <t>1699753.0</t>
  </si>
  <si>
    <t>59944.0</t>
  </si>
  <si>
    <t>83381.0</t>
  </si>
  <si>
    <t>36180.0</t>
  </si>
  <si>
    <t>41354599.0</t>
  </si>
  <si>
    <t>5517.936</t>
  </si>
  <si>
    <t>13114756.0</t>
  </si>
  <si>
    <t>6164823.0</t>
  </si>
  <si>
    <t>5207784.0</t>
  </si>
  <si>
    <t>1742149.0</t>
  </si>
  <si>
    <t>85871.0</t>
  </si>
  <si>
    <t>35399.0</t>
  </si>
  <si>
    <t>4652.4</t>
  </si>
  <si>
    <t>621.24250370183</t>
  </si>
  <si>
    <t>224560.0</t>
  </si>
  <si>
    <t>13193069.0</t>
  </si>
  <si>
    <t>6193045.0</t>
  </si>
  <si>
    <t>5216746.0</t>
  </si>
  <si>
    <t>1783278.0</t>
  </si>
  <si>
    <t>78313.0</t>
  </si>
  <si>
    <t>33574.0</t>
  </si>
  <si>
    <t>207676.0</t>
  </si>
  <si>
    <t>13267781.0</t>
  </si>
  <si>
    <t>6218602.0</t>
  </si>
  <si>
    <t>5225616.0</t>
  </si>
  <si>
    <t>1823563.0</t>
  </si>
  <si>
    <t>74712.0</t>
  </si>
  <si>
    <t>30732.0</t>
  </si>
  <si>
    <t>190791.0</t>
  </si>
  <si>
    <t>25.457</t>
  </si>
  <si>
    <t>13345864.0</t>
  </si>
  <si>
    <t>6242507.0</t>
  </si>
  <si>
    <t>5235973.0</t>
  </si>
  <si>
    <t>1867384.0</t>
  </si>
  <si>
    <t>79076.0</t>
  </si>
  <si>
    <t>28056.0</t>
  </si>
  <si>
    <t>173907.0</t>
  </si>
  <si>
    <t>23.204</t>
  </si>
  <si>
    <t>13429122.0</t>
  </si>
  <si>
    <t>6266533.0</t>
  </si>
  <si>
    <t>5250303.0</t>
  </si>
  <si>
    <t>1912286.0</t>
  </si>
  <si>
    <t>83258.0</t>
  </si>
  <si>
    <t>77473.0</t>
  </si>
  <si>
    <t>179.32</t>
  </si>
  <si>
    <t>157022.0</t>
  </si>
  <si>
    <t>13509025.0</t>
  </si>
  <si>
    <t>6288792.0</t>
  </si>
  <si>
    <t>5265080.0</t>
  </si>
  <si>
    <t>1955153.0</t>
  </si>
  <si>
    <t>79903.0</t>
  </si>
  <si>
    <t>180.39</t>
  </si>
  <si>
    <t>140137.0</t>
  </si>
  <si>
    <t>18.698</t>
  </si>
  <si>
    <t>13571219.0</t>
  </si>
  <si>
    <t>6305831.0</t>
  </si>
  <si>
    <t>5274805.0</t>
  </si>
  <si>
    <t>1990583.0</t>
  </si>
  <si>
    <t>62194.0</t>
  </si>
  <si>
    <t>77476.0</t>
  </si>
  <si>
    <t>181.22</t>
  </si>
  <si>
    <t>123253.0</t>
  </si>
  <si>
    <t>13654242.0</t>
  </si>
  <si>
    <t>6327103.0</t>
  </si>
  <si>
    <t>5291008.0</t>
  </si>
  <si>
    <t>2036131.0</t>
  </si>
  <si>
    <t>77069.0</t>
  </si>
  <si>
    <t>23183.0</t>
  </si>
  <si>
    <t>13732405.0</t>
  </si>
  <si>
    <t>6346417.0</t>
  </si>
  <si>
    <t>5308256.0</t>
  </si>
  <si>
    <t>2077732.0</t>
  </si>
  <si>
    <t>78163.0</t>
  </si>
  <si>
    <t>21910.0</t>
  </si>
  <si>
    <t>13806608.0</t>
  </si>
  <si>
    <t>6362090.0</t>
  </si>
  <si>
    <t>5328880.0</t>
  </si>
  <si>
    <t>2115638.0</t>
  </si>
  <si>
    <t>74203.0</t>
  </si>
  <si>
    <t>76975.0</t>
  </si>
  <si>
    <t>20498.0</t>
  </si>
  <si>
    <t>13883431.0</t>
  </si>
  <si>
    <t>6376731.0</t>
  </si>
  <si>
    <t>5351403.0</t>
  </si>
  <si>
    <t>2155297.0</t>
  </si>
  <si>
    <t>76823.0</t>
  </si>
  <si>
    <t>76795.0</t>
  </si>
  <si>
    <t>13964130.0</t>
  </si>
  <si>
    <t>6389863.0</t>
  </si>
  <si>
    <t>5377639.0</t>
  </si>
  <si>
    <t>2196628.0</t>
  </si>
  <si>
    <t>14032657.0</t>
  </si>
  <si>
    <t>6401333.0</t>
  </si>
  <si>
    <t>5398932.0</t>
  </si>
  <si>
    <t>2232392.0</t>
  </si>
  <si>
    <t>68527.0</t>
  </si>
  <si>
    <t>187.38</t>
  </si>
  <si>
    <t>14084188.0</t>
  </si>
  <si>
    <t>5411029.0</t>
  </si>
  <si>
    <t>2263461.0</t>
  </si>
  <si>
    <t>51531.0</t>
  </si>
  <si>
    <t>188.07</t>
  </si>
  <si>
    <t>14154961.0</t>
  </si>
  <si>
    <t>6420605.0</t>
  </si>
  <si>
    <t>5435602.0</t>
  </si>
  <si>
    <t>2298754.0</t>
  </si>
  <si>
    <t>70773.0</t>
  </si>
  <si>
    <t>14223613.0</t>
  </si>
  <si>
    <t>6430680.0</t>
  </si>
  <si>
    <t>5461139.0</t>
  </si>
  <si>
    <t>2331794.0</t>
  </si>
  <si>
    <t>68652.0</t>
  </si>
  <si>
    <t>70173.0</t>
  </si>
  <si>
    <t>189.93</t>
  </si>
  <si>
    <t>14289455.0</t>
  </si>
  <si>
    <t>6439019.0</t>
  </si>
  <si>
    <t>5486698.0</t>
  </si>
  <si>
    <t>2363738.0</t>
  </si>
  <si>
    <t>65842.0</t>
  </si>
  <si>
    <t>190.81</t>
  </si>
  <si>
    <t>14355985.0</t>
  </si>
  <si>
    <t>6446661.0</t>
  </si>
  <si>
    <t>5512588.0</t>
  </si>
  <si>
    <t>2396736.0</t>
  </si>
  <si>
    <t>66530.0</t>
  </si>
  <si>
    <t>67508.0</t>
  </si>
  <si>
    <t>9014.0</t>
  </si>
  <si>
    <t>14428513.0</t>
  </si>
  <si>
    <t>6454217.0</t>
  </si>
  <si>
    <t>5543950.0</t>
  </si>
  <si>
    <t>2430346.0</t>
  </si>
  <si>
    <t>72528.0</t>
  </si>
  <si>
    <t>192.67</t>
  </si>
  <si>
    <t>86.18</t>
  </si>
  <si>
    <t>14489124.0</t>
  </si>
  <si>
    <t>6460235.0</t>
  </si>
  <si>
    <t>5568533.0</t>
  </si>
  <si>
    <t>2460356.0</t>
  </si>
  <si>
    <t>60611.0</t>
  </si>
  <si>
    <t>65210.0</t>
  </si>
  <si>
    <t>14530900.0</t>
  </si>
  <si>
    <t>6464288.0</t>
  </si>
  <si>
    <t>5581488.0</t>
  </si>
  <si>
    <t>2485124.0</t>
  </si>
  <si>
    <t>14597082.0</t>
  </si>
  <si>
    <t>6470858.0</t>
  </si>
  <si>
    <t>5606811.0</t>
  </si>
  <si>
    <t>2519413.0</t>
  </si>
  <si>
    <t>66182.0</t>
  </si>
  <si>
    <t>63160.0</t>
  </si>
  <si>
    <t>194.92</t>
  </si>
  <si>
    <t>14660703.0</t>
  </si>
  <si>
    <t>6477761.0</t>
  </si>
  <si>
    <t>5631226.0</t>
  </si>
  <si>
    <t>2551716.0</t>
  </si>
  <si>
    <t>63621.0</t>
  </si>
  <si>
    <t>195.77</t>
  </si>
  <si>
    <t>14719056.0</t>
  </si>
  <si>
    <t>6483492.0</t>
  </si>
  <si>
    <t>5654188.0</t>
  </si>
  <si>
    <t>2581376.0</t>
  </si>
  <si>
    <t>14779325.0</t>
  </si>
  <si>
    <t>6488678.0</t>
  </si>
  <si>
    <t>5677764.0</t>
  </si>
  <si>
    <t>2612883.0</t>
  </si>
  <si>
    <t>60477.0</t>
  </si>
  <si>
    <t>14846538.0</t>
  </si>
  <si>
    <t>6494461.0</t>
  </si>
  <si>
    <t>5704983.0</t>
  </si>
  <si>
    <t>2647094.0</t>
  </si>
  <si>
    <t>67213.0</t>
  </si>
  <si>
    <t>59718.0</t>
  </si>
  <si>
    <t>14904840.0</t>
  </si>
  <si>
    <t>6499212.0</t>
  </si>
  <si>
    <t>5727095.0</t>
  </si>
  <si>
    <t>2678533.0</t>
  </si>
  <si>
    <t>59388.0</t>
  </si>
  <si>
    <t>14944549.0</t>
  </si>
  <si>
    <t>6502105.0</t>
  </si>
  <si>
    <t>5739635.0</t>
  </si>
  <si>
    <t>2702809.0</t>
  </si>
  <si>
    <t>39709.0</t>
  </si>
  <si>
    <t>59093.0</t>
  </si>
  <si>
    <t>199.56</t>
  </si>
  <si>
    <t>14996370.0</t>
  </si>
  <si>
    <t>6506549.0</t>
  </si>
  <si>
    <t>5761135.0</t>
  </si>
  <si>
    <t>2728686.0</t>
  </si>
  <si>
    <t>51821.0</t>
  </si>
  <si>
    <t>200.25</t>
  </si>
  <si>
    <t>15041814.0</t>
  </si>
  <si>
    <t>6510740.0</t>
  </si>
  <si>
    <t>5780569.0</t>
  </si>
  <si>
    <t>2750505.0</t>
  </si>
  <si>
    <t>45444.0</t>
  </si>
  <si>
    <t>54444.0</t>
  </si>
  <si>
    <t>15084369.0</t>
  </si>
  <si>
    <t>6514670.0</t>
  </si>
  <si>
    <t>5799268.0</t>
  </si>
  <si>
    <t>2770431.0</t>
  </si>
  <si>
    <t>42555.0</t>
  </si>
  <si>
    <t>52188.0</t>
  </si>
  <si>
    <t>45175438.0</t>
  </si>
  <si>
    <t>6027.749</t>
  </si>
  <si>
    <t>15128447.0</t>
  </si>
  <si>
    <t>6518955.0</t>
  </si>
  <si>
    <t>5817055.0</t>
  </si>
  <si>
    <t>2792437.0</t>
  </si>
  <si>
    <t>49875.0</t>
  </si>
  <si>
    <t>12320.6</t>
  </si>
  <si>
    <t>168.61</t>
  </si>
  <si>
    <t>1645.18966363786</t>
  </si>
  <si>
    <t>15.693</t>
  </si>
  <si>
    <t>15175602.0</t>
  </si>
  <si>
    <t>6523089.0</t>
  </si>
  <si>
    <t>5834666.0</t>
  </si>
  <si>
    <t>2817847.0</t>
  </si>
  <si>
    <t>111973.0</t>
  </si>
  <si>
    <t>15220536.0</t>
  </si>
  <si>
    <t>6526529.0</t>
  </si>
  <si>
    <t>5851579.0</t>
  </si>
  <si>
    <t>2842428.0</t>
  </si>
  <si>
    <t>44934.0</t>
  </si>
  <si>
    <t>106333.0</t>
  </si>
  <si>
    <t>15247450.0</t>
  </si>
  <si>
    <t>6528758.0</t>
  </si>
  <si>
    <t>5860521.0</t>
  </si>
  <si>
    <t>26914.0</t>
  </si>
  <si>
    <t>13.435</t>
  </si>
  <si>
    <t>15286356.0</t>
  </si>
  <si>
    <t>6532709.0</t>
  </si>
  <si>
    <t>5876999.0</t>
  </si>
  <si>
    <t>2876648.0</t>
  </si>
  <si>
    <t>95053.0</t>
  </si>
  <si>
    <t>12.683</t>
  </si>
  <si>
    <t>15302317.0</t>
  </si>
  <si>
    <t>6534315.0</t>
  </si>
  <si>
    <t>5882334.0</t>
  </si>
  <si>
    <t>2885668.0</t>
  </si>
  <si>
    <t>37215.0</t>
  </si>
  <si>
    <t>15335073.0</t>
  </si>
  <si>
    <t>6537799.0</t>
  </si>
  <si>
    <t>5896693.0</t>
  </si>
  <si>
    <t>2900581.0</t>
  </si>
  <si>
    <t>32756.0</t>
  </si>
  <si>
    <t>35815.0</t>
  </si>
  <si>
    <t>15368188.0</t>
  </si>
  <si>
    <t>6541426.0</t>
  </si>
  <si>
    <t>5910184.0</t>
  </si>
  <si>
    <t>2916578.0</t>
  </si>
  <si>
    <t>33115.0</t>
  </si>
  <si>
    <t>15411341.0</t>
  </si>
  <si>
    <t>6545674.0</t>
  </si>
  <si>
    <t>5925945.0</t>
  </si>
  <si>
    <t>2939722.0</t>
  </si>
  <si>
    <t>33677.0</t>
  </si>
  <si>
    <t>205.79</t>
  </si>
  <si>
    <t>15450499.0</t>
  </si>
  <si>
    <t>6549241.0</t>
  </si>
  <si>
    <t>5939243.0</t>
  </si>
  <si>
    <t>2962015.0</t>
  </si>
  <si>
    <t>15473240.0</t>
  </si>
  <si>
    <t>6551516.0</t>
  </si>
  <si>
    <t>5946590.0</t>
  </si>
  <si>
    <t>2975134.0</t>
  </si>
  <si>
    <t>15510402.0</t>
  </si>
  <si>
    <t>6556225.0</t>
  </si>
  <si>
    <t>5959110.0</t>
  </si>
  <si>
    <t>2995067.0</t>
  </si>
  <si>
    <t>32007.0</t>
  </si>
  <si>
    <t>207.11</t>
  </si>
  <si>
    <t>15542632.0</t>
  </si>
  <si>
    <t>6560904.0</t>
  </si>
  <si>
    <t>5970113.0</t>
  </si>
  <si>
    <t>3011615.0</t>
  </si>
  <si>
    <t>32230.0</t>
  </si>
  <si>
    <t>15575706.0</t>
  </si>
  <si>
    <t>6566027.0</t>
  </si>
  <si>
    <t>5980325.0</t>
  </si>
  <si>
    <t>3029354.0</t>
  </si>
  <si>
    <t>33074.0</t>
  </si>
  <si>
    <t>87.68</t>
  </si>
  <si>
    <t>15618689.0</t>
  </si>
  <si>
    <t>6572203.0</t>
  </si>
  <si>
    <t>5992811.0</t>
  </si>
  <si>
    <t>3053675.0</t>
  </si>
  <si>
    <t>42983.0</t>
  </si>
  <si>
    <t>15650666.0</t>
  </si>
  <si>
    <t>6576317.0</t>
  </si>
  <si>
    <t>6000238.0</t>
  </si>
  <si>
    <t>3074111.0</t>
  </si>
  <si>
    <t>208.99</t>
  </si>
  <si>
    <t>15675475.0</t>
  </si>
  <si>
    <t>6579218.0</t>
  </si>
  <si>
    <t>6007065.0</t>
  </si>
  <si>
    <t>3089192.0</t>
  </si>
  <si>
    <t>32139.0</t>
  </si>
  <si>
    <t>15696088.0</t>
  </si>
  <si>
    <t>6581563.0</t>
  </si>
  <si>
    <t>6013469.0</t>
  </si>
  <si>
    <t>3101056.0</t>
  </si>
  <si>
    <t>20613.0</t>
  </si>
  <si>
    <t>15714493.0</t>
  </si>
  <si>
    <t>6584098.0</t>
  </si>
  <si>
    <t>6018950.0</t>
  </si>
  <si>
    <t>3111445.0</t>
  </si>
  <si>
    <t>15745891.0</t>
  </si>
  <si>
    <t>6589059.0</t>
  </si>
  <si>
    <t>6030478.0</t>
  </si>
  <si>
    <t>3126354.0</t>
  </si>
  <si>
    <t>31398.0</t>
  </si>
  <si>
    <t>210.26</t>
  </si>
  <si>
    <t>15771693.0</t>
  </si>
  <si>
    <t>6593407.0</t>
  </si>
  <si>
    <t>6039111.0</t>
  </si>
  <si>
    <t>3139175.0</t>
  </si>
  <si>
    <t>25802.0</t>
  </si>
  <si>
    <t>15797265.0</t>
  </si>
  <si>
    <t>6597687.0</t>
  </si>
  <si>
    <t>6046876.0</t>
  </si>
  <si>
    <t>3152702.0</t>
  </si>
  <si>
    <t>25511.0</t>
  </si>
  <si>
    <t>15828560.0</t>
  </si>
  <si>
    <t>6602589.0</t>
  </si>
  <si>
    <t>6057558.0</t>
  </si>
  <si>
    <t>3168413.0</t>
  </si>
  <si>
    <t>15856403.0</t>
  </si>
  <si>
    <t>6606840.0</t>
  </si>
  <si>
    <t>6068442.0</t>
  </si>
  <si>
    <t>3181121.0</t>
  </si>
  <si>
    <t>27843.0</t>
  </si>
  <si>
    <t>15871833.0</t>
  </si>
  <si>
    <t>6608906.0</t>
  </si>
  <si>
    <t>6074207.0</t>
  </si>
  <si>
    <t>3188720.0</t>
  </si>
  <si>
    <t>25106.0</t>
  </si>
  <si>
    <t>15896777.0</t>
  </si>
  <si>
    <t>6613024.0</t>
  </si>
  <si>
    <t>6082198.0</t>
  </si>
  <si>
    <t>3201555.0</t>
  </si>
  <si>
    <t>212.27</t>
  </si>
  <si>
    <t>15919647.0</t>
  </si>
  <si>
    <t>6617110.0</t>
  </si>
  <si>
    <t>6089725.0</t>
  </si>
  <si>
    <t>3212812.0</t>
  </si>
  <si>
    <t>24822.0</t>
  </si>
  <si>
    <t>15941387.0</t>
  </si>
  <si>
    <t>6620873.0</t>
  </si>
  <si>
    <t>6096851.0</t>
  </si>
  <si>
    <t>3223663.0</t>
  </si>
  <si>
    <t>21740.0</t>
  </si>
  <si>
    <t>15969017.0</t>
  </si>
  <si>
    <t>6624540.0</t>
  </si>
  <si>
    <t>6105266.0</t>
  </si>
  <si>
    <t>3239211.0</t>
  </si>
  <si>
    <t>27630.0</t>
  </si>
  <si>
    <t>24536.0</t>
  </si>
  <si>
    <t>16005281.0</t>
  </si>
  <si>
    <t>6629284.0</t>
  </si>
  <si>
    <t>6118664.0</t>
  </si>
  <si>
    <t>3257333.0</t>
  </si>
  <si>
    <t>36264.0</t>
  </si>
  <si>
    <t>25246.0</t>
  </si>
  <si>
    <t>213.72</t>
  </si>
  <si>
    <t>47688630.0</t>
  </si>
  <si>
    <t>6363.084</t>
  </si>
  <si>
    <t>16042544.0</t>
  </si>
  <si>
    <t>6632892.0</t>
  </si>
  <si>
    <t>6135397.0</t>
  </si>
  <si>
    <t>3274255.0</t>
  </si>
  <si>
    <t>37263.0</t>
  </si>
  <si>
    <t>26592.0</t>
  </si>
  <si>
    <t>1831.11908977371</t>
  </si>
  <si>
    <t>10.961</t>
  </si>
  <si>
    <t>16065170.0</t>
  </si>
  <si>
    <t>6634625.0</t>
  </si>
  <si>
    <t>6145541.0</t>
  </si>
  <si>
    <t>3285004.0</t>
  </si>
  <si>
    <t>80529.0</t>
  </si>
  <si>
    <t>10.745</t>
  </si>
  <si>
    <t>16081526.0</t>
  </si>
  <si>
    <t>6636292.0</t>
  </si>
  <si>
    <t>6152563.0</t>
  </si>
  <si>
    <t>3292671.0</t>
  </si>
  <si>
    <t>26393.0</t>
  </si>
  <si>
    <t>16109998.0</t>
  </si>
  <si>
    <t>6639453.0</t>
  </si>
  <si>
    <t>6163322.0</t>
  </si>
  <si>
    <t>3307223.0</t>
  </si>
  <si>
    <t>27193.0</t>
  </si>
  <si>
    <t>16135269.0</t>
  </si>
  <si>
    <t>6642628.0</t>
  </si>
  <si>
    <t>6171391.0</t>
  </si>
  <si>
    <t>3321250.0</t>
  </si>
  <si>
    <t>27697.0</t>
  </si>
  <si>
    <t>16165620.0</t>
  </si>
  <si>
    <t>6645611.0</t>
  </si>
  <si>
    <t>6179344.0</t>
  </si>
  <si>
    <t>3340665.0</t>
  </si>
  <si>
    <t>28086.0</t>
  </si>
  <si>
    <t>215.86</t>
  </si>
  <si>
    <t>74041.0</t>
  </si>
  <si>
    <t>9.879</t>
  </si>
  <si>
    <t>16203364.0</t>
  </si>
  <si>
    <t>6649286.0</t>
  </si>
  <si>
    <t>6190469.0</t>
  </si>
  <si>
    <t>3363609.0</t>
  </si>
  <si>
    <t>37744.0</t>
  </si>
  <si>
    <t>216.37</t>
  </si>
  <si>
    <t>16240012.0</t>
  </si>
  <si>
    <t>6652409.0</t>
  </si>
  <si>
    <t>3384897.0</t>
  </si>
  <si>
    <t>36648.0</t>
  </si>
  <si>
    <t>28210.0</t>
  </si>
  <si>
    <t>16263246.0</t>
  </si>
  <si>
    <t>6653743.0</t>
  </si>
  <si>
    <t>6210015.0</t>
  </si>
  <si>
    <t>3399488.0</t>
  </si>
  <si>
    <t>23234.0</t>
  </si>
  <si>
    <t>217.17</t>
  </si>
  <si>
    <t>16281302.0</t>
  </si>
  <si>
    <t>6655164.0</t>
  </si>
  <si>
    <t>6214618.0</t>
  </si>
  <si>
    <t>3411520.0</t>
  </si>
  <si>
    <t>18056.0</t>
  </si>
  <si>
    <t>16313320.0</t>
  </si>
  <si>
    <t>6658223.0</t>
  </si>
  <si>
    <t>6222081.0</t>
  </si>
  <si>
    <t>3433016.0</t>
  </si>
  <si>
    <t>217.83</t>
  </si>
  <si>
    <t>16337517.0</t>
  </si>
  <si>
    <t>6660347.0</t>
  </si>
  <si>
    <t>6227129.0</t>
  </si>
  <si>
    <t>3450041.0</t>
  </si>
  <si>
    <t>24197.0</t>
  </si>
  <si>
    <t>16363698.0</t>
  </si>
  <si>
    <t>6661955.0</t>
  </si>
  <si>
    <t>6232150.0</t>
  </si>
  <si>
    <t>3469593.0</t>
  </si>
  <si>
    <t>16398748.0</t>
  </si>
  <si>
    <t>6664371.0</t>
  </si>
  <si>
    <t>6239643.0</t>
  </si>
  <si>
    <t>3494734.0</t>
  </si>
  <si>
    <t>35050.0</t>
  </si>
  <si>
    <t>27912.0</t>
  </si>
  <si>
    <t>16433225.0</t>
  </si>
  <si>
    <t>6667400.0</t>
  </si>
  <si>
    <t>6248797.0</t>
  </si>
  <si>
    <t>3517028.0</t>
  </si>
  <si>
    <t>34477.0</t>
  </si>
  <si>
    <t>27602.0</t>
  </si>
  <si>
    <t>219.44</t>
  </si>
  <si>
    <t>16454048.0</t>
  </si>
  <si>
    <t>6668516.0</t>
  </si>
  <si>
    <t>6253523.0</t>
  </si>
  <si>
    <t>3532009.0</t>
  </si>
  <si>
    <t>16484732.0</t>
  </si>
  <si>
    <t>6671056.0</t>
  </si>
  <si>
    <t>6258132.0</t>
  </si>
  <si>
    <t>3555544.0</t>
  </si>
  <si>
    <t>30684.0</t>
  </si>
  <si>
    <t>29061.0</t>
  </si>
  <si>
    <t>220.12</t>
  </si>
  <si>
    <t>16514346.0</t>
  </si>
  <si>
    <t>6673603.0</t>
  </si>
  <si>
    <t>6263069.0</t>
  </si>
  <si>
    <t>3577674.0</t>
  </si>
  <si>
    <t>29614.0</t>
  </si>
  <si>
    <t>28718.0</t>
  </si>
  <si>
    <t>220.52</t>
  </si>
  <si>
    <t>16542784.0</t>
  </si>
  <si>
    <t>6675885.0</t>
  </si>
  <si>
    <t>6267345.0</t>
  </si>
  <si>
    <t>3599554.0</t>
  </si>
  <si>
    <t>28438.0</t>
  </si>
  <si>
    <t>16574081.0</t>
  </si>
  <si>
    <t>6678130.0</t>
  </si>
  <si>
    <t>6272094.0</t>
  </si>
  <si>
    <t>3623857.0</t>
  </si>
  <si>
    <t>31297.0</t>
  </si>
  <si>
    <t>16617695.0</t>
  </si>
  <si>
    <t>6681075.0</t>
  </si>
  <si>
    <t>6279957.0</t>
  </si>
  <si>
    <t>3656663.0</t>
  </si>
  <si>
    <t>31278.0</t>
  </si>
  <si>
    <t>16658969.0</t>
  </si>
  <si>
    <t>6683435.0</t>
  </si>
  <si>
    <t>6287945.0</t>
  </si>
  <si>
    <t>3687589.0</t>
  </si>
  <si>
    <t>41274.0</t>
  </si>
  <si>
    <t>16686021.0</t>
  </si>
  <si>
    <t>6684686.0</t>
  </si>
  <si>
    <t>6292131.0</t>
  </si>
  <si>
    <t>3709204.0</t>
  </si>
  <si>
    <t>27052.0</t>
  </si>
  <si>
    <t>16723582.0</t>
  </si>
  <si>
    <t>6687222.0</t>
  </si>
  <si>
    <t>6297059.0</t>
  </si>
  <si>
    <t>3739301.0</t>
  </si>
  <si>
    <t>37561.0</t>
  </si>
  <si>
    <t>34121.0</t>
  </si>
  <si>
    <t>49426686.0</t>
  </si>
  <si>
    <t>6594.993</t>
  </si>
  <si>
    <t>16755012.0</t>
  </si>
  <si>
    <t>6689282.0</t>
  </si>
  <si>
    <t>6301406.0</t>
  </si>
  <si>
    <t>3764324.0</t>
  </si>
  <si>
    <t>31430.0</t>
  </si>
  <si>
    <t>34381.0</t>
  </si>
  <si>
    <t>16786714.0</t>
  </si>
  <si>
    <t>6691135.0</t>
  </si>
  <si>
    <t>6305851.0</t>
  </si>
  <si>
    <t>3789728.0</t>
  </si>
  <si>
    <t>16824534.0</t>
  </si>
  <si>
    <t>6692837.0</t>
  </si>
  <si>
    <t>6310569.0</t>
  </si>
  <si>
    <t>3821128.0</t>
  </si>
  <si>
    <t>37820.0</t>
  </si>
  <si>
    <t>224.66</t>
  </si>
  <si>
    <t>16872463.0</t>
  </si>
  <si>
    <t>6695069.0</t>
  </si>
  <si>
    <t>6316875.0</t>
  </si>
  <si>
    <t>3860519.0</t>
  </si>
  <si>
    <t>47929.0</t>
  </si>
  <si>
    <t>16921735.0</t>
  </si>
  <si>
    <t>6697031.0</t>
  </si>
  <si>
    <t>6323997.0</t>
  </si>
  <si>
    <t>3900707.0</t>
  </si>
  <si>
    <t>37538.0</t>
  </si>
  <si>
    <t>16959963.0</t>
  </si>
  <si>
    <t>6698078.0</t>
  </si>
  <si>
    <t>6327559.0</t>
  </si>
  <si>
    <t>3934326.0</t>
  </si>
  <si>
    <t>17019940.0</t>
  </si>
  <si>
    <t>6700033.0</t>
  </si>
  <si>
    <t>6332409.0</t>
  </si>
  <si>
    <t>3987498.0</t>
  </si>
  <si>
    <t>227.27</t>
  </si>
  <si>
    <t>17082648.0</t>
  </si>
  <si>
    <t>6701858.0</t>
  </si>
  <si>
    <t>6337321.0</t>
  </si>
  <si>
    <t>4043469.0</t>
  </si>
  <si>
    <t>62708.0</t>
  </si>
  <si>
    <t>46805.0</t>
  </si>
  <si>
    <t>228.11</t>
  </si>
  <si>
    <t>13835.4</t>
  </si>
  <si>
    <t>1847.46335992526</t>
  </si>
  <si>
    <t>17121146.0</t>
  </si>
  <si>
    <t>6703827.0</t>
  </si>
  <si>
    <t>6341360.0</t>
  </si>
  <si>
    <t>4075959.0</t>
  </si>
  <si>
    <t>38498.0</t>
  </si>
  <si>
    <t>17160112.0</t>
  </si>
  <si>
    <t>6706467.0</t>
  </si>
  <si>
    <t>6346932.0</t>
  </si>
  <si>
    <t>4106713.0</t>
  </si>
  <si>
    <t>38966.0</t>
  </si>
  <si>
    <t>17184811.0</t>
  </si>
  <si>
    <t>6707882.0</t>
  </si>
  <si>
    <t>6350512.0</t>
  </si>
  <si>
    <t>4126417.0</t>
  </si>
  <si>
    <t>24699.0</t>
  </si>
  <si>
    <t>44621.0</t>
  </si>
  <si>
    <t>229.47</t>
  </si>
  <si>
    <t>17222390.0</t>
  </si>
  <si>
    <t>6709993.0</t>
  </si>
  <si>
    <t>6356213.0</t>
  </si>
  <si>
    <t>4156184.0</t>
  </si>
  <si>
    <t>37579.0</t>
  </si>
  <si>
    <t>229.97</t>
  </si>
  <si>
    <t>17246773.0</t>
  </si>
  <si>
    <t>6711116.0</t>
  </si>
  <si>
    <t>6358946.0</t>
  </si>
  <si>
    <t>4176711.0</t>
  </si>
  <si>
    <t>17273824.0</t>
  </si>
  <si>
    <t>6712913.0</t>
  </si>
  <si>
    <t>6363386.0</t>
  </si>
  <si>
    <t>4197525.0</t>
  </si>
  <si>
    <t>230.66</t>
  </si>
  <si>
    <t>17295077.0</t>
  </si>
  <si>
    <t>6714269.0</t>
  </si>
  <si>
    <t>6366766.0</t>
  </si>
  <si>
    <t>4214042.0</t>
  </si>
  <si>
    <t>21253.0</t>
  </si>
  <si>
    <t>30347.0</t>
  </si>
  <si>
    <t>230.94</t>
  </si>
  <si>
    <t>17312862.0</t>
  </si>
  <si>
    <t>6715509.0</t>
  </si>
  <si>
    <t>6369829.0</t>
  </si>
  <si>
    <t>4227524.0</t>
  </si>
  <si>
    <t>17332404.0</t>
  </si>
  <si>
    <t>6716731.0</t>
  </si>
  <si>
    <t>6372909.0</t>
  </si>
  <si>
    <t>4242764.0</t>
  </si>
  <si>
    <t>231.44</t>
  </si>
  <si>
    <t>17358429.0</t>
  </si>
  <si>
    <t>6718947.0</t>
  </si>
  <si>
    <t>6378216.0</t>
  </si>
  <si>
    <t>4261266.0</t>
  </si>
  <si>
    <t>17385059.0</t>
  </si>
  <si>
    <t>6721092.0</t>
  </si>
  <si>
    <t>6384463.0</t>
  </si>
  <si>
    <t>4279504.0</t>
  </si>
  <si>
    <t>232.15</t>
  </si>
  <si>
    <t>17398689.0</t>
  </si>
  <si>
    <t>6722022.0</t>
  </si>
  <si>
    <t>6387080.0</t>
  </si>
  <si>
    <t>4289587.0</t>
  </si>
  <si>
    <t>21702.0</t>
  </si>
  <si>
    <t>17421183.0</t>
  </si>
  <si>
    <t>6723736.0</t>
  </si>
  <si>
    <t>6391910.0</t>
  </si>
  <si>
    <t>4305537.0</t>
  </si>
  <si>
    <t>232.63</t>
  </si>
  <si>
    <t>85.35</t>
  </si>
  <si>
    <t>17440164.0</t>
  </si>
  <si>
    <t>6725142.0</t>
  </si>
  <si>
    <t>6395975.0</t>
  </si>
  <si>
    <t>4319047.0</t>
  </si>
  <si>
    <t>20727.0</t>
  </si>
  <si>
    <t>17459387.0</t>
  </si>
  <si>
    <t>6726499.0</t>
  </si>
  <si>
    <t>6399837.0</t>
  </si>
  <si>
    <t>4333051.0</t>
  </si>
  <si>
    <t>233.14</t>
  </si>
  <si>
    <t>17480011.0</t>
  </si>
  <si>
    <t>6728029.0</t>
  </si>
  <si>
    <t>6404610.0</t>
  </si>
  <si>
    <t>4347372.0</t>
  </si>
  <si>
    <t>20624.0</t>
  </si>
  <si>
    <t>233.41</t>
  </si>
  <si>
    <t>17504250.0</t>
  </si>
  <si>
    <t>6729998.0</t>
  </si>
  <si>
    <t>6410261.0</t>
  </si>
  <si>
    <t>4363991.0</t>
  </si>
  <si>
    <t>24239.0</t>
  </si>
  <si>
    <t>233.74</t>
  </si>
  <si>
    <t>17526485.0</t>
  </si>
  <si>
    <t>6731714.0</t>
  </si>
  <si>
    <t>6415629.0</t>
  </si>
  <si>
    <t>4379142.0</t>
  </si>
  <si>
    <t>17536757.0</t>
  </si>
  <si>
    <t>6732383.0</t>
  </si>
  <si>
    <t>6417823.0</t>
  </si>
  <si>
    <t>4386551.0</t>
  </si>
  <si>
    <t>85.7</t>
  </si>
  <si>
    <t>17556164.0</t>
  </si>
  <si>
    <t>6733841.0</t>
  </si>
  <si>
    <t>6422393.0</t>
  </si>
  <si>
    <t>4399930.0</t>
  </si>
  <si>
    <t>19283.0</t>
  </si>
  <si>
    <t>234.43</t>
  </si>
  <si>
    <t>17572436.0</t>
  </si>
  <si>
    <t>6734949.0</t>
  </si>
  <si>
    <t>6425734.0</t>
  </si>
  <si>
    <t>4411753.0</t>
  </si>
  <si>
    <t>18896.0</t>
  </si>
  <si>
    <t>234.65</t>
  </si>
  <si>
    <t>17587512.0</t>
  </si>
  <si>
    <t>6735876.0</t>
  </si>
  <si>
    <t>6428665.0</t>
  </si>
  <si>
    <t>4422971.0</t>
  </si>
  <si>
    <t>17603916.0</t>
  </si>
  <si>
    <t>6737044.0</t>
  </si>
  <si>
    <t>6432090.0</t>
  </si>
  <si>
    <t>4434782.0</t>
  </si>
  <si>
    <t>17622594.0</t>
  </si>
  <si>
    <t>6738396.0</t>
  </si>
  <si>
    <t>6435981.0</t>
  </si>
  <si>
    <t>4448217.0</t>
  </si>
  <si>
    <t>16906.0</t>
  </si>
  <si>
    <t>85.94</t>
  </si>
  <si>
    <t>17641080.0</t>
  </si>
  <si>
    <t>6739752.0</t>
  </si>
  <si>
    <t>6440231.0</t>
  </si>
  <si>
    <t>4461097.0</t>
  </si>
  <si>
    <t>18486.0</t>
  </si>
  <si>
    <t>16371.0</t>
  </si>
  <si>
    <t>17649679.0</t>
  </si>
  <si>
    <t>6740264.0</t>
  </si>
  <si>
    <t>6442003.0</t>
  </si>
  <si>
    <t>4467412.0</t>
  </si>
  <si>
    <t>17665320.0</t>
  </si>
  <si>
    <t>6741230.0</t>
  </si>
  <si>
    <t>6445108.0</t>
  </si>
  <si>
    <t>4478982.0</t>
  </si>
  <si>
    <t>17679855.0</t>
  </si>
  <si>
    <t>6742154.0</t>
  </si>
  <si>
    <t>6447929.0</t>
  </si>
  <si>
    <t>4489772.0</t>
  </si>
  <si>
    <t>14535.0</t>
  </si>
  <si>
    <t>15346.0</t>
  </si>
  <si>
    <t>17693632.0</t>
  </si>
  <si>
    <t>6742949.0</t>
  </si>
  <si>
    <t>6450644.0</t>
  </si>
  <si>
    <t>4500039.0</t>
  </si>
  <si>
    <t>13777.0</t>
  </si>
  <si>
    <t>236.27</t>
  </si>
  <si>
    <t>86.14</t>
  </si>
  <si>
    <t>17713475.0</t>
  </si>
  <si>
    <t>6744340.0</t>
  </si>
  <si>
    <t>6454936.0</t>
  </si>
  <si>
    <t>4514199.0</t>
  </si>
  <si>
    <t>13422.8</t>
  </si>
  <si>
    <t>-10.56</t>
  </si>
  <si>
    <t>1792.3682139732</t>
  </si>
  <si>
    <t>17721376.0</t>
  </si>
  <si>
    <t>6744872.0</t>
  </si>
  <si>
    <t>6456360.0</t>
  </si>
  <si>
    <t>4520144.0</t>
  </si>
  <si>
    <t>236.64</t>
  </si>
  <si>
    <t>17721501.0</t>
  </si>
  <si>
    <t>6744884.0</t>
  </si>
  <si>
    <t>6456390.0</t>
  </si>
  <si>
    <t>4520227.0</t>
  </si>
  <si>
    <t>17731715.0</t>
  </si>
  <si>
    <t>6745420.0</t>
  </si>
  <si>
    <t>6458347.0</t>
  </si>
  <si>
    <t>4527948.0</t>
  </si>
  <si>
    <t>17747264.0</t>
  </si>
  <si>
    <t>6746415.0</t>
  </si>
  <si>
    <t>6461509.0</t>
  </si>
  <si>
    <t>4539340.0</t>
  </si>
  <si>
    <t>17759873.0</t>
  </si>
  <si>
    <t>6747202.0</t>
  </si>
  <si>
    <t>6463875.0</t>
  </si>
  <si>
    <t>4548796.0</t>
  </si>
  <si>
    <t>237.15</t>
  </si>
  <si>
    <t>17771424.0</t>
  </si>
  <si>
    <t>6747955.0</t>
  </si>
  <si>
    <t>6465826.0</t>
  </si>
  <si>
    <t>4557643.0</t>
  </si>
  <si>
    <t>237.3</t>
  </si>
  <si>
    <t>17783635.0</t>
  </si>
  <si>
    <t>6748727.0</t>
  </si>
  <si>
    <t>6467963.0</t>
  </si>
  <si>
    <t>4566945.0</t>
  </si>
  <si>
    <t>17801489.0</t>
  </si>
  <si>
    <t>6750082.0</t>
  </si>
  <si>
    <t>6471450.0</t>
  </si>
  <si>
    <t>4579957.0</t>
  </si>
  <si>
    <t>17817632.0</t>
  </si>
  <si>
    <t>6751202.0</t>
  </si>
  <si>
    <t>6474534.0</t>
  </si>
  <si>
    <t>4591896.0</t>
  </si>
  <si>
    <t>16143.0</t>
  </si>
  <si>
    <t>237.92</t>
  </si>
  <si>
    <t>17824662.0</t>
  </si>
  <si>
    <t>6751604.0</t>
  </si>
  <si>
    <t>6475759.0</t>
  </si>
  <si>
    <t>4597299.0</t>
  </si>
  <si>
    <t>17838171.0</t>
  </si>
  <si>
    <t>6752543.0</t>
  </si>
  <si>
    <t>6478361.0</t>
  </si>
  <si>
    <t>4607267.0</t>
  </si>
  <si>
    <t>17850154.0</t>
  </si>
  <si>
    <t>6753253.0</t>
  </si>
  <si>
    <t>6480321.0</t>
  </si>
  <si>
    <t>4616580.0</t>
  </si>
  <si>
    <t>17860994.0</t>
  </si>
  <si>
    <t>6753976.0</t>
  </si>
  <si>
    <t>6482253.0</t>
  </si>
  <si>
    <t>4624765.0</t>
  </si>
  <si>
    <t>238.5</t>
  </si>
  <si>
    <t>17872316.0</t>
  </si>
  <si>
    <t>6754736.0</t>
  </si>
  <si>
    <t>6484286.0</t>
  </si>
  <si>
    <t>4633294.0</t>
  </si>
  <si>
    <t>17888109.0</t>
  </si>
  <si>
    <t>6755947.0</t>
  </si>
  <si>
    <t>6487279.0</t>
  </si>
  <si>
    <t>4644883.0</t>
  </si>
  <si>
    <t>17903465.0</t>
  </si>
  <si>
    <t>6757112.0</t>
  </si>
  <si>
    <t>6490318.0</t>
  </si>
  <si>
    <t>4656035.0</t>
  </si>
  <si>
    <t>239.07</t>
  </si>
  <si>
    <t>17910797.0</t>
  </si>
  <si>
    <t>6757546.0</t>
  </si>
  <si>
    <t>6491465.0</t>
  </si>
  <si>
    <t>4661786.0</t>
  </si>
  <si>
    <t>239.17</t>
  </si>
  <si>
    <t>17923078.0</t>
  </si>
  <si>
    <t>6758357.0</t>
  </si>
  <si>
    <t>6493767.0</t>
  </si>
  <si>
    <t>239.33</t>
  </si>
  <si>
    <t>17934866.0</t>
  </si>
  <si>
    <t>6759132.0</t>
  </si>
  <si>
    <t>6495599.0</t>
  </si>
  <si>
    <t>4680135.0</t>
  </si>
  <si>
    <t>12102.0</t>
  </si>
  <si>
    <t>17945433.0</t>
  </si>
  <si>
    <t>6759814.0</t>
  </si>
  <si>
    <t>6497291.0</t>
  </si>
  <si>
    <t>4688328.0</t>
  </si>
  <si>
    <t>239.63</t>
  </si>
  <si>
    <t>17956077.0</t>
  </si>
  <si>
    <t>6760479.0</t>
  </si>
  <si>
    <t>6498949.0</t>
  </si>
  <si>
    <t>4696649.0</t>
  </si>
  <si>
    <t>17971242.0</t>
  </si>
  <si>
    <t>6761621.0</t>
  </si>
  <si>
    <t>6501330.0</t>
  </si>
  <si>
    <t>4708291.0</t>
  </si>
  <si>
    <t>239.97</t>
  </si>
  <si>
    <t>17985496.0</t>
  </si>
  <si>
    <t>6762493.0</t>
  </si>
  <si>
    <t>6503510.0</t>
  </si>
  <si>
    <t>4719493.0</t>
  </si>
  <si>
    <t>17992356.0</t>
  </si>
  <si>
    <t>6762875.0</t>
  </si>
  <si>
    <t>6504537.0</t>
  </si>
  <si>
    <t>4724944.0</t>
  </si>
  <si>
    <t>11651.0</t>
  </si>
  <si>
    <t>240.25</t>
  </si>
  <si>
    <t>18005087.0</t>
  </si>
  <si>
    <t>6763613.0</t>
  </si>
  <si>
    <t>6506339.0</t>
  </si>
  <si>
    <t>4735135.0</t>
  </si>
  <si>
    <t>240.42</t>
  </si>
  <si>
    <t>18016114.0</t>
  </si>
  <si>
    <t>6764303.0</t>
  </si>
  <si>
    <t>6507962.0</t>
  </si>
  <si>
    <t>4743849.0</t>
  </si>
  <si>
    <t>18028329.0</t>
  </si>
  <si>
    <t>6764984.0</t>
  </si>
  <si>
    <t>6509732.0</t>
  </si>
  <si>
    <t>4753613.0</t>
  </si>
  <si>
    <t>18040751.0</t>
  </si>
  <si>
    <t>6765707.0</t>
  </si>
  <si>
    <t>6511703.0</t>
  </si>
  <si>
    <t>4763341.0</t>
  </si>
  <si>
    <t>18056428.0</t>
  </si>
  <si>
    <t>6766717.0</t>
  </si>
  <si>
    <t>6513960.0</t>
  </si>
  <si>
    <t>4775751.0</t>
  </si>
  <si>
    <t>18070790.0</t>
  </si>
  <si>
    <t>6767572.0</t>
  </si>
  <si>
    <t>6515911.0</t>
  </si>
  <si>
    <t>4787307.0</t>
  </si>
  <si>
    <t>18077866.0</t>
  </si>
  <si>
    <t>6767944.0</t>
  </si>
  <si>
    <t>6516819.0</t>
  </si>
  <si>
    <t>4793103.0</t>
  </si>
  <si>
    <t>13313.4</t>
  </si>
  <si>
    <t>1777.75985486715</t>
  </si>
  <si>
    <t>18090506.0</t>
  </si>
  <si>
    <t>6768757.0</t>
  </si>
  <si>
    <t>6518440.0</t>
  </si>
  <si>
    <t>4803309.0</t>
  </si>
  <si>
    <t>18102636.0</t>
  </si>
  <si>
    <t>6769524.0</t>
  </si>
  <si>
    <t>6520032.0</t>
  </si>
  <si>
    <t>4813080.0</t>
  </si>
  <si>
    <t>18115449.0</t>
  </si>
  <si>
    <t>6770246.0</t>
  </si>
  <si>
    <t>6521601.0</t>
  </si>
  <si>
    <t>4823602.0</t>
  </si>
  <si>
    <t>18129757.0</t>
  </si>
  <si>
    <t>6523205.0</t>
  </si>
  <si>
    <t>4835354.0</t>
  </si>
  <si>
    <t>18148620.0</t>
  </si>
  <si>
    <t>6772601.0</t>
  </si>
  <si>
    <t>6525440.0</t>
  </si>
  <si>
    <t>4850579.0</t>
  </si>
  <si>
    <t>18863.0</t>
  </si>
  <si>
    <t>18168137.0</t>
  </si>
  <si>
    <t>6774137.0</t>
  </si>
  <si>
    <t>6527662.0</t>
  </si>
  <si>
    <t>4866338.0</t>
  </si>
  <si>
    <t>18179089.0</t>
  </si>
  <si>
    <t>6774951.0</t>
  </si>
  <si>
    <t>6528764.0</t>
  </si>
  <si>
    <t>4875374.0</t>
  </si>
  <si>
    <t>242.75</t>
  </si>
  <si>
    <t>18198040.0</t>
  </si>
  <si>
    <t>6776284.0</t>
  </si>
  <si>
    <t>6530696.0</t>
  </si>
  <si>
    <t>4891060.0</t>
  </si>
  <si>
    <t>18213140.0</t>
  </si>
  <si>
    <t>6777355.0</t>
  </si>
  <si>
    <t>6532354.0</t>
  </si>
  <si>
    <t>4903431.0</t>
  </si>
  <si>
    <t>18226721.0</t>
  </si>
  <si>
    <t>6778274.0</t>
  </si>
  <si>
    <t>6533732.0</t>
  </si>
  <si>
    <t>4914715.0</t>
  </si>
  <si>
    <t>243.38</t>
  </si>
  <si>
    <t>18241981.0</t>
  </si>
  <si>
    <t>6779285.0</t>
  </si>
  <si>
    <t>6535473.0</t>
  </si>
  <si>
    <t>4927223.0</t>
  </si>
  <si>
    <t>18261219.0</t>
  </si>
  <si>
    <t>6780709.0</t>
  </si>
  <si>
    <t>6537642.0</t>
  </si>
  <si>
    <t>4942868.0</t>
  </si>
  <si>
    <t>18281661.0</t>
  </si>
  <si>
    <t>6782313.0</t>
  </si>
  <si>
    <t>6539999.0</t>
  </si>
  <si>
    <t>4959349.0</t>
  </si>
  <si>
    <t>20442.0</t>
  </si>
  <si>
    <t>244.12</t>
  </si>
  <si>
    <t>18293830.0</t>
  </si>
  <si>
    <t>6783321.0</t>
  </si>
  <si>
    <t>6541377.0</t>
  </si>
  <si>
    <t>4969132.0</t>
  </si>
  <si>
    <t>18315207.0</t>
  </si>
  <si>
    <t>6785163.0</t>
  </si>
  <si>
    <t>6543993.0</t>
  </si>
  <si>
    <t>4986051.0</t>
  </si>
  <si>
    <t>21377.0</t>
  </si>
  <si>
    <t>244.57</t>
  </si>
  <si>
    <t>18335843.0</t>
  </si>
  <si>
    <t>6787348.0</t>
  </si>
  <si>
    <t>6546513.0</t>
  </si>
  <si>
    <t>5001982.0</t>
  </si>
  <si>
    <t>244.84</t>
  </si>
  <si>
    <t>18353052.0</t>
  </si>
  <si>
    <t>6789080.0</t>
  </si>
  <si>
    <t>6548448.0</t>
  </si>
  <si>
    <t>5015524.0</t>
  </si>
  <si>
    <t>17209.0</t>
  </si>
  <si>
    <t>18373361.0</t>
  </si>
  <si>
    <t>6790954.0</t>
  </si>
  <si>
    <t>6550935.0</t>
  </si>
  <si>
    <t>5031472.0</t>
  </si>
  <si>
    <t>245.34</t>
  </si>
  <si>
    <t>18395421.0</t>
  </si>
  <si>
    <t>6793026.0</t>
  </si>
  <si>
    <t>6553655.0</t>
  </si>
  <si>
    <t>5048740.0</t>
  </si>
  <si>
    <t>245.64</t>
  </si>
  <si>
    <t>18418830.0</t>
  </si>
  <si>
    <t>6795288.0</t>
  </si>
  <si>
    <t>6556556.0</t>
  </si>
  <si>
    <t>5066986.0</t>
  </si>
  <si>
    <t>245.95</t>
  </si>
  <si>
    <t>18433483.0</t>
  </si>
  <si>
    <t>6796654.0</t>
  </si>
  <si>
    <t>6558299.0</t>
  </si>
  <si>
    <t>5078530.0</t>
  </si>
  <si>
    <t>14653.0</t>
  </si>
  <si>
    <t>246.15</t>
  </si>
  <si>
    <t>18455546.0</t>
  </si>
  <si>
    <t>6798656.0</t>
  </si>
  <si>
    <t>6561088.0</t>
  </si>
  <si>
    <t>5095802.0</t>
  </si>
  <si>
    <t>246.44</t>
  </si>
  <si>
    <t>18475002.0</t>
  </si>
  <si>
    <t>6800443.0</t>
  </si>
  <si>
    <t>6563636.0</t>
  </si>
  <si>
    <t>5110923.0</t>
  </si>
  <si>
    <t>19456.0</t>
  </si>
  <si>
    <t>246.7</t>
  </si>
  <si>
    <t>18494233.0</t>
  </si>
  <si>
    <t>6802089.0</t>
  </si>
  <si>
    <t>6566080.0</t>
  </si>
  <si>
    <t>5126064.0</t>
  </si>
  <si>
    <t>246.96</t>
  </si>
  <si>
    <t>18505722.0</t>
  </si>
  <si>
    <t>6803008.0</t>
  </si>
  <si>
    <t>6567621.0</t>
  </si>
  <si>
    <t>5135093.0</t>
  </si>
  <si>
    <t>247.11</t>
  </si>
  <si>
    <t>18531193.0</t>
  </si>
  <si>
    <t>6805114.0</t>
  </si>
  <si>
    <t>6570955.0</t>
  </si>
  <si>
    <t>5155124.0</t>
  </si>
  <si>
    <t>247.45</t>
  </si>
  <si>
    <t>18559379.0</t>
  </si>
  <si>
    <t>6807522.0</t>
  </si>
  <si>
    <t>6574976.0</t>
  </si>
  <si>
    <t>5176881.0</t>
  </si>
  <si>
    <t>28186.0</t>
  </si>
  <si>
    <t>20078.0</t>
  </si>
  <si>
    <t>247.83</t>
  </si>
  <si>
    <t>18577954.0</t>
  </si>
  <si>
    <t>6808944.0</t>
  </si>
  <si>
    <t>6577446.0</t>
  </si>
  <si>
    <t>5191564.0</t>
  </si>
  <si>
    <t>20639.0</t>
  </si>
  <si>
    <t>248.07</t>
  </si>
  <si>
    <t>18607959.0</t>
  </si>
  <si>
    <t>6811221.0</t>
  </si>
  <si>
    <t>6581780.0</t>
  </si>
  <si>
    <t>5214958.0</t>
  </si>
  <si>
    <t>21773.0</t>
  </si>
  <si>
    <t>248.48</t>
  </si>
  <si>
    <t>18635310.0</t>
  </si>
  <si>
    <t>6813332.0</t>
  </si>
  <si>
    <t>6585719.0</t>
  </si>
  <si>
    <t>5236259.0</t>
  </si>
  <si>
    <t>27351.0</t>
  </si>
  <si>
    <t>248.84</t>
  </si>
  <si>
    <t>18659924.0</t>
  </si>
  <si>
    <t>6814969.0</t>
  </si>
  <si>
    <t>6588890.0</t>
  </si>
  <si>
    <t>5256065.0</t>
  </si>
  <si>
    <t>24614.0</t>
  </si>
  <si>
    <t>13546.6</t>
  </si>
  <si>
    <t>1808.8994283912</t>
  </si>
  <si>
    <t>18686540.0</t>
  </si>
  <si>
    <t>6816667.0</t>
  </si>
  <si>
    <t>6591981.0</t>
  </si>
  <si>
    <t>5277892.0</t>
  </si>
  <si>
    <t>249.52</t>
  </si>
  <si>
    <t>18721315.0</t>
  </si>
  <si>
    <t>6819198.0</t>
  </si>
  <si>
    <t>6596787.0</t>
  </si>
  <si>
    <t>5305330.0</t>
  </si>
  <si>
    <t>34775.0</t>
  </si>
  <si>
    <t>249.99</t>
  </si>
  <si>
    <t>18759024.0</t>
  </si>
  <si>
    <t>6821948.0</t>
  </si>
  <si>
    <t>6602653.0</t>
  </si>
  <si>
    <t>5334423.0</t>
  </si>
  <si>
    <t>37709.0</t>
  </si>
  <si>
    <t>250.49</t>
  </si>
  <si>
    <t>18780165.0</t>
  </si>
  <si>
    <t>6823154.0</t>
  </si>
  <si>
    <t>6605580.0</t>
  </si>
  <si>
    <t>5351431.0</t>
  </si>
  <si>
    <t>250.77</t>
  </si>
  <si>
    <t>18811635.0</t>
  </si>
  <si>
    <t>6824932.0</t>
  </si>
  <si>
    <t>6609682.0</t>
  </si>
  <si>
    <t>5377021.0</t>
  </si>
  <si>
    <t>31470.0</t>
  </si>
  <si>
    <t>29097.0</t>
  </si>
  <si>
    <t>251.19</t>
  </si>
  <si>
    <t>18840286.0</t>
  </si>
  <si>
    <t>6826653.0</t>
  </si>
  <si>
    <t>6613383.0</t>
  </si>
  <si>
    <t>5400250.0</t>
  </si>
  <si>
    <t>28651.0</t>
  </si>
  <si>
    <t>18866212.0</t>
  </si>
  <si>
    <t>6828223.0</t>
  </si>
  <si>
    <t>6616767.0</t>
  </si>
  <si>
    <t>5421222.0</t>
  </si>
  <si>
    <t>251.92</t>
  </si>
  <si>
    <t>18894111.0</t>
  </si>
  <si>
    <t>6830040.0</t>
  </si>
  <si>
    <t>6620820.0</t>
  </si>
  <si>
    <t>5443251.0</t>
  </si>
  <si>
    <t>252.3</t>
  </si>
  <si>
    <t>18930739.0</t>
  </si>
  <si>
    <t>6832983.0</t>
  </si>
  <si>
    <t>6626575.0</t>
  </si>
  <si>
    <t>5471181.0</t>
  </si>
  <si>
    <t>36628.0</t>
  </si>
  <si>
    <t>29918.0</t>
  </si>
  <si>
    <t>18964103.0</t>
  </si>
  <si>
    <t>6835656.0</t>
  </si>
  <si>
    <t>6631916.0</t>
  </si>
  <si>
    <t>5496531.0</t>
  </si>
  <si>
    <t>33364.0</t>
  </si>
  <si>
    <t>253.23</t>
  </si>
  <si>
    <t>18988777.0</t>
  </si>
  <si>
    <t>6837429.0</t>
  </si>
  <si>
    <t>6635408.0</t>
  </si>
  <si>
    <t>5515940.0</t>
  </si>
  <si>
    <t>24674.0</t>
  </si>
  <si>
    <t>253.56</t>
  </si>
  <si>
    <t>19006627.0</t>
  </si>
  <si>
    <t>6838698.0</t>
  </si>
  <si>
    <t>6638034.0</t>
  </si>
  <si>
    <t>5529895.0</t>
  </si>
  <si>
    <t>19041243.0</t>
  </si>
  <si>
    <t>6840734.0</t>
  </si>
  <si>
    <t>6643113.0</t>
  </si>
  <si>
    <t>5557396.0</t>
  </si>
  <si>
    <t>34616.0</t>
  </si>
  <si>
    <t>254.26</t>
  </si>
  <si>
    <t>19068610.0</t>
  </si>
  <si>
    <t>6842363.0</t>
  </si>
  <si>
    <t>6646790.0</t>
  </si>
  <si>
    <t>5579457.0</t>
  </si>
  <si>
    <t>28914.0</t>
  </si>
  <si>
    <t>254.63</t>
  </si>
  <si>
    <t>19096679.0</t>
  </si>
  <si>
    <t>6844104.0</t>
  </si>
  <si>
    <t>6650646.0</t>
  </si>
  <si>
    <t>5601929.0</t>
  </si>
  <si>
    <t>28069.0</t>
  </si>
  <si>
    <t>19131582.0</t>
  </si>
  <si>
    <t>6846962.0</t>
  </si>
  <si>
    <t>6655832.0</t>
  </si>
  <si>
    <t>5628788.0</t>
  </si>
  <si>
    <t>34903.0</t>
  </si>
  <si>
    <t>19168859.0</t>
  </si>
  <si>
    <t>6850076.0</t>
  </si>
  <si>
    <t>6661918.0</t>
  </si>
  <si>
    <t>5656865.0</t>
  </si>
  <si>
    <t>255.96</t>
  </si>
  <si>
    <t>19187224.0</t>
  </si>
  <si>
    <t>6851395.0</t>
  </si>
  <si>
    <t>6664682.0</t>
  </si>
  <si>
    <t>5671147.0</t>
  </si>
  <si>
    <t>18365.0</t>
  </si>
  <si>
    <t>256.21</t>
  </si>
  <si>
    <t>19213033.0</t>
  </si>
  <si>
    <t>6852940.0</t>
  </si>
  <si>
    <t>6668075.0</t>
  </si>
  <si>
    <t>5692018.0</t>
  </si>
  <si>
    <t>256.55</t>
  </si>
  <si>
    <t>19233934.0</t>
  </si>
  <si>
    <t>6854190.0</t>
  </si>
  <si>
    <t>6670713.0</t>
  </si>
  <si>
    <t>5709031.0</t>
  </si>
  <si>
    <t>20901.0</t>
  </si>
  <si>
    <t>256.83</t>
  </si>
  <si>
    <t>19252800.0</t>
  </si>
  <si>
    <t>6855297.0</t>
  </si>
  <si>
    <t>6672978.0</t>
  </si>
  <si>
    <t>5724525.0</t>
  </si>
  <si>
    <t>26313.0</t>
  </si>
  <si>
    <t>257.09</t>
  </si>
  <si>
    <t>19273245.0</t>
  </si>
  <si>
    <t>6856652.0</t>
  </si>
  <si>
    <t>6675358.0</t>
  </si>
  <si>
    <t>5741235.0</t>
  </si>
  <si>
    <t>25224.0</t>
  </si>
  <si>
    <t>257.36</t>
  </si>
  <si>
    <t>19300979.0</t>
  </si>
  <si>
    <t>6859094.0</t>
  </si>
  <si>
    <t>6679391.0</t>
  </si>
  <si>
    <t>5762494.0</t>
  </si>
  <si>
    <t>27734.0</t>
  </si>
  <si>
    <t>257.73</t>
  </si>
  <si>
    <t>19330121.0</t>
  </si>
  <si>
    <t>6861646.0</t>
  </si>
  <si>
    <t>6683710.0</t>
  </si>
  <si>
    <t>5784765.0</t>
  </si>
  <si>
    <t>23037.0</t>
  </si>
  <si>
    <t>258.12</t>
  </si>
  <si>
    <t>19344059.0</t>
  </si>
  <si>
    <t>6862800.0</t>
  </si>
  <si>
    <t>6685617.0</t>
  </si>
  <si>
    <t>5795642.0</t>
  </si>
  <si>
    <t>22405.0</t>
  </si>
  <si>
    <t>19362587.0</t>
  </si>
  <si>
    <t>6864044.0</t>
  </si>
  <si>
    <t>6687813.0</t>
  </si>
  <si>
    <t>5810730.0</t>
  </si>
  <si>
    <t>258.55</t>
  </si>
  <si>
    <t>19380290.0</t>
  </si>
  <si>
    <t>6865252.0</t>
  </si>
  <si>
    <t>6689916.0</t>
  </si>
  <si>
    <t>5825122.0</t>
  </si>
  <si>
    <t>258.79</t>
  </si>
  <si>
    <t>19396934.0</t>
  </si>
  <si>
    <t>6866439.0</t>
  </si>
  <si>
    <t>6691929.0</t>
  </si>
  <si>
    <t>5838566.0</t>
  </si>
  <si>
    <t>259.01</t>
  </si>
  <si>
    <t>19415269.0</t>
  </si>
  <si>
    <t>6868076.0</t>
  </si>
  <si>
    <t>6694269.0</t>
  </si>
  <si>
    <t>5852924.0</t>
  </si>
  <si>
    <t>259.26</t>
  </si>
  <si>
    <t>19450493.0</t>
  </si>
  <si>
    <t>6871264.0</t>
  </si>
  <si>
    <t>6698462.0</t>
  </si>
  <si>
    <t>5880767.0</t>
  </si>
  <si>
    <t>21359.0</t>
  </si>
  <si>
    <t>259.73</t>
  </si>
  <si>
    <t>19479565.0</t>
  </si>
  <si>
    <t>6873283.0</t>
  </si>
  <si>
    <t>6701661.0</t>
  </si>
  <si>
    <t>5904621.0</t>
  </si>
  <si>
    <t>21349.0</t>
  </si>
  <si>
    <t>260.11</t>
  </si>
  <si>
    <t>19497027.0</t>
  </si>
  <si>
    <t>6874182.0</t>
  </si>
  <si>
    <t>6703494.0</t>
  </si>
  <si>
    <t>5919351.0</t>
  </si>
  <si>
    <t>260.35</t>
  </si>
  <si>
    <t>19524466.0</t>
  </si>
  <si>
    <t>6875668.0</t>
  </si>
  <si>
    <t>6706496.0</t>
  </si>
  <si>
    <t>5942302.0</t>
  </si>
  <si>
    <t>27439.0</t>
  </si>
  <si>
    <t>260.71</t>
  </si>
  <si>
    <t>19534010.0</t>
  </si>
  <si>
    <t>6876154.0</t>
  </si>
  <si>
    <t>6707422.0</t>
  </si>
  <si>
    <t>5950434.0</t>
  </si>
  <si>
    <t>21960.0</t>
  </si>
  <si>
    <t>260.84</t>
  </si>
  <si>
    <t>19549433.0</t>
  </si>
  <si>
    <t>6876770.0</t>
  </si>
  <si>
    <t>6709060.0</t>
  </si>
  <si>
    <t>5963603.0</t>
  </si>
  <si>
    <t>261.05</t>
  </si>
  <si>
    <t>19564108.0</t>
  </si>
  <si>
    <t>6877407.0</t>
  </si>
  <si>
    <t>6710559.0</t>
  </si>
  <si>
    <t>5976142.0</t>
  </si>
  <si>
    <t>261.24</t>
  </si>
  <si>
    <t>19582000.0</t>
  </si>
  <si>
    <t>6878358.0</t>
  </si>
  <si>
    <t>6712785.0</t>
  </si>
  <si>
    <t>5990857.0</t>
  </si>
  <si>
    <t>261.48</t>
  </si>
  <si>
    <t>19600358.0</t>
  </si>
  <si>
    <t>6879287.0</t>
  </si>
  <si>
    <t>6715153.0</t>
  </si>
  <si>
    <t>6005918.0</t>
  </si>
  <si>
    <t>261.73</t>
  </si>
  <si>
    <t>19608613.0</t>
  </si>
  <si>
    <t>6879658.0</t>
  </si>
  <si>
    <t>6716179.0</t>
  </si>
  <si>
    <t>6012776.0</t>
  </si>
  <si>
    <t>15941.0</t>
  </si>
  <si>
    <t>261.84</t>
  </si>
  <si>
    <t>19623289.0</t>
  </si>
  <si>
    <t>6880278.0</t>
  </si>
  <si>
    <t>6717472.0</t>
  </si>
  <si>
    <t>6025539.0</t>
  </si>
  <si>
    <t>262.03</t>
  </si>
  <si>
    <t>19636015.0</t>
  </si>
  <si>
    <t>6880806.0</t>
  </si>
  <si>
    <t>6718720.0</t>
  </si>
  <si>
    <t>6036489.0</t>
  </si>
  <si>
    <t>14572.0</t>
  </si>
  <si>
    <t>262.2</t>
  </si>
  <si>
    <t>19647205.0</t>
  </si>
  <si>
    <t>6881228.0</t>
  </si>
  <si>
    <t>6719747.0</t>
  </si>
  <si>
    <t>6046230.0</t>
  </si>
  <si>
    <t>11190.0</t>
  </si>
  <si>
    <t>262.35</t>
  </si>
  <si>
    <t>19658625.0</t>
  </si>
  <si>
    <t>6881723.0</t>
  </si>
  <si>
    <t>6720914.0</t>
  </si>
  <si>
    <t>6055988.0</t>
  </si>
  <si>
    <t>19672412.0</t>
  </si>
  <si>
    <t>6882428.0</t>
  </si>
  <si>
    <t>6722641.0</t>
  </si>
  <si>
    <t>6067343.0</t>
  </si>
  <si>
    <t>262.69</t>
  </si>
  <si>
    <t>19687061.0</t>
  </si>
  <si>
    <t>6883052.0</t>
  </si>
  <si>
    <t>6724675.0</t>
  </si>
  <si>
    <t>6079334.0</t>
  </si>
  <si>
    <t>262.88</t>
  </si>
  <si>
    <t>19694123.0</t>
  </si>
  <si>
    <t>6883329.0</t>
  </si>
  <si>
    <t>6725479.0</t>
  </si>
  <si>
    <t>6085315.0</t>
  </si>
  <si>
    <t>262.98</t>
  </si>
  <si>
    <t>19704512.0</t>
  </si>
  <si>
    <t>6883759.0</t>
  </si>
  <si>
    <t>6726675.0</t>
  </si>
  <si>
    <t>6094078.0</t>
  </si>
  <si>
    <t>263.12</t>
  </si>
  <si>
    <t>19712776.0</t>
  </si>
  <si>
    <t>6884130.0</t>
  </si>
  <si>
    <t>6727510.0</t>
  </si>
  <si>
    <t>6101136.0</t>
  </si>
  <si>
    <t>263.23</t>
  </si>
  <si>
    <t>19721665.0</t>
  </si>
  <si>
    <t>6884518.0</t>
  </si>
  <si>
    <t>6728478.0</t>
  </si>
  <si>
    <t>6108669.0</t>
  </si>
  <si>
    <t>8889.0</t>
  </si>
  <si>
    <t>263.35</t>
  </si>
  <si>
    <t>19730367.0</t>
  </si>
  <si>
    <t>6884972.0</t>
  </si>
  <si>
    <t>6729440.0</t>
  </si>
  <si>
    <t>6115955.0</t>
  </si>
  <si>
    <t>263.46</t>
  </si>
  <si>
    <t>19740988.0</t>
  </si>
  <si>
    <t>6885526.0</t>
  </si>
  <si>
    <t>6730907.0</t>
  </si>
  <si>
    <t>6124555.0</t>
  </si>
  <si>
    <t>263.6</t>
  </si>
  <si>
    <t>19751937.0</t>
  </si>
  <si>
    <t>6886026.0</t>
  </si>
  <si>
    <t>6732488.0</t>
  </si>
  <si>
    <t>6133423.0</t>
  </si>
  <si>
    <t>263.75</t>
  </si>
  <si>
    <t>19757344.0</t>
  </si>
  <si>
    <t>6886298.0</t>
  </si>
  <si>
    <t>6733163.0</t>
  </si>
  <si>
    <t>6137883.0</t>
  </si>
  <si>
    <t>263.82</t>
  </si>
  <si>
    <t>19765397.0</t>
  </si>
  <si>
    <t>6886683.0</t>
  </si>
  <si>
    <t>6734048.0</t>
  </si>
  <si>
    <t>6144666.0</t>
  </si>
  <si>
    <t>263.93</t>
  </si>
  <si>
    <t>19772740.0</t>
  </si>
  <si>
    <t>6887078.0</t>
  </si>
  <si>
    <t>6734898.0</t>
  </si>
  <si>
    <t>6150764.0</t>
  </si>
  <si>
    <t>264.03</t>
  </si>
  <si>
    <t>19780173.0</t>
  </si>
  <si>
    <t>6887440.0</t>
  </si>
  <si>
    <t>6735727.0</t>
  </si>
  <si>
    <t>6157006.0</t>
  </si>
  <si>
    <t>264.13</t>
  </si>
  <si>
    <t>19787498.0</t>
  </si>
  <si>
    <t>6887822.0</t>
  </si>
  <si>
    <t>6736616.0</t>
  </si>
  <si>
    <t>6163060.0</t>
  </si>
  <si>
    <t>264.23</t>
  </si>
  <si>
    <t>19797339.0</t>
  </si>
  <si>
    <t>6888360.0</t>
  </si>
  <si>
    <t>6738107.0</t>
  </si>
  <si>
    <t>6170872.0</t>
  </si>
  <si>
    <t>9841.0</t>
  </si>
  <si>
    <t>264.36</t>
  </si>
  <si>
    <t>19806992.0</t>
  </si>
  <si>
    <t>6888834.0</t>
  </si>
  <si>
    <t>6739605.0</t>
  </si>
  <si>
    <t>6178553.0</t>
  </si>
  <si>
    <t>264.49</t>
  </si>
  <si>
    <t>19811714.0</t>
  </si>
  <si>
    <t>6740253.0</t>
  </si>
  <si>
    <t>6182460.0</t>
  </si>
  <si>
    <t>264.55</t>
  </si>
  <si>
    <t>19819144.0</t>
  </si>
  <si>
    <t>6741140.0</t>
  </si>
  <si>
    <t>6188636.0</t>
  </si>
  <si>
    <t>264.65</t>
  </si>
  <si>
    <t>19825237.0</t>
  </si>
  <si>
    <t>6889721.0</t>
  </si>
  <si>
    <t>6741834.0</t>
  </si>
  <si>
    <t>6193682.0</t>
  </si>
  <si>
    <t>264.73</t>
  </si>
  <si>
    <t>19827105.0</t>
  </si>
  <si>
    <t>6889804.0</t>
  </si>
  <si>
    <t>6742050.0</t>
  </si>
  <si>
    <t>6195251.0</t>
  </si>
  <si>
    <t>264.75</t>
  </si>
  <si>
    <t>19833713.0</t>
  </si>
  <si>
    <t>6890215.0</t>
  </si>
  <si>
    <t>6742948.0</t>
  </si>
  <si>
    <t>6200550.0</t>
  </si>
  <si>
    <t>264.84</t>
  </si>
  <si>
    <t>19841381.0</t>
  </si>
  <si>
    <t>6890651.0</t>
  </si>
  <si>
    <t>6744132.0</t>
  </si>
  <si>
    <t>6206598.0</t>
  </si>
  <si>
    <t>264.95</t>
  </si>
  <si>
    <t>19849072.0</t>
  </si>
  <si>
    <t>6891097.0</t>
  </si>
  <si>
    <t>6745395.0</t>
  </si>
  <si>
    <t>6212580.0</t>
  </si>
  <si>
    <t>19852572.0</t>
  </si>
  <si>
    <t>6891273.0</t>
  </si>
  <si>
    <t>6745997.0</t>
  </si>
  <si>
    <t>6215302.0</t>
  </si>
  <si>
    <t>265.09</t>
  </si>
  <si>
    <t>19858840.0</t>
  </si>
  <si>
    <t>6891637.0</t>
  </si>
  <si>
    <t>6746734.0</t>
  </si>
  <si>
    <t>6220469.0</t>
  </si>
  <si>
    <t>265.18</t>
  </si>
  <si>
    <t>19864591.0</t>
  </si>
  <si>
    <t>6892011.0</t>
  </si>
  <si>
    <t>6747442.0</t>
  </si>
  <si>
    <t>6225138.0</t>
  </si>
  <si>
    <t>265.26</t>
  </si>
  <si>
    <t>19870172.0</t>
  </si>
  <si>
    <t>6892378.0</t>
  </si>
  <si>
    <t>6748078.0</t>
  </si>
  <si>
    <t>6229716.0</t>
  </si>
  <si>
    <t>265.33</t>
  </si>
  <si>
    <t>19875937.0</t>
  </si>
  <si>
    <t>6748818.0</t>
  </si>
  <si>
    <t>6234300.0</t>
  </si>
  <si>
    <t>265.41</t>
  </si>
  <si>
    <t>19883363.0</t>
  </si>
  <si>
    <t>6893344.0</t>
  </si>
  <si>
    <t>6750038.0</t>
  </si>
  <si>
    <t>6239981.0</t>
  </si>
  <si>
    <t>19890284.0</t>
  </si>
  <si>
    <t>6893872.0</t>
  </si>
  <si>
    <t>6751279.0</t>
  </si>
  <si>
    <t>6245133.0</t>
  </si>
  <si>
    <t>265.6</t>
  </si>
  <si>
    <t>19893826.0</t>
  </si>
  <si>
    <t>6894256.0</t>
  </si>
  <si>
    <t>6751869.0</t>
  </si>
  <si>
    <t>6247701.0</t>
  </si>
  <si>
    <t>265.65</t>
  </si>
  <si>
    <t>19899778.0</t>
  </si>
  <si>
    <t>6894616.0</t>
  </si>
  <si>
    <t>6752627.0</t>
  </si>
  <si>
    <t>6252535.0</t>
  </si>
  <si>
    <t>265.72</t>
  </si>
  <si>
    <t>19904998.0</t>
  </si>
  <si>
    <t>6895017.0</t>
  </si>
  <si>
    <t>6753287.0</t>
  </si>
  <si>
    <t>6256694.0</t>
  </si>
  <si>
    <t>265.79</t>
  </si>
  <si>
    <t>19910020.0</t>
  </si>
  <si>
    <t>6895325.0</t>
  </si>
  <si>
    <t>6753980.0</t>
  </si>
  <si>
    <t>6260715.0</t>
  </si>
  <si>
    <t>265.86</t>
  </si>
  <si>
    <t>19914870.0</t>
  </si>
  <si>
    <t>6895653.0</t>
  </si>
  <si>
    <t>6754681.0</t>
  </si>
  <si>
    <t>6264536.0</t>
  </si>
  <si>
    <t>265.93</t>
  </si>
  <si>
    <t>19921760.0</t>
  </si>
  <si>
    <t>6896130.0</t>
  </si>
  <si>
    <t>6755904.0</t>
  </si>
  <si>
    <t>6269726.0</t>
  </si>
  <si>
    <t>266.02</t>
  </si>
  <si>
    <t>19928169.0</t>
  </si>
  <si>
    <t>6896611.0</t>
  </si>
  <si>
    <t>6757265.0</t>
  </si>
  <si>
    <t>6274293.0</t>
  </si>
  <si>
    <t>19931422.0</t>
  </si>
  <si>
    <t>6896953.0</t>
  </si>
  <si>
    <t>6757928.0</t>
  </si>
  <si>
    <t>6276541.0</t>
  </si>
  <si>
    <t>266.15</t>
  </si>
  <si>
    <t>19936568.0</t>
  </si>
  <si>
    <t>6897286.0</t>
  </si>
  <si>
    <t>6758627.0</t>
  </si>
  <si>
    <t>6280655.0</t>
  </si>
  <si>
    <t>266.22</t>
  </si>
  <si>
    <t>19941338.0</t>
  </si>
  <si>
    <t>6897659.0</t>
  </si>
  <si>
    <t>6759319.0</t>
  </si>
  <si>
    <t>6284360.0</t>
  </si>
  <si>
    <t>266.28</t>
  </si>
  <si>
    <t>19945734.0</t>
  </si>
  <si>
    <t>6897960.0</t>
  </si>
  <si>
    <t>6759929.0</t>
  </si>
  <si>
    <t>6287845.0</t>
  </si>
  <si>
    <t>266.34</t>
  </si>
  <si>
    <t>19949964.0</t>
  </si>
  <si>
    <t>6898248.0</t>
  </si>
  <si>
    <t>6760733.0</t>
  </si>
  <si>
    <t>6290983.0</t>
  </si>
  <si>
    <t>19956605.0</t>
  </si>
  <si>
    <t>6898698.0</t>
  </si>
  <si>
    <t>6762166.0</t>
  </si>
  <si>
    <t>6295741.0</t>
  </si>
  <si>
    <t>266.48</t>
  </si>
  <si>
    <t>19963093.0</t>
  </si>
  <si>
    <t>6899130.0</t>
  </si>
  <si>
    <t>6763842.0</t>
  </si>
  <si>
    <t>6300121.0</t>
  </si>
  <si>
    <t>266.57</t>
  </si>
  <si>
    <t>19966072.0</t>
  </si>
  <si>
    <t>6899331.0</t>
  </si>
  <si>
    <t>6764723.0</t>
  </si>
  <si>
    <t>6302018.0</t>
  </si>
  <si>
    <t>266.61</t>
  </si>
  <si>
    <t>19971814.0</t>
  </si>
  <si>
    <t>6899700.0</t>
  </si>
  <si>
    <t>6765773.0</t>
  </si>
  <si>
    <t>6306341.0</t>
  </si>
  <si>
    <t>266.69</t>
  </si>
  <si>
    <t>19976992.0</t>
  </si>
  <si>
    <t>6900026.0</t>
  </si>
  <si>
    <t>6766731.0</t>
  </si>
  <si>
    <t>6310235.0</t>
  </si>
  <si>
    <t>266.76</t>
  </si>
  <si>
    <t>19982738.0</t>
  </si>
  <si>
    <t>6900316.0</t>
  </si>
  <si>
    <t>6767708.0</t>
  </si>
  <si>
    <t>6314714.0</t>
  </si>
  <si>
    <t>266.83</t>
  </si>
  <si>
    <t>19994035.0</t>
  </si>
  <si>
    <t>6900600.0</t>
  </si>
  <si>
    <t>6768704.0</t>
  </si>
  <si>
    <t>6324731.0</t>
  </si>
  <si>
    <t>266.98</t>
  </si>
  <si>
    <t>20006608.0</t>
  </si>
  <si>
    <t>6900962.0</t>
  </si>
  <si>
    <t>6770058.0</t>
  </si>
  <si>
    <t>6335588.0</t>
  </si>
  <si>
    <t>267.15</t>
  </si>
  <si>
    <t>20020300.0</t>
  </si>
  <si>
    <t>6901367.0</t>
  </si>
  <si>
    <t>6771539.0</t>
  </si>
  <si>
    <t>6347394.0</t>
  </si>
  <si>
    <t>267.33</t>
  </si>
  <si>
    <t>20027696.0</t>
  </si>
  <si>
    <t>6901621.0</t>
  </si>
  <si>
    <t>6772255.0</t>
  </si>
  <si>
    <t>6353820.0</t>
  </si>
  <si>
    <t>267.43</t>
  </si>
  <si>
    <t>20040050.0</t>
  </si>
  <si>
    <t>6901911.0</t>
  </si>
  <si>
    <t>6773100.0</t>
  </si>
  <si>
    <t>6365039.0</t>
  </si>
  <si>
    <t>267.6</t>
  </si>
  <si>
    <t>20050160.0</t>
  </si>
  <si>
    <t>6902202.0</t>
  </si>
  <si>
    <t>6773788.0</t>
  </si>
  <si>
    <t>6374170.0</t>
  </si>
  <si>
    <t>267.73</t>
  </si>
  <si>
    <t>20059577.0</t>
  </si>
  <si>
    <t>6902458.0</t>
  </si>
  <si>
    <t>6774449.0</t>
  </si>
  <si>
    <t>6382670.0</t>
  </si>
  <si>
    <t>267.86</t>
  </si>
  <si>
    <t>20070035.0</t>
  </si>
  <si>
    <t>6902742.0</t>
  </si>
  <si>
    <t>6775269.0</t>
  </si>
  <si>
    <t>6392024.0</t>
  </si>
  <si>
    <t>20083462.0</t>
  </si>
  <si>
    <t>6903132.0</t>
  </si>
  <si>
    <t>6776464.0</t>
  </si>
  <si>
    <t>6403866.0</t>
  </si>
  <si>
    <t>268.18</t>
  </si>
  <si>
    <t>20095887.0</t>
  </si>
  <si>
    <t>6903481.0</t>
  </si>
  <si>
    <t>6777560.0</t>
  </si>
  <si>
    <t>6414846.0</t>
  </si>
  <si>
    <t>268.34</t>
  </si>
  <si>
    <t>20102455.0</t>
  </si>
  <si>
    <t>6903691.0</t>
  </si>
  <si>
    <t>6778032.0</t>
  </si>
  <si>
    <t>6420732.0</t>
  </si>
  <si>
    <t>268.43</t>
  </si>
  <si>
    <t>20114297.0</t>
  </si>
  <si>
    <t>6903988.0</t>
  </si>
  <si>
    <t>6778710.0</t>
  </si>
  <si>
    <t>6431599.0</t>
  </si>
  <si>
    <t>268.59</t>
  </si>
  <si>
    <t>20123770.0</t>
  </si>
  <si>
    <t>6904244.0</t>
  </si>
  <si>
    <t>6779291.0</t>
  </si>
  <si>
    <t>6440235.0</t>
  </si>
  <si>
    <t>9473.0</t>
  </si>
  <si>
    <t>268.72</t>
  </si>
  <si>
    <t>20132511.0</t>
  </si>
  <si>
    <t>6904432.0</t>
  </si>
  <si>
    <t>6779762.0</t>
  </si>
  <si>
    <t>6448317.0</t>
  </si>
  <si>
    <t>268.83</t>
  </si>
  <si>
    <t>20140735.0</t>
  </si>
  <si>
    <t>6904629.0</t>
  </si>
  <si>
    <t>6780340.0</t>
  </si>
  <si>
    <t>6455766.0</t>
  </si>
  <si>
    <t>268.94</t>
  </si>
  <si>
    <t>20154972.0</t>
  </si>
  <si>
    <t>6904884.0</t>
  </si>
  <si>
    <t>6781020.0</t>
  </si>
  <si>
    <t>6469068.0</t>
  </si>
  <si>
    <t>20166192.0</t>
  </si>
  <si>
    <t>6905116.0</t>
  </si>
  <si>
    <t>6781621.0</t>
  </si>
  <si>
    <t>6479455.0</t>
  </si>
  <si>
    <t>10044.0</t>
  </si>
  <si>
    <t>269.28</t>
  </si>
  <si>
    <t>20172233.0</t>
  </si>
  <si>
    <t>6905260.0</t>
  </si>
  <si>
    <t>6781909.0</t>
  </si>
  <si>
    <t>6485064.0</t>
  </si>
  <si>
    <t>269.36</t>
  </si>
  <si>
    <t>20183646.0</t>
  </si>
  <si>
    <t>6905452.0</t>
  </si>
  <si>
    <t>6782407.0</t>
  </si>
  <si>
    <t>6495787.0</t>
  </si>
  <si>
    <t>9907.0</t>
  </si>
  <si>
    <t>269.52</t>
  </si>
  <si>
    <t>20194155.0</t>
  </si>
  <si>
    <t>6905707.0</t>
  </si>
  <si>
    <t>6782898.0</t>
  </si>
  <si>
    <t>6505550.0</t>
  </si>
  <si>
    <t>269.66</t>
  </si>
  <si>
    <t>86.87</t>
  </si>
  <si>
    <t>20204718.0</t>
  </si>
  <si>
    <t>6905911.0</t>
  </si>
  <si>
    <t>6783445.0</t>
  </si>
  <si>
    <t>6515362.0</t>
  </si>
  <si>
    <t>20213974.0</t>
  </si>
  <si>
    <t>6906137.0</t>
  </si>
  <si>
    <t>6783859.0</t>
  </si>
  <si>
    <t>6523978.0</t>
  </si>
  <si>
    <t>269.92</t>
  </si>
  <si>
    <t>20227937.0</t>
  </si>
  <si>
    <t>6906430.0</t>
  </si>
  <si>
    <t>6784547.0</t>
  </si>
  <si>
    <t>6536960.0</t>
  </si>
  <si>
    <t>270.11</t>
  </si>
  <si>
    <t>20238791.0</t>
  </si>
  <si>
    <t>6906646.0</t>
  </si>
  <si>
    <t>6784969.0</t>
  </si>
  <si>
    <t>6547176.0</t>
  </si>
  <si>
    <t>270.25</t>
  </si>
  <si>
    <t>20245703.0</t>
  </si>
  <si>
    <t>6906755.0</t>
  </si>
  <si>
    <t>6785117.0</t>
  </si>
  <si>
    <t>6553831.0</t>
  </si>
  <si>
    <t>270.34</t>
  </si>
  <si>
    <t>20253035.0</t>
  </si>
  <si>
    <t>6906867.0</t>
  </si>
  <si>
    <t>6785282.0</t>
  </si>
  <si>
    <t>6560886.0</t>
  </si>
  <si>
    <t>270.44</t>
  </si>
  <si>
    <t>20260640.0</t>
  </si>
  <si>
    <t>6907133.0</t>
  </si>
  <si>
    <t>6785520.0</t>
  </si>
  <si>
    <t>6567987.0</t>
  </si>
  <si>
    <t>270.54</t>
  </si>
  <si>
    <t>20280646.0</t>
  </si>
  <si>
    <t>6907556.0</t>
  </si>
  <si>
    <t>6786192.0</t>
  </si>
  <si>
    <t>6586898.0</t>
  </si>
  <si>
    <t>270.81</t>
  </si>
  <si>
    <t>20300451.0</t>
  </si>
  <si>
    <t>6907956.0</t>
  </si>
  <si>
    <t>6786781.0</t>
  </si>
  <si>
    <t>6605714.0</t>
  </si>
  <si>
    <t>271.08</t>
  </si>
  <si>
    <t>20321668.0</t>
  </si>
  <si>
    <t>6908320.0</t>
  </si>
  <si>
    <t>6787257.0</t>
  </si>
  <si>
    <t>6626091.0</t>
  </si>
  <si>
    <t>271.36</t>
  </si>
  <si>
    <t>20338809.0</t>
  </si>
  <si>
    <t>6908684.0</t>
  </si>
  <si>
    <t>6787548.0</t>
  </si>
  <si>
    <t>6642577.0</t>
  </si>
  <si>
    <t>271.59</t>
  </si>
  <si>
    <t>20348910.0</t>
  </si>
  <si>
    <t>6908809.0</t>
  </si>
  <si>
    <t>6787662.0</t>
  </si>
  <si>
    <t>6652439.0</t>
  </si>
  <si>
    <t>271.72</t>
  </si>
  <si>
    <t>HUN</t>
  </si>
  <si>
    <t>Hungary</t>
  </si>
  <si>
    <t>-2845.6</t>
  </si>
  <si>
    <t>-285.4934493821</t>
  </si>
  <si>
    <t>-2976.5</t>
  </si>
  <si>
    <t>-9.24</t>
  </si>
  <si>
    <t>-298.626388840954</t>
  </si>
  <si>
    <t>4.715</t>
  </si>
  <si>
    <t>7.023</t>
  </si>
  <si>
    <t>-2810.4</t>
  </si>
  <si>
    <t>-8.06</t>
  </si>
  <si>
    <t>-281.961902636861</t>
  </si>
  <si>
    <t>-2809.7</t>
  </si>
  <si>
    <t>-281.891673014087</t>
  </si>
  <si>
    <t>13916.0</t>
  </si>
  <si>
    <t>46.653</t>
  </si>
  <si>
    <t>21020.0</t>
  </si>
  <si>
    <t>-2792.0</t>
  </si>
  <si>
    <t>-6.99</t>
  </si>
  <si>
    <t>-280.115866838214</t>
  </si>
  <si>
    <t>25518.0</t>
  </si>
  <si>
    <t>27596.0</t>
  </si>
  <si>
    <t>31731.0</t>
  </si>
  <si>
    <t>-2694.9</t>
  </si>
  <si>
    <t>-6.35</t>
  </si>
  <si>
    <t>-270.374014879049</t>
  </si>
  <si>
    <t>34589.0</t>
  </si>
  <si>
    <t>35595.0</t>
  </si>
  <si>
    <t>41360.0</t>
  </si>
  <si>
    <t>-2615.8</t>
  </si>
  <si>
    <t>-262.438067505516</t>
  </si>
  <si>
    <t>47827.0</t>
  </si>
  <si>
    <t>49822.0</t>
  </si>
  <si>
    <t>63275.0</t>
  </si>
  <si>
    <t>6.517</t>
  </si>
  <si>
    <t>-2693.3</t>
  </si>
  <si>
    <t>-270.213490026992</t>
  </si>
  <si>
    <t>65395.0</t>
  </si>
  <si>
    <t>66942.0</t>
  </si>
  <si>
    <t>70070.0</t>
  </si>
  <si>
    <t>72721.0</t>
  </si>
  <si>
    <t>76101.0</t>
  </si>
  <si>
    <t>79321.0</t>
  </si>
  <si>
    <t>81780.0</t>
  </si>
  <si>
    <t>8.422</t>
  </si>
  <si>
    <t>-2811.0</t>
  </si>
  <si>
    <t>-5.66</t>
  </si>
  <si>
    <t>-282.022099456383</t>
  </si>
  <si>
    <t>83728.0</t>
  </si>
  <si>
    <t>85327.0</t>
  </si>
  <si>
    <t>8.788</t>
  </si>
  <si>
    <t>88505.0</t>
  </si>
  <si>
    <t>9.115</t>
  </si>
  <si>
    <t>93806.0</t>
  </si>
  <si>
    <t>98828.0</t>
  </si>
  <si>
    <t>103028.0</t>
  </si>
  <si>
    <t>10.611</t>
  </si>
  <si>
    <t>108027.0</t>
  </si>
  <si>
    <t>-2833.3</t>
  </si>
  <si>
    <t>-5.45</t>
  </si>
  <si>
    <t>-284.259414581917</t>
  </si>
  <si>
    <t>111935.0</t>
  </si>
  <si>
    <t>11.528</t>
  </si>
  <si>
    <t>11.791</t>
  </si>
  <si>
    <t>118270.0</t>
  </si>
  <si>
    <t>123028.0</t>
  </si>
  <si>
    <t>12.671</t>
  </si>
  <si>
    <t>127.1</t>
  </si>
  <si>
    <t>127007.0</t>
  </si>
  <si>
    <t>131199.0</t>
  </si>
  <si>
    <t>13.512</t>
  </si>
  <si>
    <t>134907.0</t>
  </si>
  <si>
    <t>13.894</t>
  </si>
  <si>
    <t>-2758.8</t>
  </si>
  <si>
    <t>-276.784976158046</t>
  </si>
  <si>
    <t>138467.0</t>
  </si>
  <si>
    <t>14.261</t>
  </si>
  <si>
    <t>142499.0</t>
  </si>
  <si>
    <t>147281.0</t>
  </si>
  <si>
    <t>15.168</t>
  </si>
  <si>
    <t>155571.0</t>
  </si>
  <si>
    <t>16.022</t>
  </si>
  <si>
    <t>159030.0</t>
  </si>
  <si>
    <t>16.378</t>
  </si>
  <si>
    <t>-2924.3</t>
  </si>
  <si>
    <t>-293.389265542618</t>
  </si>
  <si>
    <t>164389.0</t>
  </si>
  <si>
    <t>166033.0</t>
  </si>
  <si>
    <t>169730.0</t>
  </si>
  <si>
    <t>173781.0</t>
  </si>
  <si>
    <t>17.898</t>
  </si>
  <si>
    <t>179922.0</t>
  </si>
  <si>
    <t>183332.0</t>
  </si>
  <si>
    <t>18.881</t>
  </si>
  <si>
    <t>185750.0</t>
  </si>
  <si>
    <t>-3019.6</t>
  </si>
  <si>
    <t>-302.950527043221</t>
  </si>
  <si>
    <t>187735.0</t>
  </si>
  <si>
    <t>19.335</t>
  </si>
  <si>
    <t>189739.0</t>
  </si>
  <si>
    <t>191342.0</t>
  </si>
  <si>
    <t>19.706</t>
  </si>
  <si>
    <t>195664.0</t>
  </si>
  <si>
    <t>20.151</t>
  </si>
  <si>
    <t>202376.0</t>
  </si>
  <si>
    <t>189.3</t>
  </si>
  <si>
    <t>209972.0</t>
  </si>
  <si>
    <t>21.625</t>
  </si>
  <si>
    <t>-2882.5</t>
  </si>
  <si>
    <t>-289.195553782648</t>
  </si>
  <si>
    <t>210519.0</t>
  </si>
  <si>
    <t>21.681</t>
  </si>
  <si>
    <t>186.8</t>
  </si>
  <si>
    <t>214238.0</t>
  </si>
  <si>
    <t>22.064</t>
  </si>
  <si>
    <t>217459.0</t>
  </si>
  <si>
    <t>22.396</t>
  </si>
  <si>
    <t>222017.0</t>
  </si>
  <si>
    <t>22.865</t>
  </si>
  <si>
    <t>226439.0</t>
  </si>
  <si>
    <t>23.321</t>
  </si>
  <si>
    <t>229939.0</t>
  </si>
  <si>
    <t>23.681</t>
  </si>
  <si>
    <t>233512.0</t>
  </si>
  <si>
    <t>24.049</t>
  </si>
  <si>
    <t>-2886.2</t>
  </si>
  <si>
    <t>-289.566767503028</t>
  </si>
  <si>
    <t>235147.0</t>
  </si>
  <si>
    <t>24.218</t>
  </si>
  <si>
    <t>236598.0</t>
  </si>
  <si>
    <t>372.7</t>
  </si>
  <si>
    <t>241909.0</t>
  </si>
  <si>
    <t>479.4</t>
  </si>
  <si>
    <t>245368.0</t>
  </si>
  <si>
    <t>583.8</t>
  </si>
  <si>
    <t>249161.0</t>
  </si>
  <si>
    <t>25.661</t>
  </si>
  <si>
    <t>811.5</t>
  </si>
  <si>
    <t>252870.0</t>
  </si>
  <si>
    <t>26.043</t>
  </si>
  <si>
    <t>1042.3</t>
  </si>
  <si>
    <t>256096.0</t>
  </si>
  <si>
    <t>26.375</t>
  </si>
  <si>
    <t>903.4</t>
  </si>
  <si>
    <t>-3067.9</t>
  </si>
  <si>
    <t>-8.08</t>
  </si>
  <si>
    <t>-307.79637101467</t>
  </si>
  <si>
    <t>257885.0</t>
  </si>
  <si>
    <t>26.559</t>
  </si>
  <si>
    <t>874.5</t>
  </si>
  <si>
    <t>258631.0</t>
  </si>
  <si>
    <t>26.636</t>
  </si>
  <si>
    <t>734.5</t>
  </si>
  <si>
    <t>535.5</t>
  </si>
  <si>
    <t>264899.0</t>
  </si>
  <si>
    <t>443.8</t>
  </si>
  <si>
    <t>266826.0</t>
  </si>
  <si>
    <t>270033.0</t>
  </si>
  <si>
    <t>330.1</t>
  </si>
  <si>
    <t>270964.0</t>
  </si>
  <si>
    <t>27.906</t>
  </si>
  <si>
    <t>-300.18147334525</t>
  </si>
  <si>
    <t>273649.0</t>
  </si>
  <si>
    <t>28.183</t>
  </si>
  <si>
    <t>366.6</t>
  </si>
  <si>
    <t>274715.0</t>
  </si>
  <si>
    <t>335.1</t>
  </si>
  <si>
    <t>277520.0</t>
  </si>
  <si>
    <t>28.581</t>
  </si>
  <si>
    <t>15.752</t>
  </si>
  <si>
    <t>279460.0</t>
  </si>
  <si>
    <t>28.781</t>
  </si>
  <si>
    <t>338.6</t>
  </si>
  <si>
    <t>281398.0</t>
  </si>
  <si>
    <t>28.981</t>
  </si>
  <si>
    <t>323.8</t>
  </si>
  <si>
    <t>283278.0</t>
  </si>
  <si>
    <t>29.174</t>
  </si>
  <si>
    <t>367.9</t>
  </si>
  <si>
    <t>285360.0</t>
  </si>
  <si>
    <t>29.389</t>
  </si>
  <si>
    <t>-2893.7</t>
  </si>
  <si>
    <t>-290.319227747042</t>
  </si>
  <si>
    <t>285853.0</t>
  </si>
  <si>
    <t>286753.0</t>
  </si>
  <si>
    <t>29.532</t>
  </si>
  <si>
    <t>240.8</t>
  </si>
  <si>
    <t>288463.0</t>
  </si>
  <si>
    <t>29.708</t>
  </si>
  <si>
    <t>13.143</t>
  </si>
  <si>
    <t>289372.0</t>
  </si>
  <si>
    <t>29.802</t>
  </si>
  <si>
    <t>204.1</t>
  </si>
  <si>
    <t>292990.0</t>
  </si>
  <si>
    <t>294195.0</t>
  </si>
  <si>
    <t>-3005.4</t>
  </si>
  <si>
    <t>-301.525868981221</t>
  </si>
  <si>
    <t>295331.0</t>
  </si>
  <si>
    <t>30.416</t>
  </si>
  <si>
    <t>296128.0</t>
  </si>
  <si>
    <t>30.498</t>
  </si>
  <si>
    <t>298955.0</t>
  </si>
  <si>
    <t>30.789</t>
  </si>
  <si>
    <t>300402.0</t>
  </si>
  <si>
    <t>8.327</t>
  </si>
  <si>
    <t>302519.0</t>
  </si>
  <si>
    <t>31.156</t>
  </si>
  <si>
    <t>304903.0</t>
  </si>
  <si>
    <t>31.681</t>
  </si>
  <si>
    <t>-3174.3</t>
  </si>
  <si>
    <t>-318.471273676412</t>
  </si>
  <si>
    <t>309840.0</t>
  </si>
  <si>
    <t>7.826</t>
  </si>
  <si>
    <t>310600.0</t>
  </si>
  <si>
    <t>31.988</t>
  </si>
  <si>
    <t>162.6</t>
  </si>
  <si>
    <t>312758.0</t>
  </si>
  <si>
    <t>32.211</t>
  </si>
  <si>
    <t>315890.0</t>
  </si>
  <si>
    <t>32.533</t>
  </si>
  <si>
    <t>319624.0</t>
  </si>
  <si>
    <t>32.918</t>
  </si>
  <si>
    <t>323443.0</t>
  </si>
  <si>
    <t>326324.0</t>
  </si>
  <si>
    <t>33.608</t>
  </si>
  <si>
    <t>-3401.4</t>
  </si>
  <si>
    <t>-9.54</t>
  </si>
  <si>
    <t>-341.255769865151</t>
  </si>
  <si>
    <t>7.123</t>
  </si>
  <si>
    <t>328353.0</t>
  </si>
  <si>
    <t>33.817</t>
  </si>
  <si>
    <t>330009.0</t>
  </si>
  <si>
    <t>33.987</t>
  </si>
  <si>
    <t>333216.0</t>
  </si>
  <si>
    <t>34.318</t>
  </si>
  <si>
    <t>336231.0</t>
  </si>
  <si>
    <t>338933.0</t>
  </si>
  <si>
    <t>34.906</t>
  </si>
  <si>
    <t>342657.0</t>
  </si>
  <si>
    <t>344767.0</t>
  </si>
  <si>
    <t>35.507</t>
  </si>
  <si>
    <t>-3348.5</t>
  </si>
  <si>
    <t>-335.94841694404</t>
  </si>
  <si>
    <t>346732.0</t>
  </si>
  <si>
    <t>347902.0</t>
  </si>
  <si>
    <t>349878.0</t>
  </si>
  <si>
    <t>36.285</t>
  </si>
  <si>
    <t>142.4</t>
  </si>
  <si>
    <t>355237.0</t>
  </si>
  <si>
    <t>36.585</t>
  </si>
  <si>
    <t>358207.0</t>
  </si>
  <si>
    <t>360542.0</t>
  </si>
  <si>
    <t>37.132</t>
  </si>
  <si>
    <t>-3322.0</t>
  </si>
  <si>
    <t>-333.289724081858</t>
  </si>
  <si>
    <t>362430.0</t>
  </si>
  <si>
    <t>37.326</t>
  </si>
  <si>
    <t>363229.0</t>
  </si>
  <si>
    <t>37.409</t>
  </si>
  <si>
    <t>366126.0</t>
  </si>
  <si>
    <t>37.707</t>
  </si>
  <si>
    <t>369315.0</t>
  </si>
  <si>
    <t>38.035</t>
  </si>
  <si>
    <t>372457.0</t>
  </si>
  <si>
    <t>38.359</t>
  </si>
  <si>
    <t>375455.0</t>
  </si>
  <si>
    <t>38.668</t>
  </si>
  <si>
    <t>378378.0</t>
  </si>
  <si>
    <t>38.969</t>
  </si>
  <si>
    <t>-3360.3</t>
  </si>
  <si>
    <t>-337.132287727955</t>
  </si>
  <si>
    <t>380702.0</t>
  </si>
  <si>
    <t>383181.0</t>
  </si>
  <si>
    <t>5.719</t>
  </si>
  <si>
    <t>386881.0</t>
  </si>
  <si>
    <t>39.844</t>
  </si>
  <si>
    <t>389849.0</t>
  </si>
  <si>
    <t>5.819</t>
  </si>
  <si>
    <t>393201.0</t>
  </si>
  <si>
    <t>394681.0</t>
  </si>
  <si>
    <t>40.648</t>
  </si>
  <si>
    <t>5.919</t>
  </si>
  <si>
    <t>396862.0</t>
  </si>
  <si>
    <t>40.872</t>
  </si>
  <si>
    <t>-3327.2</t>
  </si>
  <si>
    <t>-333.811429851041</t>
  </si>
  <si>
    <t>398320.0</t>
  </si>
  <si>
    <t>41.023</t>
  </si>
  <si>
    <t>400212.0</t>
  </si>
  <si>
    <t>41.217</t>
  </si>
  <si>
    <t>404837.0</t>
  </si>
  <si>
    <t>41.694</t>
  </si>
  <si>
    <t>408569.0</t>
  </si>
  <si>
    <t>42.078</t>
  </si>
  <si>
    <t>414415.0</t>
  </si>
  <si>
    <t>417660.0</t>
  </si>
  <si>
    <t>424040.0</t>
  </si>
  <si>
    <t>43.671</t>
  </si>
  <si>
    <t>-3417.5</t>
  </si>
  <si>
    <t>-342.871051188967</t>
  </si>
  <si>
    <t>427920.0</t>
  </si>
  <si>
    <t>44.071</t>
  </si>
  <si>
    <t>44.256</t>
  </si>
  <si>
    <t>437301.0</t>
  </si>
  <si>
    <t>45.037</t>
  </si>
  <si>
    <t>10.033</t>
  </si>
  <si>
    <t>444817.0</t>
  </si>
  <si>
    <t>451908.0</t>
  </si>
  <si>
    <t>46.541</t>
  </si>
  <si>
    <t>460005.0</t>
  </si>
  <si>
    <t>47.375</t>
  </si>
  <si>
    <t>469770.0</t>
  </si>
  <si>
    <t>48.381</t>
  </si>
  <si>
    <t>-3419.8</t>
  </si>
  <si>
    <t>-3.78</t>
  </si>
  <si>
    <t>-343.101805663798</t>
  </si>
  <si>
    <t>481194.0</t>
  </si>
  <si>
    <t>486916.0</t>
  </si>
  <si>
    <t>50.147</t>
  </si>
  <si>
    <t>495251.0</t>
  </si>
  <si>
    <t>51.005</t>
  </si>
  <si>
    <t>505355.0</t>
  </si>
  <si>
    <t>52.046</t>
  </si>
  <si>
    <t>516992.0</t>
  </si>
  <si>
    <t>53.244</t>
  </si>
  <si>
    <t>528833.0</t>
  </si>
  <si>
    <t>11841.0</t>
  </si>
  <si>
    <t>54.464</t>
  </si>
  <si>
    <t>537667.0</t>
  </si>
  <si>
    <t>55.374</t>
  </si>
  <si>
    <t>-3357.9</t>
  </si>
  <si>
    <t>-336.891500449871</t>
  </si>
  <si>
    <t>548981.0</t>
  </si>
  <si>
    <t>56.539</t>
  </si>
  <si>
    <t>557634.0</t>
  </si>
  <si>
    <t>8653.0</t>
  </si>
  <si>
    <t>567461.0</t>
  </si>
  <si>
    <t>58.442</t>
  </si>
  <si>
    <t>579842.0</t>
  </si>
  <si>
    <t>591388.0</t>
  </si>
  <si>
    <t>60.906</t>
  </si>
  <si>
    <t>603892.0</t>
  </si>
  <si>
    <t>62.194</t>
  </si>
  <si>
    <t>615769.0</t>
  </si>
  <si>
    <t>63.417</t>
  </si>
  <si>
    <t>-3201.6</t>
  </si>
  <si>
    <t>-321.210228964623</t>
  </si>
  <si>
    <t>625791.0</t>
  </si>
  <si>
    <t>10973.0</t>
  </si>
  <si>
    <t>631801.0</t>
  </si>
  <si>
    <t>65.068</t>
  </si>
  <si>
    <t>645262.0</t>
  </si>
  <si>
    <t>13461.0</t>
  </si>
  <si>
    <t>66.455</t>
  </si>
  <si>
    <t>657207.0</t>
  </si>
  <si>
    <t>67.685</t>
  </si>
  <si>
    <t>668323.0</t>
  </si>
  <si>
    <t>10991.0</t>
  </si>
  <si>
    <t>59.093</t>
  </si>
  <si>
    <t>680105.0</t>
  </si>
  <si>
    <t>70.043</t>
  </si>
  <si>
    <t>690178.0</t>
  </si>
  <si>
    <t>71.081</t>
  </si>
  <si>
    <t>-3099.7</t>
  </si>
  <si>
    <t>-310.986802449288</t>
  </si>
  <si>
    <t>697243.0</t>
  </si>
  <si>
    <t>71.808</t>
  </si>
  <si>
    <t>704280.0</t>
  </si>
  <si>
    <t>72.533</t>
  </si>
  <si>
    <t>715447.0</t>
  </si>
  <si>
    <t>73.683</t>
  </si>
  <si>
    <t>727419.0</t>
  </si>
  <si>
    <t>74.916</t>
  </si>
  <si>
    <t>74.243</t>
  </si>
  <si>
    <t>739813.0</t>
  </si>
  <si>
    <t>12394.0</t>
  </si>
  <si>
    <t>76.193</t>
  </si>
  <si>
    <t>70.631</t>
  </si>
  <si>
    <t>750987.0</t>
  </si>
  <si>
    <t>77.343</t>
  </si>
  <si>
    <t>758944.0</t>
  </si>
  <si>
    <t>78.163</t>
  </si>
  <si>
    <t>-2938.8</t>
  </si>
  <si>
    <t>-2.94</t>
  </si>
  <si>
    <t>-294.844022014378</t>
  </si>
  <si>
    <t>765368.0</t>
  </si>
  <si>
    <t>78.824</t>
  </si>
  <si>
    <t>771067.0</t>
  </si>
  <si>
    <t>780793.0</t>
  </si>
  <si>
    <t>80.413</t>
  </si>
  <si>
    <t>792255.0</t>
  </si>
  <si>
    <t>81.593</t>
  </si>
  <si>
    <t>803418.0</t>
  </si>
  <si>
    <t>82.743</t>
  </si>
  <si>
    <t>815137.0</t>
  </si>
  <si>
    <t>825340.0</t>
  </si>
  <si>
    <t>-2827.5</t>
  </si>
  <si>
    <t>-2.76</t>
  </si>
  <si>
    <t>-283.677511993213</t>
  </si>
  <si>
    <t>833867.0</t>
  </si>
  <si>
    <t>85.879</t>
  </si>
  <si>
    <t>840990.0</t>
  </si>
  <si>
    <t>86.613</t>
  </si>
  <si>
    <t>87.607</t>
  </si>
  <si>
    <t>861390.0</t>
  </si>
  <si>
    <t>88.714</t>
  </si>
  <si>
    <t>871187.0</t>
  </si>
  <si>
    <t>89.723</t>
  </si>
  <si>
    <t>884158.0</t>
  </si>
  <si>
    <t>91.058</t>
  </si>
  <si>
    <t>894155.0</t>
  </si>
  <si>
    <t>92.088</t>
  </si>
  <si>
    <t>-2497.0</t>
  </si>
  <si>
    <t>-250.519097240337</t>
  </si>
  <si>
    <t>903806.0</t>
  </si>
  <si>
    <t>93.082</t>
  </si>
  <si>
    <t>910138.0</t>
  </si>
  <si>
    <t>93.734</t>
  </si>
  <si>
    <t>919251.0</t>
  </si>
  <si>
    <t>94.673</t>
  </si>
  <si>
    <t>935612.0</t>
  </si>
  <si>
    <t>96.358</t>
  </si>
  <si>
    <t>949240.0</t>
  </si>
  <si>
    <t>13628.0</t>
  </si>
  <si>
    <t>97.761</t>
  </si>
  <si>
    <t>961211.0</t>
  </si>
  <si>
    <t>98.994</t>
  </si>
  <si>
    <t>245.703</t>
  </si>
  <si>
    <t>980143.0</t>
  </si>
  <si>
    <t>100.944</t>
  </si>
  <si>
    <t>-1920.9</t>
  </si>
  <si>
    <t>-192.720117696822</t>
  </si>
  <si>
    <t>990153.0</t>
  </si>
  <si>
    <t>101.975</t>
  </si>
  <si>
    <t>0.1598</t>
  </si>
  <si>
    <t>1001863.0</t>
  </si>
  <si>
    <t>1017459.0</t>
  </si>
  <si>
    <t>15596.0</t>
  </si>
  <si>
    <t>104.787</t>
  </si>
  <si>
    <t>1032712.0</t>
  </si>
  <si>
    <t>106.358</t>
  </si>
  <si>
    <t>1048350.0</t>
  </si>
  <si>
    <t>107.968</t>
  </si>
  <si>
    <t>0.1729</t>
  </si>
  <si>
    <t>1064913.0</t>
  </si>
  <si>
    <t>109.674</t>
  </si>
  <si>
    <t>1083513.0</t>
  </si>
  <si>
    <t>18600.0</t>
  </si>
  <si>
    <t>-1121.8</t>
  </si>
  <si>
    <t>-1.02</t>
  </si>
  <si>
    <t>-112.547986897962</t>
  </si>
  <si>
    <t>1097141.0</t>
  </si>
  <si>
    <t>112.993</t>
  </si>
  <si>
    <t>0.1983</t>
  </si>
  <si>
    <t>1111761.0</t>
  </si>
  <si>
    <t>0.2104</t>
  </si>
  <si>
    <t>1129418.0</t>
  </si>
  <si>
    <t>116.317</t>
  </si>
  <si>
    <t>1147386.0</t>
  </si>
  <si>
    <t>118.168</t>
  </si>
  <si>
    <t>0.2336</t>
  </si>
  <si>
    <t>1167411.0</t>
  </si>
  <si>
    <t>20025.0</t>
  </si>
  <si>
    <t>120.23</t>
  </si>
  <si>
    <t>1189732.0</t>
  </si>
  <si>
    <t>122.529</t>
  </si>
  <si>
    <t>1208921.0</t>
  </si>
  <si>
    <t>19189.0</t>
  </si>
  <si>
    <t>124.505</t>
  </si>
  <si>
    <t>17915.0</t>
  </si>
  <si>
    <t>24.4999999999998</t>
  </si>
  <si>
    <t>2.45803679711181</t>
  </si>
  <si>
    <t>1225169.0</t>
  </si>
  <si>
    <t>126.179</t>
  </si>
  <si>
    <t>1238237.0</t>
  </si>
  <si>
    <t>127.525</t>
  </si>
  <si>
    <t>1259224.0</t>
  </si>
  <si>
    <t>20987.0</t>
  </si>
  <si>
    <t>129.686</t>
  </si>
  <si>
    <t>1282745.0</t>
  </si>
  <si>
    <t>132.108</t>
  </si>
  <si>
    <t>19337.0</t>
  </si>
  <si>
    <t>1306657.0</t>
  </si>
  <si>
    <t>134.571</t>
  </si>
  <si>
    <t>19892.0</t>
  </si>
  <si>
    <t>1325797.0</t>
  </si>
  <si>
    <t>136.542</t>
  </si>
  <si>
    <t>1354512.0</t>
  </si>
  <si>
    <t>1590.4</t>
  </si>
  <si>
    <t>159.561702943946</t>
  </si>
  <si>
    <t>1360610.0</t>
  </si>
  <si>
    <t>140.128</t>
  </si>
  <si>
    <t>19349.0</t>
  </si>
  <si>
    <t>1387902.0</t>
  </si>
  <si>
    <t>27292.0</t>
  </si>
  <si>
    <t>142.938</t>
  </si>
  <si>
    <t>1409421.0</t>
  </si>
  <si>
    <t>145.155</t>
  </si>
  <si>
    <t>1432778.0</t>
  </si>
  <si>
    <t>1455638.0</t>
  </si>
  <si>
    <t>22860.0</t>
  </si>
  <si>
    <t>149.915</t>
  </si>
  <si>
    <t>1480444.0</t>
  </si>
  <si>
    <t>24806.0</t>
  </si>
  <si>
    <t>152.469</t>
  </si>
  <si>
    <t>1502617.0</t>
  </si>
  <si>
    <t>154.753</t>
  </si>
  <si>
    <t>3073.1</t>
  </si>
  <si>
    <t>308.318076783852</t>
  </si>
  <si>
    <t>1517928.0</t>
  </si>
  <si>
    <t>1528072.0</t>
  </si>
  <si>
    <t>157.374</t>
  </si>
  <si>
    <t>1548088.0</t>
  </si>
  <si>
    <t>1579967.0</t>
  </si>
  <si>
    <t>162.719</t>
  </si>
  <si>
    <t>1600973.0</t>
  </si>
  <si>
    <t>164.882</t>
  </si>
  <si>
    <t>1622535.0</t>
  </si>
  <si>
    <t>21562.0</t>
  </si>
  <si>
    <t>167.103</t>
  </si>
  <si>
    <t>20299.0</t>
  </si>
  <si>
    <t>1638846.0</t>
  </si>
  <si>
    <t>168.783</t>
  </si>
  <si>
    <t>4684.4</t>
  </si>
  <si>
    <t>469.976635607783</t>
  </si>
  <si>
    <t>169.704</t>
  </si>
  <si>
    <t>1653550.0</t>
  </si>
  <si>
    <t>170.297</t>
  </si>
  <si>
    <t>17925.0</t>
  </si>
  <si>
    <t>1668494.0</t>
  </si>
  <si>
    <t>171.836</t>
  </si>
  <si>
    <t>1694538.0</t>
  </si>
  <si>
    <t>174.519</t>
  </si>
  <si>
    <t>16367.0</t>
  </si>
  <si>
    <t>0.3474</t>
  </si>
  <si>
    <t>1713017.0</t>
  </si>
  <si>
    <t>176.422</t>
  </si>
  <si>
    <t>0.3536</t>
  </si>
  <si>
    <t>1736307.0</t>
  </si>
  <si>
    <t>23290.0</t>
  </si>
  <si>
    <t>0.3417</t>
  </si>
  <si>
    <t>1759988.0</t>
  </si>
  <si>
    <t>23681.0</t>
  </si>
  <si>
    <t>181.259</t>
  </si>
  <si>
    <t>6278.3</t>
  </si>
  <si>
    <t>629.889486665602</t>
  </si>
  <si>
    <t>1781412.0</t>
  </si>
  <si>
    <t>183.466</t>
  </si>
  <si>
    <t>1790939.0</t>
  </si>
  <si>
    <t>184.447</t>
  </si>
  <si>
    <t>1819676.0</t>
  </si>
  <si>
    <t>187.406</t>
  </si>
  <si>
    <t>21597.0</t>
  </si>
  <si>
    <t>1849001.0</t>
  </si>
  <si>
    <t>190.427</t>
  </si>
  <si>
    <t>1877604.0</t>
  </si>
  <si>
    <t>193.372</t>
  </si>
  <si>
    <t>1908056.0</t>
  </si>
  <si>
    <t>30452.0</t>
  </si>
  <si>
    <t>196.509</t>
  </si>
  <si>
    <t>1933295.0</t>
  </si>
  <si>
    <t>25239.0</t>
  </si>
  <si>
    <t>199.108</t>
  </si>
  <si>
    <t>7810.4</t>
  </si>
  <si>
    <t>783.602065312747</t>
  </si>
  <si>
    <t>1952540.0</t>
  </si>
  <si>
    <t>201.09</t>
  </si>
  <si>
    <t>24447.0</t>
  </si>
  <si>
    <t>1963443.0</t>
  </si>
  <si>
    <t>10903.0</t>
  </si>
  <si>
    <t>202.213</t>
  </si>
  <si>
    <t>1976079.0</t>
  </si>
  <si>
    <t>203.514</t>
  </si>
  <si>
    <t>1994441.0</t>
  </si>
  <si>
    <t>205.405</t>
  </si>
  <si>
    <t>2026508.0</t>
  </si>
  <si>
    <t>32067.0</t>
  </si>
  <si>
    <t>208.708</t>
  </si>
  <si>
    <t>2050712.0</t>
  </si>
  <si>
    <t>24204.0</t>
  </si>
  <si>
    <t>211.201</t>
  </si>
  <si>
    <t>20379.0</t>
  </si>
  <si>
    <t>2074745.0</t>
  </si>
  <si>
    <t>24033.0</t>
  </si>
  <si>
    <t>213.676</t>
  </si>
  <si>
    <t>20207.0</t>
  </si>
  <si>
    <t>8905.9</t>
  </si>
  <si>
    <t>893.511424955033</t>
  </si>
  <si>
    <t>2090196.0</t>
  </si>
  <si>
    <t>215.267</t>
  </si>
  <si>
    <t>19665.0</t>
  </si>
  <si>
    <t>2098133.0</t>
  </si>
  <si>
    <t>216.084</t>
  </si>
  <si>
    <t>2119372.0</t>
  </si>
  <si>
    <t>218.272</t>
  </si>
  <si>
    <t>2145558.0</t>
  </si>
  <si>
    <t>220.969</t>
  </si>
  <si>
    <t>2167712.0</t>
  </si>
  <si>
    <t>22154.0</t>
  </si>
  <si>
    <t>2177206.0</t>
  </si>
  <si>
    <t>224.228</t>
  </si>
  <si>
    <t>2180498.0</t>
  </si>
  <si>
    <t>224.567</t>
  </si>
  <si>
    <t>9979.6</t>
  </si>
  <si>
    <t>1001.23363348805</t>
  </si>
  <si>
    <t>2185145.0</t>
  </si>
  <si>
    <t>225.046</t>
  </si>
  <si>
    <t>2191335.0</t>
  </si>
  <si>
    <t>225.683</t>
  </si>
  <si>
    <t>2209637.0</t>
  </si>
  <si>
    <t>18302.0</t>
  </si>
  <si>
    <t>227.568</t>
  </si>
  <si>
    <t>2227027.0</t>
  </si>
  <si>
    <t>229.359</t>
  </si>
  <si>
    <t>231.226</t>
  </si>
  <si>
    <t>2255852.0</t>
  </si>
  <si>
    <t>232.328</t>
  </si>
  <si>
    <t>2261812.0</t>
  </si>
  <si>
    <t>232.941</t>
  </si>
  <si>
    <t>10786.3</t>
  </si>
  <si>
    <t>1082.16825733418</t>
  </si>
  <si>
    <t>2270539.0</t>
  </si>
  <si>
    <t>233.84</t>
  </si>
  <si>
    <t>2277060.0</t>
  </si>
  <si>
    <t>234.512</t>
  </si>
  <si>
    <t>2299789.0</t>
  </si>
  <si>
    <t>22729.0</t>
  </si>
  <si>
    <t>236.853</t>
  </si>
  <si>
    <t>2324079.0</t>
  </si>
  <si>
    <t>239.354</t>
  </si>
  <si>
    <t>531.438</t>
  </si>
  <si>
    <t>2348103.0</t>
  </si>
  <si>
    <t>24024.0</t>
  </si>
  <si>
    <t>241.829</t>
  </si>
  <si>
    <t>2369926.0</t>
  </si>
  <si>
    <t>244.076</t>
  </si>
  <si>
    <t>16296.0</t>
  </si>
  <si>
    <t>2389188.0</t>
  </si>
  <si>
    <t>246.06</t>
  </si>
  <si>
    <t>11123.3</t>
  </si>
  <si>
    <t>1115.97880429853</t>
  </si>
  <si>
    <t>2401755.0</t>
  </si>
  <si>
    <t>12567.0</t>
  </si>
  <si>
    <t>247.354</t>
  </si>
  <si>
    <t>2409978.0</t>
  </si>
  <si>
    <t>248.201</t>
  </si>
  <si>
    <t>2428528.0</t>
  </si>
  <si>
    <t>18550.0</t>
  </si>
  <si>
    <t>250.111</t>
  </si>
  <si>
    <t>2448162.0</t>
  </si>
  <si>
    <t>252.133</t>
  </si>
  <si>
    <t>2467260.0</t>
  </si>
  <si>
    <t>2485599.0</t>
  </si>
  <si>
    <t>255.989</t>
  </si>
  <si>
    <t>2502874.0</t>
  </si>
  <si>
    <t>17275.0</t>
  </si>
  <si>
    <t>257.768</t>
  </si>
  <si>
    <t>16241.0</t>
  </si>
  <si>
    <t>11409.3</t>
  </si>
  <si>
    <t>1144.6726216036</t>
  </si>
  <si>
    <t>2512777.0</t>
  </si>
  <si>
    <t>258.788</t>
  </si>
  <si>
    <t>2517907.0</t>
  </si>
  <si>
    <t>259.316</t>
  </si>
  <si>
    <t>133257.0</t>
  </si>
  <si>
    <t>130318.0</t>
  </si>
  <si>
    <t>2533912.0</t>
  </si>
  <si>
    <t>260.965</t>
  </si>
  <si>
    <t>138584.0</t>
  </si>
  <si>
    <t>134554.0</t>
  </si>
  <si>
    <t>2549489.0</t>
  </si>
  <si>
    <t>262.569</t>
  </si>
  <si>
    <t>2567553.0</t>
  </si>
  <si>
    <t>18064.0</t>
  </si>
  <si>
    <t>264.429</t>
  </si>
  <si>
    <t>150128.0</t>
  </si>
  <si>
    <t>143184.0</t>
  </si>
  <si>
    <t>2584791.0</t>
  </si>
  <si>
    <t>17238.0</t>
  </si>
  <si>
    <t>266.205</t>
  </si>
  <si>
    <t>145257.0</t>
  </si>
  <si>
    <t>2601232.0</t>
  </si>
  <si>
    <t>267.898</t>
  </si>
  <si>
    <t>156098.0</t>
  </si>
  <si>
    <t>146695.0</t>
  </si>
  <si>
    <t>11529.1</t>
  </si>
  <si>
    <t>1156.69191990131</t>
  </si>
  <si>
    <t>2611296.0</t>
  </si>
  <si>
    <t>268.934</t>
  </si>
  <si>
    <t>162315.0</t>
  </si>
  <si>
    <t>149676.0</t>
  </si>
  <si>
    <t>382.751</t>
  </si>
  <si>
    <t>2616827.0</t>
  </si>
  <si>
    <t>269.504</t>
  </si>
  <si>
    <t>2633880.0</t>
  </si>
  <si>
    <t>271.26</t>
  </si>
  <si>
    <t>187508.0</t>
  </si>
  <si>
    <t>161215.0</t>
  </si>
  <si>
    <t>26293.0</t>
  </si>
  <si>
    <t>2646973.0</t>
  </si>
  <si>
    <t>272.609</t>
  </si>
  <si>
    <t>213010.0</t>
  </si>
  <si>
    <t>175283.0</t>
  </si>
  <si>
    <t>2665948.0</t>
  </si>
  <si>
    <t>274.563</t>
  </si>
  <si>
    <t>247889.0</t>
  </si>
  <si>
    <t>198283.0</t>
  </si>
  <si>
    <t>49606.0</t>
  </si>
  <si>
    <t>34879.0</t>
  </si>
  <si>
    <t>2687310.0</t>
  </si>
  <si>
    <t>21362.0</t>
  </si>
  <si>
    <t>276.763</t>
  </si>
  <si>
    <t>14646.0</t>
  </si>
  <si>
    <t>278830.0</t>
  </si>
  <si>
    <t>222005.0</t>
  </si>
  <si>
    <t>2707452.0</t>
  </si>
  <si>
    <t>278.837</t>
  </si>
  <si>
    <t>15174.0</t>
  </si>
  <si>
    <t>299138.0</t>
  </si>
  <si>
    <t>237872.0</t>
  </si>
  <si>
    <t>20308.0</t>
  </si>
  <si>
    <t>11379.9</t>
  </si>
  <si>
    <t>-4.95</t>
  </si>
  <si>
    <t>1141.72297744706</t>
  </si>
  <si>
    <t>2718314.0</t>
  </si>
  <si>
    <t>279.956</t>
  </si>
  <si>
    <t>311662.0</t>
  </si>
  <si>
    <t>243136.0</t>
  </si>
  <si>
    <t>68526.0</t>
  </si>
  <si>
    <t>2726108.0</t>
  </si>
  <si>
    <t>280.759</t>
  </si>
  <si>
    <t>322306.0</t>
  </si>
  <si>
    <t>247270.0</t>
  </si>
  <si>
    <t>75036.0</t>
  </si>
  <si>
    <t>2741542.0</t>
  </si>
  <si>
    <t>15434.0</t>
  </si>
  <si>
    <t>282.348</t>
  </si>
  <si>
    <t>334130.0</t>
  </si>
  <si>
    <t>249687.0</t>
  </si>
  <si>
    <t>84452.0</t>
  </si>
  <si>
    <t>2759713.0</t>
  </si>
  <si>
    <t>284.22</t>
  </si>
  <si>
    <t>357303.0</t>
  </si>
  <si>
    <t>264530.0</t>
  </si>
  <si>
    <t>92773.0</t>
  </si>
  <si>
    <t>2778406.0</t>
  </si>
  <si>
    <t>286.145</t>
  </si>
  <si>
    <t>381062.0</t>
  </si>
  <si>
    <t>101652.0</t>
  </si>
  <si>
    <t>2796002.0</t>
  </si>
  <si>
    <t>287.957</t>
  </si>
  <si>
    <t>391621.0</t>
  </si>
  <si>
    <t>286379.0</t>
  </si>
  <si>
    <t>105242.0</t>
  </si>
  <si>
    <t>2815026.0</t>
  </si>
  <si>
    <t>396634.0</t>
  </si>
  <si>
    <t>289042.0</t>
  </si>
  <si>
    <t>107592.0</t>
  </si>
  <si>
    <t>11208.1</t>
  </si>
  <si>
    <t>-5.62</t>
  </si>
  <si>
    <t>1124.48662145752</t>
  </si>
  <si>
    <t>2824746.0</t>
  </si>
  <si>
    <t>290.917</t>
  </si>
  <si>
    <t>401791.0</t>
  </si>
  <si>
    <t>291396.0</t>
  </si>
  <si>
    <t>110395.0</t>
  </si>
  <si>
    <t>12876.0</t>
  </si>
  <si>
    <t>2831156.0</t>
  </si>
  <si>
    <t>291.578</t>
  </si>
  <si>
    <t>406197.0</t>
  </si>
  <si>
    <t>292627.0</t>
  </si>
  <si>
    <t>113570.0</t>
  </si>
  <si>
    <t>11984.0</t>
  </si>
  <si>
    <t>2847978.0</t>
  </si>
  <si>
    <t>293.31</t>
  </si>
  <si>
    <t>411992.0</t>
  </si>
  <si>
    <t>294624.0</t>
  </si>
  <si>
    <t>117368.0</t>
  </si>
  <si>
    <t>2868014.0</t>
  </si>
  <si>
    <t>20036.0</t>
  </si>
  <si>
    <t>295.374</t>
  </si>
  <si>
    <t>431097.0</t>
  </si>
  <si>
    <t>310448.0</t>
  </si>
  <si>
    <t>19105.0</t>
  </si>
  <si>
    <t>2887453.0</t>
  </si>
  <si>
    <t>297.376</t>
  </si>
  <si>
    <t>330745.0</t>
  </si>
  <si>
    <t>124423.0</t>
  </si>
  <si>
    <t>24071.0</t>
  </si>
  <si>
    <t>2906836.0</t>
  </si>
  <si>
    <t>299.372</t>
  </si>
  <si>
    <t>463383.0</t>
  </si>
  <si>
    <t>335188.0</t>
  </si>
  <si>
    <t>128195.0</t>
  </si>
  <si>
    <t>2926351.0</t>
  </si>
  <si>
    <t>301.382</t>
  </si>
  <si>
    <t>465636.0</t>
  </si>
  <si>
    <t>336297.0</t>
  </si>
  <si>
    <t>129339.0</t>
  </si>
  <si>
    <t>11028.1</t>
  </si>
  <si>
    <t>1106.42757560119</t>
  </si>
  <si>
    <t>2937621.0</t>
  </si>
  <si>
    <t>11270.0</t>
  </si>
  <si>
    <t>302.542</t>
  </si>
  <si>
    <t>473551.0</t>
  </si>
  <si>
    <t>341958.0</t>
  </si>
  <si>
    <t>2943848.0</t>
  </si>
  <si>
    <t>303.184</t>
  </si>
  <si>
    <t>483751.0</t>
  </si>
  <si>
    <t>348927.0</t>
  </si>
  <si>
    <t>134824.0</t>
  </si>
  <si>
    <t>2963187.0</t>
  </si>
  <si>
    <t>305.175</t>
  </si>
  <si>
    <t>506044.0</t>
  </si>
  <si>
    <t>365021.0</t>
  </si>
  <si>
    <t>141023.0</t>
  </si>
  <si>
    <t>2984042.0</t>
  </si>
  <si>
    <t>307.323</t>
  </si>
  <si>
    <t>544253.0</t>
  </si>
  <si>
    <t>391821.0</t>
  </si>
  <si>
    <t>152432.0</t>
  </si>
  <si>
    <t>38209.0</t>
  </si>
  <si>
    <t>16165.0</t>
  </si>
  <si>
    <t>3006702.0</t>
  </si>
  <si>
    <t>309.657</t>
  </si>
  <si>
    <t>600048.0</t>
  </si>
  <si>
    <t>427309.0</t>
  </si>
  <si>
    <t>172739.0</t>
  </si>
  <si>
    <t>55795.0</t>
  </si>
  <si>
    <t>3029608.0</t>
  </si>
  <si>
    <t>22906.0</t>
  </si>
  <si>
    <t>312.016</t>
  </si>
  <si>
    <t>636240.0</t>
  </si>
  <si>
    <t>445535.0</t>
  </si>
  <si>
    <t>190705.0</t>
  </si>
  <si>
    <t>3052775.0</t>
  </si>
  <si>
    <t>314.402</t>
  </si>
  <si>
    <t>654462.0</t>
  </si>
  <si>
    <t>453457.0</t>
  </si>
  <si>
    <t>201005.0</t>
  </si>
  <si>
    <t>18222.0</t>
  </si>
  <si>
    <t>10971.1</t>
  </si>
  <si>
    <t>1100.70887774668</t>
  </si>
  <si>
    <t>3068700.0</t>
  </si>
  <si>
    <t>316.042</t>
  </si>
  <si>
    <t>662816.0</t>
  </si>
  <si>
    <t>457096.0</t>
  </si>
  <si>
    <t>205720.0</t>
  </si>
  <si>
    <t>3078026.0</t>
  </si>
  <si>
    <t>317.002</t>
  </si>
  <si>
    <t>679850.0</t>
  </si>
  <si>
    <t>471004.0</t>
  </si>
  <si>
    <t>208846.0</t>
  </si>
  <si>
    <t>28014.0</t>
  </si>
  <si>
    <t>3101425.0</t>
  </si>
  <si>
    <t>319.412</t>
  </si>
  <si>
    <t>719146.0</t>
  </si>
  <si>
    <t>508043.0</t>
  </si>
  <si>
    <t>211073.0</t>
  </si>
  <si>
    <t>20432.0</t>
  </si>
  <si>
    <t>3126934.0</t>
  </si>
  <si>
    <t>25509.0</t>
  </si>
  <si>
    <t>322.039</t>
  </si>
  <si>
    <t>761905.0</t>
  </si>
  <si>
    <t>521283.0</t>
  </si>
  <si>
    <t>240622.0</t>
  </si>
  <si>
    <t>42759.0</t>
  </si>
  <si>
    <t>18495.0</t>
  </si>
  <si>
    <t>3154062.0</t>
  </si>
  <si>
    <t>324.833</t>
  </si>
  <si>
    <t>808008.0</t>
  </si>
  <si>
    <t>563601.0</t>
  </si>
  <si>
    <t>244407.0</t>
  </si>
  <si>
    <t>46103.0</t>
  </si>
  <si>
    <t>19470.0</t>
  </si>
  <si>
    <t>3181876.0</t>
  </si>
  <si>
    <t>27814.0</t>
  </si>
  <si>
    <t>327.698</t>
  </si>
  <si>
    <t>21753.0</t>
  </si>
  <si>
    <t>927181.0</t>
  </si>
  <si>
    <t>677682.0</t>
  </si>
  <si>
    <t>249499.0</t>
  </si>
  <si>
    <t>119173.0</t>
  </si>
  <si>
    <t>3209506.0</t>
  </si>
  <si>
    <t>330.543</t>
  </si>
  <si>
    <t>936938.0</t>
  </si>
  <si>
    <t>685247.0</t>
  </si>
  <si>
    <t>251691.0</t>
  </si>
  <si>
    <t>9757.0</t>
  </si>
  <si>
    <t>40354.0</t>
  </si>
  <si>
    <t>33113.0</t>
  </si>
  <si>
    <t>11187.7</t>
  </si>
  <si>
    <t>1122.4399295938</t>
  </si>
  <si>
    <t>3229736.0</t>
  </si>
  <si>
    <t>20230.0</t>
  </si>
  <si>
    <t>332.627</t>
  </si>
  <si>
    <t>974524.0</t>
  </si>
  <si>
    <t>721677.0</t>
  </si>
  <si>
    <t>252847.0</t>
  </si>
  <si>
    <t>37586.0</t>
  </si>
  <si>
    <t>44530.0</t>
  </si>
  <si>
    <t>37797.0</t>
  </si>
  <si>
    <t>3242554.0</t>
  </si>
  <si>
    <t>12818.0</t>
  </si>
  <si>
    <t>333.947</t>
  </si>
  <si>
    <t>1011405.0</t>
  </si>
  <si>
    <t>758037.0</t>
  </si>
  <si>
    <t>253368.0</t>
  </si>
  <si>
    <t>36881.0</t>
  </si>
  <si>
    <t>3268277.0</t>
  </si>
  <si>
    <t>336.596</t>
  </si>
  <si>
    <t>1052593.0</t>
  </si>
  <si>
    <t>785440.0</t>
  </si>
  <si>
    <t>267153.0</t>
  </si>
  <si>
    <t>3299071.0</t>
  </si>
  <si>
    <t>339.768</t>
  </si>
  <si>
    <t>24591.0</t>
  </si>
  <si>
    <t>1142680.0</t>
  </si>
  <si>
    <t>862953.0</t>
  </si>
  <si>
    <t>279727.0</t>
  </si>
  <si>
    <t>90087.0</t>
  </si>
  <si>
    <t>48810.0</t>
  </si>
  <si>
    <t>3330345.0</t>
  </si>
  <si>
    <t>342.989</t>
  </si>
  <si>
    <t>25183.0</t>
  </si>
  <si>
    <t>1254377.0</t>
  </si>
  <si>
    <t>949497.0</t>
  </si>
  <si>
    <t>304880.0</t>
  </si>
  <si>
    <t>111697.0</t>
  </si>
  <si>
    <t>63767.0</t>
  </si>
  <si>
    <t>3366016.0</t>
  </si>
  <si>
    <t>346.662</t>
  </si>
  <si>
    <t>1288974.0</t>
  </si>
  <si>
    <t>981401.0</t>
  </si>
  <si>
    <t>307573.0</t>
  </si>
  <si>
    <t>3399787.0</t>
  </si>
  <si>
    <t>33771.0</t>
  </si>
  <si>
    <t>350.14</t>
  </si>
  <si>
    <t>27183.0</t>
  </si>
  <si>
    <t>1310643.0</t>
  </si>
  <si>
    <t>1002714.0</t>
  </si>
  <si>
    <t>307929.0</t>
  </si>
  <si>
    <t>21669.0</t>
  </si>
  <si>
    <t>53386.0</t>
  </si>
  <si>
    <t>11565.3</t>
  </si>
  <si>
    <t>1160.32379467908</t>
  </si>
  <si>
    <t>3423677.0</t>
  </si>
  <si>
    <t>352.601</t>
  </si>
  <si>
    <t>1361530.0</t>
  </si>
  <si>
    <t>1047045.0</t>
  </si>
  <si>
    <t>314485.0</t>
  </si>
  <si>
    <t>50887.0</t>
  </si>
  <si>
    <t>55287.0</t>
  </si>
  <si>
    <t>3440942.0</t>
  </si>
  <si>
    <t>354.379</t>
  </si>
  <si>
    <t>28341.0</t>
  </si>
  <si>
    <t>1425697.0</t>
  </si>
  <si>
    <t>1107791.0</t>
  </si>
  <si>
    <t>317906.0</t>
  </si>
  <si>
    <t>64167.0</t>
  </si>
  <si>
    <t>49965.0</t>
  </si>
  <si>
    <t>3471694.0</t>
  </si>
  <si>
    <t>30752.0</t>
  </si>
  <si>
    <t>357.546</t>
  </si>
  <si>
    <t>1476985.0</t>
  </si>
  <si>
    <t>1149557.0</t>
  </si>
  <si>
    <t>327428.0</t>
  </si>
  <si>
    <t>51288.0</t>
  </si>
  <si>
    <t>60627.0</t>
  </si>
  <si>
    <t>3505158.0</t>
  </si>
  <si>
    <t>360.992</t>
  </si>
  <si>
    <t>1581521.0</t>
  </si>
  <si>
    <t>1229827.0</t>
  </si>
  <si>
    <t>351694.0</t>
  </si>
  <si>
    <t>104536.0</t>
  </si>
  <si>
    <t>62692.0</t>
  </si>
  <si>
    <t>52411.0</t>
  </si>
  <si>
    <t>3541954.0</t>
  </si>
  <si>
    <t>36796.0</t>
  </si>
  <si>
    <t>364.782</t>
  </si>
  <si>
    <t>1670757.0</t>
  </si>
  <si>
    <t>1293414.0</t>
  </si>
  <si>
    <t>377343.0</t>
  </si>
  <si>
    <t>59483.0</t>
  </si>
  <si>
    <t>49131.0</t>
  </si>
  <si>
    <t>3583799.0</t>
  </si>
  <si>
    <t>41845.0</t>
  </si>
  <si>
    <t>369.091</t>
  </si>
  <si>
    <t>1711969.0</t>
  </si>
  <si>
    <t>1319266.0</t>
  </si>
  <si>
    <t>392703.0</t>
  </si>
  <si>
    <t>41212.0</t>
  </si>
  <si>
    <t>60428.0</t>
  </si>
  <si>
    <t>48266.0</t>
  </si>
  <si>
    <t>3626107.0</t>
  </si>
  <si>
    <t>373.449</t>
  </si>
  <si>
    <t>1733557.0</t>
  </si>
  <si>
    <t>1334595.0</t>
  </si>
  <si>
    <t>398962.0</t>
  </si>
  <si>
    <t>47412.0</t>
  </si>
  <si>
    <t>12562.7</t>
  </si>
  <si>
    <t>1260.39097432967</t>
  </si>
  <si>
    <t>3653579.0</t>
  </si>
  <si>
    <t>27472.0</t>
  </si>
  <si>
    <t>376.278</t>
  </si>
  <si>
    <t>1746578.0</t>
  </si>
  <si>
    <t>1347073.0</t>
  </si>
  <si>
    <t>399505.0</t>
  </si>
  <si>
    <t>13021.0</t>
  </si>
  <si>
    <t>55007.0</t>
  </si>
  <si>
    <t>3671705.0</t>
  </si>
  <si>
    <t>378.145</t>
  </si>
  <si>
    <t>1804088.0</t>
  </si>
  <si>
    <t>1397342.0</t>
  </si>
  <si>
    <t>406746.0</t>
  </si>
  <si>
    <t>54056.0</t>
  </si>
  <si>
    <t>3685354.0</t>
  </si>
  <si>
    <t>379.55</t>
  </si>
  <si>
    <t>30523.0</t>
  </si>
  <si>
    <t>1863621.0</t>
  </si>
  <si>
    <t>1441706.0</t>
  </si>
  <si>
    <t>421915.0</t>
  </si>
  <si>
    <t>59533.0</t>
  </si>
  <si>
    <t>55234.0</t>
  </si>
  <si>
    <t>41736.0</t>
  </si>
  <si>
    <t>3711852.0</t>
  </si>
  <si>
    <t>382.279</t>
  </si>
  <si>
    <t>1922005.0</t>
  </si>
  <si>
    <t>1477554.0</t>
  </si>
  <si>
    <t>444451.0</t>
  </si>
  <si>
    <t>58384.0</t>
  </si>
  <si>
    <t>48641.0</t>
  </si>
  <si>
    <t>3751450.0</t>
  </si>
  <si>
    <t>386.358</t>
  </si>
  <si>
    <t>29928.0</t>
  </si>
  <si>
    <t>1985993.0</t>
  </si>
  <si>
    <t>1520350.0</t>
  </si>
  <si>
    <t>465643.0</t>
  </si>
  <si>
    <t>63988.0</t>
  </si>
  <si>
    <t>45034.0</t>
  </si>
  <si>
    <t>32419.0</t>
  </si>
  <si>
    <t>3791926.0</t>
  </si>
  <si>
    <t>390.526</t>
  </si>
  <si>
    <t>2038133.0</t>
  </si>
  <si>
    <t>1563242.0</t>
  </si>
  <si>
    <t>474891.0</t>
  </si>
  <si>
    <t>52140.0</t>
  </si>
  <si>
    <t>3832905.0</t>
  </si>
  <si>
    <t>394.747</t>
  </si>
  <si>
    <t>2068990.0</t>
  </si>
  <si>
    <t>1589601.0</t>
  </si>
  <si>
    <t>479389.0</t>
  </si>
  <si>
    <t>30857.0</t>
  </si>
  <si>
    <t>47919.0</t>
  </si>
  <si>
    <t>36429.0</t>
  </si>
  <si>
    <t>14154.9</t>
  </si>
  <si>
    <t>1420.13326773218</t>
  </si>
  <si>
    <t>11276.0</t>
  </si>
  <si>
    <t>3864469.0</t>
  </si>
  <si>
    <t>31564.0</t>
  </si>
  <si>
    <t>397.997</t>
  </si>
  <si>
    <t>2118256.0</t>
  </si>
  <si>
    <t>1636436.0</t>
  </si>
  <si>
    <t>481820.0</t>
  </si>
  <si>
    <t>53097.0</t>
  </si>
  <si>
    <t>41338.0</t>
  </si>
  <si>
    <t>399.983</t>
  </si>
  <si>
    <t>0.2688</t>
  </si>
  <si>
    <t>2190630.0</t>
  </si>
  <si>
    <t>1696110.0</t>
  </si>
  <si>
    <t>494520.0</t>
  </si>
  <si>
    <t>72374.0</t>
  </si>
  <si>
    <t>42681.0</t>
  </si>
  <si>
    <t>3917064.0</t>
  </si>
  <si>
    <t>33316.0</t>
  </si>
  <si>
    <t>403.414</t>
  </si>
  <si>
    <t>2272123.0</t>
  </si>
  <si>
    <t>1747519.0</t>
  </si>
  <si>
    <t>524604.0</t>
  </si>
  <si>
    <t>81493.0</t>
  </si>
  <si>
    <t>3952481.0</t>
  </si>
  <si>
    <t>35417.0</t>
  </si>
  <si>
    <t>407.062</t>
  </si>
  <si>
    <t>2398215.0</t>
  </si>
  <si>
    <t>1803553.0</t>
  </si>
  <si>
    <t>594662.0</t>
  </si>
  <si>
    <t>126092.0</t>
  </si>
  <si>
    <t>68030.0</t>
  </si>
  <si>
    <t>46571.0</t>
  </si>
  <si>
    <t>3992774.0</t>
  </si>
  <si>
    <t>40293.0</t>
  </si>
  <si>
    <t>411.211</t>
  </si>
  <si>
    <t>34475.0</t>
  </si>
  <si>
    <t>2537934.0</t>
  </si>
  <si>
    <t>1870631.0</t>
  </si>
  <si>
    <t>667303.0</t>
  </si>
  <si>
    <t>139719.0</t>
  </si>
  <si>
    <t>78849.0</t>
  </si>
  <si>
    <t>4035327.0</t>
  </si>
  <si>
    <t>415.594</t>
  </si>
  <si>
    <t>34772.0</t>
  </si>
  <si>
    <t>2589469.0</t>
  </si>
  <si>
    <t>1903498.0</t>
  </si>
  <si>
    <t>685971.0</t>
  </si>
  <si>
    <t>51535.0</t>
  </si>
  <si>
    <t>78762.0</t>
  </si>
  <si>
    <t>48608.0</t>
  </si>
  <si>
    <t>4064628.0</t>
  </si>
  <si>
    <t>29301.0</t>
  </si>
  <si>
    <t>418.611</t>
  </si>
  <si>
    <t>2609739.0</t>
  </si>
  <si>
    <t>1920347.0</t>
  </si>
  <si>
    <t>689392.0</t>
  </si>
  <si>
    <t>77250.0</t>
  </si>
  <si>
    <t>47249.0</t>
  </si>
  <si>
    <t>16088.1</t>
  </si>
  <si>
    <t>1614.08742022918</t>
  </si>
  <si>
    <t>4107107.0</t>
  </si>
  <si>
    <t>42479.0</t>
  </si>
  <si>
    <t>422.986</t>
  </si>
  <si>
    <t>34663.0</t>
  </si>
  <si>
    <t>0.2493</t>
  </si>
  <si>
    <t>81246.0</t>
  </si>
  <si>
    <t>8151.0</t>
  </si>
  <si>
    <t>12553.0</t>
  </si>
  <si>
    <t>4125562.0</t>
  </si>
  <si>
    <t>424.887</t>
  </si>
  <si>
    <t>2764216.0</t>
  </si>
  <si>
    <t>2011029.0</t>
  </si>
  <si>
    <t>753187.0</t>
  </si>
  <si>
    <t>4158316.0</t>
  </si>
  <si>
    <t>428.26</t>
  </si>
  <si>
    <t>2853155.0</t>
  </si>
  <si>
    <t>2065948.0</t>
  </si>
  <si>
    <t>787207.0</t>
  </si>
  <si>
    <t>83005.0</t>
  </si>
  <si>
    <t>45490.0</t>
  </si>
  <si>
    <t>12062.0</t>
  </si>
  <si>
    <t>4198760.0</t>
  </si>
  <si>
    <t>40444.0</t>
  </si>
  <si>
    <t>432.426</t>
  </si>
  <si>
    <t>3019875.0</t>
  </si>
  <si>
    <t>2156680.0</t>
  </si>
  <si>
    <t>863195.0</t>
  </si>
  <si>
    <t>166720.0</t>
  </si>
  <si>
    <t>88809.0</t>
  </si>
  <si>
    <t>50447.0</t>
  </si>
  <si>
    <t>4238753.0</t>
  </si>
  <si>
    <t>436.544</t>
  </si>
  <si>
    <t>3126733.0</t>
  </si>
  <si>
    <t>2235731.0</t>
  </si>
  <si>
    <t>891002.0</t>
  </si>
  <si>
    <t>106858.0</t>
  </si>
  <si>
    <t>52157.0</t>
  </si>
  <si>
    <t>4275351.0</t>
  </si>
  <si>
    <t>440.314</t>
  </si>
  <si>
    <t>3.769</t>
  </si>
  <si>
    <t>34289.0</t>
  </si>
  <si>
    <t>3217618.0</t>
  </si>
  <si>
    <t>2312501.0</t>
  </si>
  <si>
    <t>905117.0</t>
  </si>
  <si>
    <t>89736.0</t>
  </si>
  <si>
    <t>58429.0</t>
  </si>
  <si>
    <t>4302445.0</t>
  </si>
  <si>
    <t>27094.0</t>
  </si>
  <si>
    <t>443.104</t>
  </si>
  <si>
    <t>33974.0</t>
  </si>
  <si>
    <t>3275851.0</t>
  </si>
  <si>
    <t>2362839.0</t>
  </si>
  <si>
    <t>913012.0</t>
  </si>
  <si>
    <t>95159.0</t>
  </si>
  <si>
    <t>63213.0</t>
  </si>
  <si>
    <t>18030.9</t>
  </si>
  <si>
    <t>1809.00472183852</t>
  </si>
  <si>
    <t>4321353.0</t>
  </si>
  <si>
    <t>445.051</t>
  </si>
  <si>
    <t>3355199.0</t>
  </si>
  <si>
    <t>2432313.0</t>
  </si>
  <si>
    <t>79348.0</t>
  </si>
  <si>
    <t>95460.0</t>
  </si>
  <si>
    <t>66661.0</t>
  </si>
  <si>
    <t>4332547.0</t>
  </si>
  <si>
    <t>446.204</t>
  </si>
  <si>
    <t>3542687.0</t>
  </si>
  <si>
    <t>2536751.0</t>
  </si>
  <si>
    <t>1005936.0</t>
  </si>
  <si>
    <t>187488.0</t>
  </si>
  <si>
    <t>111210.0</t>
  </si>
  <si>
    <t>75103.0</t>
  </si>
  <si>
    <t>4344748.0</t>
  </si>
  <si>
    <t>12201.0</t>
  </si>
  <si>
    <t>447.461</t>
  </si>
  <si>
    <t>26633.0</t>
  </si>
  <si>
    <t>3686031.0</t>
  </si>
  <si>
    <t>2608084.0</t>
  </si>
  <si>
    <t>1077947.0</t>
  </si>
  <si>
    <t>143344.0</t>
  </si>
  <si>
    <t>118982.0</t>
  </si>
  <si>
    <t>77448.0</t>
  </si>
  <si>
    <t>4374771.0</t>
  </si>
  <si>
    <t>30023.0</t>
  </si>
  <si>
    <t>450.553</t>
  </si>
  <si>
    <t>25144.0</t>
  </si>
  <si>
    <t>3815241.0</t>
  </si>
  <si>
    <t>2689102.0</t>
  </si>
  <si>
    <t>1126139.0</t>
  </si>
  <si>
    <t>129210.0</t>
  </si>
  <si>
    <t>113624.0</t>
  </si>
  <si>
    <t>76060.0</t>
  </si>
  <si>
    <t>4410474.0</t>
  </si>
  <si>
    <t>454.23</t>
  </si>
  <si>
    <t>3932413.0</t>
  </si>
  <si>
    <t>2760938.0</t>
  </si>
  <si>
    <t>1171475.0</t>
  </si>
  <si>
    <t>117172.0</t>
  </si>
  <si>
    <t>75030.0</t>
  </si>
  <si>
    <t>4447086.0</t>
  </si>
  <si>
    <t>36612.0</t>
  </si>
  <si>
    <t>4033579.0</t>
  </si>
  <si>
    <t>2835894.0</t>
  </si>
  <si>
    <t>1197685.0</t>
  </si>
  <si>
    <t>101166.0</t>
  </si>
  <si>
    <t>4483950.0</t>
  </si>
  <si>
    <t>461.797</t>
  </si>
  <si>
    <t>4117641.0</t>
  </si>
  <si>
    <t>2900383.0</t>
  </si>
  <si>
    <t>1217258.0</t>
  </si>
  <si>
    <t>84062.0</t>
  </si>
  <si>
    <t>76792.0</t>
  </si>
  <si>
    <t>19659.7</t>
  </si>
  <si>
    <t>1972.41902123182</t>
  </si>
  <si>
    <t>4510310.0</t>
  </si>
  <si>
    <t>26360.0</t>
  </si>
  <si>
    <t>464.512</t>
  </si>
  <si>
    <t>4220229.0</t>
  </si>
  <si>
    <t>2969647.0</t>
  </si>
  <si>
    <t>1250582.0</t>
  </si>
  <si>
    <t>123576.0</t>
  </si>
  <si>
    <t>76762.0</t>
  </si>
  <si>
    <t>10818.0</t>
  </si>
  <si>
    <t>4525777.0</t>
  </si>
  <si>
    <t>15467.0</t>
  </si>
  <si>
    <t>466.105</t>
  </si>
  <si>
    <t>4327732.0</t>
  </si>
  <si>
    <t>3037023.0</t>
  </si>
  <si>
    <t>1290709.0</t>
  </si>
  <si>
    <t>107503.0</t>
  </si>
  <si>
    <t>112149.0</t>
  </si>
  <si>
    <t>71467.0</t>
  </si>
  <si>
    <t>10364.0</t>
  </si>
  <si>
    <t>4560958.0</t>
  </si>
  <si>
    <t>469.728</t>
  </si>
  <si>
    <t>4416581.0</t>
  </si>
  <si>
    <t>3090994.0</t>
  </si>
  <si>
    <t>1325587.0</t>
  </si>
  <si>
    <t>104364.0</t>
  </si>
  <si>
    <t>68987.0</t>
  </si>
  <si>
    <t>4582900.0</t>
  </si>
  <si>
    <t>21942.0</t>
  </si>
  <si>
    <t>471.988</t>
  </si>
  <si>
    <t>65108.0</t>
  </si>
  <si>
    <t>4614923.0</t>
  </si>
  <si>
    <t>475.286</t>
  </si>
  <si>
    <t>29207.0</t>
  </si>
  <si>
    <t>90300.0</t>
  </si>
  <si>
    <t>9060.0</t>
  </si>
  <si>
    <t>62540.0</t>
  </si>
  <si>
    <t>4645585.0</t>
  </si>
  <si>
    <t>30662.0</t>
  </si>
  <si>
    <t>478.444</t>
  </si>
  <si>
    <t>4638477.0</t>
  </si>
  <si>
    <t>3252579.0</t>
  </si>
  <si>
    <t>1385898.0</t>
  </si>
  <si>
    <t>86414.0</t>
  </si>
  <si>
    <t>4673895.0</t>
  </si>
  <si>
    <t>28310.0</t>
  </si>
  <si>
    <t>481.359</t>
  </si>
  <si>
    <t>4657806.0</t>
  </si>
  <si>
    <t>3266425.0</t>
  </si>
  <si>
    <t>1391381.0</t>
  </si>
  <si>
    <t>77166.0</t>
  </si>
  <si>
    <t>52292.0</t>
  </si>
  <si>
    <t>20713.9</t>
  </si>
  <si>
    <t>2078.1848331304</t>
  </si>
  <si>
    <t>867.837</t>
  </si>
  <si>
    <t>4693294.0</t>
  </si>
  <si>
    <t>483.357</t>
  </si>
  <si>
    <t>26141.0</t>
  </si>
  <si>
    <t>4717755.0</t>
  </si>
  <si>
    <t>3317052.0</t>
  </si>
  <si>
    <t>1400703.0</t>
  </si>
  <si>
    <t>59949.0</t>
  </si>
  <si>
    <t>49629.0</t>
  </si>
  <si>
    <t>4706246.0</t>
  </si>
  <si>
    <t>484.691</t>
  </si>
  <si>
    <t>4788720.0</t>
  </si>
  <si>
    <t>3363596.0</t>
  </si>
  <si>
    <t>1425124.0</t>
  </si>
  <si>
    <t>70965.0</t>
  </si>
  <si>
    <t>65855.0</t>
  </si>
  <si>
    <t>46653.0</t>
  </si>
  <si>
    <t>4728681.0</t>
  </si>
  <si>
    <t>487.002</t>
  </si>
  <si>
    <t>4872750.0</t>
  </si>
  <si>
    <t>3419450.0</t>
  </si>
  <si>
    <t>1453300.0</t>
  </si>
  <si>
    <t>84030.0</t>
  </si>
  <si>
    <t>65167.0</t>
  </si>
  <si>
    <t>4755087.0</t>
  </si>
  <si>
    <t>489.721</t>
  </si>
  <si>
    <t>4999342.0</t>
  </si>
  <si>
    <t>3508846.0</t>
  </si>
  <si>
    <t>1490478.0</t>
  </si>
  <si>
    <t>126592.0</t>
  </si>
  <si>
    <t>4782694.0</t>
  </si>
  <si>
    <t>492.564</t>
  </si>
  <si>
    <t>5129390.0</t>
  </si>
  <si>
    <t>3576705.0</t>
  </si>
  <si>
    <t>1552685.0</t>
  </si>
  <si>
    <t>130048.0</t>
  </si>
  <si>
    <t>80697.0</t>
  </si>
  <si>
    <t>53998.0</t>
  </si>
  <si>
    <t>4806541.0</t>
  </si>
  <si>
    <t>495.02</t>
  </si>
  <si>
    <t>80100.0</t>
  </si>
  <si>
    <t>48246.0</t>
  </si>
  <si>
    <t>4829764.0</t>
  </si>
  <si>
    <t>23223.0</t>
  </si>
  <si>
    <t>497.412</t>
  </si>
  <si>
    <t>5268968.0</t>
  </si>
  <si>
    <t>3603901.0</t>
  </si>
  <si>
    <t>1665067.0</t>
  </si>
  <si>
    <t>87309.0</t>
  </si>
  <si>
    <t>21535.1</t>
  </si>
  <si>
    <t>2160.57421344829</t>
  </si>
  <si>
    <t>4846399.0</t>
  </si>
  <si>
    <t>499.125</t>
  </si>
  <si>
    <t>5391453.0</t>
  </si>
  <si>
    <t>3679730.0</t>
  </si>
  <si>
    <t>1711723.0</t>
  </si>
  <si>
    <t>122485.0</t>
  </si>
  <si>
    <t>96243.0</t>
  </si>
  <si>
    <t>4857788.0</t>
  </si>
  <si>
    <t>500.298</t>
  </si>
  <si>
    <t>21649.0</t>
  </si>
  <si>
    <t>5548121.0</t>
  </si>
  <si>
    <t>3774221.0</t>
  </si>
  <si>
    <t>1773900.0</t>
  </si>
  <si>
    <t>108486.0</t>
  </si>
  <si>
    <t>58661.0</t>
  </si>
  <si>
    <t>4876577.0</t>
  </si>
  <si>
    <t>502.233</t>
  </si>
  <si>
    <t>5692877.0</t>
  </si>
  <si>
    <t>3870222.0</t>
  </si>
  <si>
    <t>1822655.0</t>
  </si>
  <si>
    <t>117161.0</t>
  </si>
  <si>
    <t>64396.0</t>
  </si>
  <si>
    <t>557.222</t>
  </si>
  <si>
    <t>4898956.0</t>
  </si>
  <si>
    <t>22379.0</t>
  </si>
  <si>
    <t>504.538</t>
  </si>
  <si>
    <t>5794447.0</t>
  </si>
  <si>
    <t>3913550.0</t>
  </si>
  <si>
    <t>1880897.0</t>
  </si>
  <si>
    <t>113586.0</t>
  </si>
  <si>
    <t>4922704.0</t>
  </si>
  <si>
    <t>506.984</t>
  </si>
  <si>
    <t>5971865.0</t>
  </si>
  <si>
    <t>4023137.0</t>
  </si>
  <si>
    <t>1948728.0</t>
  </si>
  <si>
    <t>177418.0</t>
  </si>
  <si>
    <t>63776.0</t>
  </si>
  <si>
    <t>4943816.0</t>
  </si>
  <si>
    <t>509.158</t>
  </si>
  <si>
    <t>19611.0</t>
  </si>
  <si>
    <t>6080554.0</t>
  </si>
  <si>
    <t>4064204.0</t>
  </si>
  <si>
    <t>2016350.0</t>
  </si>
  <si>
    <t>108689.0</t>
  </si>
  <si>
    <t>125911.0</t>
  </si>
  <si>
    <t>67700.0</t>
  </si>
  <si>
    <t>4965147.0</t>
  </si>
  <si>
    <t>511.355</t>
  </si>
  <si>
    <t>19340.0</t>
  </si>
  <si>
    <t>6150309.0</t>
  </si>
  <si>
    <t>4073149.0</t>
  </si>
  <si>
    <t>2077160.0</t>
  </si>
  <si>
    <t>69755.0</t>
  </si>
  <si>
    <t>125906.0</t>
  </si>
  <si>
    <t>22068.7</t>
  </si>
  <si>
    <t>2214.10925160906</t>
  </si>
  <si>
    <t>4978901.0</t>
  </si>
  <si>
    <t>512.771</t>
  </si>
  <si>
    <t>18929.0</t>
  </si>
  <si>
    <t>6257132.0</t>
  </si>
  <si>
    <t>4099495.0</t>
  </si>
  <si>
    <t>2157637.0</t>
  </si>
  <si>
    <t>106823.0</t>
  </si>
  <si>
    <t>123668.0</t>
  </si>
  <si>
    <t>59966.0</t>
  </si>
  <si>
    <t>4987309.0</t>
  </si>
  <si>
    <t>513.637</t>
  </si>
  <si>
    <t>18503.0</t>
  </si>
  <si>
    <t>6372472.0</t>
  </si>
  <si>
    <t>4123697.0</t>
  </si>
  <si>
    <t>2248775.0</t>
  </si>
  <si>
    <t>115340.0</t>
  </si>
  <si>
    <t>49925.0</t>
  </si>
  <si>
    <t>5003825.0</t>
  </si>
  <si>
    <t>515.338</t>
  </si>
  <si>
    <t>6468466.0</t>
  </si>
  <si>
    <t>4153038.0</t>
  </si>
  <si>
    <t>2315428.0</t>
  </si>
  <si>
    <t>95994.0</t>
  </si>
  <si>
    <t>110798.0</t>
  </si>
  <si>
    <t>40402.0</t>
  </si>
  <si>
    <t>5024715.0</t>
  </si>
  <si>
    <t>20890.0</t>
  </si>
  <si>
    <t>517.49</t>
  </si>
  <si>
    <t>17966.0</t>
  </si>
  <si>
    <t>6610557.0</t>
  </si>
  <si>
    <t>4203873.0</t>
  </si>
  <si>
    <t>2406684.0</t>
  </si>
  <si>
    <t>142091.0</t>
  </si>
  <si>
    <t>116587.0</t>
  </si>
  <si>
    <t>41475.0</t>
  </si>
  <si>
    <t>5043362.0</t>
  </si>
  <si>
    <t>519.41</t>
  </si>
  <si>
    <t>6714425.0</t>
  </si>
  <si>
    <t>4261822.0</t>
  </si>
  <si>
    <t>2452603.0</t>
  </si>
  <si>
    <t>103868.0</t>
  </si>
  <si>
    <t>106080.0</t>
  </si>
  <si>
    <t>34098.0</t>
  </si>
  <si>
    <t>5060383.0</t>
  </si>
  <si>
    <t>521.163</t>
  </si>
  <si>
    <t>6776759.0</t>
  </si>
  <si>
    <t>4288641.0</t>
  </si>
  <si>
    <t>2488118.0</t>
  </si>
  <si>
    <t>336.4</t>
  </si>
  <si>
    <t>5077404.0</t>
  </si>
  <si>
    <t>522.916</t>
  </si>
  <si>
    <t>6809350.0</t>
  </si>
  <si>
    <t>4305775.0</t>
  </si>
  <si>
    <t>2503575.0</t>
  </si>
  <si>
    <t>94149.0</t>
  </si>
  <si>
    <t>33232.0</t>
  </si>
  <si>
    <t>22426.1</t>
  </si>
  <si>
    <t>2249.96649043713</t>
  </si>
  <si>
    <t>5087956.0</t>
  </si>
  <si>
    <t>524.003</t>
  </si>
  <si>
    <t>6876236.0</t>
  </si>
  <si>
    <t>4346089.0</t>
  </si>
  <si>
    <t>2530147.0</t>
  </si>
  <si>
    <t>66886.0</t>
  </si>
  <si>
    <t>88443.0</t>
  </si>
  <si>
    <t>35228.0</t>
  </si>
  <si>
    <t>5094469.0</t>
  </si>
  <si>
    <t>524.674</t>
  </si>
  <si>
    <t>81210.0</t>
  </si>
  <si>
    <t>5109781.0</t>
  </si>
  <si>
    <t>526.251</t>
  </si>
  <si>
    <t>7005646.0</t>
  </si>
  <si>
    <t>4420767.0</t>
  </si>
  <si>
    <t>2584879.0</t>
  </si>
  <si>
    <t>76740.0</t>
  </si>
  <si>
    <t>38247.0</t>
  </si>
  <si>
    <t>5137599.0</t>
  </si>
  <si>
    <t>27818.0</t>
  </si>
  <si>
    <t>529.116</t>
  </si>
  <si>
    <t>7110455.0</t>
  </si>
  <si>
    <t>4483598.0</t>
  </si>
  <si>
    <t>2626857.0</t>
  </si>
  <si>
    <t>104809.0</t>
  </si>
  <si>
    <t>71414.0</t>
  </si>
  <si>
    <t>5156500.0</t>
  </si>
  <si>
    <t>531.062</t>
  </si>
  <si>
    <t>7211350.0</t>
  </si>
  <si>
    <t>4554679.0</t>
  </si>
  <si>
    <t>2656671.0</t>
  </si>
  <si>
    <t>70989.0</t>
  </si>
  <si>
    <t>5172000.0</t>
  </si>
  <si>
    <t>15500.0</t>
  </si>
  <si>
    <t>532.658</t>
  </si>
  <si>
    <t>7301801.0</t>
  </si>
  <si>
    <t>4600012.0</t>
  </si>
  <si>
    <t>2701789.0</t>
  </si>
  <si>
    <t>90451.0</t>
  </si>
  <si>
    <t>5187826.0</t>
  </si>
  <si>
    <t>15826.0</t>
  </si>
  <si>
    <t>534.288</t>
  </si>
  <si>
    <t>15775.0</t>
  </si>
  <si>
    <t>7366464.0</t>
  </si>
  <si>
    <t>4639299.0</t>
  </si>
  <si>
    <t>2727165.0</t>
  </si>
  <si>
    <t>64663.0</t>
  </si>
  <si>
    <t>22663.9</t>
  </si>
  <si>
    <t>2273.824496574</t>
  </si>
  <si>
    <t>5198191.0</t>
  </si>
  <si>
    <t>535.356</t>
  </si>
  <si>
    <t>7464227.0</t>
  </si>
  <si>
    <t>4714992.0</t>
  </si>
  <si>
    <t>2749235.0</t>
  </si>
  <si>
    <t>97763.0</t>
  </si>
  <si>
    <t>83999.0</t>
  </si>
  <si>
    <t>52700.0</t>
  </si>
  <si>
    <t>5205295.0</t>
  </si>
  <si>
    <t>536.088</t>
  </si>
  <si>
    <t>7565412.0</t>
  </si>
  <si>
    <t>4790996.0</t>
  </si>
  <si>
    <t>2774416.0</t>
  </si>
  <si>
    <t>101185.0</t>
  </si>
  <si>
    <t>89210.0</t>
  </si>
  <si>
    <t>191.426</t>
  </si>
  <si>
    <t>5219957.0</t>
  </si>
  <si>
    <t>537.598</t>
  </si>
  <si>
    <t>7644400.0</t>
  </si>
  <si>
    <t>4829595.0</t>
  </si>
  <si>
    <t>2814805.0</t>
  </si>
  <si>
    <t>78988.0</t>
  </si>
  <si>
    <t>91251.0</t>
  </si>
  <si>
    <t>9155.0</t>
  </si>
  <si>
    <t>58404.0</t>
  </si>
  <si>
    <t>5236281.0</t>
  </si>
  <si>
    <t>539.279</t>
  </si>
  <si>
    <t>7785158.0</t>
  </si>
  <si>
    <t>4898866.0</t>
  </si>
  <si>
    <t>2886292.0</t>
  </si>
  <si>
    <t>140758.0</t>
  </si>
  <si>
    <t>96386.0</t>
  </si>
  <si>
    <t>59324.0</t>
  </si>
  <si>
    <t>5246912.0</t>
  </si>
  <si>
    <t>540.374</t>
  </si>
  <si>
    <t>7936671.0</t>
  </si>
  <si>
    <t>4969321.0</t>
  </si>
  <si>
    <t>2967350.0</t>
  </si>
  <si>
    <t>151513.0</t>
  </si>
  <si>
    <t>103617.0</t>
  </si>
  <si>
    <t>59235.0</t>
  </si>
  <si>
    <t>5269562.0</t>
  </si>
  <si>
    <t>542.706</t>
  </si>
  <si>
    <t>8006671.0</t>
  </si>
  <si>
    <t>5005682.0</t>
  </si>
  <si>
    <t>3000989.0</t>
  </si>
  <si>
    <t>100696.0</t>
  </si>
  <si>
    <t>57953.0</t>
  </si>
  <si>
    <t>5283611.0</t>
  </si>
  <si>
    <t>544.153</t>
  </si>
  <si>
    <t>8035628.0</t>
  </si>
  <si>
    <t>5023145.0</t>
  </si>
  <si>
    <t>3012484.0</t>
  </si>
  <si>
    <t>54835.0</t>
  </si>
  <si>
    <t>22784.5</t>
  </si>
  <si>
    <t>2285.92405729774</t>
  </si>
  <si>
    <t>5293155.0</t>
  </si>
  <si>
    <t>545.136</t>
  </si>
  <si>
    <t>8099469.0</t>
  </si>
  <si>
    <t>5026529.0</t>
  </si>
  <si>
    <t>3072940.0</t>
  </si>
  <si>
    <t>63841.0</t>
  </si>
  <si>
    <t>90749.0</t>
  </si>
  <si>
    <t>5299523.0</t>
  </si>
  <si>
    <t>545.792</t>
  </si>
  <si>
    <t>8236826.0</t>
  </si>
  <si>
    <t>5040222.0</t>
  </si>
  <si>
    <t>3196604.0</t>
  </si>
  <si>
    <t>137357.0</t>
  </si>
  <si>
    <t>5305763.0</t>
  </si>
  <si>
    <t>546.435</t>
  </si>
  <si>
    <t>8384309.0</t>
  </si>
  <si>
    <t>5056262.0</t>
  </si>
  <si>
    <t>3328047.0</t>
  </si>
  <si>
    <t>105701.0</t>
  </si>
  <si>
    <t>5320222.0</t>
  </si>
  <si>
    <t>547.924</t>
  </si>
  <si>
    <t>8530199.0</t>
  </si>
  <si>
    <t>5084642.0</t>
  </si>
  <si>
    <t>3445557.0</t>
  </si>
  <si>
    <t>145890.0</t>
  </si>
  <si>
    <t>106434.0</t>
  </si>
  <si>
    <t>26539.0</t>
  </si>
  <si>
    <t>5335773.0</t>
  </si>
  <si>
    <t>549.525</t>
  </si>
  <si>
    <t>8659977.0</t>
  </si>
  <si>
    <t>5120109.0</t>
  </si>
  <si>
    <t>3539868.0</t>
  </si>
  <si>
    <t>129778.0</t>
  </si>
  <si>
    <t>103329.0</t>
  </si>
  <si>
    <t>5350718.0</t>
  </si>
  <si>
    <t>551.064</t>
  </si>
  <si>
    <t>8719578.0</t>
  </si>
  <si>
    <t>5137031.0</t>
  </si>
  <si>
    <t>3582547.0</t>
  </si>
  <si>
    <t>59601.0</t>
  </si>
  <si>
    <t>101844.0</t>
  </si>
  <si>
    <t>18764.0</t>
  </si>
  <si>
    <t>5365960.0</t>
  </si>
  <si>
    <t>552.634</t>
  </si>
  <si>
    <t>8758639.0</t>
  </si>
  <si>
    <t>5146949.0</t>
  </si>
  <si>
    <t>3611690.0</t>
  </si>
  <si>
    <t>103287.0</t>
  </si>
  <si>
    <t>22843.1</t>
  </si>
  <si>
    <t>2291.8032800043</t>
  </si>
  <si>
    <t>5374012.0</t>
  </si>
  <si>
    <t>553.463</t>
  </si>
  <si>
    <t>8832277.0</t>
  </si>
  <si>
    <t>5176630.0</t>
  </si>
  <si>
    <t>3655647.0</t>
  </si>
  <si>
    <t>73638.0</t>
  </si>
  <si>
    <t>104687.0</t>
  </si>
  <si>
    <t>95.011</t>
  </si>
  <si>
    <t>5386794.0</t>
  </si>
  <si>
    <t>554.78</t>
  </si>
  <si>
    <t>8901553.0</t>
  </si>
  <si>
    <t>5206951.0</t>
  </si>
  <si>
    <t>3694602.0</t>
  </si>
  <si>
    <t>69276.0</t>
  </si>
  <si>
    <t>94961.0</t>
  </si>
  <si>
    <t>5411942.0</t>
  </si>
  <si>
    <t>25148.0</t>
  </si>
  <si>
    <t>557.37</t>
  </si>
  <si>
    <t>15168.0</t>
  </si>
  <si>
    <t>8959570.0</t>
  </si>
  <si>
    <t>5227318.0</t>
  </si>
  <si>
    <t>3732252.0</t>
  </si>
  <si>
    <t>5415378.0</t>
  </si>
  <si>
    <t>557.724</t>
  </si>
  <si>
    <t>9053097.0</t>
  </si>
  <si>
    <t>5238903.0</t>
  </si>
  <si>
    <t>3814194.0</t>
  </si>
  <si>
    <t>93527.0</t>
  </si>
  <si>
    <t>74700.0</t>
  </si>
  <si>
    <t>5434051.0</t>
  </si>
  <si>
    <t>559.647</t>
  </si>
  <si>
    <t>70220.0</t>
  </si>
  <si>
    <t>5446623.0</t>
  </si>
  <si>
    <t>560.942</t>
  </si>
  <si>
    <t>9249943.0</t>
  </si>
  <si>
    <t>5260418.0</t>
  </si>
  <si>
    <t>3989525.0</t>
  </si>
  <si>
    <t>5459412.0</t>
  </si>
  <si>
    <t>562.259</t>
  </si>
  <si>
    <t>5261781.0</t>
  </si>
  <si>
    <t>3994595.0</t>
  </si>
  <si>
    <t>22966.9</t>
  </si>
  <si>
    <t>2304.22389043216</t>
  </si>
  <si>
    <t>5466030.0</t>
  </si>
  <si>
    <t>562.94</t>
  </si>
  <si>
    <t>5278680.0</t>
  </si>
  <si>
    <t>4027056.0</t>
  </si>
  <si>
    <t>66775.0</t>
  </si>
  <si>
    <t>59.294</t>
  </si>
  <si>
    <t>5471908.0</t>
  </si>
  <si>
    <t>563.546</t>
  </si>
  <si>
    <t>5296926.0</t>
  </si>
  <si>
    <t>4073520.0</t>
  </si>
  <si>
    <t>60433.0</t>
  </si>
  <si>
    <t>5485468.0</t>
  </si>
  <si>
    <t>564.942</t>
  </si>
  <si>
    <t>5311475.0</t>
  </si>
  <si>
    <t>4112876.0</t>
  </si>
  <si>
    <t>5498038.0</t>
  </si>
  <si>
    <t>566.237</t>
  </si>
  <si>
    <t>5324996.0</t>
  </si>
  <si>
    <t>4157681.0</t>
  </si>
  <si>
    <t>5512051.0</t>
  </si>
  <si>
    <t>14013.0</t>
  </si>
  <si>
    <t>567.68</t>
  </si>
  <si>
    <t>5342379.0</t>
  </si>
  <si>
    <t>4208619.0</t>
  </si>
  <si>
    <t>23080.1</t>
  </si>
  <si>
    <t>2315.58102371514</t>
  </si>
  <si>
    <t>5540334.0</t>
  </si>
  <si>
    <t>570.593</t>
  </si>
  <si>
    <t>5351972.0</t>
  </si>
  <si>
    <t>4240264.0</t>
  </si>
  <si>
    <t>5545180.0</t>
  </si>
  <si>
    <t>571.092</t>
  </si>
  <si>
    <t>10467.0</t>
  </si>
  <si>
    <t>5363124.0</t>
  </si>
  <si>
    <t>4271990.0</t>
  </si>
  <si>
    <t>5558288.0</t>
  </si>
  <si>
    <t>572.442</t>
  </si>
  <si>
    <t>5375923.0</t>
  </si>
  <si>
    <t>4299073.0</t>
  </si>
  <si>
    <t>5569191.0</t>
  </si>
  <si>
    <t>573.565</t>
  </si>
  <si>
    <t>5389058.0</t>
  </si>
  <si>
    <t>4360313.0</t>
  </si>
  <si>
    <t>5582683.0</t>
  </si>
  <si>
    <t>574.954</t>
  </si>
  <si>
    <t>5411431.0</t>
  </si>
  <si>
    <t>4491113.0</t>
  </si>
  <si>
    <t>23158.5</t>
  </si>
  <si>
    <t>2323.4467414659</t>
  </si>
  <si>
    <t>5607652.0</t>
  </si>
  <si>
    <t>577.526</t>
  </si>
  <si>
    <t>115.1</t>
  </si>
  <si>
    <t>5421230.0</t>
  </si>
  <si>
    <t>4555029.0</t>
  </si>
  <si>
    <t>5611970.0</t>
  </si>
  <si>
    <t>577.971</t>
  </si>
  <si>
    <t>5431713.0</t>
  </si>
  <si>
    <t>4619877.0</t>
  </si>
  <si>
    <t>5622680.0</t>
  </si>
  <si>
    <t>579.074</t>
  </si>
  <si>
    <t>5445544.0</t>
  </si>
  <si>
    <t>4657776.0</t>
  </si>
  <si>
    <t>21.571</t>
  </si>
  <si>
    <t>5632412.0</t>
  </si>
  <si>
    <t>580.076</t>
  </si>
  <si>
    <t>5454866.0</t>
  </si>
  <si>
    <t>4728655.0</t>
  </si>
  <si>
    <t>5643579.0</t>
  </si>
  <si>
    <t>581.226</t>
  </si>
  <si>
    <t>5468205.0</t>
  </si>
  <si>
    <t>4842148.0</t>
  </si>
  <si>
    <t>23586.9</t>
  </si>
  <si>
    <t>2366.42727060397</t>
  </si>
  <si>
    <t>5665706.0</t>
  </si>
  <si>
    <t>583.505</t>
  </si>
  <si>
    <t>5477405.0</t>
  </si>
  <si>
    <t>4874076.0</t>
  </si>
  <si>
    <t>5670002.0</t>
  </si>
  <si>
    <t>583.947</t>
  </si>
  <si>
    <t>5486514.0</t>
  </si>
  <si>
    <t>4916927.0</t>
  </si>
  <si>
    <t>5679459.0</t>
  </si>
  <si>
    <t>584.921</t>
  </si>
  <si>
    <t>11.638</t>
  </si>
  <si>
    <t>5687693.0</t>
  </si>
  <si>
    <t>585.769</t>
  </si>
  <si>
    <t>5695084.0</t>
  </si>
  <si>
    <t>170.4</t>
  </si>
  <si>
    <t>5506665.0</t>
  </si>
  <si>
    <t>5058824.0</t>
  </si>
  <si>
    <t>23782.9</t>
  </si>
  <si>
    <t>2386.09156498086</t>
  </si>
  <si>
    <t>5713331.0</t>
  </si>
  <si>
    <t>588.41</t>
  </si>
  <si>
    <t>5513327.0</t>
  </si>
  <si>
    <t>5072024.0</t>
  </si>
  <si>
    <t>8.829</t>
  </si>
  <si>
    <t>5717499.0</t>
  </si>
  <si>
    <t>588.839</t>
  </si>
  <si>
    <t>8.026</t>
  </si>
  <si>
    <t>5722586.0</t>
  </si>
  <si>
    <t>589.363</t>
  </si>
  <si>
    <t>5523878.0</t>
  </si>
  <si>
    <t>5126330.0</t>
  </si>
  <si>
    <t>5728351.0</t>
  </si>
  <si>
    <t>8.729</t>
  </si>
  <si>
    <t>5741552.0</t>
  </si>
  <si>
    <t>591.316</t>
  </si>
  <si>
    <t>5538557.0</t>
  </si>
  <si>
    <t>5175503.0</t>
  </si>
  <si>
    <t>23926.3</t>
  </si>
  <si>
    <t>2400.47860484641</t>
  </si>
  <si>
    <t>5760026.0</t>
  </si>
  <si>
    <t>593.219</t>
  </si>
  <si>
    <t>5543891.0</t>
  </si>
  <si>
    <t>5202925.0</t>
  </si>
  <si>
    <t>5764022.0</t>
  </si>
  <si>
    <t>593.63</t>
  </si>
  <si>
    <t>5548451.0</t>
  </si>
  <si>
    <t>5226741.0</t>
  </si>
  <si>
    <t>5771216.0</t>
  </si>
  <si>
    <t>594.371</t>
  </si>
  <si>
    <t>5778672.0</t>
  </si>
  <si>
    <t>595.139</t>
  </si>
  <si>
    <t>5559178.0</t>
  </si>
  <si>
    <t>5268814.0</t>
  </si>
  <si>
    <t>5787439.0</t>
  </si>
  <si>
    <t>596.042</t>
  </si>
  <si>
    <t>5569099.0</t>
  </si>
  <si>
    <t>5293132.0</t>
  </si>
  <si>
    <t>24069.7</t>
  </si>
  <si>
    <t>2414.86564471195</t>
  </si>
  <si>
    <t>5806428.0</t>
  </si>
  <si>
    <t>18989.0</t>
  </si>
  <si>
    <t>597.998</t>
  </si>
  <si>
    <t>5573557.0</t>
  </si>
  <si>
    <t>5311557.0</t>
  </si>
  <si>
    <t>5810786.0</t>
  </si>
  <si>
    <t>598.446</t>
  </si>
  <si>
    <t>5578183.0</t>
  </si>
  <si>
    <t>5327325.0</t>
  </si>
  <si>
    <t>5817327.0</t>
  </si>
  <si>
    <t>599.12</t>
  </si>
  <si>
    <t>5823968.0</t>
  </si>
  <si>
    <t>599.804</t>
  </si>
  <si>
    <t>5833975.0</t>
  </si>
  <si>
    <t>600.835</t>
  </si>
  <si>
    <t>23900.9</t>
  </si>
  <si>
    <t>2397.93027282001</t>
  </si>
  <si>
    <t>5853104.0</t>
  </si>
  <si>
    <t>19129.0</t>
  </si>
  <si>
    <t>602.805</t>
  </si>
  <si>
    <t>5600959.0</t>
  </si>
  <si>
    <t>5390593.0</t>
  </si>
  <si>
    <t>5857455.0</t>
  </si>
  <si>
    <t>603.253</t>
  </si>
  <si>
    <t>5605713.0</t>
  </si>
  <si>
    <t>5405781.0</t>
  </si>
  <si>
    <t>5865793.0</t>
  </si>
  <si>
    <t>604.111</t>
  </si>
  <si>
    <t>5611260.0</t>
  </si>
  <si>
    <t>5418198.0</t>
  </si>
  <si>
    <t>5872957.0</t>
  </si>
  <si>
    <t>604.849</t>
  </si>
  <si>
    <t>5617260.0</t>
  </si>
  <si>
    <t>5428980.0</t>
  </si>
  <si>
    <t>5877537.0</t>
  </si>
  <si>
    <t>605.321</t>
  </si>
  <si>
    <t>5624451.0</t>
  </si>
  <si>
    <t>5443749.0</t>
  </si>
  <si>
    <t>24025.9</t>
  </si>
  <si>
    <t>2410.47127688691</t>
  </si>
  <si>
    <t>5897312.0</t>
  </si>
  <si>
    <t>607.358</t>
  </si>
  <si>
    <t>5628383.0</t>
  </si>
  <si>
    <t>5453177.0</t>
  </si>
  <si>
    <t>5901379.0</t>
  </si>
  <si>
    <t>607.776</t>
  </si>
  <si>
    <t>5632428.0</t>
  </si>
  <si>
    <t>5462987.0</t>
  </si>
  <si>
    <t>5909468.0</t>
  </si>
  <si>
    <t>608.609</t>
  </si>
  <si>
    <t>5636894.0</t>
  </si>
  <si>
    <t>5475471.0</t>
  </si>
  <si>
    <t>5916606.0</t>
  </si>
  <si>
    <t>609.345</t>
  </si>
  <si>
    <t>5641870.0</t>
  </si>
  <si>
    <t>5480218.0</t>
  </si>
  <si>
    <t>5924832.0</t>
  </si>
  <si>
    <t>610.192</t>
  </si>
  <si>
    <t>5649125.0</t>
  </si>
  <si>
    <t>5491387.0</t>
  </si>
  <si>
    <t>23906.9</t>
  </si>
  <si>
    <t>-5.15</t>
  </si>
  <si>
    <t>2398.53224101522</t>
  </si>
  <si>
    <t>5944194.0</t>
  </si>
  <si>
    <t>19362.0</t>
  </si>
  <si>
    <t>612.186</t>
  </si>
  <si>
    <t>5654096.0</t>
  </si>
  <si>
    <t>5494110.0</t>
  </si>
  <si>
    <t>612.606</t>
  </si>
  <si>
    <t>5658623.0</t>
  </si>
  <si>
    <t>5497599.0</t>
  </si>
  <si>
    <t>5956447.0</t>
  </si>
  <si>
    <t>613.448</t>
  </si>
  <si>
    <t>5663658.0</t>
  </si>
  <si>
    <t>5497940.0</t>
  </si>
  <si>
    <t>5964721.0</t>
  </si>
  <si>
    <t>614.3</t>
  </si>
  <si>
    <t>5668993.0</t>
  </si>
  <si>
    <t>5498222.0</t>
  </si>
  <si>
    <t>5973156.0</t>
  </si>
  <si>
    <t>615.169</t>
  </si>
  <si>
    <t>5677606.0</t>
  </si>
  <si>
    <t>5500193.0</t>
  </si>
  <si>
    <t>23973.5</t>
  </si>
  <si>
    <t>2405.21408798207</t>
  </si>
  <si>
    <t>5994248.0</t>
  </si>
  <si>
    <t>617.341</t>
  </si>
  <si>
    <t>5681559.0</t>
  </si>
  <si>
    <t>5500369.0</t>
  </si>
  <si>
    <t>5998428.0</t>
  </si>
  <si>
    <t>617.771</t>
  </si>
  <si>
    <t>5687634.0</t>
  </si>
  <si>
    <t>5501199.0</t>
  </si>
  <si>
    <t>6006722.0</t>
  </si>
  <si>
    <t>618.626</t>
  </si>
  <si>
    <t>5693214.0</t>
  </si>
  <si>
    <t>5502086.0</t>
  </si>
  <si>
    <t>6016847.0</t>
  </si>
  <si>
    <t>619.668</t>
  </si>
  <si>
    <t>5699251.0</t>
  </si>
  <si>
    <t>5502546.0</t>
  </si>
  <si>
    <t>23871.3</t>
  </si>
  <si>
    <t>-4.43</t>
  </si>
  <si>
    <t>2394.96056305697</t>
  </si>
  <si>
    <t>6041605.0</t>
  </si>
  <si>
    <t>622.218</t>
  </si>
  <si>
    <t>5703883.0</t>
  </si>
  <si>
    <t>5503365.0</t>
  </si>
  <si>
    <t>6053333.0</t>
  </si>
  <si>
    <t>623.426</t>
  </si>
  <si>
    <t>5709197.0</t>
  </si>
  <si>
    <t>5504205.0</t>
  </si>
  <si>
    <t>6062679.0</t>
  </si>
  <si>
    <t>624.389</t>
  </si>
  <si>
    <t>5715525.0</t>
  </si>
  <si>
    <t>5504899.0</t>
  </si>
  <si>
    <t>6081089.0</t>
  </si>
  <si>
    <t>18410.0</t>
  </si>
  <si>
    <t>626.285</t>
  </si>
  <si>
    <t>5725336.0</t>
  </si>
  <si>
    <t>5505341.0</t>
  </si>
  <si>
    <t>6091206.0</t>
  </si>
  <si>
    <t>627.326</t>
  </si>
  <si>
    <t>23847.5</t>
  </si>
  <si>
    <t>2392.57275588263</t>
  </si>
  <si>
    <t>630.093</t>
  </si>
  <si>
    <t>5754566.0</t>
  </si>
  <si>
    <t>5507371.0</t>
  </si>
  <si>
    <t>6123687.0</t>
  </si>
  <si>
    <t>630.672</t>
  </si>
  <si>
    <t>5772010.0</t>
  </si>
  <si>
    <t>5509130.0</t>
  </si>
  <si>
    <t>6133382.0</t>
  </si>
  <si>
    <t>631.67</t>
  </si>
  <si>
    <t>5781121.0</t>
  </si>
  <si>
    <t>5510678.0</t>
  </si>
  <si>
    <t>342000.0</t>
  </si>
  <si>
    <t>6144333.0</t>
  </si>
  <si>
    <t>10951.0</t>
  </si>
  <si>
    <t>632.798</t>
  </si>
  <si>
    <t>5799584.0</t>
  </si>
  <si>
    <t>5512118.0</t>
  </si>
  <si>
    <t>379000.0</t>
  </si>
  <si>
    <t>6155215.0</t>
  </si>
  <si>
    <t>633.919</t>
  </si>
  <si>
    <t>10223.0</t>
  </si>
  <si>
    <t>5817481.0</t>
  </si>
  <si>
    <t>5519838.0</t>
  </si>
  <si>
    <t>404000.0</t>
  </si>
  <si>
    <t>23826.3</t>
  </si>
  <si>
    <t>2390.44580159289</t>
  </si>
  <si>
    <t>6183253.0</t>
  </si>
  <si>
    <t>636.806</t>
  </si>
  <si>
    <t>5821254.0</t>
  </si>
  <si>
    <t>5524203.0</t>
  </si>
  <si>
    <t>6190054.0</t>
  </si>
  <si>
    <t>637.507</t>
  </si>
  <si>
    <t>5825831.0</t>
  </si>
  <si>
    <t>5530279.0</t>
  </si>
  <si>
    <t>438000.0</t>
  </si>
  <si>
    <t>6200848.0</t>
  </si>
  <si>
    <t>638.618</t>
  </si>
  <si>
    <t>5830217.0</t>
  </si>
  <si>
    <t>5535463.0</t>
  </si>
  <si>
    <t>461000.0</t>
  </si>
  <si>
    <t>6214062.0</t>
  </si>
  <si>
    <t>639.979</t>
  </si>
  <si>
    <t>5834961.0</t>
  </si>
  <si>
    <t>5541598.0</t>
  </si>
  <si>
    <t>487000.0</t>
  </si>
  <si>
    <t>6228391.0</t>
  </si>
  <si>
    <t>641.455</t>
  </si>
  <si>
    <t>5840588.0</t>
  </si>
  <si>
    <t>5545538.0</t>
  </si>
  <si>
    <t>24011.1</t>
  </si>
  <si>
    <t>2408.98642200539</t>
  </si>
  <si>
    <t>6265022.0</t>
  </si>
  <si>
    <t>645.228</t>
  </si>
  <si>
    <t>5843502.0</t>
  </si>
  <si>
    <t>5549383.0</t>
  </si>
  <si>
    <t>525000.0</t>
  </si>
  <si>
    <t>6273985.0</t>
  </si>
  <si>
    <t>646.151</t>
  </si>
  <si>
    <t>11990.0</t>
  </si>
  <si>
    <t>5847002.0</t>
  </si>
  <si>
    <t>5553346.0</t>
  </si>
  <si>
    <t>544000.0</t>
  </si>
  <si>
    <t>30.801</t>
  </si>
  <si>
    <t>6286877.0</t>
  </si>
  <si>
    <t>647.478</t>
  </si>
  <si>
    <t>5850887.0</t>
  </si>
  <si>
    <t>5558919.0</t>
  </si>
  <si>
    <t>6302559.0</t>
  </si>
  <si>
    <t>649.094</t>
  </si>
  <si>
    <t>5564586.0</t>
  </si>
  <si>
    <t>590000.0</t>
  </si>
  <si>
    <t>6318139.0</t>
  </si>
  <si>
    <t>650.698</t>
  </si>
  <si>
    <t>5859814.0</t>
  </si>
  <si>
    <t>5571043.0</t>
  </si>
  <si>
    <t>612000.0</t>
  </si>
  <si>
    <t>24210.1</t>
  </si>
  <si>
    <t>2428.95170047989</t>
  </si>
  <si>
    <t>38.125</t>
  </si>
  <si>
    <t>6355050.0</t>
  </si>
  <si>
    <t>36911.0</t>
  </si>
  <si>
    <t>654.499</t>
  </si>
  <si>
    <t>5862458.0</t>
  </si>
  <si>
    <t>5579231.0</t>
  </si>
  <si>
    <t>626000.0</t>
  </si>
  <si>
    <t>40.232</t>
  </si>
  <si>
    <t>6364942.0</t>
  </si>
  <si>
    <t>5865865.0</t>
  </si>
  <si>
    <t>5591911.0</t>
  </si>
  <si>
    <t>646000.0</t>
  </si>
  <si>
    <t>6379060.0</t>
  </si>
  <si>
    <t>656.972</t>
  </si>
  <si>
    <t>5869259.0</t>
  </si>
  <si>
    <t>5600425.0</t>
  </si>
  <si>
    <t>667000.0</t>
  </si>
  <si>
    <t>6393252.0</t>
  </si>
  <si>
    <t>658.434</t>
  </si>
  <si>
    <t>12956.0</t>
  </si>
  <si>
    <t>5873523.0</t>
  </si>
  <si>
    <t>5615273.0</t>
  </si>
  <si>
    <t>691000.0</t>
  </si>
  <si>
    <t>6407687.0</t>
  </si>
  <si>
    <t>659.921</t>
  </si>
  <si>
    <t>12720.0</t>
  </si>
  <si>
    <t>5879178.0</t>
  </si>
  <si>
    <t>5630587.0</t>
  </si>
  <si>
    <t>714000.0</t>
  </si>
  <si>
    <t>24267.5</t>
  </si>
  <si>
    <t>2434.71052954741</t>
  </si>
  <si>
    <t>6443079.0</t>
  </si>
  <si>
    <t>663.565</t>
  </si>
  <si>
    <t>5881493.0</t>
  </si>
  <si>
    <t>5635553.0</t>
  </si>
  <si>
    <t>725000.0</t>
  </si>
  <si>
    <t>6450597.0</t>
  </si>
  <si>
    <t>664.34</t>
  </si>
  <si>
    <t>12236.0</t>
  </si>
  <si>
    <t>12111107.0</t>
  </si>
  <si>
    <t>5884183.0</t>
  </si>
  <si>
    <t>5640410.0</t>
  </si>
  <si>
    <t>665.682</t>
  </si>
  <si>
    <t>5887540.0</t>
  </si>
  <si>
    <t>5645518.0</t>
  </si>
  <si>
    <t>23952.0</t>
  </si>
  <si>
    <t>6481943.0</t>
  </si>
  <si>
    <t>667.568</t>
  </si>
  <si>
    <t>5891228.0</t>
  </si>
  <si>
    <t>5651539.0</t>
  </si>
  <si>
    <t>784000.0</t>
  </si>
  <si>
    <t>6497097.0</t>
  </si>
  <si>
    <t>669.129</t>
  </si>
  <si>
    <t>22098.0</t>
  </si>
  <si>
    <t>12474.0</t>
  </si>
  <si>
    <t>24338.5</t>
  </si>
  <si>
    <t>2441.83381985741</t>
  </si>
  <si>
    <t>6529352.0</t>
  </si>
  <si>
    <t>672.451</t>
  </si>
  <si>
    <t>5897432.0</t>
  </si>
  <si>
    <t>5661324.0</t>
  </si>
  <si>
    <t>816000.0</t>
  </si>
  <si>
    <t>19316.0</t>
  </si>
  <si>
    <t>6537474.0</t>
  </si>
  <si>
    <t>673.287</t>
  </si>
  <si>
    <t>5900019.0</t>
  </si>
  <si>
    <t>5665141.0</t>
  </si>
  <si>
    <t>833000.0</t>
  </si>
  <si>
    <t>57.588</t>
  </si>
  <si>
    <t>6549581.0</t>
  </si>
  <si>
    <t>674.534</t>
  </si>
  <si>
    <t>5902806.0</t>
  </si>
  <si>
    <t>5669473.0</t>
  </si>
  <si>
    <t>854000.0</t>
  </si>
  <si>
    <t>6565775.0</t>
  </si>
  <si>
    <t>676.202</t>
  </si>
  <si>
    <t>11976.0</t>
  </si>
  <si>
    <t>5905837.0</t>
  </si>
  <si>
    <t>5674182.0</t>
  </si>
  <si>
    <t>877000.0</t>
  </si>
  <si>
    <t>6581493.0</t>
  </si>
  <si>
    <t>677.821</t>
  </si>
  <si>
    <t>5909819.0</t>
  </si>
  <si>
    <t>5679589.0</t>
  </si>
  <si>
    <t>898000.0</t>
  </si>
  <si>
    <t>24471.5</t>
  </si>
  <si>
    <t>2455.17744818458</t>
  </si>
  <si>
    <t>6620866.0</t>
  </si>
  <si>
    <t>681.876</t>
  </si>
  <si>
    <t>5911737.0</t>
  </si>
  <si>
    <t>5682396.0</t>
  </si>
  <si>
    <t>911000.0</t>
  </si>
  <si>
    <t>6628968.0</t>
  </si>
  <si>
    <t>682.71</t>
  </si>
  <si>
    <t>5913862.0</t>
  </si>
  <si>
    <t>5685596.0</t>
  </si>
  <si>
    <t>928000.0</t>
  </si>
  <si>
    <t>6643043.0</t>
  </si>
  <si>
    <t>684.16</t>
  </si>
  <si>
    <t>5916769.0</t>
  </si>
  <si>
    <t>5689371.0</t>
  </si>
  <si>
    <t>6659320.0</t>
  </si>
  <si>
    <t>685.836</t>
  </si>
  <si>
    <t>5919930.0</t>
  </si>
  <si>
    <t>5694336.0</t>
  </si>
  <si>
    <t>973000.0</t>
  </si>
  <si>
    <t>6676874.0</t>
  </si>
  <si>
    <t>687.644</t>
  </si>
  <si>
    <t>5924063.0</t>
  </si>
  <si>
    <t>5700021.0</t>
  </si>
  <si>
    <t>997000.0</t>
  </si>
  <si>
    <t>24684.9</t>
  </si>
  <si>
    <t>2476.58745032759</t>
  </si>
  <si>
    <t>6721517.0</t>
  </si>
  <si>
    <t>44643.0</t>
  </si>
  <si>
    <t>692.242</t>
  </si>
  <si>
    <t>12478893.0</t>
  </si>
  <si>
    <t>5926446.0</t>
  </si>
  <si>
    <t>5703088.0</t>
  </si>
  <si>
    <t>1012000.0</t>
  </si>
  <si>
    <t>6731249.0</t>
  </si>
  <si>
    <t>693.244</t>
  </si>
  <si>
    <t>5929164.0</t>
  </si>
  <si>
    <t>5706773.0</t>
  </si>
  <si>
    <t>6746773.0</t>
  </si>
  <si>
    <t>694.843</t>
  </si>
  <si>
    <t>5932239.0</t>
  </si>
  <si>
    <t>5710977.0</t>
  </si>
  <si>
    <t>6766267.0</t>
  </si>
  <si>
    <t>696.85</t>
  </si>
  <si>
    <t>5935182.0</t>
  </si>
  <si>
    <t>5714861.0</t>
  </si>
  <si>
    <t>1082000.0</t>
  </si>
  <si>
    <t>6786097.0</t>
  </si>
  <si>
    <t>698.893</t>
  </si>
  <si>
    <t>19211.0</t>
  </si>
  <si>
    <t>12596132.0</t>
  </si>
  <si>
    <t>5938665.0</t>
  </si>
  <si>
    <t>5718873.0</t>
  </si>
  <si>
    <t>1104000.0</t>
  </si>
  <si>
    <t>24925.5</t>
  </si>
  <si>
    <t>2500.72637495556</t>
  </si>
  <si>
    <t>6839387.0</t>
  </si>
  <si>
    <t>704.381</t>
  </si>
  <si>
    <t>5.488</t>
  </si>
  <si>
    <t>5941073.0</t>
  </si>
  <si>
    <t>5721531.0</t>
  </si>
  <si>
    <t>1120000.0</t>
  </si>
  <si>
    <t>6850616.0</t>
  </si>
  <si>
    <t>705.537</t>
  </si>
  <si>
    <t>5943832.0</t>
  </si>
  <si>
    <t>5724539.0</t>
  </si>
  <si>
    <t>1141000.0</t>
  </si>
  <si>
    <t>6869538.0</t>
  </si>
  <si>
    <t>707.486</t>
  </si>
  <si>
    <t>5947085.0</t>
  </si>
  <si>
    <t>5728025.0</t>
  </si>
  <si>
    <t>6897282.0</t>
  </si>
  <si>
    <t>27744.0</t>
  </si>
  <si>
    <t>710.343</t>
  </si>
  <si>
    <t>5950259.0</t>
  </si>
  <si>
    <t>5731651.0</t>
  </si>
  <si>
    <t>1191000.0</t>
  </si>
  <si>
    <t>6920351.0</t>
  </si>
  <si>
    <t>712.719</t>
  </si>
  <si>
    <t>20937.0</t>
  </si>
  <si>
    <t>12744317.0</t>
  </si>
  <si>
    <t>5955207.0</t>
  </si>
  <si>
    <t>5736378.0</t>
  </si>
  <si>
    <t>1221000.0</t>
  </si>
  <si>
    <t>127.86</t>
  </si>
  <si>
    <t>25487.7</t>
  </si>
  <si>
    <t>2557.13079484683</t>
  </si>
  <si>
    <t>7001519.0</t>
  </si>
  <si>
    <t>81168.0</t>
  </si>
  <si>
    <t>721.079</t>
  </si>
  <si>
    <t>8.359</t>
  </si>
  <si>
    <t>5955250.0</t>
  </si>
  <si>
    <t>5736452.0</t>
  </si>
  <si>
    <t>21976.0</t>
  </si>
  <si>
    <t>7013651.0</t>
  </si>
  <si>
    <t>722.328</t>
  </si>
  <si>
    <t>23291.0</t>
  </si>
  <si>
    <t>5958890.0</t>
  </si>
  <si>
    <t>5740424.0</t>
  </si>
  <si>
    <t>1243000.0</t>
  </si>
  <si>
    <t>22783.0</t>
  </si>
  <si>
    <t>7026488.0</t>
  </si>
  <si>
    <t>723.65</t>
  </si>
  <si>
    <t>5962878.0</t>
  </si>
  <si>
    <t>5744219.0</t>
  </si>
  <si>
    <t>1274000.0</t>
  </si>
  <si>
    <t>23589.0</t>
  </si>
  <si>
    <t>7047987.0</t>
  </si>
  <si>
    <t>725.864</t>
  </si>
  <si>
    <t>5967747.0</t>
  </si>
  <si>
    <t>5748682.0</t>
  </si>
  <si>
    <t>1315000.0</t>
  </si>
  <si>
    <t>7080672.0</t>
  </si>
  <si>
    <t>32685.0</t>
  </si>
  <si>
    <t>729.23</t>
  </si>
  <si>
    <t>23634.0</t>
  </si>
  <si>
    <t>24365.0</t>
  </si>
  <si>
    <t>5974514.0</t>
  </si>
  <si>
    <t>5754475.0</t>
  </si>
  <si>
    <t>1369000.0</t>
  </si>
  <si>
    <t>26433.9</t>
  </si>
  <si>
    <t>2652.06117923162</t>
  </si>
  <si>
    <t>7177191.0</t>
  </si>
  <si>
    <t>96519.0</t>
  </si>
  <si>
    <t>739.171</t>
  </si>
  <si>
    <t>25096.0</t>
  </si>
  <si>
    <t>12958848.0</t>
  </si>
  <si>
    <t>5977908.0</t>
  </si>
  <si>
    <t>5757501.0</t>
  </si>
  <si>
    <t>1397000.0</t>
  </si>
  <si>
    <t>7197062.0</t>
  </si>
  <si>
    <t>19871.0</t>
  </si>
  <si>
    <t>741.217</t>
  </si>
  <si>
    <t>26202.0</t>
  </si>
  <si>
    <t>5981915.0</t>
  </si>
  <si>
    <t>5760912.0</t>
  </si>
  <si>
    <t>1431000.0</t>
  </si>
  <si>
    <t>7226735.0</t>
  </si>
  <si>
    <t>744.273</t>
  </si>
  <si>
    <t>5986727.0</t>
  </si>
  <si>
    <t>5764573.0</t>
  </si>
  <si>
    <t>1475000.0</t>
  </si>
  <si>
    <t>7264359.0</t>
  </si>
  <si>
    <t>748.148</t>
  </si>
  <si>
    <t>30910.0</t>
  </si>
  <si>
    <t>5992142.0</t>
  </si>
  <si>
    <t>5768941.0</t>
  </si>
  <si>
    <t>1527000.0</t>
  </si>
  <si>
    <t>7301683.0</t>
  </si>
  <si>
    <t>751.992</t>
  </si>
  <si>
    <t>31573.0</t>
  </si>
  <si>
    <t>33693.0</t>
  </si>
  <si>
    <t>32138.0</t>
  </si>
  <si>
    <t>5999516.0</t>
  </si>
  <si>
    <t>5774158.0</t>
  </si>
  <si>
    <t>1594000.0</t>
  </si>
  <si>
    <t>27559.3</t>
  </si>
  <si>
    <t>2764.9703470467</t>
  </si>
  <si>
    <t>7404130.0</t>
  </si>
  <si>
    <t>102447.0</t>
  </si>
  <si>
    <t>762.543</t>
  </si>
  <si>
    <t>10.551</t>
  </si>
  <si>
    <t>13230807.0</t>
  </si>
  <si>
    <t>6003414.0</t>
  </si>
  <si>
    <t>5777331.0</t>
  </si>
  <si>
    <t>1629000.0</t>
  </si>
  <si>
    <t>38851.0</t>
  </si>
  <si>
    <t>7425621.0</t>
  </si>
  <si>
    <t>764.756</t>
  </si>
  <si>
    <t>6008226.0</t>
  </si>
  <si>
    <t>5780925.0</t>
  </si>
  <si>
    <t>1668000.0</t>
  </si>
  <si>
    <t>587.12</t>
  </si>
  <si>
    <t>7458946.0</t>
  </si>
  <si>
    <t>768.189</t>
  </si>
  <si>
    <t>33173.0</t>
  </si>
  <si>
    <t>6013007.0</t>
  </si>
  <si>
    <t>5784958.0</t>
  </si>
  <si>
    <t>1714000.0</t>
  </si>
  <si>
    <t>42740.0</t>
  </si>
  <si>
    <t>7503818.0</t>
  </si>
  <si>
    <t>44872.0</t>
  </si>
  <si>
    <t>772.81</t>
  </si>
  <si>
    <t>4.621</t>
  </si>
  <si>
    <t>34208.0</t>
  </si>
  <si>
    <t>6017807.0</t>
  </si>
  <si>
    <t>5788775.0</t>
  </si>
  <si>
    <t>1765000.0</t>
  </si>
  <si>
    <t>7555745.0</t>
  </si>
  <si>
    <t>778.158</t>
  </si>
  <si>
    <t>46628.0</t>
  </si>
  <si>
    <t>48572.0</t>
  </si>
  <si>
    <t>3.986</t>
  </si>
  <si>
    <t>6024568.0</t>
  </si>
  <si>
    <t>5794499.0</t>
  </si>
  <si>
    <t>1834000.0</t>
  </si>
  <si>
    <t>50517.0</t>
  </si>
  <si>
    <t>28835.3</t>
  </si>
  <si>
    <t>2892.98891656159</t>
  </si>
  <si>
    <t>7683474.0</t>
  </si>
  <si>
    <t>127729.0</t>
  </si>
  <si>
    <t>791.312</t>
  </si>
  <si>
    <t>13.155</t>
  </si>
  <si>
    <t>39906.0</t>
  </si>
  <si>
    <t>13598032.0</t>
  </si>
  <si>
    <t>6043116.0</t>
  </si>
  <si>
    <t>5801593.0</t>
  </si>
  <si>
    <t>1939582.0</t>
  </si>
  <si>
    <t>52461.0</t>
  </si>
  <si>
    <t>7707039.0</t>
  </si>
  <si>
    <t>793.739</t>
  </si>
  <si>
    <t>40203.0</t>
  </si>
  <si>
    <t>6057367.0</t>
  </si>
  <si>
    <t>5808536.0</t>
  </si>
  <si>
    <t>2043213.0</t>
  </si>
  <si>
    <t>58930.0</t>
  </si>
  <si>
    <t>7745888.0</t>
  </si>
  <si>
    <t>38849.0</t>
  </si>
  <si>
    <t>797.74</t>
  </si>
  <si>
    <t>6072192.0</t>
  </si>
  <si>
    <t>5816050.0</t>
  </si>
  <si>
    <t>2153117.0</t>
  </si>
  <si>
    <t>65400.0</t>
  </si>
  <si>
    <t>7798688.0</t>
  </si>
  <si>
    <t>52800.0</t>
  </si>
  <si>
    <t>803.178</t>
  </si>
  <si>
    <t>5.438</t>
  </si>
  <si>
    <t>6087474.0</t>
  </si>
  <si>
    <t>5823818.0</t>
  </si>
  <si>
    <t>2269551.0</t>
  </si>
  <si>
    <t>7847984.0</t>
  </si>
  <si>
    <t>49296.0</t>
  </si>
  <si>
    <t>808.255</t>
  </si>
  <si>
    <t>5.077</t>
  </si>
  <si>
    <t>41748.0</t>
  </si>
  <si>
    <t>41452.0</t>
  </si>
  <si>
    <t>6120959.0</t>
  </si>
  <si>
    <t>5839078.0</t>
  </si>
  <si>
    <t>2477399.0</t>
  </si>
  <si>
    <t>91279.0</t>
  </si>
  <si>
    <t>13770.0</t>
  </si>
  <si>
    <t>30398.1</t>
  </si>
  <si>
    <t>3049.78156580756</t>
  </si>
  <si>
    <t>7972599.0</t>
  </si>
  <si>
    <t>124615.0</t>
  </si>
  <si>
    <t>821.089</t>
  </si>
  <si>
    <t>12.834</t>
  </si>
  <si>
    <t>41304.0</t>
  </si>
  <si>
    <t>4.254</t>
  </si>
  <si>
    <t>14282270.0</t>
  </si>
  <si>
    <t>6126420.0</t>
  </si>
  <si>
    <t>5842885.0</t>
  </si>
  <si>
    <t>2515398.0</t>
  </si>
  <si>
    <t>97748.0</t>
  </si>
  <si>
    <t>7992908.0</t>
  </si>
  <si>
    <t>823.181</t>
  </si>
  <si>
    <t>6132549.0</t>
  </si>
  <si>
    <t>5847405.0</t>
  </si>
  <si>
    <t>2559096.0</t>
  </si>
  <si>
    <t>8023828.0</t>
  </si>
  <si>
    <t>826.365</t>
  </si>
  <si>
    <t>6138885.0</t>
  </si>
  <si>
    <t>5852417.0</t>
  </si>
  <si>
    <t>2609385.0</t>
  </si>
  <si>
    <t>8065863.0</t>
  </si>
  <si>
    <t>42035.0</t>
  </si>
  <si>
    <t>830.694</t>
  </si>
  <si>
    <t>38168.0</t>
  </si>
  <si>
    <t>6145984.0</t>
  </si>
  <si>
    <t>5858119.0</t>
  </si>
  <si>
    <t>2665330.0</t>
  </si>
  <si>
    <t>75866.0</t>
  </si>
  <si>
    <t>8109139.0</t>
  </si>
  <si>
    <t>43276.0</t>
  </si>
  <si>
    <t>835.151</t>
  </si>
  <si>
    <t>68571.0</t>
  </si>
  <si>
    <t>61277.0</t>
  </si>
  <si>
    <t>35608.0</t>
  </si>
  <si>
    <t>6159926.0</t>
  </si>
  <si>
    <t>5867068.0</t>
  </si>
  <si>
    <t>2765500.0</t>
  </si>
  <si>
    <t>53983.0</t>
  </si>
  <si>
    <t>32093.5</t>
  </si>
  <si>
    <t>3219.8777121677</t>
  </si>
  <si>
    <t>8215903.0</t>
  </si>
  <si>
    <t>106764.0</t>
  </si>
  <si>
    <t>846.147</t>
  </si>
  <si>
    <t>10.996</t>
  </si>
  <si>
    <t>6162758.0</t>
  </si>
  <si>
    <t>5870466.0</t>
  </si>
  <si>
    <t>2790263.0</t>
  </si>
  <si>
    <t>8228784.0</t>
  </si>
  <si>
    <t>847.473</t>
  </si>
  <si>
    <t>33697.0</t>
  </si>
  <si>
    <t>0.2492</t>
  </si>
  <si>
    <t>14655778.0</t>
  </si>
  <si>
    <t>6166840.0</t>
  </si>
  <si>
    <t>5874429.0</t>
  </si>
  <si>
    <t>2824464.0</t>
  </si>
  <si>
    <t>8250940.0</t>
  </si>
  <si>
    <t>849.755</t>
  </si>
  <si>
    <t>6171489.0</t>
  </si>
  <si>
    <t>5878951.0</t>
  </si>
  <si>
    <t>2864506.0</t>
  </si>
  <si>
    <t>8284102.0</t>
  </si>
  <si>
    <t>33162.0</t>
  </si>
  <si>
    <t>853.17</t>
  </si>
  <si>
    <t>6176567.0</t>
  </si>
  <si>
    <t>5883873.0</t>
  </si>
  <si>
    <t>2906959.0</t>
  </si>
  <si>
    <t>8318045.0</t>
  </si>
  <si>
    <t>33943.0</t>
  </si>
  <si>
    <t>856.666</t>
  </si>
  <si>
    <t>38421.0</t>
  </si>
  <si>
    <t>27775.0</t>
  </si>
  <si>
    <t>6190822.0</t>
  </si>
  <si>
    <t>5893531.0</t>
  </si>
  <si>
    <t>3005109.0</t>
  </si>
  <si>
    <t>36354.0</t>
  </si>
  <si>
    <t>33483.5</t>
  </si>
  <si>
    <t>3359.3336773916</t>
  </si>
  <si>
    <t>8403086.0</t>
  </si>
  <si>
    <t>85041.0</t>
  </si>
  <si>
    <t>865.424</t>
  </si>
  <si>
    <t>8.758</t>
  </si>
  <si>
    <t>26740.0</t>
  </si>
  <si>
    <t>6192253.0</t>
  </si>
  <si>
    <t>5900371.0</t>
  </si>
  <si>
    <t>8418125.0</t>
  </si>
  <si>
    <t>15039.0</t>
  </si>
  <si>
    <t>866.973</t>
  </si>
  <si>
    <t>27049.0</t>
  </si>
  <si>
    <t>6194221.0</t>
  </si>
  <si>
    <t>5906701.0</t>
  </si>
  <si>
    <t>3028149.0</t>
  </si>
  <si>
    <t>32220.0</t>
  </si>
  <si>
    <t>8439187.0</t>
  </si>
  <si>
    <t>869.142</t>
  </si>
  <si>
    <t>6200040.0</t>
  </si>
  <si>
    <t>5914603.0</t>
  </si>
  <si>
    <t>3043950.0</t>
  </si>
  <si>
    <t>8468939.0</t>
  </si>
  <si>
    <t>872.207</t>
  </si>
  <si>
    <t>0.2017</t>
  </si>
  <si>
    <t>6208430.0</t>
  </si>
  <si>
    <t>5923284.0</t>
  </si>
  <si>
    <t>3065350.0</t>
  </si>
  <si>
    <t>8497009.0</t>
  </si>
  <si>
    <t>875.097</t>
  </si>
  <si>
    <t>25566.0</t>
  </si>
  <si>
    <t>6226399.0</t>
  </si>
  <si>
    <t>5937305.0</t>
  </si>
  <si>
    <t>3104194.0</t>
  </si>
  <si>
    <t>34583.7</t>
  </si>
  <si>
    <t>3469.7145787868</t>
  </si>
  <si>
    <t>8563594.0</t>
  </si>
  <si>
    <t>66585.0</t>
  </si>
  <si>
    <t>881.955</t>
  </si>
  <si>
    <t>15074636.0</t>
  </si>
  <si>
    <t>6232575.0</t>
  </si>
  <si>
    <t>5945349.0</t>
  </si>
  <si>
    <t>3114011.0</t>
  </si>
  <si>
    <t>8571022.0</t>
  </si>
  <si>
    <t>882.72</t>
  </si>
  <si>
    <t>6239410.0</t>
  </si>
  <si>
    <t>5951491.0</t>
  </si>
  <si>
    <t>3124497.0</t>
  </si>
  <si>
    <t>8586187.0</t>
  </si>
  <si>
    <t>884.282</t>
  </si>
  <si>
    <t>21000.0</t>
  </si>
  <si>
    <t>6245773.0</t>
  </si>
  <si>
    <t>5957571.0</t>
  </si>
  <si>
    <t>3136000.0</t>
  </si>
  <si>
    <t>8607832.0</t>
  </si>
  <si>
    <t>886.511</t>
  </si>
  <si>
    <t>15521.0</t>
  </si>
  <si>
    <t>35394.3</t>
  </si>
  <si>
    <t>3551.04048195982</t>
  </si>
  <si>
    <t>8664113.0</t>
  </si>
  <si>
    <t>56281.0</t>
  </si>
  <si>
    <t>892.307</t>
  </si>
  <si>
    <t>5.796</t>
  </si>
  <si>
    <t>6252653.0</t>
  </si>
  <si>
    <t>5968354.0</t>
  </si>
  <si>
    <t>3153470.0</t>
  </si>
  <si>
    <t>8668669.0</t>
  </si>
  <si>
    <t>892.777</t>
  </si>
  <si>
    <t>6257771.0</t>
  </si>
  <si>
    <t>5973555.0</t>
  </si>
  <si>
    <t>3161930.0</t>
  </si>
  <si>
    <t>8684220.0</t>
  </si>
  <si>
    <t>894.378</t>
  </si>
  <si>
    <t>14005.0</t>
  </si>
  <si>
    <t>6262698.0</t>
  </si>
  <si>
    <t>5978673.0</t>
  </si>
  <si>
    <t>3170694.0</t>
  </si>
  <si>
    <t>8701858.0</t>
  </si>
  <si>
    <t>17638.0</t>
  </si>
  <si>
    <t>896.195</t>
  </si>
  <si>
    <t>6266064.0</t>
  </si>
  <si>
    <t>5981569.0</t>
  </si>
  <si>
    <t>3176553.0</t>
  </si>
  <si>
    <t>8718519.0</t>
  </si>
  <si>
    <t>16661.0</t>
  </si>
  <si>
    <t>897.911</t>
  </si>
  <si>
    <t>6266483.0</t>
  </si>
  <si>
    <t>5982104.0</t>
  </si>
  <si>
    <t>3178228.0</t>
  </si>
  <si>
    <t>36052.1</t>
  </si>
  <si>
    <t>3617.03626176146</t>
  </si>
  <si>
    <t>8752745.0</t>
  </si>
  <si>
    <t>901.435</t>
  </si>
  <si>
    <t>15219498.0</t>
  </si>
  <si>
    <t>6268108.0</t>
  </si>
  <si>
    <t>5986342.0</t>
  </si>
  <si>
    <t>3184580.0</t>
  </si>
  <si>
    <t>8760590.0</t>
  </si>
  <si>
    <t>902.243</t>
  </si>
  <si>
    <t>6269955.0</t>
  </si>
  <si>
    <t>5990568.0</t>
  </si>
  <si>
    <t>3191997.0</t>
  </si>
  <si>
    <t>8778354.0</t>
  </si>
  <si>
    <t>904.073</t>
  </si>
  <si>
    <t>6272718.0</t>
  </si>
  <si>
    <t>5996472.0</t>
  </si>
  <si>
    <t>3198951.0</t>
  </si>
  <si>
    <t>8805334.0</t>
  </si>
  <si>
    <t>26980.0</t>
  </si>
  <si>
    <t>906.852</t>
  </si>
  <si>
    <t>6278355.0</t>
  </si>
  <si>
    <t>6006178.0</t>
  </si>
  <si>
    <t>3217724.0</t>
  </si>
  <si>
    <t>8834289.0</t>
  </si>
  <si>
    <t>909.834</t>
  </si>
  <si>
    <t>19036.0</t>
  </si>
  <si>
    <t>18414.0</t>
  </si>
  <si>
    <t>20290.0</t>
  </si>
  <si>
    <t>6292759.0</t>
  </si>
  <si>
    <t>6027578.0</t>
  </si>
  <si>
    <t>3286577.0</t>
  </si>
  <si>
    <t>36295.2</t>
  </si>
  <si>
    <t>3641.42600647076</t>
  </si>
  <si>
    <t>8907903.0</t>
  </si>
  <si>
    <t>917.415</t>
  </si>
  <si>
    <t>0.2277</t>
  </si>
  <si>
    <t>15398364.0</t>
  </si>
  <si>
    <t>6294707.0</t>
  </si>
  <si>
    <t>6033675.0</t>
  </si>
  <si>
    <t>3292175.0</t>
  </si>
  <si>
    <t>25552.0</t>
  </si>
  <si>
    <t>8917137.0</t>
  </si>
  <si>
    <t>9234.0</t>
  </si>
  <si>
    <t>918.366</t>
  </si>
  <si>
    <t>6297101.0</t>
  </si>
  <si>
    <t>6039940.0</t>
  </si>
  <si>
    <t>3299569.0</t>
  </si>
  <si>
    <t>8935436.0</t>
  </si>
  <si>
    <t>920.251</t>
  </si>
  <si>
    <t>6299590.0</t>
  </si>
  <si>
    <t>6045893.0</t>
  </si>
  <si>
    <t>3306370.0</t>
  </si>
  <si>
    <t>8966984.0</t>
  </si>
  <si>
    <t>923.5</t>
  </si>
  <si>
    <t>0.2577</t>
  </si>
  <si>
    <t>6304323.0</t>
  </si>
  <si>
    <t>6050416.0</t>
  </si>
  <si>
    <t>3321659.0</t>
  </si>
  <si>
    <t>8997321.0</t>
  </si>
  <si>
    <t>926.624</t>
  </si>
  <si>
    <t>0.2702</t>
  </si>
  <si>
    <t>0.2656</t>
  </si>
  <si>
    <t>6319434.0</t>
  </si>
  <si>
    <t>6059382.0</t>
  </si>
  <si>
    <t>3417089.0</t>
  </si>
  <si>
    <t>36276.3</t>
  </si>
  <si>
    <t>3639.52980665584</t>
  </si>
  <si>
    <t>9079510.0</t>
  </si>
  <si>
    <t>935.089</t>
  </si>
  <si>
    <t>24515.0</t>
  </si>
  <si>
    <t>15582861.0</t>
  </si>
  <si>
    <t>6321039.0</t>
  </si>
  <si>
    <t>6062346.0</t>
  </si>
  <si>
    <t>3423900.0</t>
  </si>
  <si>
    <t>9095498.0</t>
  </si>
  <si>
    <t>936.735</t>
  </si>
  <si>
    <t>0.3033</t>
  </si>
  <si>
    <t>6322905.0</t>
  </si>
  <si>
    <t>6066056.0</t>
  </si>
  <si>
    <t>3430445.0</t>
  </si>
  <si>
    <t>26218.0</t>
  </si>
  <si>
    <t>9121313.0</t>
  </si>
  <si>
    <t>25815.0</t>
  </si>
  <si>
    <t>939.394</t>
  </si>
  <si>
    <t>6325143.0</t>
  </si>
  <si>
    <t>6069677.0</t>
  </si>
  <si>
    <t>3437335.0</t>
  </si>
  <si>
    <t>26080.0</t>
  </si>
  <si>
    <t>9161818.0</t>
  </si>
  <si>
    <t>943.565</t>
  </si>
  <si>
    <t>6329185.0</t>
  </si>
  <si>
    <t>6073498.0</t>
  </si>
  <si>
    <t>3457497.0</t>
  </si>
  <si>
    <t>9211093.0</t>
  </si>
  <si>
    <t>948.64</t>
  </si>
  <si>
    <t>25664.0</t>
  </si>
  <si>
    <t>35361.0</t>
  </si>
  <si>
    <t>6342496.0</t>
  </si>
  <si>
    <t>6080592.0</t>
  </si>
  <si>
    <t>3554502.0</t>
  </si>
  <si>
    <t>36206.2</t>
  </si>
  <si>
    <t>3632.49681157513</t>
  </si>
  <si>
    <t>293.058</t>
  </si>
  <si>
    <t>9343917.0</t>
  </si>
  <si>
    <t>132824.0</t>
  </si>
  <si>
    <t>962.32</t>
  </si>
  <si>
    <t>13.679</t>
  </si>
  <si>
    <t>0.3523</t>
  </si>
  <si>
    <t>15760570.0</t>
  </si>
  <si>
    <t>6344089.0</t>
  </si>
  <si>
    <t>6082196.0</t>
  </si>
  <si>
    <t>3560753.0</t>
  </si>
  <si>
    <t>9361944.0</t>
  </si>
  <si>
    <t>18027.0</t>
  </si>
  <si>
    <t>964.176</t>
  </si>
  <si>
    <t>6345766.0</t>
  </si>
  <si>
    <t>6083949.0</t>
  </si>
  <si>
    <t>3567044.0</t>
  </si>
  <si>
    <t>25174.0</t>
  </si>
  <si>
    <t>9388322.0</t>
  </si>
  <si>
    <t>26378.0</t>
  </si>
  <si>
    <t>966.893</t>
  </si>
  <si>
    <t>0.3794</t>
  </si>
  <si>
    <t>6347426.0</t>
  </si>
  <si>
    <t>6085866.0</t>
  </si>
  <si>
    <t>3573570.0</t>
  </si>
  <si>
    <t>9437132.0</t>
  </si>
  <si>
    <t>971.92</t>
  </si>
  <si>
    <t>5.027</t>
  </si>
  <si>
    <t>0.3813</t>
  </si>
  <si>
    <t>6351476.0</t>
  </si>
  <si>
    <t>6089784.0</t>
  </si>
  <si>
    <t>3594529.0</t>
  </si>
  <si>
    <t>9485888.0</t>
  </si>
  <si>
    <t>48756.0</t>
  </si>
  <si>
    <t>976.941</t>
  </si>
  <si>
    <t>0.3882</t>
  </si>
  <si>
    <t>24323.0</t>
  </si>
  <si>
    <t>6363112.0</t>
  </si>
  <si>
    <t>6101699.0</t>
  </si>
  <si>
    <t>3683719.0</t>
  </si>
  <si>
    <t>36128.1</t>
  </si>
  <si>
    <t>3624.66119223413</t>
  </si>
  <si>
    <t>9620513.0</t>
  </si>
  <si>
    <t>134625.0</t>
  </si>
  <si>
    <t>990.806</t>
  </si>
  <si>
    <t>39514.0</t>
  </si>
  <si>
    <t>15927853.0</t>
  </si>
  <si>
    <t>6364167.0</t>
  </si>
  <si>
    <t>6103465.0</t>
  </si>
  <si>
    <t>3688593.0</t>
  </si>
  <si>
    <t>9638704.0</t>
  </si>
  <si>
    <t>18191.0</t>
  </si>
  <si>
    <t>992.679</t>
  </si>
  <si>
    <t>39537.0</t>
  </si>
  <si>
    <t>0.4037</t>
  </si>
  <si>
    <t>6365250.0</t>
  </si>
  <si>
    <t>6105342.0</t>
  </si>
  <si>
    <t>3693859.0</t>
  </si>
  <si>
    <t>9665239.0</t>
  </si>
  <si>
    <t>995.412</t>
  </si>
  <si>
    <t>0.4017</t>
  </si>
  <si>
    <t>6366402.0</t>
  </si>
  <si>
    <t>6107843.0</t>
  </si>
  <si>
    <t>3700305.0</t>
  </si>
  <si>
    <t>20305.0</t>
  </si>
  <si>
    <t>9711075.0</t>
  </si>
  <si>
    <t>45836.0</t>
  </si>
  <si>
    <t>1000.133</t>
  </si>
  <si>
    <t>0.4013</t>
  </si>
  <si>
    <t>6369089.0</t>
  </si>
  <si>
    <t>6111632.0</t>
  </si>
  <si>
    <t>3712974.0</t>
  </si>
  <si>
    <t>18508.0</t>
  </si>
  <si>
    <t>9756608.0</t>
  </si>
  <si>
    <t>45533.0</t>
  </si>
  <si>
    <t>1004.822</t>
  </si>
  <si>
    <t>16711.0</t>
  </si>
  <si>
    <t>0.4119</t>
  </si>
  <si>
    <t>36585.0</t>
  </si>
  <si>
    <t>3.768</t>
  </si>
  <si>
    <t>6374293.0</t>
  </si>
  <si>
    <t>6120914.0</t>
  </si>
  <si>
    <t>3735329.0</t>
  </si>
  <si>
    <t>36206.4</t>
  </si>
  <si>
    <t>3632.51687718163</t>
  </si>
  <si>
    <t>9869298.0</t>
  </si>
  <si>
    <t>112690.0</t>
  </si>
  <si>
    <t>1016.428</t>
  </si>
  <si>
    <t>35541.0</t>
  </si>
  <si>
    <t>16007106.0</t>
  </si>
  <si>
    <t>6375020.0</t>
  </si>
  <si>
    <t>6123154.0</t>
  </si>
  <si>
    <t>3738393.0</t>
  </si>
  <si>
    <t>160.6</t>
  </si>
  <si>
    <t>9882012.0</t>
  </si>
  <si>
    <t>1017.737</t>
  </si>
  <si>
    <t>0.3896</t>
  </si>
  <si>
    <t>6375808.0</t>
  </si>
  <si>
    <t>6125019.0</t>
  </si>
  <si>
    <t>3741717.0</t>
  </si>
  <si>
    <t>9903538.0</t>
  </si>
  <si>
    <t>1019.954</t>
  </si>
  <si>
    <t>6376902.0</t>
  </si>
  <si>
    <t>6127609.0</t>
  </si>
  <si>
    <t>3746680.0</t>
  </si>
  <si>
    <t>10536.0</t>
  </si>
  <si>
    <t>9941141.0</t>
  </si>
  <si>
    <t>37603.0</t>
  </si>
  <si>
    <t>1023.827</t>
  </si>
  <si>
    <t>0.3652</t>
  </si>
  <si>
    <t>6379065.0</t>
  </si>
  <si>
    <t>6131361.0</t>
  </si>
  <si>
    <t>3754698.0</t>
  </si>
  <si>
    <t>9978877.0</t>
  </si>
  <si>
    <t>37736.0</t>
  </si>
  <si>
    <t>1027.713</t>
  </si>
  <si>
    <t>31753.0</t>
  </si>
  <si>
    <t>0.3904</t>
  </si>
  <si>
    <t>36312.5</t>
  </si>
  <si>
    <t>3643.16168143362</t>
  </si>
  <si>
    <t>10062244.0</t>
  </si>
  <si>
    <t>83367.0</t>
  </si>
  <si>
    <t>1036.299</t>
  </si>
  <si>
    <t>8.586</t>
  </si>
  <si>
    <t>27564.0</t>
  </si>
  <si>
    <t>0.3447</t>
  </si>
  <si>
    <t>6383559.0</t>
  </si>
  <si>
    <t>6142438.0</t>
  </si>
  <si>
    <t>3771453.0</t>
  </si>
  <si>
    <t>10069929.0</t>
  </si>
  <si>
    <t>1037.091</t>
  </si>
  <si>
    <t>6384088.0</t>
  </si>
  <si>
    <t>6144019.0</t>
  </si>
  <si>
    <t>3773694.0</t>
  </si>
  <si>
    <t>10087862.0</t>
  </si>
  <si>
    <t>1038.938</t>
  </si>
  <si>
    <t>26332.0</t>
  </si>
  <si>
    <t>6384828.0</t>
  </si>
  <si>
    <t>6146028.0</t>
  </si>
  <si>
    <t>3776200.0</t>
  </si>
  <si>
    <t>10119191.0</t>
  </si>
  <si>
    <t>0.3062</t>
  </si>
  <si>
    <t>6386416.0</t>
  </si>
  <si>
    <t>6149334.0</t>
  </si>
  <si>
    <t>3781740.0</t>
  </si>
  <si>
    <t>10146214.0</t>
  </si>
  <si>
    <t>1044.947</t>
  </si>
  <si>
    <t>23905.0</t>
  </si>
  <si>
    <t>23067.0</t>
  </si>
  <si>
    <t>22230.0</t>
  </si>
  <si>
    <t>0.3241</t>
  </si>
  <si>
    <t>6389336.0</t>
  </si>
  <si>
    <t>6156649.0</t>
  </si>
  <si>
    <t>3791546.0</t>
  </si>
  <si>
    <t>36518.6</t>
  </si>
  <si>
    <t>3663.83928893912</t>
  </si>
  <si>
    <t>10211986.0</t>
  </si>
  <si>
    <t>65772.0</t>
  </si>
  <si>
    <t>1051.721</t>
  </si>
  <si>
    <t>16109868.0</t>
  </si>
  <si>
    <t>6389711.0</t>
  </si>
  <si>
    <t>6158184.0</t>
  </si>
  <si>
    <t>3792988.0</t>
  </si>
  <si>
    <t>10218214.0</t>
  </si>
  <si>
    <t>1052.362</t>
  </si>
  <si>
    <t>0.2792</t>
  </si>
  <si>
    <t>6390100.0</t>
  </si>
  <si>
    <t>6159543.0</t>
  </si>
  <si>
    <t>3794636.0</t>
  </si>
  <si>
    <t>10235504.0</t>
  </si>
  <si>
    <t>17290.0</t>
  </si>
  <si>
    <t>1054.143</t>
  </si>
  <si>
    <t>6390568.0</t>
  </si>
  <si>
    <t>6161000.0</t>
  </si>
  <si>
    <t>3796660.0</t>
  </si>
  <si>
    <t>10260443.0</t>
  </si>
  <si>
    <t>1056.712</t>
  </si>
  <si>
    <t>6391940.0</t>
  </si>
  <si>
    <t>6163700.0</t>
  </si>
  <si>
    <t>3801276.0</t>
  </si>
  <si>
    <t>10283077.0</t>
  </si>
  <si>
    <t>22634.0</t>
  </si>
  <si>
    <t>1059.043</t>
  </si>
  <si>
    <t>6394379.0</t>
  </si>
  <si>
    <t>6168926.0</t>
  </si>
  <si>
    <t>3809703.0</t>
  </si>
  <si>
    <t>36578.3</t>
  </si>
  <si>
    <t>3669.82887248147</t>
  </si>
  <si>
    <t>10334151.0</t>
  </si>
  <si>
    <t>51074.0</t>
  </si>
  <si>
    <t>1064.303</t>
  </si>
  <si>
    <t>16143987.0</t>
  </si>
  <si>
    <t>6394782.0</t>
  </si>
  <si>
    <t>6169995.0</t>
  </si>
  <si>
    <t>3810898.0</t>
  </si>
  <si>
    <t>10338983.0</t>
  </si>
  <si>
    <t>6395085.0</t>
  </si>
  <si>
    <t>6170630.0</t>
  </si>
  <si>
    <t>3811803.0</t>
  </si>
  <si>
    <t>10349616.0</t>
  </si>
  <si>
    <t>10633.0</t>
  </si>
  <si>
    <t>1065.895</t>
  </si>
  <si>
    <t>6395509.0</t>
  </si>
  <si>
    <t>6171552.0</t>
  </si>
  <si>
    <t>3813406.0</t>
  </si>
  <si>
    <t>10368142.0</t>
  </si>
  <si>
    <t>18526.0</t>
  </si>
  <si>
    <t>1067.803</t>
  </si>
  <si>
    <t>0.2071</t>
  </si>
  <si>
    <t>6396404.0</t>
  </si>
  <si>
    <t>6173237.0</t>
  </si>
  <si>
    <t>3816971.0</t>
  </si>
  <si>
    <t>10386126.0</t>
  </si>
  <si>
    <t>1069.656</t>
  </si>
  <si>
    <t>6397455.0</t>
  </si>
  <si>
    <t>6175674.0</t>
  </si>
  <si>
    <t>4046936.0</t>
  </si>
  <si>
    <t>36575.0</t>
  </si>
  <si>
    <t>3669.4977899741</t>
  </si>
  <si>
    <t>10428093.0</t>
  </si>
  <si>
    <t>41967.0</t>
  </si>
  <si>
    <t>1073.978</t>
  </si>
  <si>
    <t>16163897.0</t>
  </si>
  <si>
    <t>6397623.0</t>
  </si>
  <si>
    <t>6176191.0</t>
  </si>
  <si>
    <t>4048407.0</t>
  </si>
  <si>
    <t>162.17</t>
  </si>
  <si>
    <t>10431848.0</t>
  </si>
  <si>
    <t>1074.364</t>
  </si>
  <si>
    <t>6397806.0</t>
  </si>
  <si>
    <t>6176649.0</t>
  </si>
  <si>
    <t>4050652.0</t>
  </si>
  <si>
    <t>10441745.0</t>
  </si>
  <si>
    <t>1075.384</t>
  </si>
  <si>
    <t>6398091.0</t>
  </si>
  <si>
    <t>6177402.0</t>
  </si>
  <si>
    <t>4053556.0</t>
  </si>
  <si>
    <t>10456287.0</t>
  </si>
  <si>
    <t>1076.881</t>
  </si>
  <si>
    <t>16171785.0</t>
  </si>
  <si>
    <t>6398615.0</t>
  </si>
  <si>
    <t>6178638.0</t>
  </si>
  <si>
    <t>4059531.0</t>
  </si>
  <si>
    <t>162.25</t>
  </si>
  <si>
    <t>10470722.0</t>
  </si>
  <si>
    <t>1078.368</t>
  </si>
  <si>
    <t>36519.5</t>
  </si>
  <si>
    <t>3663.9295841684</t>
  </si>
  <si>
    <t>6399413.0</t>
  </si>
  <si>
    <t>6180406.0</t>
  </si>
  <si>
    <t>4066043.0</t>
  </si>
  <si>
    <t>17507.0</t>
  </si>
  <si>
    <t>10511248.0</t>
  </si>
  <si>
    <t>1082.542</t>
  </si>
  <si>
    <t>6399532.0</t>
  </si>
  <si>
    <t>6180867.0</t>
  </si>
  <si>
    <t>4067186.0</t>
  </si>
  <si>
    <t>229.45</t>
  </si>
  <si>
    <t>10514979.0</t>
  </si>
  <si>
    <t>1082.926</t>
  </si>
  <si>
    <t>6399894.0</t>
  </si>
  <si>
    <t>6181814.0</t>
  </si>
  <si>
    <t>4070745.0</t>
  </si>
  <si>
    <t>10524649.0</t>
  </si>
  <si>
    <t>1083.922</t>
  </si>
  <si>
    <t>6400547.0</t>
  </si>
  <si>
    <t>6183247.0</t>
  </si>
  <si>
    <t>4077375.0</t>
  </si>
  <si>
    <t>36674.8</t>
  </si>
  <si>
    <t>3679.51052762111</t>
  </si>
  <si>
    <t>10567592.0</t>
  </si>
  <si>
    <t>42943.0</t>
  </si>
  <si>
    <t>1088.344</t>
  </si>
  <si>
    <t>0.2145</t>
  </si>
  <si>
    <t>16429829.0</t>
  </si>
  <si>
    <t>6400633.0</t>
  </si>
  <si>
    <t>6183487.0</t>
  </si>
  <si>
    <t>4078217.0</t>
  </si>
  <si>
    <t>164.84</t>
  </si>
  <si>
    <t>10571406.0</t>
  </si>
  <si>
    <t>1088.737</t>
  </si>
  <si>
    <t>6400731.0</t>
  </si>
  <si>
    <t>6183761.0</t>
  </si>
  <si>
    <t>4079670.0</t>
  </si>
  <si>
    <t>10580751.0</t>
  </si>
  <si>
    <t>1089.7</t>
  </si>
  <si>
    <t>6400875.0</t>
  </si>
  <si>
    <t>6184076.0</t>
  </si>
  <si>
    <t>4081346.0</t>
  </si>
  <si>
    <t>197.747</t>
  </si>
  <si>
    <t>10589437.0</t>
  </si>
  <si>
    <t>1090.594</t>
  </si>
  <si>
    <t>6401307.0</t>
  </si>
  <si>
    <t>6185041.0</t>
  </si>
  <si>
    <t>4087350.0</t>
  </si>
  <si>
    <t>10602276.0</t>
  </si>
  <si>
    <t>1091.917</t>
  </si>
  <si>
    <t>6401980.0</t>
  </si>
  <si>
    <t>6186269.0</t>
  </si>
  <si>
    <t>4097861.0</t>
  </si>
  <si>
    <t>36800.1</t>
  </si>
  <si>
    <t>3692.08163009777</t>
  </si>
  <si>
    <t>10635698.0</t>
  </si>
  <si>
    <t>1095.359</t>
  </si>
  <si>
    <t>6402100.0</t>
  </si>
  <si>
    <t>6186486.0</t>
  </si>
  <si>
    <t>4098792.0</t>
  </si>
  <si>
    <t>10643436.0</t>
  </si>
  <si>
    <t>1096.156</t>
  </si>
  <si>
    <t>6402207.0</t>
  </si>
  <si>
    <t>6186672.0</t>
  </si>
  <si>
    <t>4100004.0</t>
  </si>
  <si>
    <t>10652224.0</t>
  </si>
  <si>
    <t>8788.0</t>
  </si>
  <si>
    <t>1097.061</t>
  </si>
  <si>
    <t>0.2092</t>
  </si>
  <si>
    <t>6402359.0</t>
  </si>
  <si>
    <t>6186939.0</t>
  </si>
  <si>
    <t>4101849.0</t>
  </si>
  <si>
    <t>10664846.0</t>
  </si>
  <si>
    <t>1098.361</t>
  </si>
  <si>
    <t>6402762.0</t>
  </si>
  <si>
    <t>6187600.0</t>
  </si>
  <si>
    <t>4107193.0</t>
  </si>
  <si>
    <t>10676546.0</t>
  </si>
  <si>
    <t>1099.566</t>
  </si>
  <si>
    <t>3710.83293937859</t>
  </si>
  <si>
    <t>16474722.0</t>
  </si>
  <si>
    <t>6403425.0</t>
  </si>
  <si>
    <t>6188501.0</t>
  </si>
  <si>
    <t>4115754.0</t>
  </si>
  <si>
    <t>165.29</t>
  </si>
  <si>
    <t>10708094.0</t>
  </si>
  <si>
    <t>1102.815</t>
  </si>
  <si>
    <t>6403532.0</t>
  </si>
  <si>
    <t>6188620.0</t>
  </si>
  <si>
    <t>4117242.0</t>
  </si>
  <si>
    <t>10717838.0</t>
  </si>
  <si>
    <t>1103.818</t>
  </si>
  <si>
    <t>6403667.0</t>
  </si>
  <si>
    <t>6188807.0</t>
  </si>
  <si>
    <t>4118858.0</t>
  </si>
  <si>
    <t>10729240.0</t>
  </si>
  <si>
    <t>1104.992</t>
  </si>
  <si>
    <t>6403956.0</t>
  </si>
  <si>
    <t>6189220.0</t>
  </si>
  <si>
    <t>4123310.0</t>
  </si>
  <si>
    <t>10741057.0</t>
  </si>
  <si>
    <t>1106.209</t>
  </si>
  <si>
    <t>6404348.0</t>
  </si>
  <si>
    <t>6189787.0</t>
  </si>
  <si>
    <t>4127898.0</t>
  </si>
  <si>
    <t>37214.9</t>
  </si>
  <si>
    <t>3733.69769799336</t>
  </si>
  <si>
    <t>10770194.0</t>
  </si>
  <si>
    <t>1109.21</t>
  </si>
  <si>
    <t>16488911.0</t>
  </si>
  <si>
    <t>6404436.0</t>
  </si>
  <si>
    <t>6189913.0</t>
  </si>
  <si>
    <t>4128892.0</t>
  </si>
  <si>
    <t>10774184.0</t>
  </si>
  <si>
    <t>1109.621</t>
  </si>
  <si>
    <t>6404541.0</t>
  </si>
  <si>
    <t>6190140.0</t>
  </si>
  <si>
    <t>4130300.0</t>
  </si>
  <si>
    <t>10782526.0</t>
  </si>
  <si>
    <t>1110.48</t>
  </si>
  <si>
    <t>6404687.0</t>
  </si>
  <si>
    <t>6190310.0</t>
  </si>
  <si>
    <t>4131943.0</t>
  </si>
  <si>
    <t>165.341</t>
  </si>
  <si>
    <t>10793737.0</t>
  </si>
  <si>
    <t>1111.635</t>
  </si>
  <si>
    <t>37274.2</t>
  </si>
  <si>
    <t>3739.6471503227</t>
  </si>
  <si>
    <t>16498370.0</t>
  </si>
  <si>
    <t>6405123.0</t>
  </si>
  <si>
    <t>6190793.0</t>
  </si>
  <si>
    <t>4135704.0</t>
  </si>
  <si>
    <t>156.512</t>
  </si>
  <si>
    <t>10824435.0</t>
  </si>
  <si>
    <t>1114.796</t>
  </si>
  <si>
    <t>6405260.0</t>
  </si>
  <si>
    <t>6191018.0</t>
  </si>
  <si>
    <t>4137094.0</t>
  </si>
  <si>
    <t>10828058.0</t>
  </si>
  <si>
    <t>1115.17</t>
  </si>
  <si>
    <t>6405342.0</t>
  </si>
  <si>
    <t>6191154.0</t>
  </si>
  <si>
    <t>4138035.0</t>
  </si>
  <si>
    <t>10834691.0</t>
  </si>
  <si>
    <t>1115.853</t>
  </si>
  <si>
    <t>6405472.0</t>
  </si>
  <si>
    <t>6191345.0</t>
  </si>
  <si>
    <t>4139637.0</t>
  </si>
  <si>
    <t>10844283.0</t>
  </si>
  <si>
    <t>1116.841</t>
  </si>
  <si>
    <t>6406103.0</t>
  </si>
  <si>
    <t>6192048.0</t>
  </si>
  <si>
    <t>4146184.0</t>
  </si>
  <si>
    <t>37449.5</t>
  </si>
  <si>
    <t>3757.23465442611</t>
  </si>
  <si>
    <t>10864342.0</t>
  </si>
  <si>
    <t>1118.906</t>
  </si>
  <si>
    <t>16511359.0</t>
  </si>
  <si>
    <t>6406150.0</t>
  </si>
  <si>
    <t>6192142.0</t>
  </si>
  <si>
    <t>4146490.0</t>
  </si>
  <si>
    <t>10866971.0</t>
  </si>
  <si>
    <t>1119.177</t>
  </si>
  <si>
    <t>6406339.0</t>
  </si>
  <si>
    <t>6192374.0</t>
  </si>
  <si>
    <t>4148433.0</t>
  </si>
  <si>
    <t>10873424.0</t>
  </si>
  <si>
    <t>1119.842</t>
  </si>
  <si>
    <t>6406412.0</t>
  </si>
  <si>
    <t>6192470.0</t>
  </si>
  <si>
    <t>4149162.0</t>
  </si>
  <si>
    <t>10880615.0</t>
  </si>
  <si>
    <t>1120.582</t>
  </si>
  <si>
    <t>6406501.0</t>
  </si>
  <si>
    <t>6192643.0</t>
  </si>
  <si>
    <t>4150204.0</t>
  </si>
  <si>
    <t>10888610.0</t>
  </si>
  <si>
    <t>1121.406</t>
  </si>
  <si>
    <t>0.2271</t>
  </si>
  <si>
    <t>16522050.0</t>
  </si>
  <si>
    <t>6407042.0</t>
  </si>
  <si>
    <t>6193238.0</t>
  </si>
  <si>
    <t>4155360.0</t>
  </si>
  <si>
    <t>165.76</t>
  </si>
  <si>
    <t>37624.2</t>
  </si>
  <si>
    <t>3774.76196171001</t>
  </si>
  <si>
    <t>10904626.0</t>
  </si>
  <si>
    <t>1123.055</t>
  </si>
  <si>
    <t>37691.7</t>
  </si>
  <si>
    <t>3781.53410390613</t>
  </si>
  <si>
    <t>16530488.0</t>
  </si>
  <si>
    <t>6407918.0</t>
  </si>
  <si>
    <t>6194102.0</t>
  </si>
  <si>
    <t>4162198.0</t>
  </si>
  <si>
    <t>165.85</t>
  </si>
  <si>
    <t>10943720.0</t>
  </si>
  <si>
    <t>1127.081</t>
  </si>
  <si>
    <t>4.026</t>
  </si>
  <si>
    <t>0.2219</t>
  </si>
  <si>
    <t>37756.6</t>
  </si>
  <si>
    <t>3788.04539321767</t>
  </si>
  <si>
    <t>6408742.0</t>
  </si>
  <si>
    <t>6194964.0</t>
  </si>
  <si>
    <t>4168429.0</t>
  </si>
  <si>
    <t>37723.3</t>
  </si>
  <si>
    <t>3784.70446973424</t>
  </si>
  <si>
    <t>6409451.0</t>
  </si>
  <si>
    <t>6195684.0</t>
  </si>
  <si>
    <t>4173579.0</t>
  </si>
  <si>
    <t>37621.0</t>
  </si>
  <si>
    <t>3774.4409120059</t>
  </si>
  <si>
    <t>6410059.0</t>
  </si>
  <si>
    <t>6196483.0</t>
  </si>
  <si>
    <t>4178132.0</t>
  </si>
  <si>
    <t>37670.9</t>
  </si>
  <si>
    <t>3779.4472808294</t>
  </si>
  <si>
    <t>6410533.0</t>
  </si>
  <si>
    <t>6197127.0</t>
  </si>
  <si>
    <t>4181523.0</t>
  </si>
  <si>
    <t>37736.2</t>
  </si>
  <si>
    <t>3785.99870135395</t>
  </si>
  <si>
    <t>6410946.0</t>
  </si>
  <si>
    <t>6197968.0</t>
  </si>
  <si>
    <t>4183958.0</t>
  </si>
  <si>
    <t>37515.7</t>
  </si>
  <si>
    <t>-9.62</t>
  </si>
  <si>
    <t>3763.87637017994</t>
  </si>
  <si>
    <t>6411384.0</t>
  </si>
  <si>
    <t>6198318.0</t>
  </si>
  <si>
    <t>4186593.0</t>
  </si>
  <si>
    <t>37580.2</t>
  </si>
  <si>
    <t>3770.34752827846</t>
  </si>
  <si>
    <t>6411804.0</t>
  </si>
  <si>
    <t>6198798.0</t>
  </si>
  <si>
    <t>4189321.0</t>
  </si>
  <si>
    <t>38122.3</t>
  </si>
  <si>
    <t>3824.73535471578</t>
  </si>
  <si>
    <t>6411997.0</t>
  </si>
  <si>
    <t>6199038.0</t>
  </si>
  <si>
    <t>4190712.0</t>
  </si>
  <si>
    <t>38174.8</t>
  </si>
  <si>
    <t>3830.00257642388</t>
  </si>
  <si>
    <t>6412386.0</t>
  </si>
  <si>
    <t>6199431.0</t>
  </si>
  <si>
    <t>4193839.0</t>
  </si>
  <si>
    <t>38074.3</t>
  </si>
  <si>
    <t>3819.91960915409</t>
  </si>
  <si>
    <t>6412843.0</t>
  </si>
  <si>
    <t>6199845.0</t>
  </si>
  <si>
    <t>4198574.0</t>
  </si>
  <si>
    <t>38437.6</t>
  </si>
  <si>
    <t>3856.36878337412</t>
  </si>
  <si>
    <t>6413420.0</t>
  </si>
  <si>
    <t>6200225.0</t>
  </si>
  <si>
    <t>4204228.0</t>
  </si>
  <si>
    <t>38568.7</t>
  </si>
  <si>
    <t>3869.52178843948</t>
  </si>
  <si>
    <t>6413971.0</t>
  </si>
  <si>
    <t>6200631.0</t>
  </si>
  <si>
    <t>4209536.0</t>
  </si>
  <si>
    <t>38600.8</t>
  </si>
  <si>
    <t>3872.74231828386</t>
  </si>
  <si>
    <t>6414563.0</t>
  </si>
  <si>
    <t>6201022.0</t>
  </si>
  <si>
    <t>4214915.0</t>
  </si>
  <si>
    <t>38706.5</t>
  </si>
  <si>
    <t>3883.34699132283</t>
  </si>
  <si>
    <t>6415177.0</t>
  </si>
  <si>
    <t>6201472.0</t>
  </si>
  <si>
    <t>4220819.0</t>
  </si>
  <si>
    <t>38969.4</t>
  </si>
  <si>
    <t>3909.72323107633</t>
  </si>
  <si>
    <t>6415779.0</t>
  </si>
  <si>
    <t>6201969.0</t>
  </si>
  <si>
    <t>4225009.0</t>
  </si>
  <si>
    <t>39115.7</t>
  </si>
  <si>
    <t>3924.40122223622</t>
  </si>
  <si>
    <t>6416363.0</t>
  </si>
  <si>
    <t>6202522.0</t>
  </si>
  <si>
    <t>4229312.0</t>
  </si>
  <si>
    <t>39037.6</t>
  </si>
  <si>
    <t>3916.56560289523</t>
  </si>
  <si>
    <t>6416883.0</t>
  </si>
  <si>
    <t>6203090.0</t>
  </si>
  <si>
    <t>4232392.0</t>
  </si>
  <si>
    <t>39151.5</t>
  </si>
  <si>
    <t>3927.99296580098</t>
  </si>
  <si>
    <t>6417307.0</t>
  </si>
  <si>
    <t>6203509.0</t>
  </si>
  <si>
    <t>4234628.0</t>
  </si>
  <si>
    <t>39140.6</t>
  </si>
  <si>
    <t>3926.89939024635</t>
  </si>
  <si>
    <t>6417738.0</t>
  </si>
  <si>
    <t>6203972.0</t>
  </si>
  <si>
    <t>4237152.0</t>
  </si>
  <si>
    <t>39314.1</t>
  </si>
  <si>
    <t>3944.3063038912</t>
  </si>
  <si>
    <t>6418057.0</t>
  </si>
  <si>
    <t>6204361.0</t>
  </si>
  <si>
    <t>4241889.0</t>
  </si>
  <si>
    <t>39692.2</t>
  </si>
  <si>
    <t>3982.24033299275</t>
  </si>
  <si>
    <t>6418352.0</t>
  </si>
  <si>
    <t>6204725.0</t>
  </si>
  <si>
    <t>4246548.0</t>
  </si>
  <si>
    <t>39836.3</t>
  </si>
  <si>
    <t>3996.69760248107</t>
  </si>
  <si>
    <t>6418580.0</t>
  </si>
  <si>
    <t>6205067.0</t>
  </si>
  <si>
    <t>4250802.0</t>
  </si>
  <si>
    <t>39951.8</t>
  </si>
  <si>
    <t>4008.28549023889</t>
  </si>
  <si>
    <t>6418810.0</t>
  </si>
  <si>
    <t>6205327.0</t>
  </si>
  <si>
    <t>4256244.0</t>
  </si>
  <si>
    <t>39998.5</t>
  </si>
  <si>
    <t>4012.97080935828</t>
  </si>
  <si>
    <t>6419183.0</t>
  </si>
  <si>
    <t>6205608.0</t>
  </si>
  <si>
    <t>4264328.0</t>
  </si>
  <si>
    <t>40063.8</t>
  </si>
  <si>
    <t>4019.52222988283</t>
  </si>
  <si>
    <t>40082.1</t>
  </si>
  <si>
    <t>4021.35823287822</t>
  </si>
  <si>
    <t>6419567.0</t>
  </si>
  <si>
    <t>6205968.0</t>
  </si>
  <si>
    <t>4275510.0</t>
  </si>
  <si>
    <t>40047.6</t>
  </si>
  <si>
    <t>4017.89691575576</t>
  </si>
  <si>
    <t>6419758.0</t>
  </si>
  <si>
    <t>6206156.0</t>
  </si>
  <si>
    <t>4283050.0</t>
  </si>
  <si>
    <t>6419996.0</t>
  </si>
  <si>
    <t>6206388.0</t>
  </si>
  <si>
    <t>4289504.0</t>
  </si>
  <si>
    <t>6420202.0</t>
  </si>
  <si>
    <t>6206565.0</t>
  </si>
  <si>
    <t>4295236.0</t>
  </si>
  <si>
    <t>16701238.0</t>
  </si>
  <si>
    <t>6420354.0</t>
  </si>
  <si>
    <t>6206710.0</t>
  </si>
  <si>
    <t>4301834.0</t>
  </si>
  <si>
    <t>6420546.0</t>
  </si>
  <si>
    <t>6206878.0</t>
  </si>
  <si>
    <t>4307948.0</t>
  </si>
  <si>
    <t>6420700.0</t>
  </si>
  <si>
    <t>6207033.0</t>
  </si>
  <si>
    <t>4314152.0</t>
  </si>
  <si>
    <t>6420813.0</t>
  </si>
  <si>
    <t>6207249.0</t>
  </si>
  <si>
    <t>4316982.0</t>
  </si>
  <si>
    <t>ISL</t>
  </si>
  <si>
    <t>Iceland</t>
  </si>
  <si>
    <t>68.9187268539003</t>
  </si>
  <si>
    <t>82.0588732190409</t>
  </si>
  <si>
    <t>5.363</t>
  </si>
  <si>
    <t>8.045</t>
  </si>
  <si>
    <t>7.774</t>
  </si>
  <si>
    <t>71.6003893773984</t>
  </si>
  <si>
    <t>10.727</t>
  </si>
  <si>
    <t>4.609</t>
  </si>
  <si>
    <t>16.164</t>
  </si>
  <si>
    <t>9125.0</t>
  </si>
  <si>
    <t>-7.8</t>
  </si>
  <si>
    <t>62.7509030498548</t>
  </si>
  <si>
    <t>31.493</t>
  </si>
  <si>
    <t>33.891</t>
  </si>
  <si>
    <t>39.345</t>
  </si>
  <si>
    <t>41.638</t>
  </si>
  <si>
    <t>44.338</t>
  </si>
  <si>
    <t>-10.23</t>
  </si>
  <si>
    <t>49.6107566847142</t>
  </si>
  <si>
    <t>107.267</t>
  </si>
  <si>
    <t>19452.0</t>
  </si>
  <si>
    <t>117.993</t>
  </si>
  <si>
    <t>59.759</t>
  </si>
  <si>
    <t>23576.0</t>
  </si>
  <si>
    <t>68.398</t>
  </si>
  <si>
    <t>27816.0</t>
  </si>
  <si>
    <t>65.4325655733528</t>
  </si>
  <si>
    <t>78.113</t>
  </si>
  <si>
    <t>83.392</t>
  </si>
  <si>
    <t>34061.0</t>
  </si>
  <si>
    <t>91.973</t>
  </si>
  <si>
    <t>4.056</t>
  </si>
  <si>
    <t>34571.0</t>
  </si>
  <si>
    <t>93.351</t>
  </si>
  <si>
    <t>95.019</t>
  </si>
  <si>
    <t>95.654</t>
  </si>
  <si>
    <t>78.5727119384934</t>
  </si>
  <si>
    <t>93.858</t>
  </si>
  <si>
    <t>36275.0</t>
  </si>
  <si>
    <t>97.952</t>
  </si>
  <si>
    <t>100.779</t>
  </si>
  <si>
    <t>102.988</t>
  </si>
  <si>
    <t>39472.0</t>
  </si>
  <si>
    <t>106.585</t>
  </si>
  <si>
    <t>110.783</t>
  </si>
  <si>
    <t>42698.0</t>
  </si>
  <si>
    <t>115.296</t>
  </si>
  <si>
    <t>116.324</t>
  </si>
  <si>
    <t>107.266500939923</t>
  </si>
  <si>
    <t>43767.0</t>
  </si>
  <si>
    <t>118.182</t>
  </si>
  <si>
    <t>44404.0</t>
  </si>
  <si>
    <t>119.902</t>
  </si>
  <si>
    <t>122.111</t>
  </si>
  <si>
    <t>45907.0</t>
  </si>
  <si>
    <t>123.961</t>
  </si>
  <si>
    <t>-22.39</t>
  </si>
  <si>
    <t>80.1817094525922</t>
  </si>
  <si>
    <t>126.915</t>
  </si>
  <si>
    <t>47509.0</t>
  </si>
  <si>
    <t>48349.0</t>
  </si>
  <si>
    <t>130.555</t>
  </si>
  <si>
    <t>49071.0</t>
  </si>
  <si>
    <t>134.845</t>
  </si>
  <si>
    <t>50342.0</t>
  </si>
  <si>
    <t>136.128</t>
  </si>
  <si>
    <t>88.4948632754362</t>
  </si>
  <si>
    <t>138.472</t>
  </si>
  <si>
    <t>51599.0</t>
  </si>
  <si>
    <t>139.331</t>
  </si>
  <si>
    <t>52219.0</t>
  </si>
  <si>
    <t>141.005</t>
  </si>
  <si>
    <t>142.252</t>
  </si>
  <si>
    <t>53196.0</t>
  </si>
  <si>
    <t>143.643</t>
  </si>
  <si>
    <t>146.168</t>
  </si>
  <si>
    <t>146.216</t>
  </si>
  <si>
    <t>74.2820519008964</t>
  </si>
  <si>
    <t>147.777</t>
  </si>
  <si>
    <t>55011.0</t>
  </si>
  <si>
    <t>148.544</t>
  </si>
  <si>
    <t>150.032</t>
  </si>
  <si>
    <t>56155.0</t>
  </si>
  <si>
    <t>151.633</t>
  </si>
  <si>
    <t>56678.0</t>
  </si>
  <si>
    <t>153.045</t>
  </si>
  <si>
    <t>153.404</t>
  </si>
  <si>
    <t>56818.0</t>
  </si>
  <si>
    <t>153.423</t>
  </si>
  <si>
    <t>71.8685556297482</t>
  </si>
  <si>
    <t>154.247</t>
  </si>
  <si>
    <t>57564.0</t>
  </si>
  <si>
    <t>157.05</t>
  </si>
  <si>
    <t>58231.0</t>
  </si>
  <si>
    <t>157.239</t>
  </si>
  <si>
    <t>158.562</t>
  </si>
  <si>
    <t>58779.0</t>
  </si>
  <si>
    <t>58791.0</t>
  </si>
  <si>
    <t>158.751</t>
  </si>
  <si>
    <t>87.1540320136872</t>
  </si>
  <si>
    <t>59022.0</t>
  </si>
  <si>
    <t>159.375</t>
  </si>
  <si>
    <t>160.792</t>
  </si>
  <si>
    <t>60075.0</t>
  </si>
  <si>
    <t>60425.0</t>
  </si>
  <si>
    <t>163.163</t>
  </si>
  <si>
    <t>60958.0</t>
  </si>
  <si>
    <t>164.602</t>
  </si>
  <si>
    <t>61055.0</t>
  </si>
  <si>
    <t>164.864</t>
  </si>
  <si>
    <t>61071.0</t>
  </si>
  <si>
    <t>164.907</t>
  </si>
  <si>
    <t>105.121170921124</t>
  </si>
  <si>
    <t>61089.0</t>
  </si>
  <si>
    <t>61288.0</t>
  </si>
  <si>
    <t>165.493</t>
  </si>
  <si>
    <t>166.371</t>
  </si>
  <si>
    <t>62163.0</t>
  </si>
  <si>
    <t>167.856</t>
  </si>
  <si>
    <t>62700.0</t>
  </si>
  <si>
    <t>169.306</t>
  </si>
  <si>
    <t>62727.0</t>
  </si>
  <si>
    <t>169.379</t>
  </si>
  <si>
    <t>62734.0</t>
  </si>
  <si>
    <t>169.398</t>
  </si>
  <si>
    <t>73.7457193961968</t>
  </si>
  <si>
    <t>169.582</t>
  </si>
  <si>
    <t>169.692</t>
  </si>
  <si>
    <t>62908.0</t>
  </si>
  <si>
    <t>169.868</t>
  </si>
  <si>
    <t>62977.0</t>
  </si>
  <si>
    <t>170.054</t>
  </si>
  <si>
    <t>63055.0</t>
  </si>
  <si>
    <t>170.265</t>
  </si>
  <si>
    <t>170.427</t>
  </si>
  <si>
    <t>63129.0</t>
  </si>
  <si>
    <t>170.465</t>
  </si>
  <si>
    <t>-0.74</t>
  </si>
  <si>
    <t>72.9412206391474</t>
  </si>
  <si>
    <t>170.537</t>
  </si>
  <si>
    <t>63332.0</t>
  </si>
  <si>
    <t>171.013</t>
  </si>
  <si>
    <t>63400.0</t>
  </si>
  <si>
    <t>171.196</t>
  </si>
  <si>
    <t>63439.0</t>
  </si>
  <si>
    <t>171.302</t>
  </si>
  <si>
    <t>63548.0</t>
  </si>
  <si>
    <t>63612.0</t>
  </si>
  <si>
    <t>171.769</t>
  </si>
  <si>
    <t>63629.0</t>
  </si>
  <si>
    <t>171.815</t>
  </si>
  <si>
    <t>-18.64</t>
  </si>
  <si>
    <t>53.9014167223111</t>
  </si>
  <si>
    <t>63673.0</t>
  </si>
  <si>
    <t>171.934</t>
  </si>
  <si>
    <t>63759.0</t>
  </si>
  <si>
    <t>172.166</t>
  </si>
  <si>
    <t>63833.0</t>
  </si>
  <si>
    <t>172.366</t>
  </si>
  <si>
    <t>63969.0</t>
  </si>
  <si>
    <t>172.733</t>
  </si>
  <si>
    <t>173.411</t>
  </si>
  <si>
    <t>64391.0</t>
  </si>
  <si>
    <t>173.872</t>
  </si>
  <si>
    <t>64641.0</t>
  </si>
  <si>
    <t>174.547</t>
  </si>
  <si>
    <t>7.39999999999999</t>
  </si>
  <si>
    <t>-26.62</t>
  </si>
  <si>
    <t>19.8443026738857</t>
  </si>
  <si>
    <t>65833.0</t>
  </si>
  <si>
    <t>177.766</t>
  </si>
  <si>
    <t>66103.0</t>
  </si>
  <si>
    <t>178.495</t>
  </si>
  <si>
    <t>178.93</t>
  </si>
  <si>
    <t>180.002</t>
  </si>
  <si>
    <t>66813.0</t>
  </si>
  <si>
    <t>180.412</t>
  </si>
  <si>
    <t>66836.0</t>
  </si>
  <si>
    <t>180.474</t>
  </si>
  <si>
    <t>-1.30000000000001</t>
  </si>
  <si>
    <t>-19.91</t>
  </si>
  <si>
    <t>-3.48616128054752</t>
  </si>
  <si>
    <t>180.974</t>
  </si>
  <si>
    <t>181.579</t>
  </si>
  <si>
    <t>181.933</t>
  </si>
  <si>
    <t>67517.0</t>
  </si>
  <si>
    <t>182.313</t>
  </si>
  <si>
    <t>67728.0</t>
  </si>
  <si>
    <t>182.883</t>
  </si>
  <si>
    <t>67791.0</t>
  </si>
  <si>
    <t>183.053</t>
  </si>
  <si>
    <t>67822.0</t>
  </si>
  <si>
    <t>183.137</t>
  </si>
  <si>
    <t>5.79999999999999</t>
  </si>
  <si>
    <t>15.5536426362888</t>
  </si>
  <si>
    <t>67911.0</t>
  </si>
  <si>
    <t>183.377</t>
  </si>
  <si>
    <t>183.788</t>
  </si>
  <si>
    <t>184.158</t>
  </si>
  <si>
    <t>184.484</t>
  </si>
  <si>
    <t>184.995</t>
  </si>
  <si>
    <t>68574.0</t>
  </si>
  <si>
    <t>185.167</t>
  </si>
  <si>
    <t>68613.0</t>
  </si>
  <si>
    <t>185.273</t>
  </si>
  <si>
    <t>7.89999999999999</t>
  </si>
  <si>
    <t>21.1851339356347</t>
  </si>
  <si>
    <t>68634.0</t>
  </si>
  <si>
    <t>185.329</t>
  </si>
  <si>
    <t>68700.0</t>
  </si>
  <si>
    <t>185.508</t>
  </si>
  <si>
    <t>68749.0</t>
  </si>
  <si>
    <t>185.821</t>
  </si>
  <si>
    <t>68885.0</t>
  </si>
  <si>
    <t>186.007</t>
  </si>
  <si>
    <t>68933.0</t>
  </si>
  <si>
    <t>186.137</t>
  </si>
  <si>
    <t>68951.0</t>
  </si>
  <si>
    <t>186.185</t>
  </si>
  <si>
    <t>-2.80000000000001</t>
  </si>
  <si>
    <t>-23.41</t>
  </si>
  <si>
    <t>-7.50865506579462</t>
  </si>
  <si>
    <t>186.285</t>
  </si>
  <si>
    <t>69112.0</t>
  </si>
  <si>
    <t>186.62</t>
  </si>
  <si>
    <t>187.571</t>
  </si>
  <si>
    <t>70602.0</t>
  </si>
  <si>
    <t>190.644</t>
  </si>
  <si>
    <t>71926.0</t>
  </si>
  <si>
    <t>194.219</t>
  </si>
  <si>
    <t>72752.0</t>
  </si>
  <si>
    <t>196.449</t>
  </si>
  <si>
    <t>73957.0</t>
  </si>
  <si>
    <t>199.703</t>
  </si>
  <si>
    <t>-3.50000000000001</t>
  </si>
  <si>
    <t>-9.38581883224327</t>
  </si>
  <si>
    <t>201.774</t>
  </si>
  <si>
    <t>75339.0</t>
  </si>
  <si>
    <t>203.435</t>
  </si>
  <si>
    <t>76164.0</t>
  </si>
  <si>
    <t>205.662</t>
  </si>
  <si>
    <t>77241.0</t>
  </si>
  <si>
    <t>208.571</t>
  </si>
  <si>
    <t>77835.0</t>
  </si>
  <si>
    <t>210.175</t>
  </si>
  <si>
    <t>78231.0</t>
  </si>
  <si>
    <t>211.244</t>
  </si>
  <si>
    <t>78463.0</t>
  </si>
  <si>
    <t>-6.00000000000001</t>
  </si>
  <si>
    <t>-6.33</t>
  </si>
  <si>
    <t>-16.0899751409884</t>
  </si>
  <si>
    <t>78808.0</t>
  </si>
  <si>
    <t>212.802</t>
  </si>
  <si>
    <t>79998.0</t>
  </si>
  <si>
    <t>216.015</t>
  </si>
  <si>
    <t>217.965</t>
  </si>
  <si>
    <t>218.851</t>
  </si>
  <si>
    <t>220.301</t>
  </si>
  <si>
    <t>81932.0</t>
  </si>
  <si>
    <t>221.238</t>
  </si>
  <si>
    <t>221.664</t>
  </si>
  <si>
    <t>-2.70000000000001</t>
  </si>
  <si>
    <t>-7.24048881344481</t>
  </si>
  <si>
    <t>82498.0</t>
  </si>
  <si>
    <t>222.766</t>
  </si>
  <si>
    <t>83002.0</t>
  </si>
  <si>
    <t>224.127</t>
  </si>
  <si>
    <t>83440.0</t>
  </si>
  <si>
    <t>226.905</t>
  </si>
  <si>
    <t>84619.0</t>
  </si>
  <si>
    <t>84891.0</t>
  </si>
  <si>
    <t>229.228</t>
  </si>
  <si>
    <t>230.013</t>
  </si>
  <si>
    <t>-13.0</t>
  </si>
  <si>
    <t>-23.25</t>
  </si>
  <si>
    <t>-34.8616128054749</t>
  </si>
  <si>
    <t>85784.0</t>
  </si>
  <si>
    <t>231.639</t>
  </si>
  <si>
    <t>86655.0</t>
  </si>
  <si>
    <t>233.991</t>
  </si>
  <si>
    <t>87422.0</t>
  </si>
  <si>
    <t>236.062</t>
  </si>
  <si>
    <t>88145.0</t>
  </si>
  <si>
    <t>238.014</t>
  </si>
  <si>
    <t>88808.0</t>
  </si>
  <si>
    <t>239.805</t>
  </si>
  <si>
    <t>240.777</t>
  </si>
  <si>
    <t>241.363</t>
  </si>
  <si>
    <t>-21.5</t>
  </si>
  <si>
    <t>-23.29</t>
  </si>
  <si>
    <t>-57.6557442552085</t>
  </si>
  <si>
    <t>90060.0</t>
  </si>
  <si>
    <t>243.185</t>
  </si>
  <si>
    <t>90653.0</t>
  </si>
  <si>
    <t>244.786</t>
  </si>
  <si>
    <t>91262.0</t>
  </si>
  <si>
    <t>246.431</t>
  </si>
  <si>
    <t>247.935</t>
  </si>
  <si>
    <t>92478.0</t>
  </si>
  <si>
    <t>249.714</t>
  </si>
  <si>
    <t>92827.0</t>
  </si>
  <si>
    <t>250.657</t>
  </si>
  <si>
    <t>250.997</t>
  </si>
  <si>
    <t>-6.40000000000001</t>
  </si>
  <si>
    <t>-17.1626401503877</t>
  </si>
  <si>
    <t>93679.0</t>
  </si>
  <si>
    <t>252.957</t>
  </si>
  <si>
    <t>254.853</t>
  </si>
  <si>
    <t>94905.0</t>
  </si>
  <si>
    <t>256.268</t>
  </si>
  <si>
    <t>257.786</t>
  </si>
  <si>
    <t>259.376</t>
  </si>
  <si>
    <t>96390.0</t>
  </si>
  <si>
    <t>260.278</t>
  </si>
  <si>
    <t>260.677</t>
  </si>
  <si>
    <t>-9.50000000000001</t>
  </si>
  <si>
    <t>-25.4757939732317</t>
  </si>
  <si>
    <t>262.311</t>
  </si>
  <si>
    <t>97917.0</t>
  </si>
  <si>
    <t>264.401</t>
  </si>
  <si>
    <t>99164.0</t>
  </si>
  <si>
    <t>267.768</t>
  </si>
  <si>
    <t>276.15</t>
  </si>
  <si>
    <t>105527.0</t>
  </si>
  <si>
    <t>284.95</t>
  </si>
  <si>
    <t>106931.0</t>
  </si>
  <si>
    <t>288.741</t>
  </si>
  <si>
    <t>108443.0</t>
  </si>
  <si>
    <t>292.824</t>
  </si>
  <si>
    <t>-6.80000000000001</t>
  </si>
  <si>
    <t>-18.2353051597869</t>
  </si>
  <si>
    <t>112289.0</t>
  </si>
  <si>
    <t>303.209</t>
  </si>
  <si>
    <t>10.385</t>
  </si>
  <si>
    <t>116814.0</t>
  </si>
  <si>
    <t>315.428</t>
  </si>
  <si>
    <t>118887.0</t>
  </si>
  <si>
    <t>321.026</t>
  </si>
  <si>
    <t>121117.0</t>
  </si>
  <si>
    <t>327.047</t>
  </si>
  <si>
    <t>123354.0</t>
  </si>
  <si>
    <t>333.088</t>
  </si>
  <si>
    <t>124328.0</t>
  </si>
  <si>
    <t>335.718</t>
  </si>
  <si>
    <t>125093.0</t>
  </si>
  <si>
    <t>337.783</t>
  </si>
  <si>
    <t>-20.5</t>
  </si>
  <si>
    <t>-27.02</t>
  </si>
  <si>
    <t>-54.9740817317104</t>
  </si>
  <si>
    <t>126857.0</t>
  </si>
  <si>
    <t>342.547</t>
  </si>
  <si>
    <t>5.619</t>
  </si>
  <si>
    <t>128560.0</t>
  </si>
  <si>
    <t>347.145</t>
  </si>
  <si>
    <t>129987.0</t>
  </si>
  <si>
    <t>350.998</t>
  </si>
  <si>
    <t>4.283</t>
  </si>
  <si>
    <t>131256.0</t>
  </si>
  <si>
    <t>354.425</t>
  </si>
  <si>
    <t>132712.0</t>
  </si>
  <si>
    <t>358.357</t>
  </si>
  <si>
    <t>133847.0</t>
  </si>
  <si>
    <t>361.421</t>
  </si>
  <si>
    <t>134935.0</t>
  </si>
  <si>
    <t>364.359</t>
  </si>
  <si>
    <t>-11.83</t>
  </si>
  <si>
    <t>-68.6505606015506</t>
  </si>
  <si>
    <t>371.204</t>
  </si>
  <si>
    <t>6.845</t>
  </si>
  <si>
    <t>139856.0</t>
  </si>
  <si>
    <t>377.647</t>
  </si>
  <si>
    <t>142447.0</t>
  </si>
  <si>
    <t>384.644</t>
  </si>
  <si>
    <t>145926.0</t>
  </si>
  <si>
    <t>394.038</t>
  </si>
  <si>
    <t>149139.0</t>
  </si>
  <si>
    <t>402.714</t>
  </si>
  <si>
    <t>8.676</t>
  </si>
  <si>
    <t>6.338</t>
  </si>
  <si>
    <t>150747.0</t>
  </si>
  <si>
    <t>407.056</t>
  </si>
  <si>
    <t>151802.0</t>
  </si>
  <si>
    <t>409.905</t>
  </si>
  <si>
    <t>-15.7</t>
  </si>
  <si>
    <t>-42.1021016189197</t>
  </si>
  <si>
    <t>154931.0</t>
  </si>
  <si>
    <t>418.354</t>
  </si>
  <si>
    <t>6.734</t>
  </si>
  <si>
    <t>156746.0</t>
  </si>
  <si>
    <t>423.255</t>
  </si>
  <si>
    <t>4.901</t>
  </si>
  <si>
    <t>6.516</t>
  </si>
  <si>
    <t>429.246</t>
  </si>
  <si>
    <t>5.992</t>
  </si>
  <si>
    <t>161140.0</t>
  </si>
  <si>
    <t>435.12</t>
  </si>
  <si>
    <t>162947.0</t>
  </si>
  <si>
    <t>439.999</t>
  </si>
  <si>
    <t>164233.0</t>
  </si>
  <si>
    <t>443.471</t>
  </si>
  <si>
    <t>445.694</t>
  </si>
  <si>
    <t>-11.6</t>
  </si>
  <si>
    <t>-31.1072852725776</t>
  </si>
  <si>
    <t>167135.0</t>
  </si>
  <si>
    <t>451.308</t>
  </si>
  <si>
    <t>168570.0</t>
  </si>
  <si>
    <t>455.182</t>
  </si>
  <si>
    <t>170172.0</t>
  </si>
  <si>
    <t>459.508</t>
  </si>
  <si>
    <t>4.323</t>
  </si>
  <si>
    <t>171722.0</t>
  </si>
  <si>
    <t>463.694</t>
  </si>
  <si>
    <t>173296.0</t>
  </si>
  <si>
    <t>467.944</t>
  </si>
  <si>
    <t>174253.0</t>
  </si>
  <si>
    <t>470.528</t>
  </si>
  <si>
    <t>472.451</t>
  </si>
  <si>
    <t>-8.30000000000001</t>
  </si>
  <si>
    <t>-22.257798945034</t>
  </si>
  <si>
    <t>177251.0</t>
  </si>
  <si>
    <t>478.623</t>
  </si>
  <si>
    <t>179984.0</t>
  </si>
  <si>
    <t>486.003</t>
  </si>
  <si>
    <t>4.404</t>
  </si>
  <si>
    <t>181525.0</t>
  </si>
  <si>
    <t>490.164</t>
  </si>
  <si>
    <t>183560.0</t>
  </si>
  <si>
    <t>495.659</t>
  </si>
  <si>
    <t>185312.0</t>
  </si>
  <si>
    <t>500.39</t>
  </si>
  <si>
    <t>4.731</t>
  </si>
  <si>
    <t>186301.0</t>
  </si>
  <si>
    <t>503.061</t>
  </si>
  <si>
    <t>193.08</t>
  </si>
  <si>
    <t>187129.0</t>
  </si>
  <si>
    <t>505.297</t>
  </si>
  <si>
    <t>5.59999999999999</t>
  </si>
  <si>
    <t>15.0173101315891</t>
  </si>
  <si>
    <t>188747.0</t>
  </si>
  <si>
    <t>509.666</t>
  </si>
  <si>
    <t>190628.0</t>
  </si>
  <si>
    <t>514.745</t>
  </si>
  <si>
    <t>4.107</t>
  </si>
  <si>
    <t>192290.0</t>
  </si>
  <si>
    <t>519.233</t>
  </si>
  <si>
    <t>4.488</t>
  </si>
  <si>
    <t>193597.0</t>
  </si>
  <si>
    <t>522.762</t>
  </si>
  <si>
    <t>195082.0</t>
  </si>
  <si>
    <t>526.772</t>
  </si>
  <si>
    <t>195693.0</t>
  </si>
  <si>
    <t>528.422</t>
  </si>
  <si>
    <t>59.654</t>
  </si>
  <si>
    <t>196215.0</t>
  </si>
  <si>
    <t>529.831</t>
  </si>
  <si>
    <t>44.2474316377181</t>
  </si>
  <si>
    <t>197479.0</t>
  </si>
  <si>
    <t>533.244</t>
  </si>
  <si>
    <t>198510.0</t>
  </si>
  <si>
    <t>536.028</t>
  </si>
  <si>
    <t>199375.0</t>
  </si>
  <si>
    <t>538.364</t>
  </si>
  <si>
    <t>200197.0</t>
  </si>
  <si>
    <t>540.584</t>
  </si>
  <si>
    <t>201378.0</t>
  </si>
  <si>
    <t>543.773</t>
  </si>
  <si>
    <t>201809.0</t>
  </si>
  <si>
    <t>544.936</t>
  </si>
  <si>
    <t>202192.0</t>
  </si>
  <si>
    <t>545.971</t>
  </si>
  <si>
    <t>58.4602430122578</t>
  </si>
  <si>
    <t>549.47</t>
  </si>
  <si>
    <t>204449.0</t>
  </si>
  <si>
    <t>552.065</t>
  </si>
  <si>
    <t>205219.0</t>
  </si>
  <si>
    <t>554.144</t>
  </si>
  <si>
    <t>205886.0</t>
  </si>
  <si>
    <t>555.945</t>
  </si>
  <si>
    <t>206651.0</t>
  </si>
  <si>
    <t>558.011</t>
  </si>
  <si>
    <t>206985.0</t>
  </si>
  <si>
    <t>558.913</t>
  </si>
  <si>
    <t>207256.0</t>
  </si>
  <si>
    <t>559.645</t>
  </si>
  <si>
    <t>58.7284092646077</t>
  </si>
  <si>
    <t>208214.0</t>
  </si>
  <si>
    <t>562.231</t>
  </si>
  <si>
    <t>208961.0</t>
  </si>
  <si>
    <t>564.249</t>
  </si>
  <si>
    <t>209667.0</t>
  </si>
  <si>
    <t>566.155</t>
  </si>
  <si>
    <t>210566.0</t>
  </si>
  <si>
    <t>568.582</t>
  </si>
  <si>
    <t>211613.0</t>
  </si>
  <si>
    <t>571.41</t>
  </si>
  <si>
    <t>212188.0</t>
  </si>
  <si>
    <t>572.962</t>
  </si>
  <si>
    <t>212731.0</t>
  </si>
  <si>
    <t>574.429</t>
  </si>
  <si>
    <t>-21.7</t>
  </si>
  <si>
    <t>32.7162827866764</t>
  </si>
  <si>
    <t>214294.0</t>
  </si>
  <si>
    <t>578.649</t>
  </si>
  <si>
    <t>215620.0</t>
  </si>
  <si>
    <t>582.23</t>
  </si>
  <si>
    <t>216938.0</t>
  </si>
  <si>
    <t>585.789</t>
  </si>
  <si>
    <t>217810.0</t>
  </si>
  <si>
    <t>588.143</t>
  </si>
  <si>
    <t>218774.0</t>
  </si>
  <si>
    <t>590.746</t>
  </si>
  <si>
    <t>219271.0</t>
  </si>
  <si>
    <t>592.088</t>
  </si>
  <si>
    <t>219723.0</t>
  </si>
  <si>
    <t>593.309</t>
  </si>
  <si>
    <t>8.69999999999999</t>
  </si>
  <si>
    <t>23.3304639544332</t>
  </si>
  <si>
    <t>221094.0</t>
  </si>
  <si>
    <t>597.011</t>
  </si>
  <si>
    <t>599.503</t>
  </si>
  <si>
    <t>222824.0</t>
  </si>
  <si>
    <t>601.682</t>
  </si>
  <si>
    <t>223669.0</t>
  </si>
  <si>
    <t>603.964</t>
  </si>
  <si>
    <t>605.946</t>
  </si>
  <si>
    <t>224841.0</t>
  </si>
  <si>
    <t>607.129</t>
  </si>
  <si>
    <t>225234.0</t>
  </si>
  <si>
    <t>608.19</t>
  </si>
  <si>
    <t>31.6436177772772</t>
  </si>
  <si>
    <t>226497.0</t>
  </si>
  <si>
    <t>611.6</t>
  </si>
  <si>
    <t>227528.0</t>
  </si>
  <si>
    <t>614.384</t>
  </si>
  <si>
    <t>228448.0</t>
  </si>
  <si>
    <t>616.869</t>
  </si>
  <si>
    <t>91.177</t>
  </si>
  <si>
    <t>229456.0</t>
  </si>
  <si>
    <t>619.59</t>
  </si>
  <si>
    <t>230421.0</t>
  </si>
  <si>
    <t>622.196</t>
  </si>
  <si>
    <t>231003.0</t>
  </si>
  <si>
    <t>623.768</t>
  </si>
  <si>
    <t>8.135</t>
  </si>
  <si>
    <t>231799.0</t>
  </si>
  <si>
    <t>625.917</t>
  </si>
  <si>
    <t>27.6211239920301</t>
  </si>
  <si>
    <t>233235.0</t>
  </si>
  <si>
    <t>629.795</t>
  </si>
  <si>
    <t>234669.0</t>
  </si>
  <si>
    <t>633.667</t>
  </si>
  <si>
    <t>235882.0</t>
  </si>
  <si>
    <t>636.942</t>
  </si>
  <si>
    <t>236599.0</t>
  </si>
  <si>
    <t>638.878</t>
  </si>
  <si>
    <t>236695.0</t>
  </si>
  <si>
    <t>639.138</t>
  </si>
  <si>
    <t>237353.0</t>
  </si>
  <si>
    <t>640.914</t>
  </si>
  <si>
    <t>237897.0</t>
  </si>
  <si>
    <t>642.383</t>
  </si>
  <si>
    <t>55.2422479840602</t>
  </si>
  <si>
    <t>238874.0</t>
  </si>
  <si>
    <t>645.021</t>
  </si>
  <si>
    <t>239838.0</t>
  </si>
  <si>
    <t>647.624</t>
  </si>
  <si>
    <t>240858.0</t>
  </si>
  <si>
    <t>650.379</t>
  </si>
  <si>
    <t>241454.0</t>
  </si>
  <si>
    <t>651.988</t>
  </si>
  <si>
    <t>241496.0</t>
  </si>
  <si>
    <t>652.101</t>
  </si>
  <si>
    <t>242531.0</t>
  </si>
  <si>
    <t>654.896</t>
  </si>
  <si>
    <t>243083.0</t>
  </si>
  <si>
    <t>656.387</t>
  </si>
  <si>
    <t>64.0917343116038</t>
  </si>
  <si>
    <t>244197.0</t>
  </si>
  <si>
    <t>659.395</t>
  </si>
  <si>
    <t>245017.0</t>
  </si>
  <si>
    <t>661.609</t>
  </si>
  <si>
    <t>245680.0</t>
  </si>
  <si>
    <t>663.399</t>
  </si>
  <si>
    <t>246377.0</t>
  </si>
  <si>
    <t>665.281</t>
  </si>
  <si>
    <t>247079.0</t>
  </si>
  <si>
    <t>667.177</t>
  </si>
  <si>
    <t>247505.0</t>
  </si>
  <si>
    <t>668.327</t>
  </si>
  <si>
    <t>247950.0</t>
  </si>
  <si>
    <t>669.529</t>
  </si>
  <si>
    <t>-3.85</t>
  </si>
  <si>
    <t>59.2647417693073</t>
  </si>
  <si>
    <t>249082.0</t>
  </si>
  <si>
    <t>672.586</t>
  </si>
  <si>
    <t>249880.0</t>
  </si>
  <si>
    <t>674.74</t>
  </si>
  <si>
    <t>250786.0</t>
  </si>
  <si>
    <t>677.187</t>
  </si>
  <si>
    <t>679.509</t>
  </si>
  <si>
    <t>252177.0</t>
  </si>
  <si>
    <t>680.943</t>
  </si>
  <si>
    <t>252557.0</t>
  </si>
  <si>
    <t>681.969</t>
  </si>
  <si>
    <t>252864.0</t>
  </si>
  <si>
    <t>682.798</t>
  </si>
  <si>
    <t>81.2543744619914</t>
  </si>
  <si>
    <t>253957.0</t>
  </si>
  <si>
    <t>685.749</t>
  </si>
  <si>
    <t>254646.0</t>
  </si>
  <si>
    <t>687.61</t>
  </si>
  <si>
    <t>255291.0</t>
  </si>
  <si>
    <t>689.352</t>
  </si>
  <si>
    <t>256011.0</t>
  </si>
  <si>
    <t>691.296</t>
  </si>
  <si>
    <t>256534.0</t>
  </si>
  <si>
    <t>692.708</t>
  </si>
  <si>
    <t>256944.0</t>
  </si>
  <si>
    <t>693.815</t>
  </si>
  <si>
    <t>257464.0</t>
  </si>
  <si>
    <t>695.219</t>
  </si>
  <si>
    <t>88.2266970230864</t>
  </si>
  <si>
    <t>258911.0</t>
  </si>
  <si>
    <t>699.126</t>
  </si>
  <si>
    <t>260000.0</t>
  </si>
  <si>
    <t>702.067</t>
  </si>
  <si>
    <t>260926.0</t>
  </si>
  <si>
    <t>704.567</t>
  </si>
  <si>
    <t>15522.0</t>
  </si>
  <si>
    <t>261892.0</t>
  </si>
  <si>
    <t>707.176</t>
  </si>
  <si>
    <t>262634.0</t>
  </si>
  <si>
    <t>709.18</t>
  </si>
  <si>
    <t>262961.0</t>
  </si>
  <si>
    <t>710.063</t>
  </si>
  <si>
    <t>263367.0</t>
  </si>
  <si>
    <t>711.159</t>
  </si>
  <si>
    <t>-7.89</t>
  </si>
  <si>
    <t>78.5727119384933</t>
  </si>
  <si>
    <t>264700.0</t>
  </si>
  <si>
    <t>714.758</t>
  </si>
  <si>
    <t>265438.0</t>
  </si>
  <si>
    <t>716.751</t>
  </si>
  <si>
    <t>266135.0</t>
  </si>
  <si>
    <t>718.633</t>
  </si>
  <si>
    <t>266882.0</t>
  </si>
  <si>
    <t>720.65</t>
  </si>
  <si>
    <t>267380.0</t>
  </si>
  <si>
    <t>721.995</t>
  </si>
  <si>
    <t>267729.0</t>
  </si>
  <si>
    <t>722.937</t>
  </si>
  <si>
    <t>5.423</t>
  </si>
  <si>
    <t>268044.0</t>
  </si>
  <si>
    <t>723.788</t>
  </si>
  <si>
    <t>-9.87</t>
  </si>
  <si>
    <t>66.2370643304022</t>
  </si>
  <si>
    <t>269114.0</t>
  </si>
  <si>
    <t>726.677</t>
  </si>
  <si>
    <t>269779.0</t>
  </si>
  <si>
    <t>728.473</t>
  </si>
  <si>
    <t>270294.0</t>
  </si>
  <si>
    <t>729.864</t>
  </si>
  <si>
    <t>270864.0</t>
  </si>
  <si>
    <t>731.403</t>
  </si>
  <si>
    <t>271410.0</t>
  </si>
  <si>
    <t>732.877</t>
  </si>
  <si>
    <t>271621.0</t>
  </si>
  <si>
    <t>733.447</t>
  </si>
  <si>
    <t>271944.0</t>
  </si>
  <si>
    <t>734.319</t>
  </si>
  <si>
    <t>58.7284092646076</t>
  </si>
  <si>
    <t>272650.0</t>
  </si>
  <si>
    <t>736.225</t>
  </si>
  <si>
    <t>273195.0</t>
  </si>
  <si>
    <t>737.697</t>
  </si>
  <si>
    <t>273558.0</t>
  </si>
  <si>
    <t>738.677</t>
  </si>
  <si>
    <t>274256.0</t>
  </si>
  <si>
    <t>740.562</t>
  </si>
  <si>
    <t>274708.0</t>
  </si>
  <si>
    <t>741.782</t>
  </si>
  <si>
    <t>274912.0</t>
  </si>
  <si>
    <t>742.333</t>
  </si>
  <si>
    <t>275185.0</t>
  </si>
  <si>
    <t>743.07</t>
  </si>
  <si>
    <t>76.9637144243945</t>
  </si>
  <si>
    <t>275710.0</t>
  </si>
  <si>
    <t>744.488</t>
  </si>
  <si>
    <t>745.66</t>
  </si>
  <si>
    <t>27933.0</t>
  </si>
  <si>
    <t>276594.0</t>
  </si>
  <si>
    <t>746.875</t>
  </si>
  <si>
    <t>277066.0</t>
  </si>
  <si>
    <t>748.15</t>
  </si>
  <si>
    <t>19075.0</t>
  </si>
  <si>
    <t>277563.0</t>
  </si>
  <si>
    <t>749.492</t>
  </si>
  <si>
    <t>12564.0</t>
  </si>
  <si>
    <t>277885.0</t>
  </si>
  <si>
    <t>750.361</t>
  </si>
  <si>
    <t>278133.0</t>
  </si>
  <si>
    <t>751.031</t>
  </si>
  <si>
    <t>-2.54</t>
  </si>
  <si>
    <t>752.262</t>
  </si>
  <si>
    <t>279017.0</t>
  </si>
  <si>
    <t>753.418</t>
  </si>
  <si>
    <t>33835.0</t>
  </si>
  <si>
    <t>279370.0</t>
  </si>
  <si>
    <t>754.371</t>
  </si>
  <si>
    <t>279865.0</t>
  </si>
  <si>
    <t>755.708</t>
  </si>
  <si>
    <t>39196.0</t>
  </si>
  <si>
    <t>26489.0</t>
  </si>
  <si>
    <t>756.745</t>
  </si>
  <si>
    <t>39749.0</t>
  </si>
  <si>
    <t>280512.0</t>
  </si>
  <si>
    <t>757.455</t>
  </si>
  <si>
    <t>280781.0</t>
  </si>
  <si>
    <t>758.181</t>
  </si>
  <si>
    <t>77.5000469290941</t>
  </si>
  <si>
    <t>282683.0</t>
  </si>
  <si>
    <t>763.317</t>
  </si>
  <si>
    <t>283489.0</t>
  </si>
  <si>
    <t>765.493</t>
  </si>
  <si>
    <t>284797.0</t>
  </si>
  <si>
    <t>769.025</t>
  </si>
  <si>
    <t>286080.0</t>
  </si>
  <si>
    <t>772.49</t>
  </si>
  <si>
    <t>46052.0</t>
  </si>
  <si>
    <t>33289.0</t>
  </si>
  <si>
    <t>774.523</t>
  </si>
  <si>
    <t>46862.0</t>
  </si>
  <si>
    <t>287247.0</t>
  </si>
  <si>
    <t>775.641</t>
  </si>
  <si>
    <t>776.716</t>
  </si>
  <si>
    <t>63.0190693022045</t>
  </si>
  <si>
    <t>288721.0</t>
  </si>
  <si>
    <t>779.621</t>
  </si>
  <si>
    <t>289329.0</t>
  </si>
  <si>
    <t>781.263</t>
  </si>
  <si>
    <t>289830.0</t>
  </si>
  <si>
    <t>782.616</t>
  </si>
  <si>
    <t>50297.0</t>
  </si>
  <si>
    <t>290470.0</t>
  </si>
  <si>
    <t>784.344</t>
  </si>
  <si>
    <t>51283.0</t>
  </si>
  <si>
    <t>291245.0</t>
  </si>
  <si>
    <t>786.437</t>
  </si>
  <si>
    <t>37865.0</t>
  </si>
  <si>
    <t>291686.0</t>
  </si>
  <si>
    <t>787.627</t>
  </si>
  <si>
    <t>292102.0</t>
  </si>
  <si>
    <t>788.751</t>
  </si>
  <si>
    <t>51.7560867035127</t>
  </si>
  <si>
    <t>53019.0</t>
  </si>
  <si>
    <t>37953.0</t>
  </si>
  <si>
    <t>293659.0</t>
  </si>
  <si>
    <t>792.955</t>
  </si>
  <si>
    <t>54868.0</t>
  </si>
  <si>
    <t>295666.0</t>
  </si>
  <si>
    <t>798.374</t>
  </si>
  <si>
    <t>296886.0</t>
  </si>
  <si>
    <t>801.669</t>
  </si>
  <si>
    <t>20325.0</t>
  </si>
  <si>
    <t>299902.0</t>
  </si>
  <si>
    <t>809.813</t>
  </si>
  <si>
    <t>60366.0</t>
  </si>
  <si>
    <t>301330.0</t>
  </si>
  <si>
    <t>813.669</t>
  </si>
  <si>
    <t>302307.0</t>
  </si>
  <si>
    <t>816.307</t>
  </si>
  <si>
    <t>-13.15</t>
  </si>
  <si>
    <t>36.7387765719235</t>
  </si>
  <si>
    <t>304759.0</t>
  </si>
  <si>
    <t>822.928</t>
  </si>
  <si>
    <t>4.582</t>
  </si>
  <si>
    <t>66156.0</t>
  </si>
  <si>
    <t>20734.0</t>
  </si>
  <si>
    <t>306820.0</t>
  </si>
  <si>
    <t>828.493</t>
  </si>
  <si>
    <t>308329.0</t>
  </si>
  <si>
    <t>832.568</t>
  </si>
  <si>
    <t>49289.0</t>
  </si>
  <si>
    <t>23698.0</t>
  </si>
  <si>
    <t>309093.0</t>
  </si>
  <si>
    <t>834.631</t>
  </si>
  <si>
    <t>309911.0</t>
  </si>
  <si>
    <t>836.84</t>
  </si>
  <si>
    <t>310503.0</t>
  </si>
  <si>
    <t>838.438</t>
  </si>
  <si>
    <t>24344.0</t>
  </si>
  <si>
    <t>311214.0</t>
  </si>
  <si>
    <t>840.358</t>
  </si>
  <si>
    <t>46.9290941612161</t>
  </si>
  <si>
    <t>312225.0</t>
  </si>
  <si>
    <t>843.088</t>
  </si>
  <si>
    <t>314088.0</t>
  </si>
  <si>
    <t>848.119</t>
  </si>
  <si>
    <t>851.583</t>
  </si>
  <si>
    <t>316510.0</t>
  </si>
  <si>
    <t>854.659</t>
  </si>
  <si>
    <t>27092.0</t>
  </si>
  <si>
    <t>317669.0</t>
  </si>
  <si>
    <t>857.788</t>
  </si>
  <si>
    <t>86368.0</t>
  </si>
  <si>
    <t>58567.0</t>
  </si>
  <si>
    <t>27801.0</t>
  </si>
  <si>
    <t>318269.0</t>
  </si>
  <si>
    <t>859.408</t>
  </si>
  <si>
    <t>318781.0</t>
  </si>
  <si>
    <t>860.791</t>
  </si>
  <si>
    <t>-9.91</t>
  </si>
  <si>
    <t>35.1297790578246</t>
  </si>
  <si>
    <t>320045.0</t>
  </si>
  <si>
    <t>864.204</t>
  </si>
  <si>
    <t>321018.0</t>
  </si>
  <si>
    <t>866.831</t>
  </si>
  <si>
    <t>321955.0</t>
  </si>
  <si>
    <t>869.362</t>
  </si>
  <si>
    <t>95439.0</t>
  </si>
  <si>
    <t>28281.0</t>
  </si>
  <si>
    <t>322691.0</t>
  </si>
  <si>
    <t>871.349</t>
  </si>
  <si>
    <t>323603.0</t>
  </si>
  <si>
    <t>873.812</t>
  </si>
  <si>
    <t>98672.0</t>
  </si>
  <si>
    <t>70058.0</t>
  </si>
  <si>
    <t>324304.0</t>
  </si>
  <si>
    <t>875.704</t>
  </si>
  <si>
    <t>878.367</t>
  </si>
  <si>
    <t>58.192076759908</t>
  </si>
  <si>
    <t>329341.0</t>
  </si>
  <si>
    <t>889.306</t>
  </si>
  <si>
    <t>100168.0</t>
  </si>
  <si>
    <t>70482.0</t>
  </si>
  <si>
    <t>29686.0</t>
  </si>
  <si>
    <t>900.582</t>
  </si>
  <si>
    <t>335440.0</t>
  </si>
  <si>
    <t>905.775</t>
  </si>
  <si>
    <t>5.193</t>
  </si>
  <si>
    <t>336491.0</t>
  </si>
  <si>
    <t>908.612</t>
  </si>
  <si>
    <t>113330.0</t>
  </si>
  <si>
    <t>32609.0</t>
  </si>
  <si>
    <t>338552.0</t>
  </si>
  <si>
    <t>914.178</t>
  </si>
  <si>
    <t>339649.0</t>
  </si>
  <si>
    <t>917.14</t>
  </si>
  <si>
    <t>340397.0</t>
  </si>
  <si>
    <t>919.16</t>
  </si>
  <si>
    <t>-9.27</t>
  </si>
  <si>
    <t>45.8564291518169</t>
  </si>
  <si>
    <t>342288.0</t>
  </si>
  <si>
    <t>924.266</t>
  </si>
  <si>
    <t>4.995</t>
  </si>
  <si>
    <t>929.302</t>
  </si>
  <si>
    <t>345906.0</t>
  </si>
  <si>
    <t>934.035</t>
  </si>
  <si>
    <t>121530.0</t>
  </si>
  <si>
    <t>87038.0</t>
  </si>
  <si>
    <t>34492.0</t>
  </si>
  <si>
    <t>347304.0</t>
  </si>
  <si>
    <t>937.81</t>
  </si>
  <si>
    <t>133064.0</t>
  </si>
  <si>
    <t>98008.0</t>
  </si>
  <si>
    <t>348830.0</t>
  </si>
  <si>
    <t>941.931</t>
  </si>
  <si>
    <t>145261.0</t>
  </si>
  <si>
    <t>109409.0</t>
  </si>
  <si>
    <t>349571.0</t>
  </si>
  <si>
    <t>943.932</t>
  </si>
  <si>
    <t>350330.0</t>
  </si>
  <si>
    <t>945.981</t>
  </si>
  <si>
    <t>50.1470891894138</t>
  </si>
  <si>
    <t>351952.0</t>
  </si>
  <si>
    <t>950.361</t>
  </si>
  <si>
    <t>146111.0</t>
  </si>
  <si>
    <t>110199.0</t>
  </si>
  <si>
    <t>36376.0</t>
  </si>
  <si>
    <t>353333.0</t>
  </si>
  <si>
    <t>954.09</t>
  </si>
  <si>
    <t>354574.0</t>
  </si>
  <si>
    <t>957.441</t>
  </si>
  <si>
    <t>157230.0</t>
  </si>
  <si>
    <t>115447.0</t>
  </si>
  <si>
    <t>42301.0</t>
  </si>
  <si>
    <t>355617.0</t>
  </si>
  <si>
    <t>960.258</t>
  </si>
  <si>
    <t>167168.0</t>
  </si>
  <si>
    <t>124014.0</t>
  </si>
  <si>
    <t>50192.0</t>
  </si>
  <si>
    <t>356721.0</t>
  </si>
  <si>
    <t>963.239</t>
  </si>
  <si>
    <t>184304.0</t>
  </si>
  <si>
    <t>138577.0</t>
  </si>
  <si>
    <t>53658.0</t>
  </si>
  <si>
    <t>357515.0</t>
  </si>
  <si>
    <t>965.383</t>
  </si>
  <si>
    <t>358447.0</t>
  </si>
  <si>
    <t>967.899</t>
  </si>
  <si>
    <t>15476.0</t>
  </si>
  <si>
    <t>81.790706966691</t>
  </si>
  <si>
    <t>360093.0</t>
  </si>
  <si>
    <t>972.344</t>
  </si>
  <si>
    <t>4.445</t>
  </si>
  <si>
    <t>361528.0</t>
  </si>
  <si>
    <t>976.219</t>
  </si>
  <si>
    <t>188146.0</t>
  </si>
  <si>
    <t>140805.0</t>
  </si>
  <si>
    <t>37.76</t>
  </si>
  <si>
    <t>362826.0</t>
  </si>
  <si>
    <t>979.724</t>
  </si>
  <si>
    <t>198421.0</t>
  </si>
  <si>
    <t>62276.0</t>
  </si>
  <si>
    <t>15779.0</t>
  </si>
  <si>
    <t>363739.0</t>
  </si>
  <si>
    <t>982.189</t>
  </si>
  <si>
    <t>365177.0</t>
  </si>
  <si>
    <t>986.072</t>
  </si>
  <si>
    <t>3.883</t>
  </si>
  <si>
    <t>203735.0</t>
  </si>
  <si>
    <t>147592.0</t>
  </si>
  <si>
    <t>365860.0</t>
  </si>
  <si>
    <t>987.916</t>
  </si>
  <si>
    <t>366688.0</t>
  </si>
  <si>
    <t>990.152</t>
  </si>
  <si>
    <t>-3.76</t>
  </si>
  <si>
    <t>368045.0</t>
  </si>
  <si>
    <t>993.816</t>
  </si>
  <si>
    <t>369243.0</t>
  </si>
  <si>
    <t>997.051</t>
  </si>
  <si>
    <t>152584.0</t>
  </si>
  <si>
    <t>67905.0</t>
  </si>
  <si>
    <t>370491.0</t>
  </si>
  <si>
    <t>1000.421</t>
  </si>
  <si>
    <t>220021.0</t>
  </si>
  <si>
    <t>156058.0</t>
  </si>
  <si>
    <t>372249.0</t>
  </si>
  <si>
    <t>1005.168</t>
  </si>
  <si>
    <t>225051.0</t>
  </si>
  <si>
    <t>159327.0</t>
  </si>
  <si>
    <t>76259.0</t>
  </si>
  <si>
    <t>373963.0</t>
  </si>
  <si>
    <t>1009.797</t>
  </si>
  <si>
    <t>231109.0</t>
  </si>
  <si>
    <t>163815.0</t>
  </si>
  <si>
    <t>80464.0</t>
  </si>
  <si>
    <t>374911.0</t>
  </si>
  <si>
    <t>1012.356</t>
  </si>
  <si>
    <t>375650.0</t>
  </si>
  <si>
    <t>1014.352</t>
  </si>
  <si>
    <t>376495.0</t>
  </si>
  <si>
    <t>1016.634</t>
  </si>
  <si>
    <t>377884.0</t>
  </si>
  <si>
    <t>1020.384</t>
  </si>
  <si>
    <t>231640.0</t>
  </si>
  <si>
    <t>164273.0</t>
  </si>
  <si>
    <t>80611.0</t>
  </si>
  <si>
    <t>379245.0</t>
  </si>
  <si>
    <t>1024.059</t>
  </si>
  <si>
    <t>380872.0</t>
  </si>
  <si>
    <t>1028.453</t>
  </si>
  <si>
    <t>243924.0</t>
  </si>
  <si>
    <t>169570.0</t>
  </si>
  <si>
    <t>87815.0</t>
  </si>
  <si>
    <t>382848.0</t>
  </si>
  <si>
    <t>1033.788</t>
  </si>
  <si>
    <t>249800.0</t>
  </si>
  <si>
    <t>171376.0</t>
  </si>
  <si>
    <t>384118.0</t>
  </si>
  <si>
    <t>1037.218</t>
  </si>
  <si>
    <t>385495.0</t>
  </si>
  <si>
    <t>1040.936</t>
  </si>
  <si>
    <t>8442.0</t>
  </si>
  <si>
    <t>-21.52</t>
  </si>
  <si>
    <t>387691.0</t>
  </si>
  <si>
    <t>1046.866</t>
  </si>
  <si>
    <t>4.318</t>
  </si>
  <si>
    <t>389169.0</t>
  </si>
  <si>
    <t>1050.857</t>
  </si>
  <si>
    <t>1054.699</t>
  </si>
  <si>
    <t>258829.0</t>
  </si>
  <si>
    <t>177511.0</t>
  </si>
  <si>
    <t>94950.0</t>
  </si>
  <si>
    <t>392312.0</t>
  </si>
  <si>
    <t>1059.344</t>
  </si>
  <si>
    <t>4.412</t>
  </si>
  <si>
    <t>269324.0</t>
  </si>
  <si>
    <t>184619.0</t>
  </si>
  <si>
    <t>98882.0</t>
  </si>
  <si>
    <t>394484.0</t>
  </si>
  <si>
    <t>1065.209</t>
  </si>
  <si>
    <t>187606.0</t>
  </si>
  <si>
    <t>101082.0</t>
  </si>
  <si>
    <t>1068.381</t>
  </si>
  <si>
    <t>396665.0</t>
  </si>
  <si>
    <t>1071.098</t>
  </si>
  <si>
    <t>-12.84</t>
  </si>
  <si>
    <t>30.8391190202277</t>
  </si>
  <si>
    <t>398298.0</t>
  </si>
  <si>
    <t>1075.507</t>
  </si>
  <si>
    <t>274144.0</t>
  </si>
  <si>
    <t>188208.0</t>
  </si>
  <si>
    <t>399488.0</t>
  </si>
  <si>
    <t>1078.721</t>
  </si>
  <si>
    <t>400864.0</t>
  </si>
  <si>
    <t>1082.436</t>
  </si>
  <si>
    <t>287635.0</t>
  </si>
  <si>
    <t>198155.0</t>
  </si>
  <si>
    <t>105590.0</t>
  </si>
  <si>
    <t>402568.0</t>
  </si>
  <si>
    <t>1087.037</t>
  </si>
  <si>
    <t>404364.0</t>
  </si>
  <si>
    <t>1091.887</t>
  </si>
  <si>
    <t>317082.0</t>
  </si>
  <si>
    <t>214971.0</t>
  </si>
  <si>
    <t>128645.0</t>
  </si>
  <si>
    <t>405416.0</t>
  </si>
  <si>
    <t>1094.728</t>
  </si>
  <si>
    <t>17573.0</t>
  </si>
  <si>
    <t>406276.0</t>
  </si>
  <si>
    <t>1097.05</t>
  </si>
  <si>
    <t>28.1574564967297</t>
  </si>
  <si>
    <t>407660.0</t>
  </si>
  <si>
    <t>1100.787</t>
  </si>
  <si>
    <t>19295.0</t>
  </si>
  <si>
    <t>408865.0</t>
  </si>
  <si>
    <t>1104.041</t>
  </si>
  <si>
    <t>326982.0</t>
  </si>
  <si>
    <t>224191.0</t>
  </si>
  <si>
    <t>138517.0</t>
  </si>
  <si>
    <t>410109.0</t>
  </si>
  <si>
    <t>1107.4</t>
  </si>
  <si>
    <t>340348.0</t>
  </si>
  <si>
    <t>231520.0</t>
  </si>
  <si>
    <t>145088.0</t>
  </si>
  <si>
    <t>20193.0</t>
  </si>
  <si>
    <t>410983.0</t>
  </si>
  <si>
    <t>1109.76</t>
  </si>
  <si>
    <t>355178.0</t>
  </si>
  <si>
    <t>238814.0</t>
  </si>
  <si>
    <t>153725.0</t>
  </si>
  <si>
    <t>412567.0</t>
  </si>
  <si>
    <t>1114.037</t>
  </si>
  <si>
    <t>14722.0</t>
  </si>
  <si>
    <t>413387.0</t>
  </si>
  <si>
    <t>1116.252</t>
  </si>
  <si>
    <t>414014.0</t>
  </si>
  <si>
    <t>1117.945</t>
  </si>
  <si>
    <t>13081.0</t>
  </si>
  <si>
    <t>415044.0</t>
  </si>
  <si>
    <t>1120.726</t>
  </si>
  <si>
    <t>415971.0</t>
  </si>
  <si>
    <t>1123.229</t>
  </si>
  <si>
    <t>356839.0</t>
  </si>
  <si>
    <t>240273.0</t>
  </si>
  <si>
    <t>155323.0</t>
  </si>
  <si>
    <t>416873.0</t>
  </si>
  <si>
    <t>1125.665</t>
  </si>
  <si>
    <t>368066.0</t>
  </si>
  <si>
    <t>250484.0</t>
  </si>
  <si>
    <t>166490.0</t>
  </si>
  <si>
    <t>417875.0</t>
  </si>
  <si>
    <t>1128.37</t>
  </si>
  <si>
    <t>383582.0</t>
  </si>
  <si>
    <t>258120.0</t>
  </si>
  <si>
    <t>174732.0</t>
  </si>
  <si>
    <t>419227.0</t>
  </si>
  <si>
    <t>1132.021</t>
  </si>
  <si>
    <t>386715.0</t>
  </si>
  <si>
    <t>258852.0</t>
  </si>
  <si>
    <t>177540.0</t>
  </si>
  <si>
    <t>419992.0</t>
  </si>
  <si>
    <t>1134.087</t>
  </si>
  <si>
    <t>420615.0</t>
  </si>
  <si>
    <t>1135.769</t>
  </si>
  <si>
    <t>421538.0</t>
  </si>
  <si>
    <t>1138.261</t>
  </si>
  <si>
    <t>12767.0</t>
  </si>
  <si>
    <t>422537.0</t>
  </si>
  <si>
    <t>1140.959</t>
  </si>
  <si>
    <t>390877.0</t>
  </si>
  <si>
    <t>258983.0</t>
  </si>
  <si>
    <t>423526.0</t>
  </si>
  <si>
    <t>1143.629</t>
  </si>
  <si>
    <t>401582.0</t>
  </si>
  <si>
    <t>259385.0</t>
  </si>
  <si>
    <t>107.69</t>
  </si>
  <si>
    <t>424584.0</t>
  </si>
  <si>
    <t>1146.486</t>
  </si>
  <si>
    <t>422848.0</t>
  </si>
  <si>
    <t>259885.0</t>
  </si>
  <si>
    <t>213186.0</t>
  </si>
  <si>
    <t>113.39</t>
  </si>
  <si>
    <t>425845.0</t>
  </si>
  <si>
    <t>1149.891</t>
  </si>
  <si>
    <t>435373.0</t>
  </si>
  <si>
    <t>223719.0</t>
  </si>
  <si>
    <t>18640.0</t>
  </si>
  <si>
    <t>426871.0</t>
  </si>
  <si>
    <t>1152.662</t>
  </si>
  <si>
    <t>18911.0</t>
  </si>
  <si>
    <t>427585.0</t>
  </si>
  <si>
    <t>1154.59</t>
  </si>
  <si>
    <t>65.7007318257026</t>
  </si>
  <si>
    <t>428617.0</t>
  </si>
  <si>
    <t>1157.376</t>
  </si>
  <si>
    <t>429678.0</t>
  </si>
  <si>
    <t>1160.241</t>
  </si>
  <si>
    <t>7353.0</t>
  </si>
  <si>
    <t>19718.0</t>
  </si>
  <si>
    <t>430758.0</t>
  </si>
  <si>
    <t>1163.158</t>
  </si>
  <si>
    <t>444090.0</t>
  </si>
  <si>
    <t>262490.0</t>
  </si>
  <si>
    <t>232162.0</t>
  </si>
  <si>
    <t>431953.0</t>
  </si>
  <si>
    <t>1166.384</t>
  </si>
  <si>
    <t>451056.0</t>
  </si>
  <si>
    <t>264783.0</t>
  </si>
  <si>
    <t>238843.0</t>
  </si>
  <si>
    <t>1170.608</t>
  </si>
  <si>
    <t>451936.0</t>
  </si>
  <si>
    <t>264849.0</t>
  </si>
  <si>
    <t>239686.0</t>
  </si>
  <si>
    <t>434261.0</t>
  </si>
  <si>
    <t>1172.617</t>
  </si>
  <si>
    <t>435033.0</t>
  </si>
  <si>
    <t>1174.701</t>
  </si>
  <si>
    <t>-2.27</t>
  </si>
  <si>
    <t>436136.0</t>
  </si>
  <si>
    <t>1177.68</t>
  </si>
  <si>
    <t>437552.0</t>
  </si>
  <si>
    <t>1181.503</t>
  </si>
  <si>
    <t>439143.0</t>
  </si>
  <si>
    <t>1185.799</t>
  </si>
  <si>
    <t>4.296</t>
  </si>
  <si>
    <t>460812.0</t>
  </si>
  <si>
    <t>266949.0</t>
  </si>
  <si>
    <t>246678.0</t>
  </si>
  <si>
    <t>440764.0</t>
  </si>
  <si>
    <t>1190.176</t>
  </si>
  <si>
    <t>466434.0</t>
  </si>
  <si>
    <t>267154.0</t>
  </si>
  <si>
    <t>252152.0</t>
  </si>
  <si>
    <t>442706.0</t>
  </si>
  <si>
    <t>1195.42</t>
  </si>
  <si>
    <t>443878.0</t>
  </si>
  <si>
    <t>1198.585</t>
  </si>
  <si>
    <t>445050.0</t>
  </si>
  <si>
    <t>1201.75</t>
  </si>
  <si>
    <t>83.9360369854895</t>
  </si>
  <si>
    <t>447150.0</t>
  </si>
  <si>
    <t>1207.42</t>
  </si>
  <si>
    <t>5.671</t>
  </si>
  <si>
    <t>449581.0</t>
  </si>
  <si>
    <t>1213.985</t>
  </si>
  <si>
    <t>6.564</t>
  </si>
  <si>
    <t>452823.0</t>
  </si>
  <si>
    <t>1222.739</t>
  </si>
  <si>
    <t>5.276</t>
  </si>
  <si>
    <t>456408.0</t>
  </si>
  <si>
    <t>1232.419</t>
  </si>
  <si>
    <t>460372.0</t>
  </si>
  <si>
    <t>1243.123</t>
  </si>
  <si>
    <t>6.815</t>
  </si>
  <si>
    <t>468416.0</t>
  </si>
  <si>
    <t>267830.0</t>
  </si>
  <si>
    <t>463255.0</t>
  </si>
  <si>
    <t>1250.908</t>
  </si>
  <si>
    <t>465621.0</t>
  </si>
  <si>
    <t>1257.297</t>
  </si>
  <si>
    <t>6.389</t>
  </si>
  <si>
    <t>-5.47</t>
  </si>
  <si>
    <t>78.0363794337937</t>
  </si>
  <si>
    <t>469719.0</t>
  </si>
  <si>
    <t>1268.362</t>
  </si>
  <si>
    <t>11.066</t>
  </si>
  <si>
    <t>8.706</t>
  </si>
  <si>
    <t>475654.0</t>
  </si>
  <si>
    <t>1284.388</t>
  </si>
  <si>
    <t>10.058</t>
  </si>
  <si>
    <t>480467.0</t>
  </si>
  <si>
    <t>1297.385</t>
  </si>
  <si>
    <t>12.996</t>
  </si>
  <si>
    <t>484830.0</t>
  </si>
  <si>
    <t>1309.166</t>
  </si>
  <si>
    <t>11.781</t>
  </si>
  <si>
    <t>1320.399</t>
  </si>
  <si>
    <t>11.233</t>
  </si>
  <si>
    <t>470374.0</t>
  </si>
  <si>
    <t>269095.0</t>
  </si>
  <si>
    <t>254443.0</t>
  </si>
  <si>
    <t>491581.0</t>
  </si>
  <si>
    <t>1327.395</t>
  </si>
  <si>
    <t>10.928</t>
  </si>
  <si>
    <t>494233.0</t>
  </si>
  <si>
    <t>1334.557</t>
  </si>
  <si>
    <t>11.036</t>
  </si>
  <si>
    <t>104.853004668774</t>
  </si>
  <si>
    <t>496995.0</t>
  </si>
  <si>
    <t>1342.015</t>
  </si>
  <si>
    <t>7.458</t>
  </si>
  <si>
    <t>10.523</t>
  </si>
  <si>
    <t>500533.0</t>
  </si>
  <si>
    <t>1351.568</t>
  </si>
  <si>
    <t>9.554</t>
  </si>
  <si>
    <t>505421.0</t>
  </si>
  <si>
    <t>1364.767</t>
  </si>
  <si>
    <t>13.199</t>
  </si>
  <si>
    <t>472176.0</t>
  </si>
  <si>
    <t>254691.0</t>
  </si>
  <si>
    <t>509281.0</t>
  </si>
  <si>
    <t>1375.19</t>
  </si>
  <si>
    <t>513304.0</t>
  </si>
  <si>
    <t>1386.053</t>
  </si>
  <si>
    <t>477205.0</t>
  </si>
  <si>
    <t>275173.0</t>
  </si>
  <si>
    <t>515329.0</t>
  </si>
  <si>
    <t>1391.521</t>
  </si>
  <si>
    <t>518580.0</t>
  </si>
  <si>
    <t>1400.3</t>
  </si>
  <si>
    <t>9.391</t>
  </si>
  <si>
    <t>128.987967380257</t>
  </si>
  <si>
    <t>521966.0</t>
  </si>
  <si>
    <t>1409.443</t>
  </si>
  <si>
    <t>9.632</t>
  </si>
  <si>
    <t>525155.0</t>
  </si>
  <si>
    <t>1418.054</t>
  </si>
  <si>
    <t>8.611</t>
  </si>
  <si>
    <t>528566.0</t>
  </si>
  <si>
    <t>1427.265</t>
  </si>
  <si>
    <t>532041.0</t>
  </si>
  <si>
    <t>1436.648</t>
  </si>
  <si>
    <t>534830.0</t>
  </si>
  <si>
    <t>1444.179</t>
  </si>
  <si>
    <t>7.531</t>
  </si>
  <si>
    <t>537258.0</t>
  </si>
  <si>
    <t>1450.735</t>
  </si>
  <si>
    <t>539643.0</t>
  </si>
  <si>
    <t>1457.175</t>
  </si>
  <si>
    <t>148.295937549443</t>
  </si>
  <si>
    <t>542946.0</t>
  </si>
  <si>
    <t>1466.094</t>
  </si>
  <si>
    <t>8.919</t>
  </si>
  <si>
    <t>8.093</t>
  </si>
  <si>
    <t>546647.0</t>
  </si>
  <si>
    <t>1476.088</t>
  </si>
  <si>
    <t>549996.0</t>
  </si>
  <si>
    <t>1485.131</t>
  </si>
  <si>
    <t>553121.0</t>
  </si>
  <si>
    <t>1493.569</t>
  </si>
  <si>
    <t>8.438</t>
  </si>
  <si>
    <t>555739.0</t>
  </si>
  <si>
    <t>1500.639</t>
  </si>
  <si>
    <t>557728.0</t>
  </si>
  <si>
    <t>1506.009</t>
  </si>
  <si>
    <t>5.371</t>
  </si>
  <si>
    <t>559756.0</t>
  </si>
  <si>
    <t>1511.486</t>
  </si>
  <si>
    <t>5.476</t>
  </si>
  <si>
    <t>159.022587643435</t>
  </si>
  <si>
    <t>562915.0</t>
  </si>
  <si>
    <t>1520.016</t>
  </si>
  <si>
    <t>7.704</t>
  </si>
  <si>
    <t>565940.0</t>
  </si>
  <si>
    <t>1528.184</t>
  </si>
  <si>
    <t>7.442</t>
  </si>
  <si>
    <t>568689.0</t>
  </si>
  <si>
    <t>1535.607</t>
  </si>
  <si>
    <t>522977.0</t>
  </si>
  <si>
    <t>277766.0</t>
  </si>
  <si>
    <t>262924.0</t>
  </si>
  <si>
    <t>571327.0</t>
  </si>
  <si>
    <t>1542.73</t>
  </si>
  <si>
    <t>525123.0</t>
  </si>
  <si>
    <t>278928.0</t>
  </si>
  <si>
    <t>263354.0</t>
  </si>
  <si>
    <t>140.82</t>
  </si>
  <si>
    <t>573995.0</t>
  </si>
  <si>
    <t>1549.935</t>
  </si>
  <si>
    <t>7.204</t>
  </si>
  <si>
    <t>526545.0</t>
  </si>
  <si>
    <t>279121.0</t>
  </si>
  <si>
    <t>263531.0</t>
  </si>
  <si>
    <t>575767.0</t>
  </si>
  <si>
    <t>1554.719</t>
  </si>
  <si>
    <t>6.959</t>
  </si>
  <si>
    <t>577614.0</t>
  </si>
  <si>
    <t>1559.707</t>
  </si>
  <si>
    <t>6.888</t>
  </si>
  <si>
    <t>160.095252652835</t>
  </si>
  <si>
    <t>581275.0</t>
  </si>
  <si>
    <t>1569.592</t>
  </si>
  <si>
    <t>7.083</t>
  </si>
  <si>
    <t>584584.0</t>
  </si>
  <si>
    <t>1578.528</t>
  </si>
  <si>
    <t>527448.0</t>
  </si>
  <si>
    <t>279365.0</t>
  </si>
  <si>
    <t>263695.0</t>
  </si>
  <si>
    <t>141.44</t>
  </si>
  <si>
    <t>587685.0</t>
  </si>
  <si>
    <t>1586.901</t>
  </si>
  <si>
    <t>8.373</t>
  </si>
  <si>
    <t>527908.0</t>
  </si>
  <si>
    <t>263778.0</t>
  </si>
  <si>
    <t>141.57</t>
  </si>
  <si>
    <t>590521.0</t>
  </si>
  <si>
    <t>1594.559</t>
  </si>
  <si>
    <t>528743.0</t>
  </si>
  <si>
    <t>279665.0</t>
  </si>
  <si>
    <t>264204.0</t>
  </si>
  <si>
    <t>38962.0</t>
  </si>
  <si>
    <t>593146.0</t>
  </si>
  <si>
    <t>1601.647</t>
  </si>
  <si>
    <t>7.388</t>
  </si>
  <si>
    <t>530087.0</t>
  </si>
  <si>
    <t>279947.0</t>
  </si>
  <si>
    <t>264427.0</t>
  </si>
  <si>
    <t>39800.0</t>
  </si>
  <si>
    <t>24.135</t>
  </si>
  <si>
    <t>594769.0</t>
  </si>
  <si>
    <t>1606.03</t>
  </si>
  <si>
    <t>7.331</t>
  </si>
  <si>
    <t>596262.0</t>
  </si>
  <si>
    <t>1610.061</t>
  </si>
  <si>
    <t>157.949922634036</t>
  </si>
  <si>
    <t>598957.0</t>
  </si>
  <si>
    <t>1617.338</t>
  </si>
  <si>
    <t>601307.0</t>
  </si>
  <si>
    <t>1623.684</t>
  </si>
  <si>
    <t>6.346</t>
  </si>
  <si>
    <t>530746.0</t>
  </si>
  <si>
    <t>280122.0</t>
  </si>
  <si>
    <t>264629.0</t>
  </si>
  <si>
    <t>603315.0</t>
  </si>
  <si>
    <t>1629.106</t>
  </si>
  <si>
    <t>5.422</t>
  </si>
  <si>
    <t>605312.0</t>
  </si>
  <si>
    <t>1634.498</t>
  </si>
  <si>
    <t>533024.0</t>
  </si>
  <si>
    <t>280311.0</t>
  </si>
  <si>
    <t>265096.0</t>
  </si>
  <si>
    <t>606916.0</t>
  </si>
  <si>
    <t>1638.83</t>
  </si>
  <si>
    <t>5.311</t>
  </si>
  <si>
    <t>535408.0</t>
  </si>
  <si>
    <t>280486.0</t>
  </si>
  <si>
    <t>607938.0</t>
  </si>
  <si>
    <t>1641.589</t>
  </si>
  <si>
    <t>608976.0</t>
  </si>
  <si>
    <t>1644.392</t>
  </si>
  <si>
    <t>4.904</t>
  </si>
  <si>
    <t>165.458577699831</t>
  </si>
  <si>
    <t>610834.0</t>
  </si>
  <si>
    <t>1649.409</t>
  </si>
  <si>
    <t>612539.0</t>
  </si>
  <si>
    <t>1654.013</t>
  </si>
  <si>
    <t>539198.0</t>
  </si>
  <si>
    <t>280707.0</t>
  </si>
  <si>
    <t>269286.0</t>
  </si>
  <si>
    <t>43381.0</t>
  </si>
  <si>
    <t>144.59</t>
  </si>
  <si>
    <t>614283.0</t>
  </si>
  <si>
    <t>1658.723</t>
  </si>
  <si>
    <t>4.231</t>
  </si>
  <si>
    <t>542815.0</t>
  </si>
  <si>
    <t>280889.0</t>
  </si>
  <si>
    <t>272185.0</t>
  </si>
  <si>
    <t>43625.0</t>
  </si>
  <si>
    <t>616140.0</t>
  </si>
  <si>
    <t>1663.737</t>
  </si>
  <si>
    <t>545863.0</t>
  </si>
  <si>
    <t>281029.0</t>
  </si>
  <si>
    <t>273612.0</t>
  </si>
  <si>
    <t>617692.0</t>
  </si>
  <si>
    <t>1667.928</t>
  </si>
  <si>
    <t>547788.0</t>
  </si>
  <si>
    <t>281141.0</t>
  </si>
  <si>
    <t>274175.0</t>
  </si>
  <si>
    <t>618622.0</t>
  </si>
  <si>
    <t>1670.439</t>
  </si>
  <si>
    <t>619482.0</t>
  </si>
  <si>
    <t>1672.761</t>
  </si>
  <si>
    <t>164.385912690432</t>
  </si>
  <si>
    <t>621097.0</t>
  </si>
  <si>
    <t>1677.122</t>
  </si>
  <si>
    <t>622602.0</t>
  </si>
  <si>
    <t>1681.186</t>
  </si>
  <si>
    <t>548904.0</t>
  </si>
  <si>
    <t>281267.0</t>
  </si>
  <si>
    <t>274497.0</t>
  </si>
  <si>
    <t>47367.0</t>
  </si>
  <si>
    <t>624441.0</t>
  </si>
  <si>
    <t>1686.152</t>
  </si>
  <si>
    <t>626059.0</t>
  </si>
  <si>
    <t>1690.521</t>
  </si>
  <si>
    <t>551110.0</t>
  </si>
  <si>
    <t>281440.0</t>
  </si>
  <si>
    <t>275493.0</t>
  </si>
  <si>
    <t>48414.0</t>
  </si>
  <si>
    <t>627676.0</t>
  </si>
  <si>
    <t>1694.887</t>
  </si>
  <si>
    <t>628589.0</t>
  </si>
  <si>
    <t>1697.352</t>
  </si>
  <si>
    <t>629476.0</t>
  </si>
  <si>
    <t>1699.748</t>
  </si>
  <si>
    <t>-24.88</t>
  </si>
  <si>
    <t>135.960289941352</t>
  </si>
  <si>
    <t>631219.0</t>
  </si>
  <si>
    <t>1704.454</t>
  </si>
  <si>
    <t>632719.0</t>
  </si>
  <si>
    <t>1708.504</t>
  </si>
  <si>
    <t>1713.087</t>
  </si>
  <si>
    <t>635855.0</t>
  </si>
  <si>
    <t>1716.972</t>
  </si>
  <si>
    <t>554603.0</t>
  </si>
  <si>
    <t>281734.0</t>
  </si>
  <si>
    <t>276522.0</t>
  </si>
  <si>
    <t>637336.0</t>
  </si>
  <si>
    <t>1720.972</t>
  </si>
  <si>
    <t>638329.0</t>
  </si>
  <si>
    <t>1723.653</t>
  </si>
  <si>
    <t>639247.0</t>
  </si>
  <si>
    <t>1726.132</t>
  </si>
  <si>
    <t>-31.37</t>
  </si>
  <si>
    <t>93.0536895653829</t>
  </si>
  <si>
    <t>640846.0</t>
  </si>
  <si>
    <t>1730.449</t>
  </si>
  <si>
    <t>642685.0</t>
  </si>
  <si>
    <t>1735.415</t>
  </si>
  <si>
    <t>644436.0</t>
  </si>
  <si>
    <t>1740.143</t>
  </si>
  <si>
    <t>646420.0</t>
  </si>
  <si>
    <t>1745.501</t>
  </si>
  <si>
    <t>558483.0</t>
  </si>
  <si>
    <t>282036.0</t>
  </si>
  <si>
    <t>277210.0</t>
  </si>
  <si>
    <t>648009.0</t>
  </si>
  <si>
    <t>1749.791</t>
  </si>
  <si>
    <t>648733.0</t>
  </si>
  <si>
    <t>1751.746</t>
  </si>
  <si>
    <t>649418.0</t>
  </si>
  <si>
    <t>1753.596</t>
  </si>
  <si>
    <t>89.2993620324856</t>
  </si>
  <si>
    <t>651433.0</t>
  </si>
  <si>
    <t>1759.037</t>
  </si>
  <si>
    <t>652741.0</t>
  </si>
  <si>
    <t>1762.569</t>
  </si>
  <si>
    <t>654130.0</t>
  </si>
  <si>
    <t>1766.32</t>
  </si>
  <si>
    <t>655508.0</t>
  </si>
  <si>
    <t>1770.041</t>
  </si>
  <si>
    <t>562426.0</t>
  </si>
  <si>
    <t>277837.0</t>
  </si>
  <si>
    <t>656993.0</t>
  </si>
  <si>
    <t>1774.051</t>
  </si>
  <si>
    <t>657856.0</t>
  </si>
  <si>
    <t>1776.381</t>
  </si>
  <si>
    <t>658581.0</t>
  </si>
  <si>
    <t>1778.339</t>
  </si>
  <si>
    <t>660494.0</t>
  </si>
  <si>
    <t>1783.504</t>
  </si>
  <si>
    <t>662097.0</t>
  </si>
  <si>
    <t>1787.833</t>
  </si>
  <si>
    <t>663548.0</t>
  </si>
  <si>
    <t>1791.751</t>
  </si>
  <si>
    <t>664946.0</t>
  </si>
  <si>
    <t>1795.526</t>
  </si>
  <si>
    <t>567789.0</t>
  </si>
  <si>
    <t>282644.0</t>
  </si>
  <si>
    <t>278276.0</t>
  </si>
  <si>
    <t>61321.0</t>
  </si>
  <si>
    <t>666349.0</t>
  </si>
  <si>
    <t>1799.314</t>
  </si>
  <si>
    <t>667596.0</t>
  </si>
  <si>
    <t>1802.681</t>
  </si>
  <si>
    <t>668489.0</t>
  </si>
  <si>
    <t>1805.093</t>
  </si>
  <si>
    <t>-28.24</t>
  </si>
  <si>
    <t>55.51041423641</t>
  </si>
  <si>
    <t>669862.0</t>
  </si>
  <si>
    <t>1808.8</t>
  </si>
  <si>
    <t>671817.0</t>
  </si>
  <si>
    <t>1814.079</t>
  </si>
  <si>
    <t>674108.0</t>
  </si>
  <si>
    <t>1820.265</t>
  </si>
  <si>
    <t>676094.0</t>
  </si>
  <si>
    <t>1825.628</t>
  </si>
  <si>
    <t>570788.0</t>
  </si>
  <si>
    <t>282927.0</t>
  </si>
  <si>
    <t>278667.0</t>
  </si>
  <si>
    <t>63685.0</t>
  </si>
  <si>
    <t>678193.0</t>
  </si>
  <si>
    <t>1831.296</t>
  </si>
  <si>
    <t>679488.0</t>
  </si>
  <si>
    <t>1834.793</t>
  </si>
  <si>
    <t>4.588</t>
  </si>
  <si>
    <t>680471.0</t>
  </si>
  <si>
    <t>1837.447</t>
  </si>
  <si>
    <t>-17.02</t>
  </si>
  <si>
    <t>34.0571140484254</t>
  </si>
  <si>
    <t>682693.0</t>
  </si>
  <si>
    <t>1843.447</t>
  </si>
  <si>
    <t>684794.0</t>
  </si>
  <si>
    <t>1849.12</t>
  </si>
  <si>
    <t>687083.0</t>
  </si>
  <si>
    <t>1855.301</t>
  </si>
  <si>
    <t>689462.0</t>
  </si>
  <si>
    <t>1861.725</t>
  </si>
  <si>
    <t>574658.0</t>
  </si>
  <si>
    <t>283301.0</t>
  </si>
  <si>
    <t>279044.0</t>
  </si>
  <si>
    <t>66842.0</t>
  </si>
  <si>
    <t>692249.0</t>
  </si>
  <si>
    <t>1869.251</t>
  </si>
  <si>
    <t>694446.0</t>
  </si>
  <si>
    <t>1875.183</t>
  </si>
  <si>
    <t>696383.0</t>
  </si>
  <si>
    <t>1880.414</t>
  </si>
  <si>
    <t>6.138</t>
  </si>
  <si>
    <t>54.4377492270107</t>
  </si>
  <si>
    <t>699649.0</t>
  </si>
  <si>
    <t>1889.233</t>
  </si>
  <si>
    <t>8.819</t>
  </si>
  <si>
    <t>703144.0</t>
  </si>
  <si>
    <t>1898.67</t>
  </si>
  <si>
    <t>706136.0</t>
  </si>
  <si>
    <t>1906.749</t>
  </si>
  <si>
    <t>8.079</t>
  </si>
  <si>
    <t>709014.0</t>
  </si>
  <si>
    <t>1914.521</t>
  </si>
  <si>
    <t>7.542</t>
  </si>
  <si>
    <t>581809.0</t>
  </si>
  <si>
    <t>283668.0</t>
  </si>
  <si>
    <t>279541.0</t>
  </si>
  <si>
    <t>711824.0</t>
  </si>
  <si>
    <t>1922.108</t>
  </si>
  <si>
    <t>713954.0</t>
  </si>
  <si>
    <t>1927.86</t>
  </si>
  <si>
    <t>715989.0</t>
  </si>
  <si>
    <t>1933.355</t>
  </si>
  <si>
    <t>7.563</t>
  </si>
  <si>
    <t>104.316672164075</t>
  </si>
  <si>
    <t>719171.0</t>
  </si>
  <si>
    <t>1941.947</t>
  </si>
  <si>
    <t>8.592</t>
  </si>
  <si>
    <t>722488.0</t>
  </si>
  <si>
    <t>1950.904</t>
  </si>
  <si>
    <t>589756.0</t>
  </si>
  <si>
    <t>284147.0</t>
  </si>
  <si>
    <t>279780.0</t>
  </si>
  <si>
    <t>80470.0</t>
  </si>
  <si>
    <t>725519.0</t>
  </si>
  <si>
    <t>1959.088</t>
  </si>
  <si>
    <t>728060.0</t>
  </si>
  <si>
    <t>1965.95</t>
  </si>
  <si>
    <t>7.347</t>
  </si>
  <si>
    <t>608236.0</t>
  </si>
  <si>
    <t>284528.0</t>
  </si>
  <si>
    <t>280052.0</t>
  </si>
  <si>
    <t>98921.0</t>
  </si>
  <si>
    <t>730395.0</t>
  </si>
  <si>
    <t>1972.255</t>
  </si>
  <si>
    <t>6.305</t>
  </si>
  <si>
    <t>731993.0</t>
  </si>
  <si>
    <t>1976.57</t>
  </si>
  <si>
    <t>733654.0</t>
  </si>
  <si>
    <t>1981.055</t>
  </si>
  <si>
    <t>-14.58</t>
  </si>
  <si>
    <t>85.5450344995883</t>
  </si>
  <si>
    <t>736979.0</t>
  </si>
  <si>
    <t>1990.033</t>
  </si>
  <si>
    <t>6.869</t>
  </si>
  <si>
    <t>739313.0</t>
  </si>
  <si>
    <t>1996.336</t>
  </si>
  <si>
    <t>6.302</t>
  </si>
  <si>
    <t>621821.0</t>
  </si>
  <si>
    <t>284996.0</t>
  </si>
  <si>
    <t>280441.0</t>
  </si>
  <si>
    <t>111402.0</t>
  </si>
  <si>
    <t>166.75</t>
  </si>
  <si>
    <t>741825.0</t>
  </si>
  <si>
    <t>2003.119</t>
  </si>
  <si>
    <t>743883.0</t>
  </si>
  <si>
    <t>2008.676</t>
  </si>
  <si>
    <t>6.103</t>
  </si>
  <si>
    <t>637380.0</t>
  </si>
  <si>
    <t>285289.0</t>
  </si>
  <si>
    <t>280766.0</t>
  </si>
  <si>
    <t>126480.0</t>
  </si>
  <si>
    <t>745724.0</t>
  </si>
  <si>
    <t>2013.647</t>
  </si>
  <si>
    <t>747070.0</t>
  </si>
  <si>
    <t>2017.282</t>
  </si>
  <si>
    <t>21.692</t>
  </si>
  <si>
    <t>748682.0</t>
  </si>
  <si>
    <t>2021.634</t>
  </si>
  <si>
    <t>79.6453769478926</t>
  </si>
  <si>
    <t>750854.0</t>
  </si>
  <si>
    <t>2027.499</t>
  </si>
  <si>
    <t>752856.0</t>
  </si>
  <si>
    <t>2032.905</t>
  </si>
  <si>
    <t>5.406</t>
  </si>
  <si>
    <t>648600.0</t>
  </si>
  <si>
    <t>285721.0</t>
  </si>
  <si>
    <t>281192.0</t>
  </si>
  <si>
    <t>136991.0</t>
  </si>
  <si>
    <t>173.93</t>
  </si>
  <si>
    <t>754988.0</t>
  </si>
  <si>
    <t>2038.662</t>
  </si>
  <si>
    <t>756842.0</t>
  </si>
  <si>
    <t>2043.669</t>
  </si>
  <si>
    <t>665013.0</t>
  </si>
  <si>
    <t>281402.0</t>
  </si>
  <si>
    <t>153073.0</t>
  </si>
  <si>
    <t>758795.0</t>
  </si>
  <si>
    <t>2048.942</t>
  </si>
  <si>
    <t>5.274</t>
  </si>
  <si>
    <t>760398.0</t>
  </si>
  <si>
    <t>2053.271</t>
  </si>
  <si>
    <t>761850.0</t>
  </si>
  <si>
    <t>2057.191</t>
  </si>
  <si>
    <t>764490.0</t>
  </si>
  <si>
    <t>2064.32</t>
  </si>
  <si>
    <t>766938.0</t>
  </si>
  <si>
    <t>2070.93</t>
  </si>
  <si>
    <t>673617.0</t>
  </si>
  <si>
    <t>286323.0</t>
  </si>
  <si>
    <t>281841.0</t>
  </si>
  <si>
    <t>160994.0</t>
  </si>
  <si>
    <t>769448.0</t>
  </si>
  <si>
    <t>2077.708</t>
  </si>
  <si>
    <t>771885.0</t>
  </si>
  <si>
    <t>2084.289</t>
  </si>
  <si>
    <t>5.803</t>
  </si>
  <si>
    <t>689243.0</t>
  </si>
  <si>
    <t>286650.0</t>
  </si>
  <si>
    <t>282199.0</t>
  </si>
  <si>
    <t>176055.0</t>
  </si>
  <si>
    <t>773888.0</t>
  </si>
  <si>
    <t>2089.697</t>
  </si>
  <si>
    <t>5.822</t>
  </si>
  <si>
    <t>775537.0</t>
  </si>
  <si>
    <t>2094.15</t>
  </si>
  <si>
    <t>777270.0</t>
  </si>
  <si>
    <t>2098.829</t>
  </si>
  <si>
    <t>5.949</t>
  </si>
  <si>
    <t>82.8633719760903</t>
  </si>
  <si>
    <t>779953.0</t>
  </si>
  <si>
    <t>2106.074</t>
  </si>
  <si>
    <t>5.965</t>
  </si>
  <si>
    <t>782370.0</t>
  </si>
  <si>
    <t>2112.601</t>
  </si>
  <si>
    <t>699204.0</t>
  </si>
  <si>
    <t>287025.0</t>
  </si>
  <si>
    <t>282724.0</t>
  </si>
  <si>
    <t>185239.0</t>
  </si>
  <si>
    <t>785166.0</t>
  </si>
  <si>
    <t>2120.151</t>
  </si>
  <si>
    <t>788022.0</t>
  </si>
  <si>
    <t>2127.863</t>
  </si>
  <si>
    <t>704015.0</t>
  </si>
  <si>
    <t>287229.0</t>
  </si>
  <si>
    <t>282962.0</t>
  </si>
  <si>
    <t>790373.0</t>
  </si>
  <si>
    <t>2134.211</t>
  </si>
  <si>
    <t>6.348</t>
  </si>
  <si>
    <t>6.359</t>
  </si>
  <si>
    <t>792432.0</t>
  </si>
  <si>
    <t>2139.771</t>
  </si>
  <si>
    <t>794769.0</t>
  </si>
  <si>
    <t>2146.081</t>
  </si>
  <si>
    <t>130.596964894356</t>
  </si>
  <si>
    <t>798214.0</t>
  </si>
  <si>
    <t>2155.384</t>
  </si>
  <si>
    <t>9.302</t>
  </si>
  <si>
    <t>7.045</t>
  </si>
  <si>
    <t>801266.0</t>
  </si>
  <si>
    <t>2163.625</t>
  </si>
  <si>
    <t>8.241</t>
  </si>
  <si>
    <t>7.288</t>
  </si>
  <si>
    <t>710165.0</t>
  </si>
  <si>
    <t>287560.0</t>
  </si>
  <si>
    <t>283344.0</t>
  </si>
  <si>
    <t>195162.0</t>
  </si>
  <si>
    <t>190.44</t>
  </si>
  <si>
    <t>805351.0</t>
  </si>
  <si>
    <t>2174.655</t>
  </si>
  <si>
    <t>808421.0</t>
  </si>
  <si>
    <t>2182.945</t>
  </si>
  <si>
    <t>714337.0</t>
  </si>
  <si>
    <t>287813.0</t>
  </si>
  <si>
    <t>283640.0</t>
  </si>
  <si>
    <t>198846.0</t>
  </si>
  <si>
    <t>811761.0</t>
  </si>
  <si>
    <t>2191.964</t>
  </si>
  <si>
    <t>9.019</t>
  </si>
  <si>
    <t>814106.0</t>
  </si>
  <si>
    <t>2198.296</t>
  </si>
  <si>
    <t>6.332</t>
  </si>
  <si>
    <t>817360.0</t>
  </si>
  <si>
    <t>2207.083</t>
  </si>
  <si>
    <t>8.787</t>
  </si>
  <si>
    <t>139.17828496955</t>
  </si>
  <si>
    <t>821989.0</t>
  </si>
  <si>
    <t>2219.582</t>
  </si>
  <si>
    <t>12.499</t>
  </si>
  <si>
    <t>826355.0</t>
  </si>
  <si>
    <t>2231.372</t>
  </si>
  <si>
    <t>11.789</t>
  </si>
  <si>
    <t>9.678</t>
  </si>
  <si>
    <t>715062.0</t>
  </si>
  <si>
    <t>287971.0</t>
  </si>
  <si>
    <t>283740.0</t>
  </si>
  <si>
    <t>199406.0</t>
  </si>
  <si>
    <t>191.76</t>
  </si>
  <si>
    <t>2244.965</t>
  </si>
  <si>
    <t>13.593</t>
  </si>
  <si>
    <t>840938.0</t>
  </si>
  <si>
    <t>2270.749</t>
  </si>
  <si>
    <t>25.785</t>
  </si>
  <si>
    <t>716926.0</t>
  </si>
  <si>
    <t>288241.0</t>
  </si>
  <si>
    <t>283920.0</t>
  </si>
  <si>
    <t>200913.0</t>
  </si>
  <si>
    <t>192.26</t>
  </si>
  <si>
    <t>846941.0</t>
  </si>
  <si>
    <t>2286.959</t>
  </si>
  <si>
    <t>13.571</t>
  </si>
  <si>
    <t>849334.0</t>
  </si>
  <si>
    <t>2293.421</t>
  </si>
  <si>
    <t>6.462</t>
  </si>
  <si>
    <t>854253.0</t>
  </si>
  <si>
    <t>2306.703</t>
  </si>
  <si>
    <t>13.283</t>
  </si>
  <si>
    <t>171.358235251527</t>
  </si>
  <si>
    <t>860691.0</t>
  </si>
  <si>
    <t>2324.088</t>
  </si>
  <si>
    <t>866485.0</t>
  </si>
  <si>
    <t>2339.733</t>
  </si>
  <si>
    <t>15.645</t>
  </si>
  <si>
    <t>15.481</t>
  </si>
  <si>
    <t>718540.0</t>
  </si>
  <si>
    <t>288415.0</t>
  </si>
  <si>
    <t>284101.0</t>
  </si>
  <si>
    <t>202181.0</t>
  </si>
  <si>
    <t>192.69</t>
  </si>
  <si>
    <t>873068.0</t>
  </si>
  <si>
    <t>2357.509</t>
  </si>
  <si>
    <t>16.077</t>
  </si>
  <si>
    <t>879820.0</t>
  </si>
  <si>
    <t>2375.741</t>
  </si>
  <si>
    <t>721464.0</t>
  </si>
  <si>
    <t>289118.0</t>
  </si>
  <si>
    <t>284335.0</t>
  </si>
  <si>
    <t>204735.0</t>
  </si>
  <si>
    <t>193.47</t>
  </si>
  <si>
    <t>886492.0</t>
  </si>
  <si>
    <t>2393.757</t>
  </si>
  <si>
    <t>15.256</t>
  </si>
  <si>
    <t>891225.0</t>
  </si>
  <si>
    <t>2406.537</t>
  </si>
  <si>
    <t>16.158</t>
  </si>
  <si>
    <t>897345.0</t>
  </si>
  <si>
    <t>2423.063</t>
  </si>
  <si>
    <t>16.526</t>
  </si>
  <si>
    <t>182.084885345519</t>
  </si>
  <si>
    <t>904136.0</t>
  </si>
  <si>
    <t>2441.4</t>
  </si>
  <si>
    <t>18.337</t>
  </si>
  <si>
    <t>16.758</t>
  </si>
  <si>
    <t>910546.0</t>
  </si>
  <si>
    <t>2458.709</t>
  </si>
  <si>
    <t>17.309</t>
  </si>
  <si>
    <t>727886.0</t>
  </si>
  <si>
    <t>284827.0</t>
  </si>
  <si>
    <t>210230.0</t>
  </si>
  <si>
    <t>917911.0</t>
  </si>
  <si>
    <t>2478.596</t>
  </si>
  <si>
    <t>923864.0</t>
  </si>
  <si>
    <t>2494.671</t>
  </si>
  <si>
    <t>16.075</t>
  </si>
  <si>
    <t>742545.0</t>
  </si>
  <si>
    <t>298878.0</t>
  </si>
  <si>
    <t>285125.0</t>
  </si>
  <si>
    <t>214749.0</t>
  </si>
  <si>
    <t>930419.0</t>
  </si>
  <si>
    <t>2512.371</t>
  </si>
  <si>
    <t>936764.0</t>
  </si>
  <si>
    <t>2529.504</t>
  </si>
  <si>
    <t>17.133</t>
  </si>
  <si>
    <t>17.568</t>
  </si>
  <si>
    <t>943051.0</t>
  </si>
  <si>
    <t>2546.481</t>
  </si>
  <si>
    <t>195.493197963009</t>
  </si>
  <si>
    <t>951047.0</t>
  </si>
  <si>
    <t>2568.072</t>
  </si>
  <si>
    <t>21.591</t>
  </si>
  <si>
    <t>18.097</t>
  </si>
  <si>
    <t>959030.0</t>
  </si>
  <si>
    <t>2589.628</t>
  </si>
  <si>
    <t>18.702</t>
  </si>
  <si>
    <t>753008.0</t>
  </si>
  <si>
    <t>304600.0</t>
  </si>
  <si>
    <t>285452.0</t>
  </si>
  <si>
    <t>219222.0</t>
  </si>
  <si>
    <t>967013.0</t>
  </si>
  <si>
    <t>2611.184</t>
  </si>
  <si>
    <t>18.942</t>
  </si>
  <si>
    <t>974201.0</t>
  </si>
  <si>
    <t>2630.594</t>
  </si>
  <si>
    <t>19.409</t>
  </si>
  <si>
    <t>19.418</t>
  </si>
  <si>
    <t>760737.0</t>
  </si>
  <si>
    <t>305935.0</t>
  </si>
  <si>
    <t>285667.0</t>
  </si>
  <si>
    <t>225389.0</t>
  </si>
  <si>
    <t>980815.0</t>
  </si>
  <si>
    <t>2648.453</t>
  </si>
  <si>
    <t>19.439</t>
  </si>
  <si>
    <t>987419.0</t>
  </si>
  <si>
    <t>2666.286</t>
  </si>
  <si>
    <t>17.833</t>
  </si>
  <si>
    <t>2683.905</t>
  </si>
  <si>
    <t>19.631</t>
  </si>
  <si>
    <t>244.835788395374</t>
  </si>
  <si>
    <t>1001977.0</t>
  </si>
  <si>
    <t>2705.596</t>
  </si>
  <si>
    <t>1009872.0</t>
  </si>
  <si>
    <t>2726.915</t>
  </si>
  <si>
    <t>21.319</t>
  </si>
  <si>
    <t>19.612</t>
  </si>
  <si>
    <t>768450.0</t>
  </si>
  <si>
    <t>307095.0</t>
  </si>
  <si>
    <t>285974.0</t>
  </si>
  <si>
    <t>231769.0</t>
  </si>
  <si>
    <t>1017206.0</t>
  </si>
  <si>
    <t>2746.719</t>
  </si>
  <si>
    <t>19.361</t>
  </si>
  <si>
    <t>1022532.0</t>
  </si>
  <si>
    <t>2761.1</t>
  </si>
  <si>
    <t>14.382</t>
  </si>
  <si>
    <t>18.643</t>
  </si>
  <si>
    <t>1027173.0</t>
  </si>
  <si>
    <t>2773.632</t>
  </si>
  <si>
    <t>12.532</t>
  </si>
  <si>
    <t>775708.0</t>
  </si>
  <si>
    <t>307594.0</t>
  </si>
  <si>
    <t>286246.0</t>
  </si>
  <si>
    <t>237999.0</t>
  </si>
  <si>
    <t>208.02</t>
  </si>
  <si>
    <t>1030367.0</t>
  </si>
  <si>
    <t>2782.257</t>
  </si>
  <si>
    <t>8.625</t>
  </si>
  <si>
    <t>16.566</t>
  </si>
  <si>
    <t>1033308.0</t>
  </si>
  <si>
    <t>2790.198</t>
  </si>
  <si>
    <t>15.184</t>
  </si>
  <si>
    <t>-8.3</t>
  </si>
  <si>
    <t>234.645470806081</t>
  </si>
  <si>
    <t>1038193.0</t>
  </si>
  <si>
    <t>2803.389</t>
  </si>
  <si>
    <t>13.971</t>
  </si>
  <si>
    <t>1042873.0</t>
  </si>
  <si>
    <t>2816.026</t>
  </si>
  <si>
    <t>12.637</t>
  </si>
  <si>
    <t>781536.0</t>
  </si>
  <si>
    <t>307884.0</t>
  </si>
  <si>
    <t>241655.0</t>
  </si>
  <si>
    <t>209.58</t>
  </si>
  <si>
    <t>1047943.0</t>
  </si>
  <si>
    <t>2829.716</t>
  </si>
  <si>
    <t>1052208.0</t>
  </si>
  <si>
    <t>2841.233</t>
  </si>
  <si>
    <t>11.446</t>
  </si>
  <si>
    <t>788853.0</t>
  </si>
  <si>
    <t>308315.0</t>
  </si>
  <si>
    <t>243011.0</t>
  </si>
  <si>
    <t>211.54</t>
  </si>
  <si>
    <t>1057912.0</t>
  </si>
  <si>
    <t>2856.635</t>
  </si>
  <si>
    <t>1062166.0</t>
  </si>
  <si>
    <t>2868.122</t>
  </si>
  <si>
    <t>12.267</t>
  </si>
  <si>
    <t>1066125.0</t>
  </si>
  <si>
    <t>2878.812</t>
  </si>
  <si>
    <t>12.659</t>
  </si>
  <si>
    <t>240.545128357777</t>
  </si>
  <si>
    <t>1069601.0</t>
  </si>
  <si>
    <t>2888.199</t>
  </si>
  <si>
    <t>1075601.0</t>
  </si>
  <si>
    <t>2904.4</t>
  </si>
  <si>
    <t>795015.0</t>
  </si>
  <si>
    <t>308919.0</t>
  </si>
  <si>
    <t>286252.0</t>
  </si>
  <si>
    <t>244668.0</t>
  </si>
  <si>
    <t>1081081.0</t>
  </si>
  <si>
    <t>2919.197</t>
  </si>
  <si>
    <t>1085881.0</t>
  </si>
  <si>
    <t>2932.159</t>
  </si>
  <si>
    <t>12.961</t>
  </si>
  <si>
    <t>1091386.0</t>
  </si>
  <si>
    <t>2947.024</t>
  </si>
  <si>
    <t>14.865</t>
  </si>
  <si>
    <t>12.913</t>
  </si>
  <si>
    <t>798254.0</t>
  </si>
  <si>
    <t>309109.0</t>
  </si>
  <si>
    <t>287831.0</t>
  </si>
  <si>
    <t>246234.0</t>
  </si>
  <si>
    <t>1096520.0</t>
  </si>
  <si>
    <t>2960.887</t>
  </si>
  <si>
    <t>1100459.0</t>
  </si>
  <si>
    <t>2971.523</t>
  </si>
  <si>
    <t>1103987.0</t>
  </si>
  <si>
    <t>2981.05</t>
  </si>
  <si>
    <t>1108828.0</t>
  </si>
  <si>
    <t>2994.122</t>
  </si>
  <si>
    <t>13.072</t>
  </si>
  <si>
    <t>12.818</t>
  </si>
  <si>
    <t>798884.0</t>
  </si>
  <si>
    <t>309168.0</t>
  </si>
  <si>
    <t>288150.0</t>
  </si>
  <si>
    <t>246524.0</t>
  </si>
  <si>
    <t>1114233.0</t>
  </si>
  <si>
    <t>3008.716</t>
  </si>
  <si>
    <t>12.788</t>
  </si>
  <si>
    <t>1118954.0</t>
  </si>
  <si>
    <t>3021.464</t>
  </si>
  <si>
    <t>1124319.0</t>
  </si>
  <si>
    <t>3035.951</t>
  </si>
  <si>
    <t>12.705</t>
  </si>
  <si>
    <t>1128388.0</t>
  </si>
  <si>
    <t>3046.939</t>
  </si>
  <si>
    <t>10.987</t>
  </si>
  <si>
    <t>1132705.0</t>
  </si>
  <si>
    <t>3058.596</t>
  </si>
  <si>
    <t>258.244101012864</t>
  </si>
  <si>
    <t>128.72</t>
  </si>
  <si>
    <t>1137566.0</t>
  </si>
  <si>
    <t>3071.722</t>
  </si>
  <si>
    <t>11.085</t>
  </si>
  <si>
    <t>801420.0</t>
  </si>
  <si>
    <t>309374.0</t>
  </si>
  <si>
    <t>289020.0</t>
  </si>
  <si>
    <t>247947.0</t>
  </si>
  <si>
    <t>1143334.0</t>
  </si>
  <si>
    <t>3087.297</t>
  </si>
  <si>
    <t>1149217.0</t>
  </si>
  <si>
    <t>3103.182</t>
  </si>
  <si>
    <t>15.886</t>
  </si>
  <si>
    <t>11.673</t>
  </si>
  <si>
    <t>1158999.0</t>
  </si>
  <si>
    <t>3129.596</t>
  </si>
  <si>
    <t>13.377</t>
  </si>
  <si>
    <t>1164524.0</t>
  </si>
  <si>
    <t>3144.515</t>
  </si>
  <si>
    <t>14.919</t>
  </si>
  <si>
    <t>1168203.0</t>
  </si>
  <si>
    <t>3154.449</t>
  </si>
  <si>
    <t>13.693</t>
  </si>
  <si>
    <t>318.84967404392</t>
  </si>
  <si>
    <t>1174483.0</t>
  </si>
  <si>
    <t>3171.407</t>
  </si>
  <si>
    <t>15.178</t>
  </si>
  <si>
    <t>1180112.0</t>
  </si>
  <si>
    <t>3186.607</t>
  </si>
  <si>
    <t>16.412</t>
  </si>
  <si>
    <t>803609.0</t>
  </si>
  <si>
    <t>309518.0</t>
  </si>
  <si>
    <t>289482.0</t>
  </si>
  <si>
    <t>249605.0</t>
  </si>
  <si>
    <t>1185391.0</t>
  </si>
  <si>
    <t>3200.861</t>
  </si>
  <si>
    <t>1191372.0</t>
  </si>
  <si>
    <t>3217.012</t>
  </si>
  <si>
    <t>16.261</t>
  </si>
  <si>
    <t>1196838.0</t>
  </si>
  <si>
    <t>3231.771</t>
  </si>
  <si>
    <t>1200596.0</t>
  </si>
  <si>
    <t>3241.919</t>
  </si>
  <si>
    <t>13.914</t>
  </si>
  <si>
    <t>1204610.0</t>
  </si>
  <si>
    <t>3252.758</t>
  </si>
  <si>
    <t>407.880869824056</t>
  </si>
  <si>
    <t>1212107.0</t>
  </si>
  <si>
    <t>3273.001</t>
  </si>
  <si>
    <t>20.244</t>
  </si>
  <si>
    <t>14.514</t>
  </si>
  <si>
    <t>1217987.0</t>
  </si>
  <si>
    <t>3288.879</t>
  </si>
  <si>
    <t>15.878</t>
  </si>
  <si>
    <t>14.611</t>
  </si>
  <si>
    <t>804106.0</t>
  </si>
  <si>
    <t>309578.0</t>
  </si>
  <si>
    <t>289700.0</t>
  </si>
  <si>
    <t>249832.0</t>
  </si>
  <si>
    <t>215.63</t>
  </si>
  <si>
    <t>1223503.0</t>
  </si>
  <si>
    <t>3303.774</t>
  </si>
  <si>
    <t>1229170.0</t>
  </si>
  <si>
    <t>3319.076</t>
  </si>
  <si>
    <t>15.302</t>
  </si>
  <si>
    <t>14.581</t>
  </si>
  <si>
    <t>1233980.0</t>
  </si>
  <si>
    <t>3332.064</t>
  </si>
  <si>
    <t>1237055.0</t>
  </si>
  <si>
    <t>3340.368</t>
  </si>
  <si>
    <t>14.063</t>
  </si>
  <si>
    <t>1240213.0</t>
  </si>
  <si>
    <t>3348.895</t>
  </si>
  <si>
    <t>478.676760444405</t>
  </si>
  <si>
    <t>1245000.0</t>
  </si>
  <si>
    <t>3361.821</t>
  </si>
  <si>
    <t>1249495.0</t>
  </si>
  <si>
    <t>3373.959</t>
  </si>
  <si>
    <t>12.138</t>
  </si>
  <si>
    <t>804593.0</t>
  </si>
  <si>
    <t>309646.0</t>
  </si>
  <si>
    <t>289886.0</t>
  </si>
  <si>
    <t>250084.0</t>
  </si>
  <si>
    <t>1253768.0</t>
  </si>
  <si>
    <t>3385.497</t>
  </si>
  <si>
    <t>1257955.0</t>
  </si>
  <si>
    <t>3396.803</t>
  </si>
  <si>
    <t>11.306</t>
  </si>
  <si>
    <t>11.103</t>
  </si>
  <si>
    <t>1262409.0</t>
  </si>
  <si>
    <t>3408.83</t>
  </si>
  <si>
    <t>1264907.0</t>
  </si>
  <si>
    <t>3415.575</t>
  </si>
  <si>
    <t>1267409.0</t>
  </si>
  <si>
    <t>3422.331</t>
  </si>
  <si>
    <t>10.491</t>
  </si>
  <si>
    <t>533.919008428465</t>
  </si>
  <si>
    <t>1271449.0</t>
  </si>
  <si>
    <t>3433.24</t>
  </si>
  <si>
    <t>10.909</t>
  </si>
  <si>
    <t>1274565.0</t>
  </si>
  <si>
    <t>3441.654</t>
  </si>
  <si>
    <t>8.414</t>
  </si>
  <si>
    <t>805039.0</t>
  </si>
  <si>
    <t>309702.0</t>
  </si>
  <si>
    <t>290040.0</t>
  </si>
  <si>
    <t>250325.0</t>
  </si>
  <si>
    <t>1277503.0</t>
  </si>
  <si>
    <t>3449.588</t>
  </si>
  <si>
    <t>7.933</t>
  </si>
  <si>
    <t>9.157</t>
  </si>
  <si>
    <t>1280062.0</t>
  </si>
  <si>
    <t>3456.497</t>
  </si>
  <si>
    <t>1282506.0</t>
  </si>
  <si>
    <t>3463.097</t>
  </si>
  <si>
    <t>7.752</t>
  </si>
  <si>
    <t>1284373.0</t>
  </si>
  <si>
    <t>3468.138</t>
  </si>
  <si>
    <t>1286302.0</t>
  </si>
  <si>
    <t>3473.347</t>
  </si>
  <si>
    <t>214.3</t>
  </si>
  <si>
    <t>574.680278785636</t>
  </si>
  <si>
    <t>1288635.0</t>
  </si>
  <si>
    <t>3479.647</t>
  </si>
  <si>
    <t>1290441.0</t>
  </si>
  <si>
    <t>3484.523</t>
  </si>
  <si>
    <t>4.877</t>
  </si>
  <si>
    <t>805469.0</t>
  </si>
  <si>
    <t>309770.0</t>
  </si>
  <si>
    <t>290193.0</t>
  </si>
  <si>
    <t>250542.0</t>
  </si>
  <si>
    <t>1292388.0</t>
  </si>
  <si>
    <t>3489.781</t>
  </si>
  <si>
    <t>1294555.0</t>
  </si>
  <si>
    <t>3495.632</t>
  </si>
  <si>
    <t>1295720.0</t>
  </si>
  <si>
    <t>3498.778</t>
  </si>
  <si>
    <t>5.098</t>
  </si>
  <si>
    <t>1296744.0</t>
  </si>
  <si>
    <t>3501.543</t>
  </si>
  <si>
    <t>1297631.0</t>
  </si>
  <si>
    <t>3503.938</t>
  </si>
  <si>
    <t>624.5592017227</t>
  </si>
  <si>
    <t>1299057.0</t>
  </si>
  <si>
    <t>3507.789</t>
  </si>
  <si>
    <t>1300083.0</t>
  </si>
  <si>
    <t>3510.559</t>
  </si>
  <si>
    <t>1301399.0</t>
  </si>
  <si>
    <t>3514.113</t>
  </si>
  <si>
    <t>1302694.0</t>
  </si>
  <si>
    <t>3517.61</t>
  </si>
  <si>
    <t>1303936.0</t>
  </si>
  <si>
    <t>3520.963</t>
  </si>
  <si>
    <t>1305014.0</t>
  </si>
  <si>
    <t>3523.874</t>
  </si>
  <si>
    <t>1305928.0</t>
  </si>
  <si>
    <t>3526.342</t>
  </si>
  <si>
    <t>655.130154490578</t>
  </si>
  <si>
    <t>1306976.0</t>
  </si>
  <si>
    <t>3529.172</t>
  </si>
  <si>
    <t>1308322.0</t>
  </si>
  <si>
    <t>3532.807</t>
  </si>
  <si>
    <t>1309442.0</t>
  </si>
  <si>
    <t>3535.831</t>
  </si>
  <si>
    <t>1310247.0</t>
  </si>
  <si>
    <t>3538.005</t>
  </si>
  <si>
    <t>1310918.0</t>
  </si>
  <si>
    <t>3539.817</t>
  </si>
  <si>
    <t>1312110.0</t>
  </si>
  <si>
    <t>3543.035</t>
  </si>
  <si>
    <t>1312642.0</t>
  </si>
  <si>
    <t>3544.472</t>
  </si>
  <si>
    <t>247.7</t>
  </si>
  <si>
    <t>664.247807070471</t>
  </si>
  <si>
    <t>1313608.0</t>
  </si>
  <si>
    <t>3547.08</t>
  </si>
  <si>
    <t>1314871.0</t>
  </si>
  <si>
    <t>3550.491</t>
  </si>
  <si>
    <t>1315818.0</t>
  </si>
  <si>
    <t>3553.048</t>
  </si>
  <si>
    <t>1316661.0</t>
  </si>
  <si>
    <t>3555.324</t>
  </si>
  <si>
    <t>1317620.0</t>
  </si>
  <si>
    <t>3557.914</t>
  </si>
  <si>
    <t>1318630.0</t>
  </si>
  <si>
    <t>3560.641</t>
  </si>
  <si>
    <t>1319240.0</t>
  </si>
  <si>
    <t>3562.288</t>
  </si>
  <si>
    <t>654.057489481179</t>
  </si>
  <si>
    <t>1319922.0</t>
  </si>
  <si>
    <t>3564.13</t>
  </si>
  <si>
    <t>1320386.0</t>
  </si>
  <si>
    <t>3565.383</t>
  </si>
  <si>
    <t>1321013.0</t>
  </si>
  <si>
    <t>3567.076</t>
  </si>
  <si>
    <t>1321756.0</t>
  </si>
  <si>
    <t>3569.082</t>
  </si>
  <si>
    <t>1322412.0</t>
  </si>
  <si>
    <t>3570.853</t>
  </si>
  <si>
    <t>1323002.0</t>
  </si>
  <si>
    <t>3572.447</t>
  </si>
  <si>
    <t>1323512.0</t>
  </si>
  <si>
    <t>3573.824</t>
  </si>
  <si>
    <t>663.175142061072</t>
  </si>
  <si>
    <t>1324100.0</t>
  </si>
  <si>
    <t>3575.411</t>
  </si>
  <si>
    <t>1324655.0</t>
  </si>
  <si>
    <t>3576.91</t>
  </si>
  <si>
    <t>1325316.0</t>
  </si>
  <si>
    <t>3578.695</t>
  </si>
  <si>
    <t>1325999.0</t>
  </si>
  <si>
    <t>3580.539</t>
  </si>
  <si>
    <t>1326683.0</t>
  </si>
  <si>
    <t>3582.386</t>
  </si>
  <si>
    <t>1327408.0</t>
  </si>
  <si>
    <t>3584.344</t>
  </si>
  <si>
    <t>1328117.0</t>
  </si>
  <si>
    <t>3586.258</t>
  </si>
  <si>
    <t>688.919102286654</t>
  </si>
  <si>
    <t>1328910.0</t>
  </si>
  <si>
    <t>3588.4</t>
  </si>
  <si>
    <t>1329751.0</t>
  </si>
  <si>
    <t>3590.671</t>
  </si>
  <si>
    <t>1330577.0</t>
  </si>
  <si>
    <t>3592.901</t>
  </si>
  <si>
    <t>1331394.0</t>
  </si>
  <si>
    <t>3595.107</t>
  </si>
  <si>
    <t>1332180.0</t>
  </si>
  <si>
    <t>3597.23</t>
  </si>
  <si>
    <t>1333062.0</t>
  </si>
  <si>
    <t>3599.611</t>
  </si>
  <si>
    <t>1333909.0</t>
  </si>
  <si>
    <t>3601.898</t>
  </si>
  <si>
    <t>260.1</t>
  </si>
  <si>
    <t>697.500422361847</t>
  </si>
  <si>
    <t>1334964.0</t>
  </si>
  <si>
    <t>3604.747</t>
  </si>
  <si>
    <t>1335853.0</t>
  </si>
  <si>
    <t>3607.148</t>
  </si>
  <si>
    <t>1336755.0</t>
  </si>
  <si>
    <t>3609.583</t>
  </si>
  <si>
    <t>1337710.0</t>
  </si>
  <si>
    <t>3612.162</t>
  </si>
  <si>
    <t>1338927.0</t>
  </si>
  <si>
    <t>3615.448</t>
  </si>
  <si>
    <t>1340068.0</t>
  </si>
  <si>
    <t>3618.529</t>
  </si>
  <si>
    <t>1341181.0</t>
  </si>
  <si>
    <t>3621.535</t>
  </si>
  <si>
    <t>262.7</t>
  </si>
  <si>
    <t>704.472744922942</t>
  </si>
  <si>
    <t>1342302.0</t>
  </si>
  <si>
    <t>3624.562</t>
  </si>
  <si>
    <t>1343396.0</t>
  </si>
  <si>
    <t>3627.516</t>
  </si>
  <si>
    <t>1344506.0</t>
  </si>
  <si>
    <t>3630.513</t>
  </si>
  <si>
    <t>1345620.0</t>
  </si>
  <si>
    <t>3633.521</t>
  </si>
  <si>
    <t>1346818.0</t>
  </si>
  <si>
    <t>3636.756</t>
  </si>
  <si>
    <t>1348220.0</t>
  </si>
  <si>
    <t>3640.542</t>
  </si>
  <si>
    <t>1349851.0</t>
  </si>
  <si>
    <t>3644.946</t>
  </si>
  <si>
    <t>707.69073995114</t>
  </si>
  <si>
    <t>1351896.0</t>
  </si>
  <si>
    <t>3650.468</t>
  </si>
  <si>
    <t>5.522</t>
  </si>
  <si>
    <t>1353629.0</t>
  </si>
  <si>
    <t>3655.147</t>
  </si>
  <si>
    <t>1355454.0</t>
  </si>
  <si>
    <t>3660.075</t>
  </si>
  <si>
    <t>1356835.0</t>
  </si>
  <si>
    <t>3663.804</t>
  </si>
  <si>
    <t>1358337.0</t>
  </si>
  <si>
    <t>3667.86</t>
  </si>
  <si>
    <t>1359821.0</t>
  </si>
  <si>
    <t>3671.867</t>
  </si>
  <si>
    <t>3675.54</t>
  </si>
  <si>
    <t>262.1</t>
  </si>
  <si>
    <t>702.863747408844</t>
  </si>
  <si>
    <t>1362438.0</t>
  </si>
  <si>
    <t>3678.934</t>
  </si>
  <si>
    <t>1363919.0</t>
  </si>
  <si>
    <t>3682.933</t>
  </si>
  <si>
    <t>1365313.0</t>
  </si>
  <si>
    <t>3686.697</t>
  </si>
  <si>
    <t>1367113.0</t>
  </si>
  <si>
    <t>3691.558</t>
  </si>
  <si>
    <t>1368723.0</t>
  </si>
  <si>
    <t>3695.905</t>
  </si>
  <si>
    <t>1369819.0</t>
  </si>
  <si>
    <t>3698.865</t>
  </si>
  <si>
    <t>1370147.0</t>
  </si>
  <si>
    <t>3699.75</t>
  </si>
  <si>
    <t>259.9</t>
  </si>
  <si>
    <t>696.964089857148</t>
  </si>
  <si>
    <t>1370562.0</t>
  </si>
  <si>
    <t>3700.871</t>
  </si>
  <si>
    <t>1371028.0</t>
  </si>
  <si>
    <t>3702.129</t>
  </si>
  <si>
    <t>1371456.0</t>
  </si>
  <si>
    <t>3703.285</t>
  </si>
  <si>
    <t>1371901.0</t>
  </si>
  <si>
    <t>3704.486</t>
  </si>
  <si>
    <t>1372431.0</t>
  </si>
  <si>
    <t>3705.918</t>
  </si>
  <si>
    <t>1372861.0</t>
  </si>
  <si>
    <t>3707.079</t>
  </si>
  <si>
    <t>1373153.0</t>
  </si>
  <si>
    <t>3707.867</t>
  </si>
  <si>
    <t>740.407022737817</t>
  </si>
  <si>
    <t>1373785.0</t>
  </si>
  <si>
    <t>3709.574</t>
  </si>
  <si>
    <t>284.5</t>
  </si>
  <si>
    <t>762.9329879352</t>
  </si>
  <si>
    <t>286.3</t>
  </si>
  <si>
    <t>767.759980477497</t>
  </si>
  <si>
    <t>307.1</t>
  </si>
  <si>
    <t>823.538560966257</t>
  </si>
  <si>
    <t>865.372496332826</t>
  </si>
  <si>
    <t>893.798119081906</t>
  </si>
  <si>
    <t>920.078411812187</t>
  </si>
  <si>
    <t>346.9</t>
  </si>
  <si>
    <t>930.26872940148</t>
  </si>
  <si>
    <t>357.9</t>
  </si>
  <si>
    <t>959.767017159959</t>
  </si>
  <si>
    <t>357.7</t>
  </si>
  <si>
    <t>959.230684655259</t>
  </si>
  <si>
    <t>954.403692112963</t>
  </si>
  <si>
    <t>-8.11</t>
  </si>
  <si>
    <t>946.358704542468</t>
  </si>
  <si>
    <t>972.10266476805</t>
  </si>
  <si>
    <t>965.130342206955</t>
  </si>
  <si>
    <t>370.1</t>
  </si>
  <si>
    <t>992.483299946635</t>
  </si>
  <si>
    <t>366.9</t>
  </si>
  <si>
    <t>983.901979871441</t>
  </si>
  <si>
    <t>373.3</t>
  </si>
  <si>
    <t>1001.06462002183</t>
  </si>
  <si>
    <t>1012.86393512522</t>
  </si>
  <si>
    <t>995.701294974833</t>
  </si>
  <si>
    <t>363.1</t>
  </si>
  <si>
    <t>-17.37</t>
  </si>
  <si>
    <t>973.711662282148</t>
  </si>
  <si>
    <t>357.5</t>
  </si>
  <si>
    <t>958.694352150559</t>
  </si>
  <si>
    <t>IND</t>
  </si>
  <si>
    <t>India</t>
  </si>
  <si>
    <t>14376.0</t>
  </si>
  <si>
    <t>20707.0</t>
  </si>
  <si>
    <t>27688.0</t>
  </si>
  <si>
    <t>47951.0</t>
  </si>
  <si>
    <t>69245.0</t>
  </si>
  <si>
    <t>89534.0</t>
  </si>
  <si>
    <t>101068.0</t>
  </si>
  <si>
    <t>114015.0</t>
  </si>
  <si>
    <t>127919.0</t>
  </si>
  <si>
    <t>144910.0</t>
  </si>
  <si>
    <t>161330.0</t>
  </si>
  <si>
    <t>179374.0</t>
  </si>
  <si>
    <t>195748.0</t>
  </si>
  <si>
    <t>217554.0</t>
  </si>
  <si>
    <t>21806.0</t>
  </si>
  <si>
    <t>244893.0</t>
  </si>
  <si>
    <t>274599.0</t>
  </si>
  <si>
    <t>29706.0</t>
  </si>
  <si>
    <t>302956.0</t>
  </si>
  <si>
    <t>22578.0</t>
  </si>
  <si>
    <t>372123.0</t>
  </si>
  <si>
    <t>401586.0</t>
  </si>
  <si>
    <t>30650.0</t>
  </si>
  <si>
    <t>462621.0</t>
  </si>
  <si>
    <t>500542.0</t>
  </si>
  <si>
    <t>541789.0</t>
  </si>
  <si>
    <t>41247.0</t>
  </si>
  <si>
    <t>579957.0</t>
  </si>
  <si>
    <t>625309.0</t>
  </si>
  <si>
    <t>31960.0</t>
  </si>
  <si>
    <t>665819.0</t>
  </si>
  <si>
    <t>40510.0</t>
  </si>
  <si>
    <t>716733.0</t>
  </si>
  <si>
    <t>36302.0</t>
  </si>
  <si>
    <t>770764.0</t>
  </si>
  <si>
    <t>54031.0</t>
  </si>
  <si>
    <t>830201.0</t>
  </si>
  <si>
    <t>902654.0</t>
  </si>
  <si>
    <t>51552.0</t>
  </si>
  <si>
    <t>976363.0</t>
  </si>
  <si>
    <t>73709.0</t>
  </si>
  <si>
    <t>56629.0</t>
  </si>
  <si>
    <t>1046450.0</t>
  </si>
  <si>
    <t>60163.0</t>
  </si>
  <si>
    <t>1107233.0</t>
  </si>
  <si>
    <t>63059.0</t>
  </si>
  <si>
    <t>1191946.0</t>
  </si>
  <si>
    <t>67888.0</t>
  </si>
  <si>
    <t>1276781.0</t>
  </si>
  <si>
    <t>84835.0</t>
  </si>
  <si>
    <t>72288.0</t>
  </si>
  <si>
    <t>1357413.0</t>
  </si>
  <si>
    <t>75316.0</t>
  </si>
  <si>
    <t>1437788.0</t>
  </si>
  <si>
    <t>80375.0</t>
  </si>
  <si>
    <t>76448.0</t>
  </si>
  <si>
    <t>1523213.0</t>
  </si>
  <si>
    <t>85425.0</t>
  </si>
  <si>
    <t>78121.0</t>
  </si>
  <si>
    <t>1609037.0</t>
  </si>
  <si>
    <t>85824.0</t>
  </si>
  <si>
    <t>1673688.0</t>
  </si>
  <si>
    <t>64651.0</t>
  </si>
  <si>
    <t>80922.0</t>
  </si>
  <si>
    <t>1759579.0</t>
  </si>
  <si>
    <t>81090.0</t>
  </si>
  <si>
    <t>1854250.0</t>
  </si>
  <si>
    <t>94671.0</t>
  </si>
  <si>
    <t>82496.0</t>
  </si>
  <si>
    <t>1947041.0</t>
  </si>
  <si>
    <t>92791.0</t>
  </si>
  <si>
    <t>84233.0</t>
  </si>
  <si>
    <t>2039952.0</t>
  </si>
  <si>
    <t>92911.0</t>
  </si>
  <si>
    <t>86023.0</t>
  </si>
  <si>
    <t>2134277.0</t>
  </si>
  <si>
    <t>94325.0</t>
  </si>
  <si>
    <t>87295.0</t>
  </si>
  <si>
    <t>2227642.0</t>
  </si>
  <si>
    <t>93365.0</t>
  </si>
  <si>
    <t>88372.0</t>
  </si>
  <si>
    <t>2302792.0</t>
  </si>
  <si>
    <t>75150.0</t>
  </si>
  <si>
    <t>89872.0</t>
  </si>
  <si>
    <t>2404267.0</t>
  </si>
  <si>
    <t>101475.0</t>
  </si>
  <si>
    <t>92098.0</t>
  </si>
  <si>
    <t>2512388.0</t>
  </si>
  <si>
    <t>108121.0</t>
  </si>
  <si>
    <t>2615920.0</t>
  </si>
  <si>
    <t>103532.0</t>
  </si>
  <si>
    <t>2719434.0</t>
  </si>
  <si>
    <t>103514.0</t>
  </si>
  <si>
    <t>97069.0</t>
  </si>
  <si>
    <t>2834798.0</t>
  </si>
  <si>
    <t>115364.0</t>
  </si>
  <si>
    <t>100074.0</t>
  </si>
  <si>
    <t>2943421.0</t>
  </si>
  <si>
    <t>108623.0</t>
  </si>
  <si>
    <t>102254.0</t>
  </si>
  <si>
    <t>3033591.0</t>
  </si>
  <si>
    <t>90170.0</t>
  </si>
  <si>
    <t>104400.0</t>
  </si>
  <si>
    <t>3126119.0</t>
  </si>
  <si>
    <t>92528.0</t>
  </si>
  <si>
    <t>103122.0</t>
  </si>
  <si>
    <t>3242160.0</t>
  </si>
  <si>
    <t>104253.0</t>
  </si>
  <si>
    <t>3362136.0</t>
  </si>
  <si>
    <t>119976.0</t>
  </si>
  <si>
    <t>106602.0</t>
  </si>
  <si>
    <t>3483838.0</t>
  </si>
  <si>
    <t>121702.0</t>
  </si>
  <si>
    <t>109201.0</t>
  </si>
  <si>
    <t>3611599.0</t>
  </si>
  <si>
    <t>127761.0</t>
  </si>
  <si>
    <t>3737027.0</t>
  </si>
  <si>
    <t>125428.0</t>
  </si>
  <si>
    <t>113372.0</t>
  </si>
  <si>
    <t>3837207.0</t>
  </si>
  <si>
    <t>114802.0</t>
  </si>
  <si>
    <t>3966075.0</t>
  </si>
  <si>
    <t>128868.0</t>
  </si>
  <si>
    <t>119994.0</t>
  </si>
  <si>
    <t>4103233.0</t>
  </si>
  <si>
    <t>137158.0</t>
  </si>
  <si>
    <t>123010.0</t>
  </si>
  <si>
    <t>4242718.0</t>
  </si>
  <si>
    <t>139485.0</t>
  </si>
  <si>
    <t>125797.0</t>
  </si>
  <si>
    <t>4386379.0</t>
  </si>
  <si>
    <t>128934.0</t>
  </si>
  <si>
    <t>4524317.0</t>
  </si>
  <si>
    <t>137938.0</t>
  </si>
  <si>
    <t>130388.0</t>
  </si>
  <si>
    <t>4666386.0</t>
  </si>
  <si>
    <t>142069.0</t>
  </si>
  <si>
    <t>132766.0</t>
  </si>
  <si>
    <t>4774434.0</t>
  </si>
  <si>
    <t>108048.0</t>
  </si>
  <si>
    <t>133890.0</t>
  </si>
  <si>
    <t>4916116.0</t>
  </si>
  <si>
    <t>141682.0</t>
  </si>
  <si>
    <t>5061332.0</t>
  </si>
  <si>
    <t>145216.0</t>
  </si>
  <si>
    <t>3.596</t>
  </si>
  <si>
    <t>5213140.0</t>
  </si>
  <si>
    <t>151808.0</t>
  </si>
  <si>
    <t>138632.0</t>
  </si>
  <si>
    <t>5363445.0</t>
  </si>
  <si>
    <t>150305.0</t>
  </si>
  <si>
    <t>139581.0</t>
  </si>
  <si>
    <t>5507182.0</t>
  </si>
  <si>
    <t>143737.0</t>
  </si>
  <si>
    <t>140409.0</t>
  </si>
  <si>
    <t>5658614.0</t>
  </si>
  <si>
    <t>151432.0</t>
  </si>
  <si>
    <t>141747.0</t>
  </si>
  <si>
    <t>5774133.0</t>
  </si>
  <si>
    <t>115519.0</t>
  </si>
  <si>
    <t>142814.0</t>
  </si>
  <si>
    <t>5921069.0</t>
  </si>
  <si>
    <t>146936.0</t>
  </si>
  <si>
    <t>143565.0</t>
  </si>
  <si>
    <t>6084256.0</t>
  </si>
  <si>
    <t>163187.0</t>
  </si>
  <si>
    <t>146132.0</t>
  </si>
  <si>
    <t>6249668.0</t>
  </si>
  <si>
    <t>165412.0</t>
  </si>
  <si>
    <t>148075.0</t>
  </si>
  <si>
    <t>6426627.0</t>
  </si>
  <si>
    <t>176959.0</t>
  </si>
  <si>
    <t>151883.0</t>
  </si>
  <si>
    <t>6616496.0</t>
  </si>
  <si>
    <t>189869.0</t>
  </si>
  <si>
    <t>158473.0</t>
  </si>
  <si>
    <t>6807226.0</t>
  </si>
  <si>
    <t>190730.0</t>
  </si>
  <si>
    <t>4.836</t>
  </si>
  <si>
    <t>164087.0</t>
  </si>
  <si>
    <t>6950493.0</t>
  </si>
  <si>
    <t>143267.0</t>
  </si>
  <si>
    <t>168051.0</t>
  </si>
  <si>
    <t>7137716.0</t>
  </si>
  <si>
    <t>187223.0</t>
  </si>
  <si>
    <t>173807.0</t>
  </si>
  <si>
    <t>7352911.0</t>
  </si>
  <si>
    <t>215195.0</t>
  </si>
  <si>
    <t>181236.0</t>
  </si>
  <si>
    <t>7560782.0</t>
  </si>
  <si>
    <t>207871.0</t>
  </si>
  <si>
    <t>5.372</t>
  </si>
  <si>
    <t>187302.0</t>
  </si>
  <si>
    <t>7776228.0</t>
  </si>
  <si>
    <t>215446.0</t>
  </si>
  <si>
    <t>192800.0</t>
  </si>
  <si>
    <t>7996707.0</t>
  </si>
  <si>
    <t>220479.0</t>
  </si>
  <si>
    <t>197173.0</t>
  </si>
  <si>
    <t>8227802.0</t>
  </si>
  <si>
    <t>231095.0</t>
  </si>
  <si>
    <t>202939.0</t>
  </si>
  <si>
    <t>8398362.0</t>
  </si>
  <si>
    <t>170560.0</t>
  </si>
  <si>
    <t>206838.0</t>
  </si>
  <si>
    <t>8608654.0</t>
  </si>
  <si>
    <t>210292.0</t>
  </si>
  <si>
    <t>210134.0</t>
  </si>
  <si>
    <t>8826585.0</t>
  </si>
  <si>
    <t>217931.0</t>
  </si>
  <si>
    <t>210525.0</t>
  </si>
  <si>
    <t>9056173.0</t>
  </si>
  <si>
    <t>229588.0</t>
  </si>
  <si>
    <t>213627.0</t>
  </si>
  <si>
    <t>9297749.0</t>
  </si>
  <si>
    <t>241576.0</t>
  </si>
  <si>
    <t>217360.0</t>
  </si>
  <si>
    <t>9540132.0</t>
  </si>
  <si>
    <t>242383.0</t>
  </si>
  <si>
    <t>220489.0</t>
  </si>
  <si>
    <t>9789066.0</t>
  </si>
  <si>
    <t>248934.0</t>
  </si>
  <si>
    <t>223038.0</t>
  </si>
  <si>
    <t>9969662.0</t>
  </si>
  <si>
    <t>180596.0</t>
  </si>
  <si>
    <t>224471.0</t>
  </si>
  <si>
    <t>10211092.0</t>
  </si>
  <si>
    <t>10473771.0</t>
  </si>
  <si>
    <t>262679.0</t>
  </si>
  <si>
    <t>235312.0</t>
  </si>
  <si>
    <t>10740832.0</t>
  </si>
  <si>
    <t>267061.0</t>
  </si>
  <si>
    <t>240666.0</t>
  </si>
  <si>
    <t>11024491.0</t>
  </si>
  <si>
    <t>283659.0</t>
  </si>
  <si>
    <t>246677.0</t>
  </si>
  <si>
    <t>11307002.0</t>
  </si>
  <si>
    <t>282511.0</t>
  </si>
  <si>
    <t>252410.0</t>
  </si>
  <si>
    <t>11587153.0</t>
  </si>
  <si>
    <t>280151.0</t>
  </si>
  <si>
    <t>8.232</t>
  </si>
  <si>
    <t>256870.0</t>
  </si>
  <si>
    <t>11806256.0</t>
  </si>
  <si>
    <t>219103.0</t>
  </si>
  <si>
    <t>262371.0</t>
  </si>
  <si>
    <t>12092503.0</t>
  </si>
  <si>
    <t>268773.0</t>
  </si>
  <si>
    <t>12412664.0</t>
  </si>
  <si>
    <t>320161.0</t>
  </si>
  <si>
    <t>276985.0</t>
  </si>
  <si>
    <t>12739490.0</t>
  </si>
  <si>
    <t>326826.0</t>
  </si>
  <si>
    <t>9.051</t>
  </si>
  <si>
    <t>285523.0</t>
  </si>
  <si>
    <t>13072718.0</t>
  </si>
  <si>
    <t>333228.0</t>
  </si>
  <si>
    <t>9.287</t>
  </si>
  <si>
    <t>292604.0</t>
  </si>
  <si>
    <t>13433742.0</t>
  </si>
  <si>
    <t>361024.0</t>
  </si>
  <si>
    <t>303820.0</t>
  </si>
  <si>
    <t>13791869.0</t>
  </si>
  <si>
    <t>314959.0</t>
  </si>
  <si>
    <t>14047908.0</t>
  </si>
  <si>
    <t>256039.0</t>
  </si>
  <si>
    <t>320236.0</t>
  </si>
  <si>
    <t>14381303.0</t>
  </si>
  <si>
    <t>10.217</t>
  </si>
  <si>
    <t>326971.0</t>
  </si>
  <si>
    <t>14724546.0</t>
  </si>
  <si>
    <t>343243.0</t>
  </si>
  <si>
    <t>330269.0</t>
  </si>
  <si>
    <t>15075369.0</t>
  </si>
  <si>
    <t>350823.0</t>
  </si>
  <si>
    <t>333697.0</t>
  </si>
  <si>
    <t>15428170.0</t>
  </si>
  <si>
    <t>336493.0</t>
  </si>
  <si>
    <t>15849068.0</t>
  </si>
  <si>
    <t>420898.0</t>
  </si>
  <si>
    <t>345047.0</t>
  </si>
  <si>
    <t>16291331.0</t>
  </si>
  <si>
    <t>442263.0</t>
  </si>
  <si>
    <t>357066.0</t>
  </si>
  <si>
    <t>16806803.0</t>
  </si>
  <si>
    <t>515472.0</t>
  </si>
  <si>
    <t>394128.0</t>
  </si>
  <si>
    <t>528082.0</t>
  </si>
  <si>
    <t>421940.0</t>
  </si>
  <si>
    <t>17743740.0</t>
  </si>
  <si>
    <t>408855.0</t>
  </si>
  <si>
    <t>431313.0</t>
  </si>
  <si>
    <t>18190382.0</t>
  </si>
  <si>
    <t>446642.0</t>
  </si>
  <si>
    <t>445002.0</t>
  </si>
  <si>
    <t>18832970.0</t>
  </si>
  <si>
    <t>642588.0</t>
  </si>
  <si>
    <t>486400.0</t>
  </si>
  <si>
    <t>19358659.0</t>
  </si>
  <si>
    <t>525689.0</t>
  </si>
  <si>
    <t>13.753</t>
  </si>
  <si>
    <t>501370.0</t>
  </si>
  <si>
    <t>19821831.0</t>
  </si>
  <si>
    <t>463172.0</t>
  </si>
  <si>
    <t>504357.0</t>
  </si>
  <si>
    <t>20202858.0</t>
  </si>
  <si>
    <t>381027.0</t>
  </si>
  <si>
    <t>14.353</t>
  </si>
  <si>
    <t>485151.0</t>
  </si>
  <si>
    <t>20864750.0</t>
  </si>
  <si>
    <t>661892.0</t>
  </si>
  <si>
    <t>504266.0</t>
  </si>
  <si>
    <t>21484402.0</t>
  </si>
  <si>
    <t>619652.0</t>
  </si>
  <si>
    <t>534380.0</t>
  </si>
  <si>
    <t>22149351.0</t>
  </si>
  <si>
    <t>664949.0</t>
  </si>
  <si>
    <t>15.736</t>
  </si>
  <si>
    <t>565567.0</t>
  </si>
  <si>
    <t>22788393.0</t>
  </si>
  <si>
    <t>639042.0</t>
  </si>
  <si>
    <t>565060.0</t>
  </si>
  <si>
    <t>23387171.0</t>
  </si>
  <si>
    <t>598778.0</t>
  </si>
  <si>
    <t>16.615</t>
  </si>
  <si>
    <t>575502.0</t>
  </si>
  <si>
    <t>24106535.0</t>
  </si>
  <si>
    <t>719364.0</t>
  </si>
  <si>
    <t>17.126</t>
  </si>
  <si>
    <t>612101.0</t>
  </si>
  <si>
    <t>24583558.0</t>
  </si>
  <si>
    <t>477023.0</t>
  </si>
  <si>
    <t>17.465</t>
  </si>
  <si>
    <t>625814.0</t>
  </si>
  <si>
    <t>25281848.0</t>
  </si>
  <si>
    <t>698290.0</t>
  </si>
  <si>
    <t>17.961</t>
  </si>
  <si>
    <t>631014.0</t>
  </si>
  <si>
    <t>26015297.0</t>
  </si>
  <si>
    <t>733449.0</t>
  </si>
  <si>
    <t>18.482</t>
  </si>
  <si>
    <t>647271.0</t>
  </si>
  <si>
    <t>26845688.0</t>
  </si>
  <si>
    <t>830391.0</t>
  </si>
  <si>
    <t>670905.0</t>
  </si>
  <si>
    <t>27694416.0</t>
  </si>
  <si>
    <t>848728.0</t>
  </si>
  <si>
    <t>19.675</t>
  </si>
  <si>
    <t>700860.0</t>
  </si>
  <si>
    <t>28563095.0</t>
  </si>
  <si>
    <t>868679.0</t>
  </si>
  <si>
    <t>20.293</t>
  </si>
  <si>
    <t>739418.0</t>
  </si>
  <si>
    <t>29309703.0</t>
  </si>
  <si>
    <t>746608.0</t>
  </si>
  <si>
    <t>20.823</t>
  </si>
  <si>
    <t>743310.0</t>
  </si>
  <si>
    <t>30041400.0</t>
  </si>
  <si>
    <t>731697.0</t>
  </si>
  <si>
    <t>779692.0</t>
  </si>
  <si>
    <t>30941264.0</t>
  </si>
  <si>
    <t>899864.0</t>
  </si>
  <si>
    <t>21.982</t>
  </si>
  <si>
    <t>808488.0</t>
  </si>
  <si>
    <t>31742782.0</t>
  </si>
  <si>
    <t>801518.0</t>
  </si>
  <si>
    <t>22.552</t>
  </si>
  <si>
    <t>818212.0</t>
  </si>
  <si>
    <t>32661252.0</t>
  </si>
  <si>
    <t>918470.0</t>
  </si>
  <si>
    <t>830795.0</t>
  </si>
  <si>
    <t>33467237.0</t>
  </si>
  <si>
    <t>805985.0</t>
  </si>
  <si>
    <t>23.777</t>
  </si>
  <si>
    <t>824689.0</t>
  </si>
  <si>
    <t>34491073.0</t>
  </si>
  <si>
    <t>1023836.0</t>
  </si>
  <si>
    <t>24.504</t>
  </si>
  <si>
    <t>846854.0</t>
  </si>
  <si>
    <t>35292220.0</t>
  </si>
  <si>
    <t>801147.0</t>
  </si>
  <si>
    <t>25.073</t>
  </si>
  <si>
    <t>854645.0</t>
  </si>
  <si>
    <t>35902137.0</t>
  </si>
  <si>
    <t>609917.0</t>
  </si>
  <si>
    <t>25.507</t>
  </si>
  <si>
    <t>837248.0</t>
  </si>
  <si>
    <t>36827520.0</t>
  </si>
  <si>
    <t>925383.0</t>
  </si>
  <si>
    <t>26.164</t>
  </si>
  <si>
    <t>840894.0</t>
  </si>
  <si>
    <t>37651512.0</t>
  </si>
  <si>
    <t>823992.0</t>
  </si>
  <si>
    <t>26.749</t>
  </si>
  <si>
    <t>844104.0</t>
  </si>
  <si>
    <t>38576510.0</t>
  </si>
  <si>
    <t>924998.0</t>
  </si>
  <si>
    <t>27.407</t>
  </si>
  <si>
    <t>845037.0</t>
  </si>
  <si>
    <t>39477848.0</t>
  </si>
  <si>
    <t>901338.0</t>
  </si>
  <si>
    <t>28.047</t>
  </si>
  <si>
    <t>858659.0</t>
  </si>
  <si>
    <t>40406609.0</t>
  </si>
  <si>
    <t>928761.0</t>
  </si>
  <si>
    <t>28.707</t>
  </si>
  <si>
    <t>845077.0</t>
  </si>
  <si>
    <t>41461636.0</t>
  </si>
  <si>
    <t>1055027.0</t>
  </si>
  <si>
    <t>29.456</t>
  </si>
  <si>
    <t>42307914.0</t>
  </si>
  <si>
    <t>846278.0</t>
  </si>
  <si>
    <t>30.058</t>
  </si>
  <si>
    <t>915111.0</t>
  </si>
  <si>
    <t>43324834.0</t>
  </si>
  <si>
    <t>1016920.0</t>
  </si>
  <si>
    <t>928188.0</t>
  </si>
  <si>
    <t>44337201.0</t>
  </si>
  <si>
    <t>1012367.0</t>
  </si>
  <si>
    <t>31.499</t>
  </si>
  <si>
    <t>955098.0</t>
  </si>
  <si>
    <t>45509380.0</t>
  </si>
  <si>
    <t>1172179.0</t>
  </si>
  <si>
    <t>990410.0</t>
  </si>
  <si>
    <t>46679145.0</t>
  </si>
  <si>
    <t>1169765.0</t>
  </si>
  <si>
    <t>33.163</t>
  </si>
  <si>
    <t>1028757.0</t>
  </si>
  <si>
    <t>47738491.0</t>
  </si>
  <si>
    <t>1059346.0</t>
  </si>
  <si>
    <t>1047412.0</t>
  </si>
  <si>
    <t>48831145.0</t>
  </si>
  <si>
    <t>1092654.0</t>
  </si>
  <si>
    <t>34.692</t>
  </si>
  <si>
    <t>1052787.0</t>
  </si>
  <si>
    <t>49551507.0</t>
  </si>
  <si>
    <t>720362.0</t>
  </si>
  <si>
    <t>35.204</t>
  </si>
  <si>
    <t>1034799.0</t>
  </si>
  <si>
    <t>50650128.0</t>
  </si>
  <si>
    <t>1098621.0</t>
  </si>
  <si>
    <t>1046471.0</t>
  </si>
  <si>
    <t>51804677.0</t>
  </si>
  <si>
    <t>1154549.0</t>
  </si>
  <si>
    <t>1066782.0</t>
  </si>
  <si>
    <t>52934433.0</t>
  </si>
  <si>
    <t>1129756.0</t>
  </si>
  <si>
    <t>37.607</t>
  </si>
  <si>
    <t>1060722.0</t>
  </si>
  <si>
    <t>54097975.0</t>
  </si>
  <si>
    <t>1163542.0</t>
  </si>
  <si>
    <t>38.434</t>
  </si>
  <si>
    <t>1059833.0</t>
  </si>
  <si>
    <t>55189226.0</t>
  </si>
  <si>
    <t>1091251.0</t>
  </si>
  <si>
    <t>39.209</t>
  </si>
  <si>
    <t>1064391.0</t>
  </si>
  <si>
    <t>56260928.0</t>
  </si>
  <si>
    <t>1071702.0</t>
  </si>
  <si>
    <t>1061398.0</t>
  </si>
  <si>
    <t>57239428.0</t>
  </si>
  <si>
    <t>978500.0</t>
  </si>
  <si>
    <t>1098274.0</t>
  </si>
  <si>
    <t>58312273.0</t>
  </si>
  <si>
    <t>1072845.0</t>
  </si>
  <si>
    <t>1094592.0</t>
  </si>
  <si>
    <t>59429115.0</t>
  </si>
  <si>
    <t>1116842.0</t>
  </si>
  <si>
    <t>42.221</t>
  </si>
  <si>
    <t>1089205.0</t>
  </si>
  <si>
    <t>60565728.0</t>
  </si>
  <si>
    <t>1136613.0</t>
  </si>
  <si>
    <t>1090185.0</t>
  </si>
  <si>
    <t>61572343.0</t>
  </si>
  <si>
    <t>1006615.0</t>
  </si>
  <si>
    <t>43.744</t>
  </si>
  <si>
    <t>1067767.0</t>
  </si>
  <si>
    <t>62454254.0</t>
  </si>
  <si>
    <t>881911.0</t>
  </si>
  <si>
    <t>1037861.0</t>
  </si>
  <si>
    <t>63661060.0</t>
  </si>
  <si>
    <t>1206806.0</t>
  </si>
  <si>
    <t>45.228</t>
  </si>
  <si>
    <t>1057162.0</t>
  </si>
  <si>
    <t>64392594.0</t>
  </si>
  <si>
    <t>731534.0</t>
  </si>
  <si>
    <t>45.748</t>
  </si>
  <si>
    <t>1021881.0</t>
  </si>
  <si>
    <t>65325779.0</t>
  </si>
  <si>
    <t>933185.0</t>
  </si>
  <si>
    <t>1001929.0</t>
  </si>
  <si>
    <t>66279462.0</t>
  </si>
  <si>
    <t>953683.0</t>
  </si>
  <si>
    <t>47.088</t>
  </si>
  <si>
    <t>978621.0</t>
  </si>
  <si>
    <t>67436031.0</t>
  </si>
  <si>
    <t>1156569.0</t>
  </si>
  <si>
    <t>981472.0</t>
  </si>
  <si>
    <t>68928440.0</t>
  </si>
  <si>
    <t>1492409.0</t>
  </si>
  <si>
    <t>1050871.0</t>
  </si>
  <si>
    <t>70269975.0</t>
  </si>
  <si>
    <t>1341535.0</t>
  </si>
  <si>
    <t>49.923</t>
  </si>
  <si>
    <t>1116532.0</t>
  </si>
  <si>
    <t>71257836.0</t>
  </si>
  <si>
    <t>987861.0</t>
  </si>
  <si>
    <t>50.625</t>
  </si>
  <si>
    <t>1085254.0</t>
  </si>
  <si>
    <t>71967230.0</t>
  </si>
  <si>
    <t>709394.0</t>
  </si>
  <si>
    <t>51.129</t>
  </si>
  <si>
    <t>1082091.0</t>
  </si>
  <si>
    <t>73110041.0</t>
  </si>
  <si>
    <t>1142811.0</t>
  </si>
  <si>
    <t>51.941</t>
  </si>
  <si>
    <t>1112037.0</t>
  </si>
  <si>
    <t>74196729.0</t>
  </si>
  <si>
    <t>1086688.0</t>
  </si>
  <si>
    <t>52.713</t>
  </si>
  <si>
    <t>1131038.0</t>
  </si>
  <si>
    <t>75619781.0</t>
  </si>
  <si>
    <t>1423052.0</t>
  </si>
  <si>
    <t>53.724</t>
  </si>
  <si>
    <t>1169107.0</t>
  </si>
  <si>
    <t>76717728.0</t>
  </si>
  <si>
    <t>1097947.0</t>
  </si>
  <si>
    <t>54.504</t>
  </si>
  <si>
    <t>1112755.0</t>
  </si>
  <si>
    <t>77850403.0</t>
  </si>
  <si>
    <t>1132675.0</t>
  </si>
  <si>
    <t>55.309</t>
  </si>
  <si>
    <t>1082918.0</t>
  </si>
  <si>
    <t>78992534.0</t>
  </si>
  <si>
    <t>1142131.0</t>
  </si>
  <si>
    <t>1104957.0</t>
  </si>
  <si>
    <t>79982394.0</t>
  </si>
  <si>
    <t>989860.0</t>
  </si>
  <si>
    <t>56.823</t>
  </si>
  <si>
    <t>1145023.0</t>
  </si>
  <si>
    <t>81071797.0</t>
  </si>
  <si>
    <t>1089403.0</t>
  </si>
  <si>
    <t>57.597</t>
  </si>
  <si>
    <t>1137394.0</t>
  </si>
  <si>
    <t>82271654.0</t>
  </si>
  <si>
    <t>1199857.0</t>
  </si>
  <si>
    <t>1153561.0</t>
  </si>
  <si>
    <t>83465975.0</t>
  </si>
  <si>
    <t>1194321.0</t>
  </si>
  <si>
    <t>1120885.0</t>
  </si>
  <si>
    <t>84634680.0</t>
  </si>
  <si>
    <t>1168705.0</t>
  </si>
  <si>
    <t>60.128</t>
  </si>
  <si>
    <t>1130993.0</t>
  </si>
  <si>
    <t>85798698.0</t>
  </si>
  <si>
    <t>1164018.0</t>
  </si>
  <si>
    <t>60.955</t>
  </si>
  <si>
    <t>1135471.0</t>
  </si>
  <si>
    <t>86877242.0</t>
  </si>
  <si>
    <t>1078544.0</t>
  </si>
  <si>
    <t>61.722</t>
  </si>
  <si>
    <t>1126387.0</t>
  </si>
  <si>
    <t>87872093.0</t>
  </si>
  <si>
    <t>994851.0</t>
  </si>
  <si>
    <t>62.428</t>
  </si>
  <si>
    <t>1127100.0</t>
  </si>
  <si>
    <t>88945107.0</t>
  </si>
  <si>
    <t>1073014.0</t>
  </si>
  <si>
    <t>63.191</t>
  </si>
  <si>
    <t>1124759.0</t>
  </si>
  <si>
    <t>90090122.0</t>
  </si>
  <si>
    <t>1145015.0</t>
  </si>
  <si>
    <t>64.004</t>
  </si>
  <si>
    <t>1116924.0</t>
  </si>
  <si>
    <t>91226305.0</t>
  </si>
  <si>
    <t>1136183.0</t>
  </si>
  <si>
    <t>64.811</t>
  </si>
  <si>
    <t>92254927.0</t>
  </si>
  <si>
    <t>1028622.0</t>
  </si>
  <si>
    <t>1088607.0</t>
  </si>
  <si>
    <t>93254017.0</t>
  </si>
  <si>
    <t>999090.0</t>
  </si>
  <si>
    <t>66.252</t>
  </si>
  <si>
    <t>94224190.0</t>
  </si>
  <si>
    <t>970173.0</t>
  </si>
  <si>
    <t>66.941</t>
  </si>
  <si>
    <t>1049564.0</t>
  </si>
  <si>
    <t>95083976.0</t>
  </si>
  <si>
    <t>859786.0</t>
  </si>
  <si>
    <t>67.552</t>
  </si>
  <si>
    <t>1030269.0</t>
  </si>
  <si>
    <t>96116771.0</t>
  </si>
  <si>
    <t>1032795.0</t>
  </si>
  <si>
    <t>68.286</t>
  </si>
  <si>
    <t>1024523.0</t>
  </si>
  <si>
    <t>97200379.0</t>
  </si>
  <si>
    <t>1083608.0</t>
  </si>
  <si>
    <t>69.056</t>
  </si>
  <si>
    <t>1015751.0</t>
  </si>
  <si>
    <t>98670363.0</t>
  </si>
  <si>
    <t>1469984.0</t>
  </si>
  <si>
    <t>1063437.0</t>
  </si>
  <si>
    <t>100113085.0</t>
  </si>
  <si>
    <t>1442722.0</t>
  </si>
  <si>
    <t>71.125</t>
  </si>
  <si>
    <t>1122594.0</t>
  </si>
  <si>
    <t>101382564.0</t>
  </si>
  <si>
    <t>1269479.0</t>
  </si>
  <si>
    <t>1161221.0</t>
  </si>
  <si>
    <t>102523469.0</t>
  </si>
  <si>
    <t>1140905.0</t>
  </si>
  <si>
    <t>1185611.0</t>
  </si>
  <si>
    <t>103462778.0</t>
  </si>
  <si>
    <t>939309.0</t>
  </si>
  <si>
    <t>73.505</t>
  </si>
  <si>
    <t>1196972.0</t>
  </si>
  <si>
    <t>104420894.0</t>
  </si>
  <si>
    <t>958116.0</t>
  </si>
  <si>
    <t>74.186</t>
  </si>
  <si>
    <t>1186303.0</t>
  </si>
  <si>
    <t>105487680.0</t>
  </si>
  <si>
    <t>1066786.0</t>
  </si>
  <si>
    <t>74.943</t>
  </si>
  <si>
    <t>1183900.0</t>
  </si>
  <si>
    <t>106563440.0</t>
  </si>
  <si>
    <t>1075760.0</t>
  </si>
  <si>
    <t>1127582.0</t>
  </si>
  <si>
    <t>107728088.0</t>
  </si>
  <si>
    <t>1164648.0</t>
  </si>
  <si>
    <t>76.535</t>
  </si>
  <si>
    <t>1087858.0</t>
  </si>
  <si>
    <t>108796064.0</t>
  </si>
  <si>
    <t>1067976.0</t>
  </si>
  <si>
    <t>77.294</t>
  </si>
  <si>
    <t>1059071.0</t>
  </si>
  <si>
    <t>109887303.0</t>
  </si>
  <si>
    <t>1091239.0</t>
  </si>
  <si>
    <t>78.069</t>
  </si>
  <si>
    <t>1051976.0</t>
  </si>
  <si>
    <t>110743103.0</t>
  </si>
  <si>
    <t>855800.0</t>
  </si>
  <si>
    <t>78.677</t>
  </si>
  <si>
    <t>1040046.0</t>
  </si>
  <si>
    <t>111789350.0</t>
  </si>
  <si>
    <t>1046247.0</t>
  </si>
  <si>
    <t>1052637.0</t>
  </si>
  <si>
    <t>112998959.0</t>
  </si>
  <si>
    <t>1209609.0</t>
  </si>
  <si>
    <t>1073040.0</t>
  </si>
  <si>
    <t>114208384.0</t>
  </si>
  <si>
    <t>1209425.0</t>
  </si>
  <si>
    <t>81.139</t>
  </si>
  <si>
    <t>1092135.0</t>
  </si>
  <si>
    <t>115429095.0</t>
  </si>
  <si>
    <t>1220711.0</t>
  </si>
  <si>
    <t>82.006</t>
  </si>
  <si>
    <t>1100144.0</t>
  </si>
  <si>
    <t>116542304.0</t>
  </si>
  <si>
    <t>1113209.0</t>
  </si>
  <si>
    <t>82.797</t>
  </si>
  <si>
    <t>1106606.0</t>
  </si>
  <si>
    <t>117736791.0</t>
  </si>
  <si>
    <t>1194487.0</t>
  </si>
  <si>
    <t>83.646</t>
  </si>
  <si>
    <t>1121355.0</t>
  </si>
  <si>
    <t>118572192.0</t>
  </si>
  <si>
    <t>835401.0</t>
  </si>
  <si>
    <t>1118441.0</t>
  </si>
  <si>
    <t>119615857.0</t>
  </si>
  <si>
    <t>1043665.0</t>
  </si>
  <si>
    <t>84.981</t>
  </si>
  <si>
    <t>1118072.0</t>
  </si>
  <si>
    <t>120769151.0</t>
  </si>
  <si>
    <t>1153294.0</t>
  </si>
  <si>
    <t>1110027.0</t>
  </si>
  <si>
    <t>121962509.0</t>
  </si>
  <si>
    <t>1193358.0</t>
  </si>
  <si>
    <t>86.648</t>
  </si>
  <si>
    <t>1107732.0</t>
  </si>
  <si>
    <t>123101739.0</t>
  </si>
  <si>
    <t>1139230.0</t>
  </si>
  <si>
    <t>87.457</t>
  </si>
  <si>
    <t>1096092.0</t>
  </si>
  <si>
    <t>124031230.0</t>
  </si>
  <si>
    <t>929491.0</t>
  </si>
  <si>
    <t>88.118</t>
  </si>
  <si>
    <t>1069847.0</t>
  </si>
  <si>
    <t>124836819.0</t>
  </si>
  <si>
    <t>805589.0</t>
  </si>
  <si>
    <t>1014290.0</t>
  </si>
  <si>
    <t>125698525.0</t>
  </si>
  <si>
    <t>861706.0</t>
  </si>
  <si>
    <t>89.302</t>
  </si>
  <si>
    <t>1018048.0</t>
  </si>
  <si>
    <t>126542907.0</t>
  </si>
  <si>
    <t>844382.0</t>
  </si>
  <si>
    <t>89.902</t>
  </si>
  <si>
    <t>989579.0</t>
  </si>
  <si>
    <t>127480186.0</t>
  </si>
  <si>
    <t>937279.0</t>
  </si>
  <si>
    <t>90.568</t>
  </si>
  <si>
    <t>958719.0</t>
  </si>
  <si>
    <t>128508389.0</t>
  </si>
  <si>
    <t>1028203.0</t>
  </si>
  <si>
    <t>935126.0</t>
  </si>
  <si>
    <t>129591786.0</t>
  </si>
  <si>
    <t>1083397.0</t>
  </si>
  <si>
    <t>92.068</t>
  </si>
  <si>
    <t>927150.0</t>
  </si>
  <si>
    <t>130657808.0</t>
  </si>
  <si>
    <t>1066022.0</t>
  </si>
  <si>
    <t>92.825</t>
  </si>
  <si>
    <t>946654.0</t>
  </si>
  <si>
    <t>131733134.0</t>
  </si>
  <si>
    <t>1075326.0</t>
  </si>
  <si>
    <t>93.589</t>
  </si>
  <si>
    <t>985188.0</t>
  </si>
  <si>
    <t>132582730.0</t>
  </si>
  <si>
    <t>849596.0</t>
  </si>
  <si>
    <t>94.193</t>
  </si>
  <si>
    <t>983458.0</t>
  </si>
  <si>
    <t>133682275.0</t>
  </si>
  <si>
    <t>1099545.0</t>
  </si>
  <si>
    <t>94.974</t>
  </si>
  <si>
    <t>1019910.0</t>
  </si>
  <si>
    <t>134841307.0</t>
  </si>
  <si>
    <t>1159032.0</t>
  </si>
  <si>
    <t>1051589.0</t>
  </si>
  <si>
    <t>135931545.0</t>
  </si>
  <si>
    <t>1090238.0</t>
  </si>
  <si>
    <t>1060451.0</t>
  </si>
  <si>
    <t>137062749.0</t>
  </si>
  <si>
    <t>1131204.0</t>
  </si>
  <si>
    <t>97.376</t>
  </si>
  <si>
    <t>1067280.0</t>
  </si>
  <si>
    <t>138220354.0</t>
  </si>
  <si>
    <t>1157605.0</t>
  </si>
  <si>
    <t>98.198</t>
  </si>
  <si>
    <t>1080364.0</t>
  </si>
  <si>
    <t>139503803.0</t>
  </si>
  <si>
    <t>1283449.0</t>
  </si>
  <si>
    <t>1110096.0</t>
  </si>
  <si>
    <t>140379976.0</t>
  </si>
  <si>
    <t>876173.0</t>
  </si>
  <si>
    <t>99.733</t>
  </si>
  <si>
    <t>1113892.0</t>
  </si>
  <si>
    <t>141349298.0</t>
  </si>
  <si>
    <t>969322.0</t>
  </si>
  <si>
    <t>100.421</t>
  </si>
  <si>
    <t>1095289.0</t>
  </si>
  <si>
    <t>142445949.0</t>
  </si>
  <si>
    <t>1096651.0</t>
  </si>
  <si>
    <t>1086377.0</t>
  </si>
  <si>
    <t>143557647.0</t>
  </si>
  <si>
    <t>1111698.0</t>
  </si>
  <si>
    <t>1089443.0</t>
  </si>
  <si>
    <t>144727749.0</t>
  </si>
  <si>
    <t>1170102.0</t>
  </si>
  <si>
    <t>102.821</t>
  </si>
  <si>
    <t>1095000.0</t>
  </si>
  <si>
    <t>145885512.0</t>
  </si>
  <si>
    <t>1157763.0</t>
  </si>
  <si>
    <t>103.644</t>
  </si>
  <si>
    <t>1095023.0</t>
  </si>
  <si>
    <t>146986575.0</t>
  </si>
  <si>
    <t>1101063.0</t>
  </si>
  <si>
    <t>104.426</t>
  </si>
  <si>
    <t>1068967.0</t>
  </si>
  <si>
    <t>147787656.0</t>
  </si>
  <si>
    <t>801081.0</t>
  </si>
  <si>
    <t>104.995</t>
  </si>
  <si>
    <t>1058240.0</t>
  </si>
  <si>
    <t>148814055.0</t>
  </si>
  <si>
    <t>1026399.0</t>
  </si>
  <si>
    <t>105.725</t>
  </si>
  <si>
    <t>1066394.0</t>
  </si>
  <si>
    <t>149836767.0</t>
  </si>
  <si>
    <t>1022712.0</t>
  </si>
  <si>
    <t>106.451</t>
  </si>
  <si>
    <t>1055831.0</t>
  </si>
  <si>
    <t>150759726.0</t>
  </si>
  <si>
    <t>922959.0</t>
  </si>
  <si>
    <t>107.107</t>
  </si>
  <si>
    <t>1028868.0</t>
  </si>
  <si>
    <t>1000116.0</t>
  </si>
  <si>
    <t>152697399.0</t>
  </si>
  <si>
    <t>108.483</t>
  </si>
  <si>
    <t>973127.0</t>
  </si>
  <si>
    <t>153711833.0</t>
  </si>
  <si>
    <t>1014434.0</t>
  </si>
  <si>
    <t>109.204</t>
  </si>
  <si>
    <t>960751.0</t>
  </si>
  <si>
    <t>154566990.0</t>
  </si>
  <si>
    <t>855157.0</t>
  </si>
  <si>
    <t>109.812</t>
  </si>
  <si>
    <t>968476.0</t>
  </si>
  <si>
    <t>155560655.0</t>
  </si>
  <si>
    <t>993665.0</t>
  </si>
  <si>
    <t>110.518</t>
  </si>
  <si>
    <t>963800.0</t>
  </si>
  <si>
    <t>156646280.0</t>
  </si>
  <si>
    <t>1085625.0</t>
  </si>
  <si>
    <t>111.289</t>
  </si>
  <si>
    <t>972788.0</t>
  </si>
  <si>
    <t>157805240.0</t>
  </si>
  <si>
    <t>1158960.0</t>
  </si>
  <si>
    <t>112.112</t>
  </si>
  <si>
    <t>1006502.0</t>
  </si>
  <si>
    <t>158918646.0</t>
  </si>
  <si>
    <t>1113406.0</t>
  </si>
  <si>
    <t>112.903</t>
  </si>
  <si>
    <t>160090514.0</t>
  </si>
  <si>
    <t>1171868.0</t>
  </si>
  <si>
    <t>113.736</t>
  </si>
  <si>
    <t>1056159.0</t>
  </si>
  <si>
    <t>161198195.0</t>
  </si>
  <si>
    <t>1107681.0</t>
  </si>
  <si>
    <t>114.523</t>
  </si>
  <si>
    <t>1069480.0</t>
  </si>
  <si>
    <t>162098329.0</t>
  </si>
  <si>
    <t>900134.0</t>
  </si>
  <si>
    <t>115.162</t>
  </si>
  <si>
    <t>1075906.0</t>
  </si>
  <si>
    <t>163170557.0</t>
  </si>
  <si>
    <t>1072228.0</t>
  </si>
  <si>
    <t>115.924</t>
  </si>
  <si>
    <t>1087129.0</t>
  </si>
  <si>
    <t>164268721.0</t>
  </si>
  <si>
    <t>1098164.0</t>
  </si>
  <si>
    <t>1088920.0</t>
  </si>
  <si>
    <t>165308366.0</t>
  </si>
  <si>
    <t>1039645.0</t>
  </si>
  <si>
    <t>117.443</t>
  </si>
  <si>
    <t>1071875.0</t>
  </si>
  <si>
    <t>166305762.0</t>
  </si>
  <si>
    <t>997396.0</t>
  </si>
  <si>
    <t>118.151</t>
  </si>
  <si>
    <t>1055302.0</t>
  </si>
  <si>
    <t>167159289.0</t>
  </si>
  <si>
    <t>853527.0</t>
  </si>
  <si>
    <t>118.758</t>
  </si>
  <si>
    <t>1009825.0</t>
  </si>
  <si>
    <t>168102657.0</t>
  </si>
  <si>
    <t>943368.0</t>
  </si>
  <si>
    <t>119.428</t>
  </si>
  <si>
    <t>986352.0</t>
  </si>
  <si>
    <t>168818054.0</t>
  </si>
  <si>
    <t>715397.0</t>
  </si>
  <si>
    <t>119.936</t>
  </si>
  <si>
    <t>959961.0</t>
  </si>
  <si>
    <t>169801749.0</t>
  </si>
  <si>
    <t>983695.0</t>
  </si>
  <si>
    <t>120.635</t>
  </si>
  <si>
    <t>947313.0</t>
  </si>
  <si>
    <t>170922030.0</t>
  </si>
  <si>
    <t>1120281.0</t>
  </si>
  <si>
    <t>121.431</t>
  </si>
  <si>
    <t>950473.0</t>
  </si>
  <si>
    <t>172049274.0</t>
  </si>
  <si>
    <t>1127244.0</t>
  </si>
  <si>
    <t>122.232</t>
  </si>
  <si>
    <t>962987.0</t>
  </si>
  <si>
    <t>173111694.0</t>
  </si>
  <si>
    <t>1062420.0</t>
  </si>
  <si>
    <t>972276.0</t>
  </si>
  <si>
    <t>173941658.0</t>
  </si>
  <si>
    <t>829964.0</t>
  </si>
  <si>
    <t>123.576</t>
  </si>
  <si>
    <t>968910.0</t>
  </si>
  <si>
    <t>174899783.0</t>
  </si>
  <si>
    <t>958125.0</t>
  </si>
  <si>
    <t>124.257</t>
  </si>
  <si>
    <t>971018.0</t>
  </si>
  <si>
    <t>175635761.0</t>
  </si>
  <si>
    <t>735978.0</t>
  </si>
  <si>
    <t>124.78</t>
  </si>
  <si>
    <t>973958.0</t>
  </si>
  <si>
    <t>176531997.0</t>
  </si>
  <si>
    <t>896236.0</t>
  </si>
  <si>
    <t>125.417</t>
  </si>
  <si>
    <t>961464.0</t>
  </si>
  <si>
    <t>177463405.0</t>
  </si>
  <si>
    <t>931408.0</t>
  </si>
  <si>
    <t>126.078</t>
  </si>
  <si>
    <t>934482.0</t>
  </si>
  <si>
    <t>178400995.0</t>
  </si>
  <si>
    <t>937590.0</t>
  </si>
  <si>
    <t>126.745</t>
  </si>
  <si>
    <t>907389.0</t>
  </si>
  <si>
    <t>179336364.0</t>
  </si>
  <si>
    <t>935369.0</t>
  </si>
  <si>
    <t>127.409</t>
  </si>
  <si>
    <t>889239.0</t>
  </si>
  <si>
    <t>180253315.0</t>
  </si>
  <si>
    <t>916951.0</t>
  </si>
  <si>
    <t>901665.0</t>
  </si>
  <si>
    <t>181096622.0</t>
  </si>
  <si>
    <t>885263.0</t>
  </si>
  <si>
    <t>181755831.0</t>
  </si>
  <si>
    <t>659209.0</t>
  </si>
  <si>
    <t>129.128</t>
  </si>
  <si>
    <t>874296.0</t>
  </si>
  <si>
    <t>182652887.0</t>
  </si>
  <si>
    <t>897056.0</t>
  </si>
  <si>
    <t>129.765</t>
  </si>
  <si>
    <t>874413.0</t>
  </si>
  <si>
    <t>183489114.0</t>
  </si>
  <si>
    <t>836227.0</t>
  </si>
  <si>
    <t>130.359</t>
  </si>
  <si>
    <t>860816.0</t>
  </si>
  <si>
    <t>184232305.0</t>
  </si>
  <si>
    <t>743191.0</t>
  </si>
  <si>
    <t>130.887</t>
  </si>
  <si>
    <t>833044.0</t>
  </si>
  <si>
    <t>184962401.0</t>
  </si>
  <si>
    <t>730096.0</t>
  </si>
  <si>
    <t>131.406</t>
  </si>
  <si>
    <t>803720.0</t>
  </si>
  <si>
    <t>185765491.0</t>
  </si>
  <si>
    <t>803090.0</t>
  </si>
  <si>
    <t>131.977</t>
  </si>
  <si>
    <t>787454.0</t>
  </si>
  <si>
    <t>191181.0</t>
  </si>
  <si>
    <t>186544868.0</t>
  </si>
  <si>
    <t>779377.0</t>
  </si>
  <si>
    <t>778321.0</t>
  </si>
  <si>
    <t>224301.0</t>
  </si>
  <si>
    <t>112150.0</t>
  </si>
  <si>
    <t>187093036.0</t>
  </si>
  <si>
    <t>548168.0</t>
  </si>
  <si>
    <t>762458.0</t>
  </si>
  <si>
    <t>454049.0</t>
  </si>
  <si>
    <t>229748.0</t>
  </si>
  <si>
    <t>151350.0</t>
  </si>
  <si>
    <t>187802827.0</t>
  </si>
  <si>
    <t>709791.0</t>
  </si>
  <si>
    <t>133.424</t>
  </si>
  <si>
    <t>735706.0</t>
  </si>
  <si>
    <t>674835.0</t>
  </si>
  <si>
    <t>220786.0</t>
  </si>
  <si>
    <t>168709.0</t>
  </si>
  <si>
    <t>188566947.0</t>
  </si>
  <si>
    <t>764120.0</t>
  </si>
  <si>
    <t>133.967</t>
  </si>
  <si>
    <t>725405.0</t>
  </si>
  <si>
    <t>806484.0</t>
  </si>
  <si>
    <t>161297.0</t>
  </si>
  <si>
    <t>189347782.0</t>
  </si>
  <si>
    <t>780835.0</t>
  </si>
  <si>
    <t>134.522</t>
  </si>
  <si>
    <t>730782.0</t>
  </si>
  <si>
    <t>1043534.0</t>
  </si>
  <si>
    <t>237050.0</t>
  </si>
  <si>
    <t>173922.0</t>
  </si>
  <si>
    <t>190148024.0</t>
  </si>
  <si>
    <t>800242.0</t>
  </si>
  <si>
    <t>740803.0</t>
  </si>
  <si>
    <t>1390592.0</t>
  </si>
  <si>
    <t>347058.0</t>
  </si>
  <si>
    <t>198656.0</t>
  </si>
  <si>
    <t>190985119.0</t>
  </si>
  <si>
    <t>837095.0</t>
  </si>
  <si>
    <t>135.685</t>
  </si>
  <si>
    <t>1582201.0</t>
  </si>
  <si>
    <t>191609.0</t>
  </si>
  <si>
    <t>198717.0</t>
  </si>
  <si>
    <t>191766871.0</t>
  </si>
  <si>
    <t>781752.0</t>
  </si>
  <si>
    <t>746000.0</t>
  </si>
  <si>
    <t>1615504.0</t>
  </si>
  <si>
    <t>198743.0</t>
  </si>
  <si>
    <t>192337117.0</t>
  </si>
  <si>
    <t>570246.0</t>
  </si>
  <si>
    <t>136.645</t>
  </si>
  <si>
    <t>749154.0</t>
  </si>
  <si>
    <t>2023809.0</t>
  </si>
  <si>
    <t>408305.0</t>
  </si>
  <si>
    <t>224251.0</t>
  </si>
  <si>
    <t>193062694.0</t>
  </si>
  <si>
    <t>725577.0</t>
  </si>
  <si>
    <t>137.161</t>
  </si>
  <si>
    <t>2029480.0</t>
  </si>
  <si>
    <t>193521.0</t>
  </si>
  <si>
    <t>193613120.0</t>
  </si>
  <si>
    <t>550426.0</t>
  </si>
  <si>
    <t>137.552</t>
  </si>
  <si>
    <t>720882.0</t>
  </si>
  <si>
    <t>2355979.0</t>
  </si>
  <si>
    <t>326499.0</t>
  </si>
  <si>
    <t>221356.0</t>
  </si>
  <si>
    <t>194338773.0</t>
  </si>
  <si>
    <t>725653.0</t>
  </si>
  <si>
    <t>138.067</t>
  </si>
  <si>
    <t>712999.0</t>
  </si>
  <si>
    <t>2928053.0</t>
  </si>
  <si>
    <t>572074.0</t>
  </si>
  <si>
    <t>269217.0</t>
  </si>
  <si>
    <t>195081079.0</t>
  </si>
  <si>
    <t>742306.0</t>
  </si>
  <si>
    <t>138.595</t>
  </si>
  <si>
    <t>704722.0</t>
  </si>
  <si>
    <t>3500027.0</t>
  </si>
  <si>
    <t>571974.0</t>
  </si>
  <si>
    <t>301348.0</t>
  </si>
  <si>
    <t>195837408.0</t>
  </si>
  <si>
    <t>139.132</t>
  </si>
  <si>
    <t>693184.0</t>
  </si>
  <si>
    <t>3744334.0</t>
  </si>
  <si>
    <t>244307.0</t>
  </si>
  <si>
    <t>308876.0</t>
  </si>
  <si>
    <t>196588372.0</t>
  </si>
  <si>
    <t>750964.0</t>
  </si>
  <si>
    <t>139.666</t>
  </si>
  <si>
    <t>688786.0</t>
  </si>
  <si>
    <t>3758843.0</t>
  </si>
  <si>
    <t>306191.0</t>
  </si>
  <si>
    <t>197092635.0</t>
  </si>
  <si>
    <t>504263.0</t>
  </si>
  <si>
    <t>140.024</t>
  </si>
  <si>
    <t>679360.0</t>
  </si>
  <si>
    <t>3950156.0</t>
  </si>
  <si>
    <t>191313.0</t>
  </si>
  <si>
    <t>275192.0</t>
  </si>
  <si>
    <t>197752057.0</t>
  </si>
  <si>
    <t>659422.0</t>
  </si>
  <si>
    <t>140.492</t>
  </si>
  <si>
    <t>669909.0</t>
  </si>
  <si>
    <t>4138918.0</t>
  </si>
  <si>
    <t>188762.0</t>
  </si>
  <si>
    <t>198473178.0</t>
  </si>
  <si>
    <t>721121.0</t>
  </si>
  <si>
    <t>694294.0</t>
  </si>
  <si>
    <t>4449552.0</t>
  </si>
  <si>
    <t>310634.0</t>
  </si>
  <si>
    <t>299082.0</t>
  </si>
  <si>
    <t>199216019.0</t>
  </si>
  <si>
    <t>742841.0</t>
  </si>
  <si>
    <t>696749.0</t>
  </si>
  <si>
    <t>4959445.0</t>
  </si>
  <si>
    <t>509893.0</t>
  </si>
  <si>
    <t>290199.0</t>
  </si>
  <si>
    <t>199931795.0</t>
  </si>
  <si>
    <t>715776.0</t>
  </si>
  <si>
    <t>142.041</t>
  </si>
  <si>
    <t>692959.0</t>
  </si>
  <si>
    <t>5416849.0</t>
  </si>
  <si>
    <t>457404.0</t>
  </si>
  <si>
    <t>273832.0</t>
  </si>
  <si>
    <t>200672589.0</t>
  </si>
  <si>
    <t>740794.0</t>
  </si>
  <si>
    <t>142.567</t>
  </si>
  <si>
    <t>5775322.0</t>
  </si>
  <si>
    <t>358473.0</t>
  </si>
  <si>
    <t>290141.0</t>
  </si>
  <si>
    <t>201368378.0</t>
  </si>
  <si>
    <t>695789.0</t>
  </si>
  <si>
    <t>143.062</t>
  </si>
  <si>
    <t>682858.0</t>
  </si>
  <si>
    <t>5812362.0</t>
  </si>
  <si>
    <t>37040.0</t>
  </si>
  <si>
    <t>201900614.0</t>
  </si>
  <si>
    <t>532236.0</t>
  </si>
  <si>
    <t>686854.0</t>
  </si>
  <si>
    <t>6259008.0</t>
  </si>
  <si>
    <t>446646.0</t>
  </si>
  <si>
    <t>329836.0</t>
  </si>
  <si>
    <t>202587752.0</t>
  </si>
  <si>
    <t>687138.0</t>
  </si>
  <si>
    <t>143.928</t>
  </si>
  <si>
    <t>690814.0</t>
  </si>
  <si>
    <t>6611561.0</t>
  </si>
  <si>
    <t>352553.0</t>
  </si>
  <si>
    <t>353235.0</t>
  </si>
  <si>
    <t>203324655.0</t>
  </si>
  <si>
    <t>736903.0</t>
  </si>
  <si>
    <t>144.451</t>
  </si>
  <si>
    <t>693068.0</t>
  </si>
  <si>
    <t>7017114.0</t>
  </si>
  <si>
    <t>405553.0</t>
  </si>
  <si>
    <t>366795.0</t>
  </si>
  <si>
    <t>204023840.0</t>
  </si>
  <si>
    <t>699185.0</t>
  </si>
  <si>
    <t>144.948</t>
  </si>
  <si>
    <t>686832.0</t>
  </si>
  <si>
    <t>7505010.0</t>
  </si>
  <si>
    <t>487896.0</t>
  </si>
  <si>
    <t>363652.0</t>
  </si>
  <si>
    <t>204789784.0</t>
  </si>
  <si>
    <t>765944.0</t>
  </si>
  <si>
    <t>145.492</t>
  </si>
  <si>
    <t>693998.0</t>
  </si>
  <si>
    <t>7967647.0</t>
  </si>
  <si>
    <t>364400.0</t>
  </si>
  <si>
    <t>205533398.0</t>
  </si>
  <si>
    <t>743614.0</t>
  </si>
  <si>
    <t>146.021</t>
  </si>
  <si>
    <t>694401.0</t>
  </si>
  <si>
    <t>8052454.0</t>
  </si>
  <si>
    <t>8044786.0</t>
  </si>
  <si>
    <t>84807.0</t>
  </si>
  <si>
    <t>325305.0</t>
  </si>
  <si>
    <t>324209.0</t>
  </si>
  <si>
    <t>206230512.0</t>
  </si>
  <si>
    <t>697114.0</t>
  </si>
  <si>
    <t>146.516</t>
  </si>
  <si>
    <t>694591.0</t>
  </si>
  <si>
    <t>353179.0</t>
  </si>
  <si>
    <t>345622.0</t>
  </si>
  <si>
    <t>206716634.0</t>
  </si>
  <si>
    <t>486122.0</t>
  </si>
  <si>
    <t>688003.0</t>
  </si>
  <si>
    <t>8516771.0</t>
  </si>
  <si>
    <t>8418653.0</t>
  </si>
  <si>
    <t>98118.0</t>
  </si>
  <si>
    <t>322538.0</t>
  </si>
  <si>
    <t>308521.0</t>
  </si>
  <si>
    <t>207332298.0</t>
  </si>
  <si>
    <t>615664.0</t>
  </si>
  <si>
    <t>677792.0</t>
  </si>
  <si>
    <t>8857341.0</t>
  </si>
  <si>
    <t>8641002.0</t>
  </si>
  <si>
    <t>216339.0</t>
  </si>
  <si>
    <t>340570.0</t>
  </si>
  <si>
    <t>320826.0</t>
  </si>
  <si>
    <t>289920.0</t>
  </si>
  <si>
    <t>207977229.0</t>
  </si>
  <si>
    <t>644931.0</t>
  </si>
  <si>
    <t>147.757</t>
  </si>
  <si>
    <t>664653.0</t>
  </si>
  <si>
    <t>9186757.0</t>
  </si>
  <si>
    <t>8844641.0</t>
  </si>
  <si>
    <t>342116.0</t>
  </si>
  <si>
    <t>329416.0</t>
  </si>
  <si>
    <t>309949.0</t>
  </si>
  <si>
    <t>261075.0</t>
  </si>
  <si>
    <t>208703791.0</t>
  </si>
  <si>
    <t>726562.0</t>
  </si>
  <si>
    <t>148.273</t>
  </si>
  <si>
    <t>668564.0</t>
  </si>
  <si>
    <t>9846523.0</t>
  </si>
  <si>
    <t>9381591.0</t>
  </si>
  <si>
    <t>464932.0</t>
  </si>
  <si>
    <t>659766.0</t>
  </si>
  <si>
    <t>334502.0</t>
  </si>
  <si>
    <t>268083.0</t>
  </si>
  <si>
    <t>209474862.0</t>
  </si>
  <si>
    <t>771071.0</t>
  </si>
  <si>
    <t>148.821</t>
  </si>
  <si>
    <t>669297.0</t>
  </si>
  <si>
    <t>10449942.0</t>
  </si>
  <si>
    <t>9693000.0</t>
  </si>
  <si>
    <t>756942.0</t>
  </si>
  <si>
    <t>603419.0</t>
  </si>
  <si>
    <t>354614.0</t>
  </si>
  <si>
    <t>246479.0</t>
  </si>
  <si>
    <t>210261480.0</t>
  </si>
  <si>
    <t>786618.0</t>
  </si>
  <si>
    <t>675440.0</t>
  </si>
  <si>
    <t>10838323.0</t>
  </si>
  <si>
    <t>9964383.0</t>
  </si>
  <si>
    <t>873940.0</t>
  </si>
  <si>
    <t>388381.0</t>
  </si>
  <si>
    <t>397981.0</t>
  </si>
  <si>
    <t>274228.0</t>
  </si>
  <si>
    <t>210931530.0</t>
  </si>
  <si>
    <t>670050.0</t>
  </si>
  <si>
    <t>149.856</t>
  </si>
  <si>
    <t>671574.0</t>
  </si>
  <si>
    <t>11085173.0</t>
  </si>
  <si>
    <t>10124531.0</t>
  </si>
  <si>
    <t>960642.0</t>
  </si>
  <si>
    <t>246850.0</t>
  </si>
  <si>
    <t>400080.0</t>
  </si>
  <si>
    <t>270402.0</t>
  </si>
  <si>
    <t>211551746.0</t>
  </si>
  <si>
    <t>620216.0</t>
  </si>
  <si>
    <t>150.296</t>
  </si>
  <si>
    <t>690730.0</t>
  </si>
  <si>
    <t>11424094.0</t>
  </si>
  <si>
    <t>10308552.0</t>
  </si>
  <si>
    <t>1115542.0</t>
  </si>
  <si>
    <t>415332.0</t>
  </si>
  <si>
    <t>269986.0</t>
  </si>
  <si>
    <t>212230431.0</t>
  </si>
  <si>
    <t>678685.0</t>
  </si>
  <si>
    <t>150.779</t>
  </si>
  <si>
    <t>699733.0</t>
  </si>
  <si>
    <t>11907392.0</t>
  </si>
  <si>
    <t>10585757.0</t>
  </si>
  <si>
    <t>1321635.0</t>
  </si>
  <si>
    <t>483298.0</t>
  </si>
  <si>
    <t>435722.0</t>
  </si>
  <si>
    <t>277822.0</t>
  </si>
  <si>
    <t>213036275.0</t>
  </si>
  <si>
    <t>805844.0</t>
  </si>
  <si>
    <t>722721.0</t>
  </si>
  <si>
    <t>12366633.0</t>
  </si>
  <si>
    <t>10884879.0</t>
  </si>
  <si>
    <t>1481754.0</t>
  </si>
  <si>
    <t>459241.0</t>
  </si>
  <si>
    <t>454268.0</t>
  </si>
  <si>
    <t>291463.0</t>
  </si>
  <si>
    <t>213829658.0</t>
  </si>
  <si>
    <t>793383.0</t>
  </si>
  <si>
    <t>151.915</t>
  </si>
  <si>
    <t>732267.0</t>
  </si>
  <si>
    <t>13067047.0</t>
  </si>
  <si>
    <t>11206188.0</t>
  </si>
  <si>
    <t>1860859.0</t>
  </si>
  <si>
    <t>700414.0</t>
  </si>
  <si>
    <t>460075.0</t>
  </si>
  <si>
    <t>214661465.0</t>
  </si>
  <si>
    <t>831807.0</t>
  </si>
  <si>
    <t>152.506</t>
  </si>
  <si>
    <t>740943.0</t>
  </si>
  <si>
    <t>13756940.0</t>
  </si>
  <si>
    <t>11552857.0</t>
  </si>
  <si>
    <t>2204083.0</t>
  </si>
  <si>
    <t>689893.0</t>
  </si>
  <si>
    <t>472428.0</t>
  </si>
  <si>
    <t>265694.0</t>
  </si>
  <si>
    <t>215435383.0</t>
  </si>
  <si>
    <t>773918.0</t>
  </si>
  <si>
    <t>153.055</t>
  </si>
  <si>
    <t>739129.0</t>
  </si>
  <si>
    <t>14242547.0</t>
  </si>
  <si>
    <t>11788669.0</t>
  </si>
  <si>
    <t>2453878.0</t>
  </si>
  <si>
    <t>485607.0</t>
  </si>
  <si>
    <t>486318.0</t>
  </si>
  <si>
    <t>260612.0</t>
  </si>
  <si>
    <t>216231106.0</t>
  </si>
  <si>
    <t>795723.0</t>
  </si>
  <si>
    <t>153.621</t>
  </si>
  <si>
    <t>757082.0</t>
  </si>
  <si>
    <t>14301266.0</t>
  </si>
  <si>
    <t>11845075.0</t>
  </si>
  <si>
    <t>2456191.0</t>
  </si>
  <si>
    <t>459442.0</t>
  </si>
  <si>
    <t>245792.0</t>
  </si>
  <si>
    <t>216858774.0</t>
  </si>
  <si>
    <t>627668.0</t>
  </si>
  <si>
    <t>154.067</t>
  </si>
  <si>
    <t>758147.0</t>
  </si>
  <si>
    <t>14854136.0</t>
  </si>
  <si>
    <t>12256337.0</t>
  </si>
  <si>
    <t>2597799.0</t>
  </si>
  <si>
    <t>552870.0</t>
  </si>
  <si>
    <t>490006.0</t>
  </si>
  <si>
    <t>278255.0</t>
  </si>
  <si>
    <t>217618057.0</t>
  </si>
  <si>
    <t>759283.0</t>
  </si>
  <si>
    <t>154.606</t>
  </si>
  <si>
    <t>769661.0</t>
  </si>
  <si>
    <t>15620749.0</t>
  </si>
  <si>
    <t>12906771.0</t>
  </si>
  <si>
    <t>2713978.0</t>
  </si>
  <si>
    <t>766613.0</t>
  </si>
  <si>
    <t>530480.0</t>
  </si>
  <si>
    <t>331573.0</t>
  </si>
  <si>
    <t>218403277.0</t>
  </si>
  <si>
    <t>785220.0</t>
  </si>
  <si>
    <t>155.164</t>
  </si>
  <si>
    <t>766715.0</t>
  </si>
  <si>
    <t>16616048.0</t>
  </si>
  <si>
    <t>13739121.0</t>
  </si>
  <si>
    <t>2876927.0</t>
  </si>
  <si>
    <t>995299.0</t>
  </si>
  <si>
    <t>607059.0</t>
  </si>
  <si>
    <t>407749.0</t>
  </si>
  <si>
    <t>219178908.0</t>
  </si>
  <si>
    <t>155.715</t>
  </si>
  <si>
    <t>764179.0</t>
  </si>
  <si>
    <t>18005503.0</t>
  </si>
  <si>
    <t>14796835.0</t>
  </si>
  <si>
    <t>3208668.0</t>
  </si>
  <si>
    <t>1389455.0</t>
  </si>
  <si>
    <t>705494.0</t>
  </si>
  <si>
    <t>512950.0</t>
  </si>
  <si>
    <t>219940742.0</t>
  </si>
  <si>
    <t>761834.0</t>
  </si>
  <si>
    <t>754182.0</t>
  </si>
  <si>
    <t>19497704.0</t>
  </si>
  <si>
    <t>15996683.0</t>
  </si>
  <si>
    <t>3501021.0</t>
  </si>
  <si>
    <t>1492201.0</t>
  </si>
  <si>
    <t>820109.0</t>
  </si>
  <si>
    <t>634832.0</t>
  </si>
  <si>
    <t>220692677.0</t>
  </si>
  <si>
    <t>751935.0</t>
  </si>
  <si>
    <t>156.791</t>
  </si>
  <si>
    <t>751042.0</t>
  </si>
  <si>
    <t>20922344.0</t>
  </si>
  <si>
    <t>17168303.0</t>
  </si>
  <si>
    <t>3754041.0</t>
  </si>
  <si>
    <t>1424640.0</t>
  </si>
  <si>
    <t>954257.0</t>
  </si>
  <si>
    <t>768519.0</t>
  </si>
  <si>
    <t>221430507.0</t>
  </si>
  <si>
    <t>737830.0</t>
  </si>
  <si>
    <t>157.315</t>
  </si>
  <si>
    <t>742772.0</t>
  </si>
  <si>
    <t>20989010.0</t>
  </si>
  <si>
    <t>17227903.0</t>
  </si>
  <si>
    <t>3761107.0</t>
  </si>
  <si>
    <t>66666.0</t>
  </si>
  <si>
    <t>955392.0</t>
  </si>
  <si>
    <t>768975.0</t>
  </si>
  <si>
    <t>744982.0</t>
  </si>
  <si>
    <t>23008733.0</t>
  </si>
  <si>
    <t>18943283.0</t>
  </si>
  <si>
    <t>4065450.0</t>
  </si>
  <si>
    <t>2019723.0</t>
  </si>
  <si>
    <t>1164942.0</t>
  </si>
  <si>
    <t>955278.0</t>
  </si>
  <si>
    <t>222716796.0</t>
  </si>
  <si>
    <t>158.229</t>
  </si>
  <si>
    <t>728391.0</t>
  </si>
  <si>
    <t>24367906.0</t>
  </si>
  <si>
    <t>20004227.0</t>
  </si>
  <si>
    <t>4363679.0</t>
  </si>
  <si>
    <t>1359173.0</t>
  </si>
  <si>
    <t>1249594.0</t>
  </si>
  <si>
    <t>1013922.0</t>
  </si>
  <si>
    <t>223479877.0</t>
  </si>
  <si>
    <t>763081.0</t>
  </si>
  <si>
    <t>158.771</t>
  </si>
  <si>
    <t>725229.0</t>
  </si>
  <si>
    <t>25685011.0</t>
  </si>
  <si>
    <t>21034481.0</t>
  </si>
  <si>
    <t>4650530.0</t>
  </si>
  <si>
    <t>1317105.0</t>
  </si>
  <si>
    <t>1295566.0</t>
  </si>
  <si>
    <t>1042194.0</t>
  </si>
  <si>
    <t>224258293.0</t>
  </si>
  <si>
    <t>159.324</t>
  </si>
  <si>
    <t>725626.0</t>
  </si>
  <si>
    <t>26164920.0</t>
  </si>
  <si>
    <t>21435841.0</t>
  </si>
  <si>
    <t>4729079.0</t>
  </si>
  <si>
    <t>479909.0</t>
  </si>
  <si>
    <t>1165631.0</t>
  </si>
  <si>
    <t>948429.0</t>
  </si>
  <si>
    <t>224998638.0</t>
  </si>
  <si>
    <t>740345.0</t>
  </si>
  <si>
    <t>722557.0</t>
  </si>
  <si>
    <t>28218457.0</t>
  </si>
  <si>
    <t>23075504.0</t>
  </si>
  <si>
    <t>5142953.0</t>
  </si>
  <si>
    <t>2053537.0</t>
  </si>
  <si>
    <t>1245822.0</t>
  </si>
  <si>
    <t>1011260.0</t>
  </si>
  <si>
    <t>225839273.0</t>
  </si>
  <si>
    <t>840635.0</t>
  </si>
  <si>
    <t>160.447</t>
  </si>
  <si>
    <t>735228.0</t>
  </si>
  <si>
    <t>29738409.0</t>
  </si>
  <si>
    <t>24307635.0</t>
  </si>
  <si>
    <t>5430774.0</t>
  </si>
  <si>
    <t>1519952.0</t>
  </si>
  <si>
    <t>1259438.0</t>
  </si>
  <si>
    <t>1019905.0</t>
  </si>
  <si>
    <t>226703641.0</t>
  </si>
  <si>
    <t>161.061</t>
  </si>
  <si>
    <t>753305.0</t>
  </si>
  <si>
    <t>29908038.0</t>
  </si>
  <si>
    <t>24452385.0</t>
  </si>
  <si>
    <t>5455653.0</t>
  </si>
  <si>
    <t>169629.0</t>
  </si>
  <si>
    <t>1274147.0</t>
  </si>
  <si>
    <t>1032069.0</t>
  </si>
  <si>
    <t>227407413.0</t>
  </si>
  <si>
    <t>703772.0</t>
  </si>
  <si>
    <t>161.561</t>
  </si>
  <si>
    <t>761966.0</t>
  </si>
  <si>
    <t>32947432.0</t>
  </si>
  <si>
    <t>27079484.0</t>
  </si>
  <si>
    <t>5867948.0</t>
  </si>
  <si>
    <t>3039394.0</t>
  </si>
  <si>
    <t>1419814.0</t>
  </si>
  <si>
    <t>1162314.0</t>
  </si>
  <si>
    <t>228280763.0</t>
  </si>
  <si>
    <t>873350.0</t>
  </si>
  <si>
    <t>162.181</t>
  </si>
  <si>
    <t>794852.0</t>
  </si>
  <si>
    <t>35064536.0</t>
  </si>
  <si>
    <t>28862037.0</t>
  </si>
  <si>
    <t>6202499.0</t>
  </si>
  <si>
    <t>2117104.0</t>
  </si>
  <si>
    <t>1528090.0</t>
  </si>
  <si>
    <t>1265401.0</t>
  </si>
  <si>
    <t>229249784.0</t>
  </si>
  <si>
    <t>969021.0</t>
  </si>
  <si>
    <t>824272.0</t>
  </si>
  <si>
    <t>37143255.0</t>
  </si>
  <si>
    <t>30600787.0</t>
  </si>
  <si>
    <t>6542468.0</t>
  </si>
  <si>
    <t>2078719.0</t>
  </si>
  <si>
    <t>1636892.0</t>
  </si>
  <si>
    <t>1366615.0</t>
  </si>
  <si>
    <t>230313163.0</t>
  </si>
  <si>
    <t>1063379.0</t>
  </si>
  <si>
    <t>163.625</t>
  </si>
  <si>
    <t>864981.0</t>
  </si>
  <si>
    <t>39339817.0</t>
  </si>
  <si>
    <t>32426230.0</t>
  </si>
  <si>
    <t>6913587.0</t>
  </si>
  <si>
    <t>2196562.0</t>
  </si>
  <si>
    <t>1882128.0</t>
  </si>
  <si>
    <t>1570056.0</t>
  </si>
  <si>
    <t>231370546.0</t>
  </si>
  <si>
    <t>1057383.0</t>
  </si>
  <si>
    <t>164.377</t>
  </si>
  <si>
    <t>910273.0</t>
  </si>
  <si>
    <t>42063392.0</t>
  </si>
  <si>
    <t>34842030.0</t>
  </si>
  <si>
    <t>7221362.0</t>
  </si>
  <si>
    <t>2723575.0</t>
  </si>
  <si>
    <t>1977848.0</t>
  </si>
  <si>
    <t>1680932.0</t>
  </si>
  <si>
    <t>232431517.0</t>
  </si>
  <si>
    <t>1060971.0</t>
  </si>
  <si>
    <t>165.13</t>
  </si>
  <si>
    <t>941749.0</t>
  </si>
  <si>
    <t>44603841.0</t>
  </si>
  <si>
    <t>37125187.0</t>
  </si>
  <si>
    <t>7478654.0</t>
  </si>
  <si>
    <t>2540449.0</t>
  </si>
  <si>
    <t>2123633.0</t>
  </si>
  <si>
    <t>1831079.0</t>
  </si>
  <si>
    <t>962144.0</t>
  </si>
  <si>
    <t>45065998.0</t>
  </si>
  <si>
    <t>37574302.0</t>
  </si>
  <si>
    <t>7491696.0</t>
  </si>
  <si>
    <t>462157.0</t>
  </si>
  <si>
    <t>2165423.0</t>
  </si>
  <si>
    <t>1874560.0</t>
  </si>
  <si>
    <t>234445774.0</t>
  </si>
  <si>
    <t>1005480.0</t>
  </si>
  <si>
    <t>48494594.0</t>
  </si>
  <si>
    <t>40631153.0</t>
  </si>
  <si>
    <t>7863441.0</t>
  </si>
  <si>
    <t>3428596.0</t>
  </si>
  <si>
    <t>2221023.0</t>
  </si>
  <si>
    <t>1935953.0</t>
  </si>
  <si>
    <t>235413233.0</t>
  </si>
  <si>
    <t>967459.0</t>
  </si>
  <si>
    <t>167.249</t>
  </si>
  <si>
    <t>1018924.0</t>
  </si>
  <si>
    <t>50841286.0</t>
  </si>
  <si>
    <t>42731952.0</t>
  </si>
  <si>
    <t>8109334.0</t>
  </si>
  <si>
    <t>2346692.0</t>
  </si>
  <si>
    <t>2253821.0</t>
  </si>
  <si>
    <t>1981416.0</t>
  </si>
  <si>
    <t>236438861.0</t>
  </si>
  <si>
    <t>1025628.0</t>
  </si>
  <si>
    <t>1027011.0</t>
  </si>
  <si>
    <t>53145709.0</t>
  </si>
  <si>
    <t>44846538.0</t>
  </si>
  <si>
    <t>8299171.0</t>
  </si>
  <si>
    <t>2304423.0</t>
  </si>
  <si>
    <t>2286065.0</t>
  </si>
  <si>
    <t>2035107.0</t>
  </si>
  <si>
    <t>237503882.0</t>
  </si>
  <si>
    <t>1065021.0</t>
  </si>
  <si>
    <t>168.734</t>
  </si>
  <si>
    <t>1027246.0</t>
  </si>
  <si>
    <t>55504440.0</t>
  </si>
  <si>
    <t>47001472.0</t>
  </si>
  <si>
    <t>8502968.0</t>
  </si>
  <si>
    <t>2358731.0</t>
  </si>
  <si>
    <t>2309232.0</t>
  </si>
  <si>
    <t>2082177.0</t>
  </si>
  <si>
    <t>238604638.0</t>
  </si>
  <si>
    <t>1100756.0</t>
  </si>
  <si>
    <t>169.516</t>
  </si>
  <si>
    <t>1033442.0</t>
  </si>
  <si>
    <t>58109773.0</t>
  </si>
  <si>
    <t>49426618.0</t>
  </si>
  <si>
    <t>8683155.0</t>
  </si>
  <si>
    <t>2605333.0</t>
  </si>
  <si>
    <t>2292340.0</t>
  </si>
  <si>
    <t>2083513.0</t>
  </si>
  <si>
    <t>239769553.0</t>
  </si>
  <si>
    <t>1164915.0</t>
  </si>
  <si>
    <t>170.344</t>
  </si>
  <si>
    <t>1048291.0</t>
  </si>
  <si>
    <t>60269782.0</t>
  </si>
  <si>
    <t>51441436.0</t>
  </si>
  <si>
    <t>8828346.0</t>
  </si>
  <si>
    <t>2160009.0</t>
  </si>
  <si>
    <t>2237992.0</t>
  </si>
  <si>
    <t>2045178.0</t>
  </si>
  <si>
    <t>240950842.0</t>
  </si>
  <si>
    <t>1181289.0</t>
  </si>
  <si>
    <t>171.183</t>
  </si>
  <si>
    <t>1073171.0</t>
  </si>
  <si>
    <t>60530435.0</t>
  </si>
  <si>
    <t>51660234.0</t>
  </si>
  <si>
    <t>8870201.0</t>
  </si>
  <si>
    <t>2209205.0</t>
  </si>
  <si>
    <t>2012276.0</t>
  </si>
  <si>
    <t>241864161.0</t>
  </si>
  <si>
    <t>913319.0</t>
  </si>
  <si>
    <t>171.832</t>
  </si>
  <si>
    <t>1059770.0</t>
  </si>
  <si>
    <t>61113354.0</t>
  </si>
  <si>
    <t>52211398.0</t>
  </si>
  <si>
    <t>8901956.0</t>
  </si>
  <si>
    <t>582919.0</t>
  </si>
  <si>
    <t>1802680.0</t>
  </si>
  <si>
    <t>1654321.0</t>
  </si>
  <si>
    <t>242650025.0</t>
  </si>
  <si>
    <t>785864.0</t>
  </si>
  <si>
    <t>1033827.0</t>
  </si>
  <si>
    <t>63054353.0</t>
  </si>
  <si>
    <t>53989035.0</t>
  </si>
  <si>
    <t>9065318.0</t>
  </si>
  <si>
    <t>1940999.0</t>
  </si>
  <si>
    <t>1744724.0</t>
  </si>
  <si>
    <t>1608155.0</t>
  </si>
  <si>
    <t>243672940.0</t>
  </si>
  <si>
    <t>1022915.0</t>
  </si>
  <si>
    <t>173.117</t>
  </si>
  <si>
    <t>1033440.0</t>
  </si>
  <si>
    <t>65117896.0</t>
  </si>
  <si>
    <t>55783201.0</t>
  </si>
  <si>
    <t>9334695.0</t>
  </si>
  <si>
    <t>2063543.0</t>
  </si>
  <si>
    <t>1710312.0</t>
  </si>
  <si>
    <t>1562380.0</t>
  </si>
  <si>
    <t>244798621.0</t>
  </si>
  <si>
    <t>1125681.0</t>
  </si>
  <si>
    <t>1042106.0</t>
  </si>
  <si>
    <t>68789138.0</t>
  </si>
  <si>
    <t>59148798.0</t>
  </si>
  <si>
    <t>9640340.0</t>
  </si>
  <si>
    <t>3671242.0</t>
  </si>
  <si>
    <t>1897814.0</t>
  </si>
  <si>
    <t>1735332.0</t>
  </si>
  <si>
    <t>245912587.0</t>
  </si>
  <si>
    <t>1113966.0</t>
  </si>
  <si>
    <t>174.708</t>
  </si>
  <si>
    <t>1043993.0</t>
  </si>
  <si>
    <t>73054295.0</t>
  </si>
  <si>
    <t>63081589.0</t>
  </si>
  <si>
    <t>9972706.0</t>
  </si>
  <si>
    <t>4265157.0</t>
  </si>
  <si>
    <t>2134932.0</t>
  </si>
  <si>
    <t>1950710.0</t>
  </si>
  <si>
    <t>246959192.0</t>
  </si>
  <si>
    <t>1046605.0</t>
  </si>
  <si>
    <t>175.452</t>
  </si>
  <si>
    <t>1027091.0</t>
  </si>
  <si>
    <t>75979651.0</t>
  </si>
  <si>
    <t>65739470.0</t>
  </si>
  <si>
    <t>10240181.0</t>
  </si>
  <si>
    <t>2925356.0</t>
  </si>
  <si>
    <t>2244267.0</t>
  </si>
  <si>
    <t>2042576.0</t>
  </si>
  <si>
    <t>248125908.0</t>
  </si>
  <si>
    <t>1166716.0</t>
  </si>
  <si>
    <t>1025009.0</t>
  </si>
  <si>
    <t>79105163.0</t>
  </si>
  <si>
    <t>68678838.0</t>
  </si>
  <si>
    <t>10426325.0</t>
  </si>
  <si>
    <t>3125512.0</t>
  </si>
  <si>
    <t>2653533.0</t>
  </si>
  <si>
    <t>2431229.0</t>
  </si>
  <si>
    <t>249019657.0</t>
  </si>
  <si>
    <t>893749.0</t>
  </si>
  <si>
    <t>176.915</t>
  </si>
  <si>
    <t>1022214.0</t>
  </si>
  <si>
    <t>83110926.0</t>
  </si>
  <si>
    <t>72277309.0</t>
  </si>
  <si>
    <t>10833617.0</t>
  </si>
  <si>
    <t>4005763.0</t>
  </si>
  <si>
    <t>3142510.0</t>
  </si>
  <si>
    <t>2866559.0</t>
  </si>
  <si>
    <t>250231269.0</t>
  </si>
  <si>
    <t>177.776</t>
  </si>
  <si>
    <t>1083035.0</t>
  </si>
  <si>
    <t>87077474.0</t>
  </si>
  <si>
    <t>75937015.0</t>
  </si>
  <si>
    <t>11140459.0</t>
  </si>
  <si>
    <t>3966548.0</t>
  </si>
  <si>
    <t>3431874.0</t>
  </si>
  <si>
    <t>3135426.0</t>
  </si>
  <si>
    <t>251439598.0</t>
  </si>
  <si>
    <t>1208329.0</t>
  </si>
  <si>
    <t>178.635</t>
  </si>
  <si>
    <t>1109523.0</t>
  </si>
  <si>
    <t>90198673.0</t>
  </si>
  <si>
    <t>78763027.0</t>
  </si>
  <si>
    <t>11435646.0</t>
  </si>
  <si>
    <t>3121199.0</t>
  </si>
  <si>
    <t>3582968.0</t>
  </si>
  <si>
    <t>3282832.0</t>
  </si>
  <si>
    <t>252677379.0</t>
  </si>
  <si>
    <t>1237781.0</t>
  </si>
  <si>
    <t>179.514</t>
  </si>
  <si>
    <t>1125537.0</t>
  </si>
  <si>
    <t>94334262.0</t>
  </si>
  <si>
    <t>82456522.0</t>
  </si>
  <si>
    <t>11877740.0</t>
  </si>
  <si>
    <t>4135589.0</t>
  </si>
  <si>
    <t>3649303.0</t>
  </si>
  <si>
    <t>3329675.0</t>
  </si>
  <si>
    <t>254041584.0</t>
  </si>
  <si>
    <t>1364205.0</t>
  </si>
  <si>
    <t>180.483</t>
  </si>
  <si>
    <t>1161285.0</t>
  </si>
  <si>
    <t>98075160.0</t>
  </si>
  <si>
    <t>85763852.0</t>
  </si>
  <si>
    <t>12311308.0</t>
  </si>
  <si>
    <t>3740898.0</t>
  </si>
  <si>
    <t>3574409.0</t>
  </si>
  <si>
    <t>3240323.0</t>
  </si>
  <si>
    <t>255214803.0</t>
  </si>
  <si>
    <t>1173219.0</t>
  </si>
  <si>
    <t>181.317</t>
  </si>
  <si>
    <t>1179373.0</t>
  </si>
  <si>
    <t>101595147.0</t>
  </si>
  <si>
    <t>88885961.0</t>
  </si>
  <si>
    <t>12709186.0</t>
  </si>
  <si>
    <t>3519987.0</t>
  </si>
  <si>
    <t>3659357.0</t>
  </si>
  <si>
    <t>3306642.0</t>
  </si>
  <si>
    <t>256626850.0</t>
  </si>
  <si>
    <t>1412047.0</t>
  </si>
  <si>
    <t>182.32</t>
  </si>
  <si>
    <t>1214420.0</t>
  </si>
  <si>
    <t>104528565.0</t>
  </si>
  <si>
    <t>91587400.0</t>
  </si>
  <si>
    <t>12941165.0</t>
  </si>
  <si>
    <t>2933418.0</t>
  </si>
  <si>
    <t>3631915.0</t>
  </si>
  <si>
    <t>3272652.0</t>
  </si>
  <si>
    <t>257806986.0</t>
  </si>
  <si>
    <t>1180136.0</t>
  </si>
  <si>
    <t>183.158</t>
  </si>
  <si>
    <t>1255333.0</t>
  </si>
  <si>
    <t>108533085.0</t>
  </si>
  <si>
    <t>95043039.0</t>
  </si>
  <si>
    <t>13490046.0</t>
  </si>
  <si>
    <t>4004520.0</t>
  </si>
  <si>
    <t>3631737.0</t>
  </si>
  <si>
    <t>3252247.0</t>
  </si>
  <si>
    <t>259207108.0</t>
  </si>
  <si>
    <t>1400122.0</t>
  </si>
  <si>
    <t>184.153</t>
  </si>
  <si>
    <t>1282263.0</t>
  </si>
  <si>
    <t>111179578.0</t>
  </si>
  <si>
    <t>97301914.0</t>
  </si>
  <si>
    <t>13877664.0</t>
  </si>
  <si>
    <t>2646493.0</t>
  </si>
  <si>
    <t>3443158.0</t>
  </si>
  <si>
    <t>3052128.0</t>
  </si>
  <si>
    <t>260618866.0</t>
  </si>
  <si>
    <t>1411758.0</t>
  </si>
  <si>
    <t>185.156</t>
  </si>
  <si>
    <t>1311324.0</t>
  </si>
  <si>
    <t>114493238.0</t>
  </si>
  <si>
    <t>100179199.0</t>
  </si>
  <si>
    <t>14314039.0</t>
  </si>
  <si>
    <t>3313660.0</t>
  </si>
  <si>
    <t>3470652.0</t>
  </si>
  <si>
    <t>3059453.0</t>
  </si>
  <si>
    <t>262003415.0</t>
  </si>
  <si>
    <t>1384549.0</t>
  </si>
  <si>
    <t>186.14</t>
  </si>
  <si>
    <t>1332291.0</t>
  </si>
  <si>
    <t>117223509.0</t>
  </si>
  <si>
    <t>102349255.0</t>
  </si>
  <si>
    <t>14874254.0</t>
  </si>
  <si>
    <t>2730271.0</t>
  </si>
  <si>
    <t>3269892.0</t>
  </si>
  <si>
    <t>2841819.0</t>
  </si>
  <si>
    <t>263476625.0</t>
  </si>
  <si>
    <t>1473210.0</t>
  </si>
  <si>
    <t>187.186</t>
  </si>
  <si>
    <t>1347863.0</t>
  </si>
  <si>
    <t>119937641.0</t>
  </si>
  <si>
    <t>104408484.0</t>
  </si>
  <si>
    <t>15529157.0</t>
  </si>
  <si>
    <t>2714132.0</t>
  </si>
  <si>
    <t>3123212.0</t>
  </si>
  <si>
    <t>2663519.0</t>
  </si>
  <si>
    <t>264972022.0</t>
  </si>
  <si>
    <t>1495397.0</t>
  </si>
  <si>
    <t>188.249</t>
  </si>
  <si>
    <t>1393888.0</t>
  </si>
  <si>
    <t>122622590.0</t>
  </si>
  <si>
    <t>106431076.0</t>
  </si>
  <si>
    <t>16191514.0</t>
  </si>
  <si>
    <t>2684949.0</t>
  </si>
  <si>
    <t>3003920.0</t>
  </si>
  <si>
    <t>2506445.0</t>
  </si>
  <si>
    <t>266538416.0</t>
  </si>
  <si>
    <t>1566394.0</t>
  </si>
  <si>
    <t>189.362</t>
  </si>
  <si>
    <t>1415938.0</t>
  </si>
  <si>
    <t>123852566.0</t>
  </si>
  <si>
    <t>107371770.0</t>
  </si>
  <si>
    <t>16480796.0</t>
  </si>
  <si>
    <t>1229976.0</t>
  </si>
  <si>
    <t>2760572.0</t>
  </si>
  <si>
    <t>2254910.0</t>
  </si>
  <si>
    <t>267894549.0</t>
  </si>
  <si>
    <t>1356133.0</t>
  </si>
  <si>
    <t>190.325</t>
  </si>
  <si>
    <t>1441080.0</t>
  </si>
  <si>
    <t>127129113.0</t>
  </si>
  <si>
    <t>109659181.0</t>
  </si>
  <si>
    <t>17469932.0</t>
  </si>
  <si>
    <t>3276547.0</t>
  </si>
  <si>
    <t>2656575.0</t>
  </si>
  <si>
    <t>2088020.0</t>
  </si>
  <si>
    <t>269414035.0</t>
  </si>
  <si>
    <t>1519486.0</t>
  </si>
  <si>
    <t>191.404</t>
  </si>
  <si>
    <t>1458132.0</t>
  </si>
  <si>
    <t>2458290.0</t>
  </si>
  <si>
    <t>1909194.0</t>
  </si>
  <si>
    <t>271053392.0</t>
  </si>
  <si>
    <t>1639357.0</t>
  </si>
  <si>
    <t>192.569</t>
  </si>
  <si>
    <t>1490647.0</t>
  </si>
  <si>
    <t>129646105.0</t>
  </si>
  <si>
    <t>111673361.0</t>
  </si>
  <si>
    <t>17972744.0</t>
  </si>
  <si>
    <t>2164695.0</t>
  </si>
  <si>
    <t>1642023.0</t>
  </si>
  <si>
    <t>272705103.0</t>
  </si>
  <si>
    <t>1651711.0</t>
  </si>
  <si>
    <t>193.743</t>
  </si>
  <si>
    <t>1528813.0</t>
  </si>
  <si>
    <t>132754608.0</t>
  </si>
  <si>
    <t>113584269.0</t>
  </si>
  <si>
    <t>19170339.0</t>
  </si>
  <si>
    <t>3108503.0</t>
  </si>
  <si>
    <t>2218728.0</t>
  </si>
  <si>
    <t>1605002.0</t>
  </si>
  <si>
    <t>274445653.0</t>
  </si>
  <si>
    <t>1740550.0</t>
  </si>
  <si>
    <t>194.979</t>
  </si>
  <si>
    <t>1567004.0</t>
  </si>
  <si>
    <t>2137213.0</t>
  </si>
  <si>
    <t>1511338.0</t>
  </si>
  <si>
    <t>276199222.0</t>
  </si>
  <si>
    <t>1753569.0</t>
  </si>
  <si>
    <t>196.225</t>
  </si>
  <si>
    <t>1603886.0</t>
  </si>
  <si>
    <t>2059866.0</t>
  </si>
  <si>
    <t>1422907.0</t>
  </si>
  <si>
    <t>277918810.0</t>
  </si>
  <si>
    <t>1719588.0</t>
  </si>
  <si>
    <t>197.447</t>
  </si>
  <si>
    <t>1625771.0</t>
  </si>
  <si>
    <t>139185173.0</t>
  </si>
  <si>
    <t>117795008.0</t>
  </si>
  <si>
    <t>21390165.0</t>
  </si>
  <si>
    <t>2190372.0</t>
  </si>
  <si>
    <t>1489034.0</t>
  </si>
  <si>
    <t>279321177.0</t>
  </si>
  <si>
    <t>1402367.0</t>
  </si>
  <si>
    <t>1632375.0</t>
  </si>
  <si>
    <t>142524947.0</t>
  </si>
  <si>
    <t>119886252.0</t>
  </si>
  <si>
    <t>22638695.0</t>
  </si>
  <si>
    <t>3339774.0</t>
  </si>
  <si>
    <t>2199405.0</t>
  </si>
  <si>
    <t>1461010.0</t>
  </si>
  <si>
    <t>280979877.0</t>
  </si>
  <si>
    <t>1658700.0</t>
  </si>
  <si>
    <t>199.621</t>
  </si>
  <si>
    <t>1652263.0</t>
  </si>
  <si>
    <t>144879233.0</t>
  </si>
  <si>
    <t>121263287.0</t>
  </si>
  <si>
    <t>23615946.0</t>
  </si>
  <si>
    <t>2354286.0</t>
  </si>
  <si>
    <t>2355946.0</t>
  </si>
  <si>
    <t>1513859.0</t>
  </si>
  <si>
    <t>282703789.0</t>
  </si>
  <si>
    <t>1723912.0</t>
  </si>
  <si>
    <t>200.846</t>
  </si>
  <si>
    <t>1664342.0</t>
  </si>
  <si>
    <t>147053392.0</t>
  </si>
  <si>
    <t>122538179.0</t>
  </si>
  <si>
    <t>24515213.0</t>
  </si>
  <si>
    <t>2174159.0</t>
  </si>
  <si>
    <t>2486755.0</t>
  </si>
  <si>
    <t>1552117.0</t>
  </si>
  <si>
    <t>284471979.0</t>
  </si>
  <si>
    <t>1768190.0</t>
  </si>
  <si>
    <t>202.102</t>
  </si>
  <si>
    <t>1680982.0</t>
  </si>
  <si>
    <t>149268772.0</t>
  </si>
  <si>
    <t>123811908.0</t>
  </si>
  <si>
    <t>25456864.0</t>
  </si>
  <si>
    <t>2215380.0</t>
  </si>
  <si>
    <t>2359166.0</t>
  </si>
  <si>
    <t>1461091.0</t>
  </si>
  <si>
    <t>286392086.0</t>
  </si>
  <si>
    <t>1920107.0</t>
  </si>
  <si>
    <t>203.466</t>
  </si>
  <si>
    <t>1706633.0</t>
  </si>
  <si>
    <t>151998107.0</t>
  </si>
  <si>
    <t>125376952.0</t>
  </si>
  <si>
    <t>26621155.0</t>
  </si>
  <si>
    <t>2729335.0</t>
  </si>
  <si>
    <t>2442854.0</t>
  </si>
  <si>
    <t>1484158.0</t>
  </si>
  <si>
    <t>288337385.0</t>
  </si>
  <si>
    <t>1945299.0</t>
  </si>
  <si>
    <t>204.849</t>
  </si>
  <si>
    <t>1734023.0</t>
  </si>
  <si>
    <t>153626325.0</t>
  </si>
  <si>
    <t>126328970.0</t>
  </si>
  <si>
    <t>27297355.0</t>
  </si>
  <si>
    <t>1628218.0</t>
  </si>
  <si>
    <t>2369239.0</t>
  </si>
  <si>
    <t>1419649.0</t>
  </si>
  <si>
    <t>290142339.0</t>
  </si>
  <si>
    <t>1804954.0</t>
  </si>
  <si>
    <t>206.131</t>
  </si>
  <si>
    <t>1746218.0</t>
  </si>
  <si>
    <t>154211511.0</t>
  </si>
  <si>
    <t>126704151.0</t>
  </si>
  <si>
    <t>27507360.0</t>
  </si>
  <si>
    <t>585186.0</t>
  </si>
  <si>
    <t>2146620.0</t>
  </si>
  <si>
    <t>1272735.0</t>
  </si>
  <si>
    <t>291647037.0</t>
  </si>
  <si>
    <t>1760837.0</t>
  </si>
  <si>
    <t>156082136.0</t>
  </si>
  <si>
    <t>127696675.0</t>
  </si>
  <si>
    <t>28385461.0</t>
  </si>
  <si>
    <t>1870625.0</t>
  </si>
  <si>
    <t>1936741.0</t>
  </si>
  <si>
    <t>1115775.0</t>
  </si>
  <si>
    <t>293310779.0</t>
  </si>
  <si>
    <t>1663742.0</t>
  </si>
  <si>
    <t>208.382</t>
  </si>
  <si>
    <t>1761557.0</t>
  </si>
  <si>
    <t>157750752.0</t>
  </si>
  <si>
    <t>128627919.0</t>
  </si>
  <si>
    <t>29122833.0</t>
  </si>
  <si>
    <t>1668616.0</t>
  </si>
  <si>
    <t>1838788.0</t>
  </si>
  <si>
    <t>1052090.0</t>
  </si>
  <si>
    <t>294852078.0</t>
  </si>
  <si>
    <t>1541299.0</t>
  </si>
  <si>
    <t>209.477</t>
  </si>
  <si>
    <t>1735470.0</t>
  </si>
  <si>
    <t>159931238.0</t>
  </si>
  <si>
    <t>129730641.0</t>
  </si>
  <si>
    <t>30200597.0</t>
  </si>
  <si>
    <t>2180486.0</t>
  </si>
  <si>
    <t>1839692.0</t>
  </si>
  <si>
    <t>1027495.0</t>
  </si>
  <si>
    <t>296775209.0</t>
  </si>
  <si>
    <t>1923131.0</t>
  </si>
  <si>
    <t>210.843</t>
  </si>
  <si>
    <t>1757604.0</t>
  </si>
  <si>
    <t>162603603.0</t>
  </si>
  <si>
    <t>131058890.0</t>
  </si>
  <si>
    <t>31544713.0</t>
  </si>
  <si>
    <t>2672365.0</t>
  </si>
  <si>
    <t>1904976.0</t>
  </si>
  <si>
    <t>1035283.0</t>
  </si>
  <si>
    <t>298601699.0</t>
  </si>
  <si>
    <t>1826490.0</t>
  </si>
  <si>
    <t>212.141</t>
  </si>
  <si>
    <t>1744230.0</t>
  </si>
  <si>
    <t>165190000.0</t>
  </si>
  <si>
    <t>132294827.0</t>
  </si>
  <si>
    <t>32895173.0</t>
  </si>
  <si>
    <t>2586397.0</t>
  </si>
  <si>
    <t>1884556.0</t>
  </si>
  <si>
    <t>988268.0</t>
  </si>
  <si>
    <t>300410043.0</t>
  </si>
  <si>
    <t>1808344.0</t>
  </si>
  <si>
    <t>213.426</t>
  </si>
  <si>
    <t>1724665.0</t>
  </si>
  <si>
    <t>167493857.0</t>
  </si>
  <si>
    <t>133366482.0</t>
  </si>
  <si>
    <t>34127375.0</t>
  </si>
  <si>
    <t>2303857.0</t>
  </si>
  <si>
    <t>1981076.0</t>
  </si>
  <si>
    <t>1005359.0</t>
  </si>
  <si>
    <t>302275471.0</t>
  </si>
  <si>
    <t>1865428.0</t>
  </si>
  <si>
    <t>214.751</t>
  </si>
  <si>
    <t>1733305.0</t>
  </si>
  <si>
    <t>168304868.0</t>
  </si>
  <si>
    <t>133854676.0</t>
  </si>
  <si>
    <t>34450192.0</t>
  </si>
  <si>
    <t>811011.0</t>
  </si>
  <si>
    <t>2013337.0</t>
  </si>
  <si>
    <t>1021504.0</t>
  </si>
  <si>
    <t>303750077.0</t>
  </si>
  <si>
    <t>1474606.0</t>
  </si>
  <si>
    <t>215.798</t>
  </si>
  <si>
    <t>1729006.0</t>
  </si>
  <si>
    <t>171098918.0</t>
  </si>
  <si>
    <t>135192013.0</t>
  </si>
  <si>
    <t>35906905.0</t>
  </si>
  <si>
    <t>2794050.0</t>
  </si>
  <si>
    <t>2145255.0</t>
  </si>
  <si>
    <t>1070763.0</t>
  </si>
  <si>
    <t>305600187.0</t>
  </si>
  <si>
    <t>1850110.0</t>
  </si>
  <si>
    <t>217.113</t>
  </si>
  <si>
    <t>1755630.0</t>
  </si>
  <si>
    <t>173862643.0</t>
  </si>
  <si>
    <t>136557345.0</t>
  </si>
  <si>
    <t>37305298.0</t>
  </si>
  <si>
    <t>2763725.0</t>
  </si>
  <si>
    <t>2301699.0</t>
  </si>
  <si>
    <t>1132775.0</t>
  </si>
  <si>
    <t>307583991.0</t>
  </si>
  <si>
    <t>1983804.0</t>
  </si>
  <si>
    <t>218.522</t>
  </si>
  <si>
    <t>1818845.0</t>
  </si>
  <si>
    <t>176045577.0</t>
  </si>
  <si>
    <t>137805245.0</t>
  </si>
  <si>
    <t>38240332.0</t>
  </si>
  <si>
    <t>2182934.0</t>
  </si>
  <si>
    <t>2302048.0</t>
  </si>
  <si>
    <t>1153515.0</t>
  </si>
  <si>
    <t>309448585.0</t>
  </si>
  <si>
    <t>1864594.0</t>
  </si>
  <si>
    <t>219.847</t>
  </si>
  <si>
    <t>1810482.0</t>
  </si>
  <si>
    <t>178361846.0</t>
  </si>
  <si>
    <t>139087590.0</t>
  </si>
  <si>
    <t>39274256.0</t>
  </si>
  <si>
    <t>2316269.0</t>
  </si>
  <si>
    <t>2251178.0</t>
  </si>
  <si>
    <t>1146957.0</t>
  </si>
  <si>
    <t>311324100.0</t>
  </si>
  <si>
    <t>1875515.0</t>
  </si>
  <si>
    <t>221.179</t>
  </si>
  <si>
    <t>1817486.0</t>
  </si>
  <si>
    <t>179646413.0</t>
  </si>
  <si>
    <t>139861462.0</t>
  </si>
  <si>
    <t>39784951.0</t>
  </si>
  <si>
    <t>1284567.0</t>
  </si>
  <si>
    <t>2065202.0</t>
  </si>
  <si>
    <t>1080948.0</t>
  </si>
  <si>
    <t>313017193.0</t>
  </si>
  <si>
    <t>1693093.0</t>
  </si>
  <si>
    <t>222.382</t>
  </si>
  <si>
    <t>1801021.0</t>
  </si>
  <si>
    <t>181544536.0</t>
  </si>
  <si>
    <t>141132112.0</t>
  </si>
  <si>
    <t>40412424.0</t>
  </si>
  <si>
    <t>1898123.0</t>
  </si>
  <si>
    <t>2007240.0</t>
  </si>
  <si>
    <t>1109376.0</t>
  </si>
  <si>
    <t>1777851.0</t>
  </si>
  <si>
    <t>182251006.0</t>
  </si>
  <si>
    <t>141764335.0</t>
  </si>
  <si>
    <t>40486671.0</t>
  </si>
  <si>
    <t>1992305.0</t>
  </si>
  <si>
    <t>1129951.0</t>
  </si>
  <si>
    <t>316423658.0</t>
  </si>
  <si>
    <t>224.802</t>
  </si>
  <si>
    <t>1810512.0</t>
  </si>
  <si>
    <t>183817204.0</t>
  </si>
  <si>
    <t>143090218.0</t>
  </si>
  <si>
    <t>40726986.0</t>
  </si>
  <si>
    <t>1566198.0</t>
  </si>
  <si>
    <t>1816898.0</t>
  </si>
  <si>
    <t>1128315.0</t>
  </si>
  <si>
    <t>318292881.0</t>
  </si>
  <si>
    <t>1869223.0</t>
  </si>
  <si>
    <t>1813242.0</t>
  </si>
  <si>
    <t>185191602.0</t>
  </si>
  <si>
    <t>144270200.0</t>
  </si>
  <si>
    <t>40921402.0</t>
  </si>
  <si>
    <t>1374398.0</t>
  </si>
  <si>
    <t>1618423.0</t>
  </si>
  <si>
    <t>1101836.0</t>
  </si>
  <si>
    <t>320301177.0</t>
  </si>
  <si>
    <t>2008296.0</t>
  </si>
  <si>
    <t>227.557</t>
  </si>
  <si>
    <t>1816741.0</t>
  </si>
  <si>
    <t>186410600.0</t>
  </si>
  <si>
    <t>145333606.0</t>
  </si>
  <si>
    <t>41076994.0</t>
  </si>
  <si>
    <t>1218998.0</t>
  </si>
  <si>
    <t>1480718.0</t>
  </si>
  <si>
    <t>1075480.0</t>
  </si>
  <si>
    <t>322356187.0</t>
  </si>
  <si>
    <t>2055010.0</t>
  </si>
  <si>
    <t>229.017</t>
  </si>
  <si>
    <t>1843943.0</t>
  </si>
  <si>
    <t>187886885.0</t>
  </si>
  <si>
    <t>146624652.0</t>
  </si>
  <si>
    <t>41262233.0</t>
  </si>
  <si>
    <t>1476285.0</t>
  </si>
  <si>
    <t>1360720.0</t>
  </si>
  <si>
    <t>1076723.0</t>
  </si>
  <si>
    <t>324417870.0</t>
  </si>
  <si>
    <t>2061683.0</t>
  </si>
  <si>
    <t>230.482</t>
  </si>
  <si>
    <t>1870539.0</t>
  </si>
  <si>
    <t>1388325.0</t>
  </si>
  <si>
    <t>1151525.0</t>
  </si>
  <si>
    <t>326484155.0</t>
  </si>
  <si>
    <t>2066285.0</t>
  </si>
  <si>
    <t>1923852.0</t>
  </si>
  <si>
    <t>190842497.0</t>
  </si>
  <si>
    <t>149219616.0</t>
  </si>
  <si>
    <t>41622881.0</t>
  </si>
  <si>
    <t>1328280.0</t>
  </si>
  <si>
    <t>1155358.0</t>
  </si>
  <si>
    <t>328607937.0</t>
  </si>
  <si>
    <t>2123782.0</t>
  </si>
  <si>
    <t>233.459</t>
  </si>
  <si>
    <t>1983930.0</t>
  </si>
  <si>
    <t>191719240.0</t>
  </si>
  <si>
    <t>150033188.0</t>
  </si>
  <si>
    <t>41686052.0</t>
  </si>
  <si>
    <t>876743.0</t>
  </si>
  <si>
    <t>1352605.0</t>
  </si>
  <si>
    <t>1181265.0</t>
  </si>
  <si>
    <t>330536064.0</t>
  </si>
  <si>
    <t>1928127.0</t>
  </si>
  <si>
    <t>234.828</t>
  </si>
  <si>
    <t>2016058.0</t>
  </si>
  <si>
    <t>194165711.0</t>
  </si>
  <si>
    <t>152301505.0</t>
  </si>
  <si>
    <t>41864206.0</t>
  </si>
  <si>
    <t>2446471.0</t>
  </si>
  <si>
    <t>1315898.0</t>
  </si>
  <si>
    <t>332594176.0</t>
  </si>
  <si>
    <t>2058112.0</t>
  </si>
  <si>
    <t>236.291</t>
  </si>
  <si>
    <t>2043042.0</t>
  </si>
  <si>
    <t>195506779.0</t>
  </si>
  <si>
    <t>153511379.0</t>
  </si>
  <si>
    <t>41995400.0</t>
  </si>
  <si>
    <t>1341068.0</t>
  </si>
  <si>
    <t>1473597.0</t>
  </si>
  <si>
    <t>1320168.0</t>
  </si>
  <si>
    <t>334811496.0</t>
  </si>
  <si>
    <t>2217320.0</t>
  </si>
  <si>
    <t>237.866</t>
  </si>
  <si>
    <t>2072903.0</t>
  </si>
  <si>
    <t>198425615.0</t>
  </si>
  <si>
    <t>156189641.0</t>
  </si>
  <si>
    <t>42235974.0</t>
  </si>
  <si>
    <t>2918836.0</t>
  </si>
  <si>
    <t>1716431.0</t>
  </si>
  <si>
    <t>1550862.0</t>
  </si>
  <si>
    <t>336969353.0</t>
  </si>
  <si>
    <t>2157857.0</t>
  </si>
  <si>
    <t>239.399</t>
  </si>
  <si>
    <t>2087595.0</t>
  </si>
  <si>
    <t>201203166.0</t>
  </si>
  <si>
    <t>158783606.0</t>
  </si>
  <si>
    <t>42419560.0</t>
  </si>
  <si>
    <t>2777551.0</t>
  </si>
  <si>
    <t>1902326.0</t>
  </si>
  <si>
    <t>1736993.0</t>
  </si>
  <si>
    <t>339039861.0</t>
  </si>
  <si>
    <t>2070508.0</t>
  </si>
  <si>
    <t>2088856.0</t>
  </si>
  <si>
    <t>203166802.0</t>
  </si>
  <si>
    <t>160605562.0</t>
  </si>
  <si>
    <t>42561240.0</t>
  </si>
  <si>
    <t>1963636.0</t>
  </si>
  <si>
    <t>1971730.0</t>
  </si>
  <si>
    <t>1811918.0</t>
  </si>
  <si>
    <t>341119909.0</t>
  </si>
  <si>
    <t>2080048.0</t>
  </si>
  <si>
    <t>242.348</t>
  </si>
  <si>
    <t>2090822.0</t>
  </si>
  <si>
    <t>207088953.0</t>
  </si>
  <si>
    <t>164158704.0</t>
  </si>
  <si>
    <t>42930249.0</t>
  </si>
  <si>
    <t>3922151.0</t>
  </si>
  <si>
    <t>2320922.0</t>
  </si>
  <si>
    <t>2134155.0</t>
  </si>
  <si>
    <t>343183748.0</t>
  </si>
  <si>
    <t>2063839.0</t>
  </si>
  <si>
    <t>243.814</t>
  </si>
  <si>
    <t>2082259.0</t>
  </si>
  <si>
    <t>208665123.0</t>
  </si>
  <si>
    <t>165598013.0</t>
  </si>
  <si>
    <t>43067110.0</t>
  </si>
  <si>
    <t>1576170.0</t>
  </si>
  <si>
    <t>2420840.0</t>
  </si>
  <si>
    <t>2223546.0</t>
  </si>
  <si>
    <t>344866883.0</t>
  </si>
  <si>
    <t>1683135.0</t>
  </si>
  <si>
    <t>245.01</t>
  </si>
  <si>
    <t>2047260.0</t>
  </si>
  <si>
    <t>210449895.0</t>
  </si>
  <si>
    <t>167191085.0</t>
  </si>
  <si>
    <t>43258810.0</t>
  </si>
  <si>
    <t>1784772.0</t>
  </si>
  <si>
    <t>2326312.0</t>
  </si>
  <si>
    <t>2127083.0</t>
  </si>
  <si>
    <t>346792257.0</t>
  </si>
  <si>
    <t>1925374.0</t>
  </si>
  <si>
    <t>246.378</t>
  </si>
  <si>
    <t>2028297.0</t>
  </si>
  <si>
    <t>213135738.0</t>
  </si>
  <si>
    <t>169585180.0</t>
  </si>
  <si>
    <t>43550558.0</t>
  </si>
  <si>
    <t>2685843.0</t>
  </si>
  <si>
    <t>2518423.0</t>
  </si>
  <si>
    <t>2296257.0</t>
  </si>
  <si>
    <t>350057330.0</t>
  </si>
  <si>
    <t>3265073.0</t>
  </si>
  <si>
    <t>248.697</t>
  </si>
  <si>
    <t>2177976.0</t>
  </si>
  <si>
    <t>215678166.0</t>
  </si>
  <si>
    <t>171866824.0</t>
  </si>
  <si>
    <t>43811342.0</t>
  </si>
  <si>
    <t>2542428.0</t>
  </si>
  <si>
    <t>2464650.0</t>
  </si>
  <si>
    <t>2239598.0</t>
  </si>
  <si>
    <t>353782648.0</t>
  </si>
  <si>
    <t>3725318.0</t>
  </si>
  <si>
    <t>251.344</t>
  </si>
  <si>
    <t>2401899.0</t>
  </si>
  <si>
    <t>218344384.0</t>
  </si>
  <si>
    <t>174296917.0</t>
  </si>
  <si>
    <t>44047467.0</t>
  </si>
  <si>
    <t>2666218.0</t>
  </si>
  <si>
    <t>2448745.0</t>
  </si>
  <si>
    <t>2216187.0</t>
  </si>
  <si>
    <t>357433846.0</t>
  </si>
  <si>
    <t>3651198.0</t>
  </si>
  <si>
    <t>253.938</t>
  </si>
  <si>
    <t>2627712.0</t>
  </si>
  <si>
    <t>223607768.0</t>
  </si>
  <si>
    <t>179172948.0</t>
  </si>
  <si>
    <t>44434820.0</t>
  </si>
  <si>
    <t>5263384.0</t>
  </si>
  <si>
    <t>2920138.0</t>
  </si>
  <si>
    <t>2652484.0</t>
  </si>
  <si>
    <t>361174142.0</t>
  </si>
  <si>
    <t>3740296.0</t>
  </si>
  <si>
    <t>256.595</t>
  </si>
  <si>
    <t>2864890.0</t>
  </si>
  <si>
    <t>225571144.0</t>
  </si>
  <si>
    <t>180972102.0</t>
  </si>
  <si>
    <t>44599042.0</t>
  </si>
  <si>
    <t>1963376.0</t>
  </si>
  <si>
    <t>2640313.0</t>
  </si>
  <si>
    <t>2401914.0</t>
  </si>
  <si>
    <t>364746522.0</t>
  </si>
  <si>
    <t>3572380.0</t>
  </si>
  <si>
    <t>259.133</t>
  </si>
  <si>
    <t>3080396.0</t>
  </si>
  <si>
    <t>228041045.0</t>
  </si>
  <si>
    <t>183275704.0</t>
  </si>
  <si>
    <t>44765341.0</t>
  </si>
  <si>
    <t>2469901.0</t>
  </si>
  <si>
    <t>2767989.0</t>
  </si>
  <si>
    <t>2525384.0</t>
  </si>
  <si>
    <t>366334111.0</t>
  </si>
  <si>
    <t>1587589.0</t>
  </si>
  <si>
    <t>260.261</t>
  </si>
  <si>
    <t>3066747.0</t>
  </si>
  <si>
    <t>230490652.0</t>
  </si>
  <si>
    <t>185501579.0</t>
  </si>
  <si>
    <t>44989073.0</t>
  </si>
  <si>
    <t>2449607.0</t>
  </si>
  <si>
    <t>2862965.0</t>
  </si>
  <si>
    <t>2615785.0</t>
  </si>
  <si>
    <t>368207596.0</t>
  </si>
  <si>
    <t>1873485.0</t>
  </si>
  <si>
    <t>261.592</t>
  </si>
  <si>
    <t>3059334.0</t>
  </si>
  <si>
    <t>233680929.0</t>
  </si>
  <si>
    <t>188363894.0</t>
  </si>
  <si>
    <t>45317035.0</t>
  </si>
  <si>
    <t>3190277.0</t>
  </si>
  <si>
    <t>2935027.0</t>
  </si>
  <si>
    <t>2682673.0</t>
  </si>
  <si>
    <t>370193563.0</t>
  </si>
  <si>
    <t>1985967.0</t>
  </si>
  <si>
    <t>263.003</t>
  </si>
  <si>
    <t>2876605.0</t>
  </si>
  <si>
    <t>236856505.0</t>
  </si>
  <si>
    <t>191222380.0</t>
  </si>
  <si>
    <t>45634125.0</t>
  </si>
  <si>
    <t>3175576.0</t>
  </si>
  <si>
    <t>3025477.0</t>
  </si>
  <si>
    <t>2765079.0</t>
  </si>
  <si>
    <t>372198253.0</t>
  </si>
  <si>
    <t>2004690.0</t>
  </si>
  <si>
    <t>264.427</t>
  </si>
  <si>
    <t>2630801.0</t>
  </si>
  <si>
    <t>240281903.0</t>
  </si>
  <si>
    <t>194325996.0</t>
  </si>
  <si>
    <t>45955907.0</t>
  </si>
  <si>
    <t>3425398.0</t>
  </si>
  <si>
    <t>3133931.0</t>
  </si>
  <si>
    <t>2861297.0</t>
  </si>
  <si>
    <t>374242384.0</t>
  </si>
  <si>
    <t>2044131.0</t>
  </si>
  <si>
    <t>265.88</t>
  </si>
  <si>
    <t>2401220.0</t>
  </si>
  <si>
    <t>243703242.0</t>
  </si>
  <si>
    <t>197415653.0</t>
  </si>
  <si>
    <t>46287589.0</t>
  </si>
  <si>
    <t>3421339.0</t>
  </si>
  <si>
    <t>2870782.0</t>
  </si>
  <si>
    <t>2606101.0</t>
  </si>
  <si>
    <t>376232162.0</t>
  </si>
  <si>
    <t>1989778.0</t>
  </si>
  <si>
    <t>267.293</t>
  </si>
  <si>
    <t>2151146.0</t>
  </si>
  <si>
    <t>246188067.0</t>
  </si>
  <si>
    <t>199655293.0</t>
  </si>
  <si>
    <t>46532774.0</t>
  </si>
  <si>
    <t>2484825.0</t>
  </si>
  <si>
    <t>2945275.0</t>
  </si>
  <si>
    <t>2669027.0</t>
  </si>
  <si>
    <t>378132474.0</t>
  </si>
  <si>
    <t>1900312.0</t>
  </si>
  <si>
    <t>268.643</t>
  </si>
  <si>
    <t>1912279.0</t>
  </si>
  <si>
    <t>249430416.0</t>
  </si>
  <si>
    <t>202572835.0</t>
  </si>
  <si>
    <t>46857581.0</t>
  </si>
  <si>
    <t>3242349.0</t>
  </si>
  <si>
    <t>3055624.0</t>
  </si>
  <si>
    <t>2756733.0</t>
  </si>
  <si>
    <t>379624626.0</t>
  </si>
  <si>
    <t>1492152.0</t>
  </si>
  <si>
    <t>269.703</t>
  </si>
  <si>
    <t>1898645.0</t>
  </si>
  <si>
    <t>252760364.0</t>
  </si>
  <si>
    <t>205571046.0</t>
  </si>
  <si>
    <t>47189318.0</t>
  </si>
  <si>
    <t>3329948.0</t>
  </si>
  <si>
    <t>3181387.0</t>
  </si>
  <si>
    <t>2867067.0</t>
  </si>
  <si>
    <t>381375984.0</t>
  </si>
  <si>
    <t>1751358.0</t>
  </si>
  <si>
    <t>270.948</t>
  </si>
  <si>
    <t>1881198.0</t>
  </si>
  <si>
    <t>255305366.0</t>
  </si>
  <si>
    <t>207830971.0</t>
  </si>
  <si>
    <t>47474395.0</t>
  </si>
  <si>
    <t>2545002.0</t>
  </si>
  <si>
    <t>3089205.0</t>
  </si>
  <si>
    <t>2781011.0</t>
  </si>
  <si>
    <t>383306971.0</t>
  </si>
  <si>
    <t>1930987.0</t>
  </si>
  <si>
    <t>1873344.0</t>
  </si>
  <si>
    <t>258325900.0</t>
  </si>
  <si>
    <t>210442950.0</t>
  </si>
  <si>
    <t>47882950.0</t>
  </si>
  <si>
    <t>3020534.0</t>
  </si>
  <si>
    <t>3067056.0</t>
  </si>
  <si>
    <t>2745796.0</t>
  </si>
  <si>
    <t>385238220.0</t>
  </si>
  <si>
    <t>1931249.0</t>
  </si>
  <si>
    <t>273.691</t>
  </si>
  <si>
    <t>1862852.0</t>
  </si>
  <si>
    <t>262970250.0</t>
  </si>
  <si>
    <t>214553189.0</t>
  </si>
  <si>
    <t>48417061.0</t>
  </si>
  <si>
    <t>4644350.0</t>
  </si>
  <si>
    <t>3241192.0</t>
  </si>
  <si>
    <t>2889599.0</t>
  </si>
  <si>
    <t>387167696.0</t>
  </si>
  <si>
    <t>1929476.0</t>
  </si>
  <si>
    <t>275.062</t>
  </si>
  <si>
    <t>1846473.0</t>
  </si>
  <si>
    <t>266355940.0</t>
  </si>
  <si>
    <t>217542993.0</t>
  </si>
  <si>
    <t>48812947.0</t>
  </si>
  <si>
    <t>3385690.0</t>
  </si>
  <si>
    <t>3236100.0</t>
  </si>
  <si>
    <t>2875334.0</t>
  </si>
  <si>
    <t>389207637.0</t>
  </si>
  <si>
    <t>2039941.0</t>
  </si>
  <si>
    <t>276.512</t>
  </si>
  <si>
    <t>1853639.0</t>
  </si>
  <si>
    <t>270908312.0</t>
  </si>
  <si>
    <t>221493259.0</t>
  </si>
  <si>
    <t>49415053.0</t>
  </si>
  <si>
    <t>4552372.0</t>
  </si>
  <si>
    <t>3531464.0</t>
  </si>
  <si>
    <t>3119709.0</t>
  </si>
  <si>
    <t>391019083.0</t>
  </si>
  <si>
    <t>1811446.0</t>
  </si>
  <si>
    <t>277.798</t>
  </si>
  <si>
    <t>1840944.0</t>
  </si>
  <si>
    <t>274286599.0</t>
  </si>
  <si>
    <t>224541283.0</t>
  </si>
  <si>
    <t>49745316.0</t>
  </si>
  <si>
    <t>3378287.0</t>
  </si>
  <si>
    <t>3550883.0</t>
  </si>
  <si>
    <t>3138350.0</t>
  </si>
  <si>
    <t>392407782.0</t>
  </si>
  <si>
    <t>1388699.0</t>
  </si>
  <si>
    <t>278.785</t>
  </si>
  <si>
    <t>1826165.0</t>
  </si>
  <si>
    <t>283313942.0</t>
  </si>
  <si>
    <t>232744813.0</t>
  </si>
  <si>
    <t>50569129.0</t>
  </si>
  <si>
    <t>9027343.0</t>
  </si>
  <si>
    <t>4364797.0</t>
  </si>
  <si>
    <t>3881967.0</t>
  </si>
  <si>
    <t>394072142.0</t>
  </si>
  <si>
    <t>1664360.0</t>
  </si>
  <si>
    <t>279.968</t>
  </si>
  <si>
    <t>1813737.0</t>
  </si>
  <si>
    <t>289855456.0</t>
  </si>
  <si>
    <t>238586187.0</t>
  </si>
  <si>
    <t>51269269.0</t>
  </si>
  <si>
    <t>6541514.0</t>
  </si>
  <si>
    <t>4935727.0</t>
  </si>
  <si>
    <t>4393602.0</t>
  </si>
  <si>
    <t>395973198.0</t>
  </si>
  <si>
    <t>1901056.0</t>
  </si>
  <si>
    <t>281.318</t>
  </si>
  <si>
    <t>1809461.0</t>
  </si>
  <si>
    <t>293370338.0</t>
  </si>
  <si>
    <t>241720520.0</t>
  </si>
  <si>
    <t>51649818.0</t>
  </si>
  <si>
    <t>3514882.0</t>
  </si>
  <si>
    <t>5006348.0</t>
  </si>
  <si>
    <t>4468224.0</t>
  </si>
  <si>
    <t>397832667.0</t>
  </si>
  <si>
    <t>1859469.0</t>
  </si>
  <si>
    <t>282.639</t>
  </si>
  <si>
    <t>1799207.0</t>
  </si>
  <si>
    <t>300054027.0</t>
  </si>
  <si>
    <t>247652194.0</t>
  </si>
  <si>
    <t>52401833.0</t>
  </si>
  <si>
    <t>6683689.0</t>
  </si>
  <si>
    <t>5297682.0</t>
  </si>
  <si>
    <t>4728429.0</t>
  </si>
  <si>
    <t>399568448.0</t>
  </si>
  <si>
    <t>1735781.0</t>
  </si>
  <si>
    <t>283.872</t>
  </si>
  <si>
    <t>1771536.0</t>
  </si>
  <si>
    <t>306661528.0</t>
  </si>
  <si>
    <t>253359907.0</t>
  </si>
  <si>
    <t>53301621.0</t>
  </si>
  <si>
    <t>6607501.0</t>
  </si>
  <si>
    <t>5757941.0</t>
  </si>
  <si>
    <t>5116702.0</t>
  </si>
  <si>
    <t>401811892.0</t>
  </si>
  <si>
    <t>2243444.0</t>
  </si>
  <si>
    <t>285.466</t>
  </si>
  <si>
    <t>1800608.0</t>
  </si>
  <si>
    <t>314841384.0</t>
  </si>
  <si>
    <t>260253182.0</t>
  </si>
  <si>
    <t>54588202.0</t>
  </si>
  <si>
    <t>8179856.0</t>
  </si>
  <si>
    <t>6276153.0</t>
  </si>
  <si>
    <t>5537132.0</t>
  </si>
  <si>
    <t>404265101.0</t>
  </si>
  <si>
    <t>2453209.0</t>
  </si>
  <si>
    <t>287.209</t>
  </si>
  <si>
    <t>1892288.0</t>
  </si>
  <si>
    <t>318030412.0</t>
  </si>
  <si>
    <t>262916313.0</t>
  </si>
  <si>
    <t>55114099.0</t>
  </si>
  <si>
    <t>3189028.0</t>
  </si>
  <si>
    <t>6249116.0</t>
  </si>
  <si>
    <t>5482147.0</t>
  </si>
  <si>
    <t>406371279.0</t>
  </si>
  <si>
    <t>2106178.0</t>
  </si>
  <si>
    <t>288.705</t>
  </si>
  <si>
    <t>1994785.0</t>
  </si>
  <si>
    <t>321423578.0</t>
  </si>
  <si>
    <t>265545768.0</t>
  </si>
  <si>
    <t>55877810.0</t>
  </si>
  <si>
    <t>3393166.0</t>
  </si>
  <si>
    <t>5444234.0</t>
  </si>
  <si>
    <t>4685851.0</t>
  </si>
  <si>
    <t>408139287.0</t>
  </si>
  <si>
    <t>1768008.0</t>
  </si>
  <si>
    <t>289.961</t>
  </si>
  <si>
    <t>2009592.0</t>
  </si>
  <si>
    <t>327423913.0</t>
  </si>
  <si>
    <t>270178001.0</t>
  </si>
  <si>
    <t>57245912.0</t>
  </si>
  <si>
    <t>6000335.0</t>
  </si>
  <si>
    <t>5366922.0</t>
  </si>
  <si>
    <t>4513116.0</t>
  </si>
  <si>
    <t>410100044.0</t>
  </si>
  <si>
    <t>1960757.0</t>
  </si>
  <si>
    <t>291.354</t>
  </si>
  <si>
    <t>2018121.0</t>
  </si>
  <si>
    <t>329158139.0</t>
  </si>
  <si>
    <t>271410023.0</t>
  </si>
  <si>
    <t>57748116.0</t>
  </si>
  <si>
    <t>1734226.0</t>
  </si>
  <si>
    <t>5112543.0</t>
  </si>
  <si>
    <t>4241358.0</t>
  </si>
  <si>
    <t>412021494.0</t>
  </si>
  <si>
    <t>1921450.0</t>
  </si>
  <si>
    <t>292.72</t>
  </si>
  <si>
    <t>2026975.0</t>
  </si>
  <si>
    <t>334741649.0</t>
  </si>
  <si>
    <t>275693081.0</t>
  </si>
  <si>
    <t>59048568.0</t>
  </si>
  <si>
    <t>5583510.0</t>
  </si>
  <si>
    <t>4955375.0</t>
  </si>
  <si>
    <t>4005841.0</t>
  </si>
  <si>
    <t>414251520.0</t>
  </si>
  <si>
    <t>2230026.0</t>
  </si>
  <si>
    <t>294.304</t>
  </si>
  <si>
    <t>2097582.0</t>
  </si>
  <si>
    <t>335671794.0</t>
  </si>
  <si>
    <t>276339011.0</t>
  </si>
  <si>
    <t>59332783.0</t>
  </si>
  <si>
    <t>930145.0</t>
  </si>
  <si>
    <t>4144324.0</t>
  </si>
  <si>
    <t>3282729.0</t>
  </si>
  <si>
    <t>416416463.0</t>
  </si>
  <si>
    <t>2164943.0</t>
  </si>
  <si>
    <t>295.842</t>
  </si>
  <si>
    <t>2086367.0</t>
  </si>
  <si>
    <t>344300590.0</t>
  </si>
  <si>
    <t>282231365.0</t>
  </si>
  <si>
    <t>62069225.0</t>
  </si>
  <si>
    <t>8628796.0</t>
  </si>
  <si>
    <t>4208458.0</t>
  </si>
  <si>
    <t>418254953.0</t>
  </si>
  <si>
    <t>1838490.0</t>
  </si>
  <si>
    <t>297.148</t>
  </si>
  <si>
    <t>1998550.0</t>
  </si>
  <si>
    <t>347378550.0</t>
  </si>
  <si>
    <t>284455266.0</t>
  </si>
  <si>
    <t>62923284.0</t>
  </si>
  <si>
    <t>3077960.0</t>
  </si>
  <si>
    <t>4192591.0</t>
  </si>
  <si>
    <t>3076993.0</t>
  </si>
  <si>
    <t>419777457.0</t>
  </si>
  <si>
    <t>1522504.0</t>
  </si>
  <si>
    <t>298.23</t>
  </si>
  <si>
    <t>1915168.0</t>
  </si>
  <si>
    <t>351229497.0</t>
  </si>
  <si>
    <t>286751758.0</t>
  </si>
  <si>
    <t>64477739.0</t>
  </si>
  <si>
    <t>3850947.0</t>
  </si>
  <si>
    <t>4257988.0</t>
  </si>
  <si>
    <t>3029427.0</t>
  </si>
  <si>
    <t>421424881.0</t>
  </si>
  <si>
    <t>1647424.0</t>
  </si>
  <si>
    <t>1897942.0</t>
  </si>
  <si>
    <t>354307646.0</t>
  </si>
  <si>
    <t>288782557.0</t>
  </si>
  <si>
    <t>65525089.0</t>
  </si>
  <si>
    <t>3078149.0</t>
  </si>
  <si>
    <t>3840533.0</t>
  </si>
  <si>
    <t>2657794.0</t>
  </si>
  <si>
    <t>423332097.0</t>
  </si>
  <si>
    <t>1907216.0</t>
  </si>
  <si>
    <t>300.755</t>
  </si>
  <si>
    <t>1890293.0</t>
  </si>
  <si>
    <t>358070763.0</t>
  </si>
  <si>
    <t>291184757.0</t>
  </si>
  <si>
    <t>66886006.0</t>
  </si>
  <si>
    <t>3763117.0</t>
  </si>
  <si>
    <t>4130375.0</t>
  </si>
  <si>
    <t>2824962.0</t>
  </si>
  <si>
    <t>425225897.0</t>
  </si>
  <si>
    <t>1893800.0</t>
  </si>
  <si>
    <t>302.101</t>
  </si>
  <si>
    <t>1886343.0</t>
  </si>
  <si>
    <t>368991222.0</t>
  </si>
  <si>
    <t>298678913.0</t>
  </si>
  <si>
    <t>70312309.0</t>
  </si>
  <si>
    <t>10920459.0</t>
  </si>
  <si>
    <t>4892796.0</t>
  </si>
  <si>
    <t>3283690.0</t>
  </si>
  <si>
    <t>427016605.0</t>
  </si>
  <si>
    <t>1790708.0</t>
  </si>
  <si>
    <t>303.373</t>
  </si>
  <si>
    <t>1823584.0</t>
  </si>
  <si>
    <t>5262873.0</t>
  </si>
  <si>
    <t>3512314.0</t>
  </si>
  <si>
    <t>429041970.0</t>
  </si>
  <si>
    <t>2025365.0</t>
  </si>
  <si>
    <t>304.812</t>
  </si>
  <si>
    <t>1803644.0</t>
  </si>
  <si>
    <t>376032586.0</t>
  </si>
  <si>
    <t>303171498.0</t>
  </si>
  <si>
    <t>72861088.0</t>
  </si>
  <si>
    <t>4533142.0</t>
  </si>
  <si>
    <t>2991448.0</t>
  </si>
  <si>
    <t>430885470.0</t>
  </si>
  <si>
    <t>1843500.0</t>
  </si>
  <si>
    <t>306.121</t>
  </si>
  <si>
    <t>1804360.0</t>
  </si>
  <si>
    <t>377352501.0</t>
  </si>
  <si>
    <t>304018852.0</t>
  </si>
  <si>
    <t>73333649.0</t>
  </si>
  <si>
    <t>1319915.0</t>
  </si>
  <si>
    <t>4281993.0</t>
  </si>
  <si>
    <t>2794798.0</t>
  </si>
  <si>
    <t>432317813.0</t>
  </si>
  <si>
    <t>1432343.0</t>
  </si>
  <si>
    <t>307.139</t>
  </si>
  <si>
    <t>1791479.0</t>
  </si>
  <si>
    <t>381467646.0</t>
  </si>
  <si>
    <t>306612781.0</t>
  </si>
  <si>
    <t>74854865.0</t>
  </si>
  <si>
    <t>4115145.0</t>
  </si>
  <si>
    <t>4319736.0</t>
  </si>
  <si>
    <t>2837289.0</t>
  </si>
  <si>
    <t>434058138.0</t>
  </si>
  <si>
    <t>1740325.0</t>
  </si>
  <si>
    <t>308.375</t>
  </si>
  <si>
    <t>1804751.0</t>
  </si>
  <si>
    <t>387697935.0</t>
  </si>
  <si>
    <t>311387539.0</t>
  </si>
  <si>
    <t>76310396.0</t>
  </si>
  <si>
    <t>6230289.0</t>
  </si>
  <si>
    <t>4770041.0</t>
  </si>
  <si>
    <t>3229283.0</t>
  </si>
  <si>
    <t>435973639.0</t>
  </si>
  <si>
    <t>1915501.0</t>
  </si>
  <si>
    <t>309.736</t>
  </si>
  <si>
    <t>1805935.0</t>
  </si>
  <si>
    <t>391340491.0</t>
  </si>
  <si>
    <t>313529502.0</t>
  </si>
  <si>
    <t>77810989.0</t>
  </si>
  <si>
    <t>3642556.0</t>
  </si>
  <si>
    <t>4752818.0</t>
  </si>
  <si>
    <t>3192106.0</t>
  </si>
  <si>
    <t>438011958.0</t>
  </si>
  <si>
    <t>2038319.0</t>
  </si>
  <si>
    <t>311.184</t>
  </si>
  <si>
    <t>1826580.0</t>
  </si>
  <si>
    <t>395343767.0</t>
  </si>
  <si>
    <t>316116189.0</t>
  </si>
  <si>
    <t>79227578.0</t>
  </si>
  <si>
    <t>4003276.0</t>
  </si>
  <si>
    <t>3764649.0</t>
  </si>
  <si>
    <t>2491039.0</t>
  </si>
  <si>
    <t>440023239.0</t>
  </si>
  <si>
    <t>2011281.0</t>
  </si>
  <si>
    <t>312.613</t>
  </si>
  <si>
    <t>1858091.0</t>
  </si>
  <si>
    <t>399695879.0</t>
  </si>
  <si>
    <t>318665226.0</t>
  </si>
  <si>
    <t>81030653.0</t>
  </si>
  <si>
    <t>4352112.0</t>
  </si>
  <si>
    <t>3883425.0</t>
  </si>
  <si>
    <t>2534289.0</t>
  </si>
  <si>
    <t>442021954.0</t>
  </si>
  <si>
    <t>1998715.0</t>
  </si>
  <si>
    <t>314.033</t>
  </si>
  <si>
    <t>1854283.0</t>
  </si>
  <si>
    <t>404931715.0</t>
  </si>
  <si>
    <t>321893762.0</t>
  </si>
  <si>
    <t>83037953.0</t>
  </si>
  <si>
    <t>5235836.0</t>
  </si>
  <si>
    <t>4128447.0</t>
  </si>
  <si>
    <t>2674609.0</t>
  </si>
  <si>
    <t>443958663.0</t>
  </si>
  <si>
    <t>1936709.0</t>
  </si>
  <si>
    <t>315.409</t>
  </si>
  <si>
    <t>1867599.0</t>
  </si>
  <si>
    <t>4433794.0</t>
  </si>
  <si>
    <t>2874917.0</t>
  </si>
  <si>
    <t>445422256.0</t>
  </si>
  <si>
    <t>1463593.0</t>
  </si>
  <si>
    <t>316.449</t>
  </si>
  <si>
    <t>1872063.0</t>
  </si>
  <si>
    <t>411846401.0</t>
  </si>
  <si>
    <t>326392783.0</t>
  </si>
  <si>
    <t>85453618.0</t>
  </si>
  <si>
    <t>4339822.0</t>
  </si>
  <si>
    <t>2825715.0</t>
  </si>
  <si>
    <t>447341133.0</t>
  </si>
  <si>
    <t>1918877.0</t>
  </si>
  <si>
    <t>317.812</t>
  </si>
  <si>
    <t>1897571.0</t>
  </si>
  <si>
    <t>415472455.0</t>
  </si>
  <si>
    <t>328716212.0</t>
  </si>
  <si>
    <t>86756243.0</t>
  </si>
  <si>
    <t>3626054.0</t>
  </si>
  <si>
    <t>3967789.0</t>
  </si>
  <si>
    <t>2475525.0</t>
  </si>
  <si>
    <t>449193273.0</t>
  </si>
  <si>
    <t>1852140.0</t>
  </si>
  <si>
    <t>319.128</t>
  </si>
  <si>
    <t>1888519.0</t>
  </si>
  <si>
    <t>417851151.0</t>
  </si>
  <si>
    <t>330259212.0</t>
  </si>
  <si>
    <t>87591939.0</t>
  </si>
  <si>
    <t>2378696.0</t>
  </si>
  <si>
    <t>3787237.0</t>
  </si>
  <si>
    <t>2389959.0</t>
  </si>
  <si>
    <t>450911712.0</t>
  </si>
  <si>
    <t>1718439.0</t>
  </si>
  <si>
    <t>320.349</t>
  </si>
  <si>
    <t>1842822.0</t>
  </si>
  <si>
    <t>423417030.0</t>
  </si>
  <si>
    <t>333945151.0</t>
  </si>
  <si>
    <t>89471879.0</t>
  </si>
  <si>
    <t>5565879.0</t>
  </si>
  <si>
    <t>4010466.0</t>
  </si>
  <si>
    <t>2546995.0</t>
  </si>
  <si>
    <t>452939545.0</t>
  </si>
  <si>
    <t>2027833.0</t>
  </si>
  <si>
    <t>321.79</t>
  </si>
  <si>
    <t>1845187.0</t>
  </si>
  <si>
    <t>427882261.0</t>
  </si>
  <si>
    <t>336819816.0</t>
  </si>
  <si>
    <t>91062445.0</t>
  </si>
  <si>
    <t>4465231.0</t>
  </si>
  <si>
    <t>4026626.0</t>
  </si>
  <si>
    <t>2593513.0</t>
  </si>
  <si>
    <t>454570811.0</t>
  </si>
  <si>
    <t>1631266.0</t>
  </si>
  <si>
    <t>322.949</t>
  </si>
  <si>
    <t>1792694.0</t>
  </si>
  <si>
    <t>433150864.0</t>
  </si>
  <si>
    <t>340387695.0</t>
  </si>
  <si>
    <t>92763169.0</t>
  </si>
  <si>
    <t>5268603.0</t>
  </si>
  <si>
    <t>4031307.0</t>
  </si>
  <si>
    <t>2641990.0</t>
  </si>
  <si>
    <t>456289567.0</t>
  </si>
  <si>
    <t>1718756.0</t>
  </si>
  <si>
    <t>324.17</t>
  </si>
  <si>
    <t>1761558.0</t>
  </si>
  <si>
    <t>435196001.0</t>
  </si>
  <si>
    <t>341802707.0</t>
  </si>
  <si>
    <t>93393294.0</t>
  </si>
  <si>
    <t>2045137.0</t>
  </si>
  <si>
    <t>3829563.0</t>
  </si>
  <si>
    <t>2522776.0</t>
  </si>
  <si>
    <t>457444011.0</t>
  </si>
  <si>
    <t>1154444.0</t>
  </si>
  <si>
    <t>324.99</t>
  </si>
  <si>
    <t>1717394.0</t>
  </si>
  <si>
    <t>441912395.0</t>
  </si>
  <si>
    <t>346516149.0</t>
  </si>
  <si>
    <t>95396246.0</t>
  </si>
  <si>
    <t>6716394.0</t>
  </si>
  <si>
    <t>4295142.0</t>
  </si>
  <si>
    <t>2874767.0</t>
  </si>
  <si>
    <t>459164121.0</t>
  </si>
  <si>
    <t>1720110.0</t>
  </si>
  <si>
    <t>326.212</t>
  </si>
  <si>
    <t>1688998.0</t>
  </si>
  <si>
    <t>446156659.0</t>
  </si>
  <si>
    <t>349324061.0</t>
  </si>
  <si>
    <t>96832598.0</t>
  </si>
  <si>
    <t>4244264.0</t>
  </si>
  <si>
    <t>4383458.0</t>
  </si>
  <si>
    <t>2943978.0</t>
  </si>
  <si>
    <t>460900978.0</t>
  </si>
  <si>
    <t>1736857.0</t>
  </si>
  <si>
    <t>327.446</t>
  </si>
  <si>
    <t>1672529.0</t>
  </si>
  <si>
    <t>450706257.0</t>
  </si>
  <si>
    <t>352545271.0</t>
  </si>
  <si>
    <t>98160986.0</t>
  </si>
  <si>
    <t>4549598.0</t>
  </si>
  <si>
    <t>4693587.0</t>
  </si>
  <si>
    <t>3183723.0</t>
  </si>
  <si>
    <t>462629773.0</t>
  </si>
  <si>
    <t>1728795.0</t>
  </si>
  <si>
    <t>328.674</t>
  </si>
  <si>
    <t>1674009.0</t>
  </si>
  <si>
    <t>456033754.0</t>
  </si>
  <si>
    <t>356140739.0</t>
  </si>
  <si>
    <t>99893015.0</t>
  </si>
  <si>
    <t>5327497.0</t>
  </si>
  <si>
    <t>4659532.0</t>
  </si>
  <si>
    <t>3170798.0</t>
  </si>
  <si>
    <t>464650723.0</t>
  </si>
  <si>
    <t>2020950.0</t>
  </si>
  <si>
    <t>330.11</t>
  </si>
  <si>
    <t>1673025.0</t>
  </si>
  <si>
    <t>461518479.0</t>
  </si>
  <si>
    <t>359820313.0</t>
  </si>
  <si>
    <t>101698166.0</t>
  </si>
  <si>
    <t>5484725.0</t>
  </si>
  <si>
    <t>4805174.0</t>
  </si>
  <si>
    <t>3285785.0</t>
  </si>
  <si>
    <t>466427038.0</t>
  </si>
  <si>
    <t>1776315.0</t>
  </si>
  <si>
    <t>331.372</t>
  </si>
  <si>
    <t>1693747.0</t>
  </si>
  <si>
    <t>4817171.0</t>
  </si>
  <si>
    <t>3359965.0</t>
  </si>
  <si>
    <t>468216510.0</t>
  </si>
  <si>
    <t>1789472.0</t>
  </si>
  <si>
    <t>332.643</t>
  </si>
  <si>
    <t>472223639.0</t>
  </si>
  <si>
    <t>367994586.0</t>
  </si>
  <si>
    <t>104229053.0</t>
  </si>
  <si>
    <t>5289663.0</t>
  </si>
  <si>
    <t>3741697.0</t>
  </si>
  <si>
    <t>469645494.0</t>
  </si>
  <si>
    <t>1428984.0</t>
  </si>
  <si>
    <t>333.658</t>
  </si>
  <si>
    <t>1743069.0</t>
  </si>
  <si>
    <t>5263244.0</t>
  </si>
  <si>
    <t>3789492.0</t>
  </si>
  <si>
    <t>471294789.0</t>
  </si>
  <si>
    <t>1649295.0</t>
  </si>
  <si>
    <t>334.83</t>
  </si>
  <si>
    <t>1732953.0</t>
  </si>
  <si>
    <t>485286570.0</t>
  </si>
  <si>
    <t>378090597.0</t>
  </si>
  <si>
    <t>107195973.0</t>
  </si>
  <si>
    <t>5589987.0</t>
  </si>
  <si>
    <t>4109505.0</t>
  </si>
  <si>
    <t>473142307.0</t>
  </si>
  <si>
    <t>1847518.0</t>
  </si>
  <si>
    <t>336.143</t>
  </si>
  <si>
    <t>1748761.0</t>
  </si>
  <si>
    <t>489342295.0</t>
  </si>
  <si>
    <t>381126275.0</t>
  </si>
  <si>
    <t>108216020.0</t>
  </si>
  <si>
    <t>4055725.0</t>
  </si>
  <si>
    <t>5519434.0</t>
  </si>
  <si>
    <t>4083001.0</t>
  </si>
  <si>
    <t>474893363.0</t>
  </si>
  <si>
    <t>1751056.0</t>
  </si>
  <si>
    <t>337.387</t>
  </si>
  <si>
    <t>1751941.0</t>
  </si>
  <si>
    <t>495327595.0</t>
  </si>
  <si>
    <t>385631050.0</t>
  </si>
  <si>
    <t>109696545.0</t>
  </si>
  <si>
    <t>5985300.0</t>
  </si>
  <si>
    <t>5613406.0</t>
  </si>
  <si>
    <t>4212902.0</t>
  </si>
  <si>
    <t>476533650.0</t>
  </si>
  <si>
    <t>1640287.0</t>
  </si>
  <si>
    <t>338.552</t>
  </si>
  <si>
    <t>1697561.0</t>
  </si>
  <si>
    <t>501009609.0</t>
  </si>
  <si>
    <t>390041560.0</t>
  </si>
  <si>
    <t>110968049.0</t>
  </si>
  <si>
    <t>5682014.0</t>
  </si>
  <si>
    <t>5641590.0</t>
  </si>
  <si>
    <t>4317321.0</t>
  </si>
  <si>
    <t>478316964.0</t>
  </si>
  <si>
    <t>1783314.0</t>
  </si>
  <si>
    <t>339.819</t>
  </si>
  <si>
    <t>1698561.0</t>
  </si>
  <si>
    <t>506810492.0</t>
  </si>
  <si>
    <t>394378151.0</t>
  </si>
  <si>
    <t>112432341.0</t>
  </si>
  <si>
    <t>5800883.0</t>
  </si>
  <si>
    <t>5705633.0</t>
  </si>
  <si>
    <t>4352957.0</t>
  </si>
  <si>
    <t>480039185.0</t>
  </si>
  <si>
    <t>1722221.0</t>
  </si>
  <si>
    <t>341.043</t>
  </si>
  <si>
    <t>1688954.0</t>
  </si>
  <si>
    <t>508664759.0</t>
  </si>
  <si>
    <t>395667593.0</t>
  </si>
  <si>
    <t>112997166.0</t>
  </si>
  <si>
    <t>1854267.0</t>
  </si>
  <si>
    <t>5205874.0</t>
  </si>
  <si>
    <t>3953287.0</t>
  </si>
  <si>
    <t>481767232.0</t>
  </si>
  <si>
    <t>1728047.0</t>
  </si>
  <si>
    <t>342.27</t>
  </si>
  <si>
    <t>1731677.0</t>
  </si>
  <si>
    <t>514500268.0</t>
  </si>
  <si>
    <t>400158057.0</t>
  </si>
  <si>
    <t>114342211.0</t>
  </si>
  <si>
    <t>5835509.0</t>
  </si>
  <si>
    <t>5106452.0</t>
  </si>
  <si>
    <t>3873638.0</t>
  </si>
  <si>
    <t>483278545.0</t>
  </si>
  <si>
    <t>1511313.0</t>
  </si>
  <si>
    <t>343.344</t>
  </si>
  <si>
    <t>1711965.0</t>
  </si>
  <si>
    <t>519080524.0</t>
  </si>
  <si>
    <t>403596088.0</t>
  </si>
  <si>
    <t>115484436.0</t>
  </si>
  <si>
    <t>4580256.0</t>
  </si>
  <si>
    <t>4827708.0</t>
  </si>
  <si>
    <t>3643642.0</t>
  </si>
  <si>
    <t>485056507.0</t>
  </si>
  <si>
    <t>1777962.0</t>
  </si>
  <si>
    <t>344.607</t>
  </si>
  <si>
    <t>1702029.0</t>
  </si>
  <si>
    <t>523671019.0</t>
  </si>
  <si>
    <t>406980329.0</t>
  </si>
  <si>
    <t>116690690.0</t>
  </si>
  <si>
    <t>4590495.0</t>
  </si>
  <si>
    <t>4904103.0</t>
  </si>
  <si>
    <t>3693436.0</t>
  </si>
  <si>
    <t>487370196.0</t>
  </si>
  <si>
    <t>2313689.0</t>
  </si>
  <si>
    <t>346.251</t>
  </si>
  <si>
    <t>1782405.0</t>
  </si>
  <si>
    <t>4943267.0</t>
  </si>
  <si>
    <t>3754596.0</t>
  </si>
  <si>
    <t>489470779.0</t>
  </si>
  <si>
    <t>2100583.0</t>
  </si>
  <si>
    <t>347.743</t>
  </si>
  <si>
    <t>1848161.0</t>
  </si>
  <si>
    <t>536189903.0</t>
  </si>
  <si>
    <t>416846115.0</t>
  </si>
  <si>
    <t>119343788.0</t>
  </si>
  <si>
    <t>5025756.0</t>
  </si>
  <si>
    <t>3829222.0</t>
  </si>
  <si>
    <t>491700577.0</t>
  </si>
  <si>
    <t>2229798.0</t>
  </si>
  <si>
    <t>349.327</t>
  </si>
  <si>
    <t>1911945.0</t>
  </si>
  <si>
    <t>543846290.0</t>
  </si>
  <si>
    <t>422575401.0</t>
  </si>
  <si>
    <t>121270889.0</t>
  </si>
  <si>
    <t>7656387.0</t>
  </si>
  <si>
    <t>5290828.0</t>
  </si>
  <si>
    <t>4028179.0</t>
  </si>
  <si>
    <t>493624440.0</t>
  </si>
  <si>
    <t>1923863.0</t>
  </si>
  <si>
    <t>350.694</t>
  </si>
  <si>
    <t>1940751.0</t>
  </si>
  <si>
    <t>5502629.0</t>
  </si>
  <si>
    <t>4280142.0</t>
  </si>
  <si>
    <t>494805652.0</t>
  </si>
  <si>
    <t>1181212.0</t>
  </si>
  <si>
    <t>351.533</t>
  </si>
  <si>
    <t>1862631.0</t>
  </si>
  <si>
    <t>550520038.0</t>
  </si>
  <si>
    <t>428681772.0</t>
  </si>
  <si>
    <t>121838266.0</t>
  </si>
  <si>
    <t>5145681.0</t>
  </si>
  <si>
    <t>4074816.0</t>
  </si>
  <si>
    <t>496629524.0</t>
  </si>
  <si>
    <t>1823872.0</t>
  </si>
  <si>
    <t>352.829</t>
  </si>
  <si>
    <t>1907283.0</t>
  </si>
  <si>
    <t>556520316.0</t>
  </si>
  <si>
    <t>433454974.0</t>
  </si>
  <si>
    <t>123065342.0</t>
  </si>
  <si>
    <t>6000278.0</t>
  </si>
  <si>
    <t>5348542.0</t>
  </si>
  <si>
    <t>4265555.0</t>
  </si>
  <si>
    <t>498427083.0</t>
  </si>
  <si>
    <t>1797559.0</t>
  </si>
  <si>
    <t>354.106</t>
  </si>
  <si>
    <t>1910082.0</t>
  </si>
  <si>
    <t>562151515.0</t>
  </si>
  <si>
    <t>437698591.0</t>
  </si>
  <si>
    <t>124452924.0</t>
  </si>
  <si>
    <t>5631199.0</t>
  </si>
  <si>
    <t>5497214.0</t>
  </si>
  <si>
    <t>4388323.0</t>
  </si>
  <si>
    <t>500300840.0</t>
  </si>
  <si>
    <t>355.437</t>
  </si>
  <si>
    <t>1847235.0</t>
  </si>
  <si>
    <t>566595708.0</t>
  </si>
  <si>
    <t>441116044.0</t>
  </si>
  <si>
    <t>125479664.0</t>
  </si>
  <si>
    <t>4444193.0</t>
  </si>
  <si>
    <t>5237892.0</t>
  </si>
  <si>
    <t>4171832.0</t>
  </si>
  <si>
    <t>502699702.0</t>
  </si>
  <si>
    <t>2398862.0</t>
  </si>
  <si>
    <t>357.142</t>
  </si>
  <si>
    <t>1889846.0</t>
  </si>
  <si>
    <t>573205464.0</t>
  </si>
  <si>
    <t>446102199.0</t>
  </si>
  <si>
    <t>127103265.0</t>
  </si>
  <si>
    <t>6609756.0</t>
  </si>
  <si>
    <t>5287937.0</t>
  </si>
  <si>
    <t>4179441.0</t>
  </si>
  <si>
    <t>504576158.0</t>
  </si>
  <si>
    <t>1876456.0</t>
  </si>
  <si>
    <t>358.475</t>
  </si>
  <si>
    <t>1839369.0</t>
  </si>
  <si>
    <t>576365820.0</t>
  </si>
  <si>
    <t>448292884.0</t>
  </si>
  <si>
    <t>128072936.0</t>
  </si>
  <si>
    <t>3160356.0</t>
  </si>
  <si>
    <t>4645647.0</t>
  </si>
  <si>
    <t>3673926.0</t>
  </si>
  <si>
    <t>506256239.0</t>
  </si>
  <si>
    <t>1680081.0</t>
  </si>
  <si>
    <t>359.668</t>
  </si>
  <si>
    <t>1804543.0</t>
  </si>
  <si>
    <t>580771824.0</t>
  </si>
  <si>
    <t>451186857.0</t>
  </si>
  <si>
    <t>129584967.0</t>
  </si>
  <si>
    <t>4406004.0</t>
  </si>
  <si>
    <t>4798380.0</t>
  </si>
  <si>
    <t>3651182.0</t>
  </si>
  <si>
    <t>507551399.0</t>
  </si>
  <si>
    <t>1295160.0</t>
  </si>
  <si>
    <t>360.589</t>
  </si>
  <si>
    <t>1820821.0</t>
  </si>
  <si>
    <t>582239230.0</t>
  </si>
  <si>
    <t>452207578.0</t>
  </si>
  <si>
    <t>130031652.0</t>
  </si>
  <si>
    <t>1467406.0</t>
  </si>
  <si>
    <t>4531313.0</t>
  </si>
  <si>
    <t>3360829.0</t>
  </si>
  <si>
    <t>509391792.0</t>
  </si>
  <si>
    <t>1840393.0</t>
  </si>
  <si>
    <t>361.896</t>
  </si>
  <si>
    <t>1823181.0</t>
  </si>
  <si>
    <t>588731504.0</t>
  </si>
  <si>
    <t>456880623.0</t>
  </si>
  <si>
    <t>131850881.0</t>
  </si>
  <si>
    <t>6492274.0</t>
  </si>
  <si>
    <t>4601598.0</t>
  </si>
  <si>
    <t>3346521.0</t>
  </si>
  <si>
    <t>511184547.0</t>
  </si>
  <si>
    <t>1792755.0</t>
  </si>
  <si>
    <t>363.17</t>
  </si>
  <si>
    <t>1822495.0</t>
  </si>
  <si>
    <t>597923238.0</t>
  </si>
  <si>
    <t>463341344.0</t>
  </si>
  <si>
    <t>134581894.0</t>
  </si>
  <si>
    <t>9191734.0</t>
  </si>
  <si>
    <t>5110246.0</t>
  </si>
  <si>
    <t>3663250.0</t>
  </si>
  <si>
    <t>513129378.0</t>
  </si>
  <si>
    <t>1944831.0</t>
  </si>
  <si>
    <t>364.551</t>
  </si>
  <si>
    <t>1832648.0</t>
  </si>
  <si>
    <t>604391211.0</t>
  </si>
  <si>
    <t>468130627.0</t>
  </si>
  <si>
    <t>136260584.0</t>
  </si>
  <si>
    <t>6467973.0</t>
  </si>
  <si>
    <t>5399358.0</t>
  </si>
  <si>
    <t>3859226.0</t>
  </si>
  <si>
    <t>514954309.0</t>
  </si>
  <si>
    <t>1824931.0</t>
  </si>
  <si>
    <t>365.848</t>
  </si>
  <si>
    <t>1750658.0</t>
  </si>
  <si>
    <t>615540527.0</t>
  </si>
  <si>
    <t>476059071.0</t>
  </si>
  <si>
    <t>139481456.0</t>
  </si>
  <si>
    <t>11149316.0</t>
  </si>
  <si>
    <t>6047866.0</t>
  </si>
  <si>
    <t>4279553.0</t>
  </si>
  <si>
    <t>516887602.0</t>
  </si>
  <si>
    <t>1933293.0</t>
  </si>
  <si>
    <t>367.221</t>
  </si>
  <si>
    <t>1758778.0</t>
  </si>
  <si>
    <t>625864766.0</t>
  </si>
  <si>
    <t>483512657.0</t>
  </si>
  <si>
    <t>142352109.0</t>
  </si>
  <si>
    <t>10324239.0</t>
  </si>
  <si>
    <t>7071278.0</t>
  </si>
  <si>
    <t>5031396.0</t>
  </si>
  <si>
    <t>518642929.0</t>
  </si>
  <si>
    <t>1755327.0</t>
  </si>
  <si>
    <t>368.468</t>
  </si>
  <si>
    <t>1769527.0</t>
  </si>
  <si>
    <t>632587851.0</t>
  </si>
  <si>
    <t>488153607.0</t>
  </si>
  <si>
    <t>144434244.0</t>
  </si>
  <si>
    <t>6723085.0</t>
  </si>
  <si>
    <t>7402290.0</t>
  </si>
  <si>
    <t>5280964.0</t>
  </si>
  <si>
    <t>520146525.0</t>
  </si>
  <si>
    <t>1503596.0</t>
  </si>
  <si>
    <t>369.537</t>
  </si>
  <si>
    <t>1799304.0</t>
  </si>
  <si>
    <t>639305611.0</t>
  </si>
  <si>
    <t>493077195.0</t>
  </si>
  <si>
    <t>146228416.0</t>
  </si>
  <si>
    <t>6717760.0</t>
  </si>
  <si>
    <t>8152340.0</t>
  </si>
  <si>
    <t>5838517.0</t>
  </si>
  <si>
    <t>521541098.0</t>
  </si>
  <si>
    <t>1394573.0</t>
  </si>
  <si>
    <t>370.527</t>
  </si>
  <si>
    <t>1735615.0</t>
  </si>
  <si>
    <t>644799225.0</t>
  </si>
  <si>
    <t>497002083.0</t>
  </si>
  <si>
    <t>147797142.0</t>
  </si>
  <si>
    <t>5493614.0</t>
  </si>
  <si>
    <t>8009674.0</t>
  </si>
  <si>
    <t>5731637.0</t>
  </si>
  <si>
    <t>523184293.0</t>
  </si>
  <si>
    <t>1643195.0</t>
  </si>
  <si>
    <t>371.695</t>
  </si>
  <si>
    <t>1714249.0</t>
  </si>
  <si>
    <t>661576916.0</t>
  </si>
  <si>
    <t>509668131.0</t>
  </si>
  <si>
    <t>151908785.0</t>
  </si>
  <si>
    <t>16777691.0</t>
  </si>
  <si>
    <t>9093383.0</t>
  </si>
  <si>
    <t>6618112.0</t>
  </si>
  <si>
    <t>1675758.0</t>
  </si>
  <si>
    <t>669775627.0</t>
  </si>
  <si>
    <t>515627968.0</t>
  </si>
  <si>
    <t>154147659.0</t>
  </si>
  <si>
    <t>8198711.0</t>
  </si>
  <si>
    <t>9340631.0</t>
  </si>
  <si>
    <t>6785334.0</t>
  </si>
  <si>
    <t>526535068.0</t>
  </si>
  <si>
    <t>374.075</t>
  </si>
  <si>
    <t>1654394.0</t>
  </si>
  <si>
    <t>675654935.0</t>
  </si>
  <si>
    <t>519667854.0</t>
  </si>
  <si>
    <t>155987081.0</t>
  </si>
  <si>
    <t>5879308.0</t>
  </si>
  <si>
    <t>8587773.0</t>
  </si>
  <si>
    <t>6229826.0</t>
  </si>
  <si>
    <t>528240038.0</t>
  </si>
  <si>
    <t>1704970.0</t>
  </si>
  <si>
    <t>375.287</t>
  </si>
  <si>
    <t>1621777.0</t>
  </si>
  <si>
    <t>677744969.0</t>
  </si>
  <si>
    <t>521015869.0</t>
  </si>
  <si>
    <t>156729100.0</t>
  </si>
  <si>
    <t>2090034.0</t>
  </si>
  <si>
    <t>7411458.0</t>
  </si>
  <si>
    <t>5357602.0</t>
  </si>
  <si>
    <t>530058218.0</t>
  </si>
  <si>
    <t>1818180.0</t>
  </si>
  <si>
    <t>376.578</t>
  </si>
  <si>
    <t>1630756.0</t>
  </si>
  <si>
    <t>684515513.0</t>
  </si>
  <si>
    <t>525319361.0</t>
  </si>
  <si>
    <t>159196152.0</t>
  </si>
  <si>
    <t>6770544.0</t>
  </si>
  <si>
    <t>7418237.0</t>
  </si>
  <si>
    <t>5309393.0</t>
  </si>
  <si>
    <t>531468867.0</t>
  </si>
  <si>
    <t>1410649.0</t>
  </si>
  <si>
    <t>377.581</t>
  </si>
  <si>
    <t>1617477.0</t>
  </si>
  <si>
    <t>688453563.0</t>
  </si>
  <si>
    <t>527862293.0</t>
  </si>
  <si>
    <t>160591270.0</t>
  </si>
  <si>
    <t>3938050.0</t>
  </si>
  <si>
    <t>7021136.0</t>
  </si>
  <si>
    <t>4969300.0</t>
  </si>
  <si>
    <t>533189348.0</t>
  </si>
  <si>
    <t>1720481.0</t>
  </si>
  <si>
    <t>378.803</t>
  </si>
  <si>
    <t>1664036.0</t>
  </si>
  <si>
    <t>699668404.0</t>
  </si>
  <si>
    <t>536004002.0</t>
  </si>
  <si>
    <t>163664402.0</t>
  </si>
  <si>
    <t>11214841.0</t>
  </si>
  <si>
    <t>7838454.0</t>
  </si>
  <si>
    <t>5571703.0</t>
  </si>
  <si>
    <t>534943093.0</t>
  </si>
  <si>
    <t>1753745.0</t>
  </si>
  <si>
    <t>1679829.0</t>
  </si>
  <si>
    <t>710550810.0</t>
  </si>
  <si>
    <t>543462433.0</t>
  </si>
  <si>
    <t>167088377.0</t>
  </si>
  <si>
    <t>10882406.0</t>
  </si>
  <si>
    <t>6996271.0</t>
  </si>
  <si>
    <t>4827757.0</t>
  </si>
  <si>
    <t>536817243.0</t>
  </si>
  <si>
    <t>1874150.0</t>
  </si>
  <si>
    <t>381.38</t>
  </si>
  <si>
    <t>1708223.0</t>
  </si>
  <si>
    <t>720910239.0</t>
  </si>
  <si>
    <t>550694661.0</t>
  </si>
  <si>
    <t>170215578.0</t>
  </si>
  <si>
    <t>10359429.0</t>
  </si>
  <si>
    <t>7304945.0</t>
  </si>
  <si>
    <t>5009528.0</t>
  </si>
  <si>
    <t>538604854.0</t>
  </si>
  <si>
    <t>1787611.0</t>
  </si>
  <si>
    <t>382.65</t>
  </si>
  <si>
    <t>1724255.0</t>
  </si>
  <si>
    <t>724114731.0</t>
  </si>
  <si>
    <t>552964723.0</t>
  </si>
  <si>
    <t>171150008.0</t>
  </si>
  <si>
    <t>3204492.0</t>
  </si>
  <si>
    <t>6922828.0</t>
  </si>
  <si>
    <t>4756696.0</t>
  </si>
  <si>
    <t>540196989.0</t>
  </si>
  <si>
    <t>1592135.0</t>
  </si>
  <si>
    <t>1708136.0</t>
  </si>
  <si>
    <t>733428972.0</t>
  </si>
  <si>
    <t>558984568.0</t>
  </si>
  <si>
    <t>174444404.0</t>
  </si>
  <si>
    <t>9314241.0</t>
  </si>
  <si>
    <t>7954858.0</t>
  </si>
  <si>
    <t>5424100.0</t>
  </si>
  <si>
    <t>541805829.0</t>
  </si>
  <si>
    <t>1608840.0</t>
  </si>
  <si>
    <t>384.925</t>
  </si>
  <si>
    <t>1678230.0</t>
  </si>
  <si>
    <t>740278136.0</t>
  </si>
  <si>
    <t>563337272.0</t>
  </si>
  <si>
    <t>176940864.0</t>
  </si>
  <si>
    <t>6849164.0</t>
  </si>
  <si>
    <t>7966089.0</t>
  </si>
  <si>
    <t>5431130.0</t>
  </si>
  <si>
    <t>543014076.0</t>
  </si>
  <si>
    <t>1208247.0</t>
  </si>
  <si>
    <t>385.783</t>
  </si>
  <si>
    <t>1649316.0</t>
  </si>
  <si>
    <t>750284569.0</t>
  </si>
  <si>
    <t>570046655.0</t>
  </si>
  <si>
    <t>180237914.0</t>
  </si>
  <si>
    <t>10006433.0</t>
  </si>
  <si>
    <t>8833001.0</t>
  </si>
  <si>
    <t>6026337.0</t>
  </si>
  <si>
    <t>544444967.0</t>
  </si>
  <si>
    <t>1430891.0</t>
  </si>
  <si>
    <t>386.799</t>
  </si>
  <si>
    <t>1607946.0</t>
  </si>
  <si>
    <t>752714069.0</t>
  </si>
  <si>
    <t>571662310.0</t>
  </si>
  <si>
    <t>181051759.0</t>
  </si>
  <si>
    <t>2429500.0</t>
  </si>
  <si>
    <t>7577952.0</t>
  </si>
  <si>
    <t>5094044.0</t>
  </si>
  <si>
    <t>546055796.0</t>
  </si>
  <si>
    <t>1610829.0</t>
  </si>
  <si>
    <t>387.944</t>
  </si>
  <si>
    <t>1587529.0</t>
  </si>
  <si>
    <t>761350715.0</t>
  </si>
  <si>
    <t>576856263.0</t>
  </si>
  <si>
    <t>184494452.0</t>
  </si>
  <si>
    <t>8636646.0</t>
  </si>
  <si>
    <t>7257129.0</t>
  </si>
  <si>
    <t>4770547.0</t>
  </si>
  <si>
    <t>547701729.0</t>
  </si>
  <si>
    <t>1645933.0</t>
  </si>
  <si>
    <t>389.113</t>
  </si>
  <si>
    <t>1554927.0</t>
  </si>
  <si>
    <t>771341641.0</t>
  </si>
  <si>
    <t>582842108.0</t>
  </si>
  <si>
    <t>188499533.0</t>
  </si>
  <si>
    <t>9990926.0</t>
  </si>
  <si>
    <t>7204486.0</t>
  </si>
  <si>
    <t>4592492.0</t>
  </si>
  <si>
    <t>549229149.0</t>
  </si>
  <si>
    <t>1527420.0</t>
  </si>
  <si>
    <t>390.198</t>
  </si>
  <si>
    <t>1517756.0</t>
  </si>
  <si>
    <t>777387850.0</t>
  </si>
  <si>
    <t>586105233.0</t>
  </si>
  <si>
    <t>191282617.0</t>
  </si>
  <si>
    <t>6046209.0</t>
  </si>
  <si>
    <t>7610446.0</t>
  </si>
  <si>
    <t>4734359.0</t>
  </si>
  <si>
    <t>550780273.0</t>
  </si>
  <si>
    <t>1551124.0</t>
  </si>
  <si>
    <t>391.3</t>
  </si>
  <si>
    <t>1511898.0</t>
  </si>
  <si>
    <t>796015119.0</t>
  </si>
  <si>
    <t>597205296.0</t>
  </si>
  <si>
    <t>198809823.0</t>
  </si>
  <si>
    <t>18627269.0</t>
  </si>
  <si>
    <t>8940878.0</t>
  </si>
  <si>
    <t>5460104.0</t>
  </si>
  <si>
    <t>552340168.0</t>
  </si>
  <si>
    <t>1559895.0</t>
  </si>
  <si>
    <t>392.409</t>
  </si>
  <si>
    <t>1504906.0</t>
  </si>
  <si>
    <t>804778696.0</t>
  </si>
  <si>
    <t>602206789.0</t>
  </si>
  <si>
    <t>202571907.0</t>
  </si>
  <si>
    <t>8763577.0</t>
  </si>
  <si>
    <t>9214366.0</t>
  </si>
  <si>
    <t>5552788.0</t>
  </si>
  <si>
    <t>553621766.0</t>
  </si>
  <si>
    <t>1281598.0</t>
  </si>
  <si>
    <t>393.319</t>
  </si>
  <si>
    <t>1515384.0</t>
  </si>
  <si>
    <t>812232516.0</t>
  </si>
  <si>
    <t>606563237.0</t>
  </si>
  <si>
    <t>205669279.0</t>
  </si>
  <si>
    <t>7453820.0</t>
  </si>
  <si>
    <t>8849707.0</t>
  </si>
  <si>
    <t>5216655.0</t>
  </si>
  <si>
    <t>555035717.0</t>
  </si>
  <si>
    <t>1413951.0</t>
  </si>
  <si>
    <t>394.324</t>
  </si>
  <si>
    <t>1512964.0</t>
  </si>
  <si>
    <t>821836262.0</t>
  </si>
  <si>
    <t>612360533.0</t>
  </si>
  <si>
    <t>209475729.0</t>
  </si>
  <si>
    <t>9603746.0</t>
  </si>
  <si>
    <t>9874599.0</t>
  </si>
  <si>
    <t>5814032.0</t>
  </si>
  <si>
    <t>556754282.0</t>
  </si>
  <si>
    <t>1718565.0</t>
  </si>
  <si>
    <t>395.545</t>
  </si>
  <si>
    <t>1528355.0</t>
  </si>
  <si>
    <t>827297973.0</t>
  </si>
  <si>
    <t>615659928.0</t>
  </si>
  <si>
    <t>211638045.0</t>
  </si>
  <si>
    <t>5461711.0</t>
  </si>
  <si>
    <t>9421037.0</t>
  </si>
  <si>
    <t>5543381.0</t>
  </si>
  <si>
    <t>558367013.0</t>
  </si>
  <si>
    <t>1612731.0</t>
  </si>
  <si>
    <t>396.69</t>
  </si>
  <si>
    <t>1523612.0</t>
  </si>
  <si>
    <t>837239837.0</t>
  </si>
  <si>
    <t>621209052.0</t>
  </si>
  <si>
    <t>216030785.0</t>
  </si>
  <si>
    <t>9941864.0</t>
  </si>
  <si>
    <t>9414028.0</t>
  </si>
  <si>
    <t>5480992.0</t>
  </si>
  <si>
    <t>559932709.0</t>
  </si>
  <si>
    <t>1565696.0</t>
  </si>
  <si>
    <t>397.803</t>
  </si>
  <si>
    <t>1529080.0</t>
  </si>
  <si>
    <t>847653817.0</t>
  </si>
  <si>
    <t>627322598.0</t>
  </si>
  <si>
    <t>220331219.0</t>
  </si>
  <si>
    <t>10413980.0</t>
  </si>
  <si>
    <t>10037995.0</t>
  </si>
  <si>
    <t>5888195.0</t>
  </si>
  <si>
    <t>561661383.0</t>
  </si>
  <si>
    <t>1728674.0</t>
  </si>
  <si>
    <t>399.031</t>
  </si>
  <si>
    <t>1554444.0</t>
  </si>
  <si>
    <t>852156699.0</t>
  </si>
  <si>
    <t>629574531.0</t>
  </si>
  <si>
    <t>222582168.0</t>
  </si>
  <si>
    <t>4502882.0</t>
  </si>
  <si>
    <t>8020226.0</t>
  </si>
  <si>
    <t>4624176.0</t>
  </si>
  <si>
    <t>563243245.0</t>
  </si>
  <si>
    <t>1581862.0</t>
  </si>
  <si>
    <t>400.155</t>
  </si>
  <si>
    <t>1557582.0</t>
  </si>
  <si>
    <t>855791746.0</t>
  </si>
  <si>
    <t>631601656.0</t>
  </si>
  <si>
    <t>224190090.0</t>
  </si>
  <si>
    <t>3635047.0</t>
  </si>
  <si>
    <t>7287579.0</t>
  </si>
  <si>
    <t>4199267.0</t>
  </si>
  <si>
    <t>564408251.0</t>
  </si>
  <si>
    <t>1165006.0</t>
  </si>
  <si>
    <t>400.982</t>
  </si>
  <si>
    <t>1540926.0</t>
  </si>
  <si>
    <t>868774116.0</t>
  </si>
  <si>
    <t>639303166.0</t>
  </si>
  <si>
    <t>229470950.0</t>
  </si>
  <si>
    <t>12982370.0</t>
  </si>
  <si>
    <t>8077371.0</t>
  </si>
  <si>
    <t>4677133.0</t>
  </si>
  <si>
    <t>565730031.0</t>
  </si>
  <si>
    <t>1321780.0</t>
  </si>
  <si>
    <t>401.921</t>
  </si>
  <si>
    <t>1527759.0</t>
  </si>
  <si>
    <t>873244661.0</t>
  </si>
  <si>
    <t>641845931.0</t>
  </si>
  <si>
    <t>231398730.0</t>
  </si>
  <si>
    <t>4470545.0</t>
  </si>
  <si>
    <t>7344057.0</t>
  </si>
  <si>
    <t>4212200.0</t>
  </si>
  <si>
    <t>567450185.0</t>
  </si>
  <si>
    <t>1720154.0</t>
  </si>
  <si>
    <t>403.143</t>
  </si>
  <si>
    <t>1527986.0</t>
  </si>
  <si>
    <t>879692465.0</t>
  </si>
  <si>
    <t>645293313.0</t>
  </si>
  <si>
    <t>234399152.0</t>
  </si>
  <si>
    <t>6447804.0</t>
  </si>
  <si>
    <t>7484927.0</t>
  </si>
  <si>
    <t>4233341.0</t>
  </si>
  <si>
    <t>568956439.0</t>
  </si>
  <si>
    <t>1506254.0</t>
  </si>
  <si>
    <t>404.214</t>
  </si>
  <si>
    <t>1512775.0</t>
  </si>
  <si>
    <t>886425292.0</t>
  </si>
  <si>
    <t>648949043.0</t>
  </si>
  <si>
    <t>237476249.0</t>
  </si>
  <si>
    <t>6732827.0</t>
  </si>
  <si>
    <t>7026494.0</t>
  </si>
  <si>
    <t>3962856.0</t>
  </si>
  <si>
    <t>570477338.0</t>
  </si>
  <si>
    <t>1520899.0</t>
  </si>
  <si>
    <t>405.294</t>
  </si>
  <si>
    <t>1506376.0</t>
  </si>
  <si>
    <t>893203984.0</t>
  </si>
  <si>
    <t>652744197.0</t>
  </si>
  <si>
    <t>240459787.0</t>
  </si>
  <si>
    <t>6778692.0</t>
  </si>
  <si>
    <t>6507167.0</t>
  </si>
  <si>
    <t>3631657.0</t>
  </si>
  <si>
    <t>571994990.0</t>
  </si>
  <si>
    <t>1517652.0</t>
  </si>
  <si>
    <t>406.372</t>
  </si>
  <si>
    <t>1476230.0</t>
  </si>
  <si>
    <t>901004270.0</t>
  </si>
  <si>
    <t>656956299.0</t>
  </si>
  <si>
    <t>244047971.0</t>
  </si>
  <si>
    <t>7800286.0</t>
  </si>
  <si>
    <t>6978224.0</t>
  </si>
  <si>
    <t>3911681.0</t>
  </si>
  <si>
    <t>573260724.0</t>
  </si>
  <si>
    <t>1265734.0</t>
  </si>
  <si>
    <t>407.272</t>
  </si>
  <si>
    <t>1431068.0</t>
  </si>
  <si>
    <t>906155473.0</t>
  </si>
  <si>
    <t>659744381.0</t>
  </si>
  <si>
    <t>246411092.0</t>
  </si>
  <si>
    <t>5151203.0</t>
  </si>
  <si>
    <t>7194818.0</t>
  </si>
  <si>
    <t>4020389.0</t>
  </si>
  <si>
    <t>574252400.0</t>
  </si>
  <si>
    <t>991676.0</t>
  </si>
  <si>
    <t>407.976</t>
  </si>
  <si>
    <t>1406307.0</t>
  </si>
  <si>
    <t>911080329.0</t>
  </si>
  <si>
    <t>662266667.0</t>
  </si>
  <si>
    <t>248813662.0</t>
  </si>
  <si>
    <t>4924856.0</t>
  </si>
  <si>
    <t>6043745.0</t>
  </si>
  <si>
    <t>3280500.0</t>
  </si>
  <si>
    <t>575394042.0</t>
  </si>
  <si>
    <t>1141642.0</t>
  </si>
  <si>
    <t>408.787</t>
  </si>
  <si>
    <t>1380573.0</t>
  </si>
  <si>
    <t>918129250.0</t>
  </si>
  <si>
    <t>666078231.0</t>
  </si>
  <si>
    <t>252051019.0</t>
  </si>
  <si>
    <t>7048921.0</t>
  </si>
  <si>
    <t>6412084.0</t>
  </si>
  <si>
    <t>3461757.0</t>
  </si>
  <si>
    <t>576803867.0</t>
  </si>
  <si>
    <t>1409825.0</t>
  </si>
  <si>
    <t>409.789</t>
  </si>
  <si>
    <t>1336240.0</t>
  </si>
  <si>
    <t>923526951.0</t>
  </si>
  <si>
    <t>668975929.0</t>
  </si>
  <si>
    <t>254551022.0</t>
  </si>
  <si>
    <t>5397701.0</t>
  </si>
  <si>
    <t>6262069.0</t>
  </si>
  <si>
    <t>3383231.0</t>
  </si>
  <si>
    <t>578657484.0</t>
  </si>
  <si>
    <t>1853617.0</t>
  </si>
  <si>
    <t>411.106</t>
  </si>
  <si>
    <t>1385864.0</t>
  </si>
  <si>
    <t>927173859.0</t>
  </si>
  <si>
    <t>670864526.0</t>
  </si>
  <si>
    <t>256309333.0</t>
  </si>
  <si>
    <t>3646908.0</t>
  </si>
  <si>
    <t>5821224.0</t>
  </si>
  <si>
    <t>3130783.0</t>
  </si>
  <si>
    <t>580043190.0</t>
  </si>
  <si>
    <t>1385706.0</t>
  </si>
  <si>
    <t>412.09</t>
  </si>
  <si>
    <t>1366550.0</t>
  </si>
  <si>
    <t>935219767.0</t>
  </si>
  <si>
    <t>675161305.0</t>
  </si>
  <si>
    <t>260058462.0</t>
  </si>
  <si>
    <t>8045908.0</t>
  </si>
  <si>
    <t>6002255.0</t>
  </si>
  <si>
    <t>3202444.0</t>
  </si>
  <si>
    <t>581312481.0</t>
  </si>
  <si>
    <t>1269291.0</t>
  </si>
  <si>
    <t>412.992</t>
  </si>
  <si>
    <t>1331070.0</t>
  </si>
  <si>
    <t>943033918.0</t>
  </si>
  <si>
    <t>679245181.0</t>
  </si>
  <si>
    <t>263788737.0</t>
  </si>
  <si>
    <t>7814151.0</t>
  </si>
  <si>
    <t>6004235.0</t>
  </si>
  <si>
    <t>3184126.0</t>
  </si>
  <si>
    <t>582595693.0</t>
  </si>
  <si>
    <t>1283212.0</t>
  </si>
  <si>
    <t>413.904</t>
  </si>
  <si>
    <t>1333567.0</t>
  </si>
  <si>
    <t>951139832.0</t>
  </si>
  <si>
    <t>683498355.0</t>
  </si>
  <si>
    <t>267641477.0</t>
  </si>
  <si>
    <t>8105914.0</t>
  </si>
  <si>
    <t>6426337.0</t>
  </si>
  <si>
    <t>3393425.0</t>
  </si>
  <si>
    <t>583631490.0</t>
  </si>
  <si>
    <t>1035797.0</t>
  </si>
  <si>
    <t>414.639</t>
  </si>
  <si>
    <t>1339870.0</t>
  </si>
  <si>
    <t>954908095.0</t>
  </si>
  <si>
    <t>685337489.0</t>
  </si>
  <si>
    <t>269570606.0</t>
  </si>
  <si>
    <t>3768263.0</t>
  </si>
  <si>
    <t>6261109.0</t>
  </si>
  <si>
    <t>3295832.0</t>
  </si>
  <si>
    <t>585038043.0</t>
  </si>
  <si>
    <t>1406553.0</t>
  </si>
  <si>
    <t>415.639</t>
  </si>
  <si>
    <t>1377714.0</t>
  </si>
  <si>
    <t>961339629.0</t>
  </si>
  <si>
    <t>688686928.0</t>
  </si>
  <si>
    <t>272652701.0</t>
  </si>
  <si>
    <t>6431534.0</t>
  </si>
  <si>
    <t>6172911.0</t>
  </si>
  <si>
    <t>3229814.0</t>
  </si>
  <si>
    <t>586363442.0</t>
  </si>
  <si>
    <t>1325399.0</t>
  </si>
  <si>
    <t>416.58</t>
  </si>
  <si>
    <t>1365654.0</t>
  </si>
  <si>
    <t>965904347.0</t>
  </si>
  <si>
    <t>690968314.0</t>
  </si>
  <si>
    <t>274936033.0</t>
  </si>
  <si>
    <t>4564718.0</t>
  </si>
  <si>
    <t>6053914.0</t>
  </si>
  <si>
    <t>3141769.0</t>
  </si>
  <si>
    <t>587664525.0</t>
  </si>
  <si>
    <t>1301083.0</t>
  </si>
  <si>
    <t>417.505</t>
  </si>
  <si>
    <t>1286720.0</t>
  </si>
  <si>
    <t>968362051.0</t>
  </si>
  <si>
    <t>692134805.0</t>
  </si>
  <si>
    <t>276227246.0</t>
  </si>
  <si>
    <t>2457704.0</t>
  </si>
  <si>
    <t>5884027.0</t>
  </si>
  <si>
    <t>3038611.0</t>
  </si>
  <si>
    <t>588844673.0</t>
  </si>
  <si>
    <t>1180148.0</t>
  </si>
  <si>
    <t>418.343</t>
  </si>
  <si>
    <t>1257355.0</t>
  </si>
  <si>
    <t>971163447.0</t>
  </si>
  <si>
    <t>693416137.0</t>
  </si>
  <si>
    <t>277747310.0</t>
  </si>
  <si>
    <t>2801396.0</t>
  </si>
  <si>
    <t>5134811.0</t>
  </si>
  <si>
    <t>2607833.0</t>
  </si>
  <si>
    <t>589835258.0</t>
  </si>
  <si>
    <t>990585.0</t>
  </si>
  <si>
    <t>419.047</t>
  </si>
  <si>
    <t>1217540.0</t>
  </si>
  <si>
    <t>972686142.0</t>
  </si>
  <si>
    <t>693992112.0</t>
  </si>
  <si>
    <t>278694030.0</t>
  </si>
  <si>
    <t>1522695.0</t>
  </si>
  <si>
    <t>4236032.0</t>
  </si>
  <si>
    <t>2106704.0</t>
  </si>
  <si>
    <t>590935381.0</t>
  </si>
  <si>
    <t>1100123.0</t>
  </si>
  <si>
    <t>419.828</t>
  </si>
  <si>
    <t>1191384.0</t>
  </si>
  <si>
    <t>976344696.0</t>
  </si>
  <si>
    <t>695536360.0</t>
  </si>
  <si>
    <t>280808336.0</t>
  </si>
  <si>
    <t>3658554.0</t>
  </si>
  <si>
    <t>3600695.0</t>
  </si>
  <si>
    <t>1719715.0</t>
  </si>
  <si>
    <t>591924874.0</t>
  </si>
  <si>
    <t>989493.0</t>
  </si>
  <si>
    <t>420.531</t>
  </si>
  <si>
    <t>1184769.0</t>
  </si>
  <si>
    <t>978954738.0</t>
  </si>
  <si>
    <t>696638920.0</t>
  </si>
  <si>
    <t>282315818.0</t>
  </si>
  <si>
    <t>2610042.0</t>
  </si>
  <si>
    <t>3435235.0</t>
  </si>
  <si>
    <t>1614490.0</t>
  </si>
  <si>
    <t>593106188.0</t>
  </si>
  <si>
    <t>1181314.0</t>
  </si>
  <si>
    <t>421.371</t>
  </si>
  <si>
    <t>1152592.0</t>
  </si>
  <si>
    <t>987113051.0</t>
  </si>
  <si>
    <t>700140298.0</t>
  </si>
  <si>
    <t>286972753.0</t>
  </si>
  <si>
    <t>8158313.0</t>
  </si>
  <si>
    <t>3681917.0</t>
  </si>
  <si>
    <t>1636196.0</t>
  </si>
  <si>
    <t>594429890.0</t>
  </si>
  <si>
    <t>1323702.0</t>
  </si>
  <si>
    <t>422.311</t>
  </si>
  <si>
    <t>1152350.0</t>
  </si>
  <si>
    <t>997399032.0</t>
  </si>
  <si>
    <t>705846235.0</t>
  </si>
  <si>
    <t>291552797.0</t>
  </si>
  <si>
    <t>10285981.0</t>
  </si>
  <si>
    <t>4499241.0</t>
  </si>
  <si>
    <t>2125417.0</t>
  </si>
  <si>
    <t>595742218.0</t>
  </si>
  <si>
    <t>1312328.0</t>
  </si>
  <si>
    <t>423.243</t>
  </si>
  <si>
    <t>1153956.0</t>
  </si>
  <si>
    <t>1003204289.0</t>
  </si>
  <si>
    <t>709552033.0</t>
  </si>
  <si>
    <t>293652256.0</t>
  </si>
  <si>
    <t>5805257.0</t>
  </si>
  <si>
    <t>4977463.0</t>
  </si>
  <si>
    <t>2488175.0</t>
  </si>
  <si>
    <t>597066481.0</t>
  </si>
  <si>
    <t>1324263.0</t>
  </si>
  <si>
    <t>424.184</t>
  </si>
  <si>
    <t>1174544.0</t>
  </si>
  <si>
    <t>1009945663.0</t>
  </si>
  <si>
    <t>712404590.0</t>
  </si>
  <si>
    <t>297541073.0</t>
  </si>
  <si>
    <t>6741374.0</t>
  </si>
  <si>
    <t>5540317.0</t>
  </si>
  <si>
    <t>2712636.0</t>
  </si>
  <si>
    <t>598431162.0</t>
  </si>
  <si>
    <t>1364681.0</t>
  </si>
  <si>
    <t>425.154</t>
  </si>
  <si>
    <t>1227986.0</t>
  </si>
  <si>
    <t>1013637431.0</t>
  </si>
  <si>
    <t>714084133.0</t>
  </si>
  <si>
    <t>299553298.0</t>
  </si>
  <si>
    <t>3691768.0</t>
  </si>
  <si>
    <t>5850184.0</t>
  </si>
  <si>
    <t>2870289.0</t>
  </si>
  <si>
    <t>599771320.0</t>
  </si>
  <si>
    <t>1340158.0</t>
  </si>
  <si>
    <t>426.106</t>
  </si>
  <si>
    <t>1262277.0</t>
  </si>
  <si>
    <t>1022267850.0</t>
  </si>
  <si>
    <t>717676310.0</t>
  </si>
  <si>
    <t>304591540.0</t>
  </si>
  <si>
    <t>8630419.0</t>
  </si>
  <si>
    <t>6560451.0</t>
  </si>
  <si>
    <t>3162850.0</t>
  </si>
  <si>
    <t>600769717.0</t>
  </si>
  <si>
    <t>998397.0</t>
  </si>
  <si>
    <t>426.815</t>
  </si>
  <si>
    <t>1263549.0</t>
  </si>
  <si>
    <t>1024149949.0</t>
  </si>
  <si>
    <t>718444141.0</t>
  </si>
  <si>
    <t>305705808.0</t>
  </si>
  <si>
    <t>1882099.0</t>
  </si>
  <si>
    <t>6456459.0</t>
  </si>
  <si>
    <t>3115032.0</t>
  </si>
  <si>
    <t>601901543.0</t>
  </si>
  <si>
    <t>1131826.0</t>
  </si>
  <si>
    <t>427.619</t>
  </si>
  <si>
    <t>1256479.0</t>
  </si>
  <si>
    <t>1030850079.0</t>
  </si>
  <si>
    <t>721149084.0</t>
  </si>
  <si>
    <t>309700995.0</t>
  </si>
  <si>
    <t>6700130.0</t>
  </si>
  <si>
    <t>6248147.0</t>
  </si>
  <si>
    <t>3001255.0</t>
  </si>
  <si>
    <t>603207505.0</t>
  </si>
  <si>
    <t>1305962.0</t>
  </si>
  <si>
    <t>428.547</t>
  </si>
  <si>
    <t>1253945.0</t>
  </si>
  <si>
    <t>1036568410.0</t>
  </si>
  <si>
    <t>723424864.0</t>
  </si>
  <si>
    <t>313143546.0</t>
  </si>
  <si>
    <t>5718331.0</t>
  </si>
  <si>
    <t>5595625.0</t>
  </si>
  <si>
    <t>2511233.0</t>
  </si>
  <si>
    <t>604498405.0</t>
  </si>
  <si>
    <t>1290900.0</t>
  </si>
  <si>
    <t>429.464</t>
  </si>
  <si>
    <t>1250884.0</t>
  </si>
  <si>
    <t>1042458533.0</t>
  </si>
  <si>
    <t>725633405.0</t>
  </si>
  <si>
    <t>316825128.0</t>
  </si>
  <si>
    <t>5890123.0</t>
  </si>
  <si>
    <t>5607749.0</t>
  </si>
  <si>
    <t>2297339.0</t>
  </si>
  <si>
    <t>605885769.0</t>
  </si>
  <si>
    <t>1387364.0</t>
  </si>
  <si>
    <t>430.45</t>
  </si>
  <si>
    <t>1259898.0</t>
  </si>
  <si>
    <t>1051708635.0</t>
  </si>
  <si>
    <t>729199887.0</t>
  </si>
  <si>
    <t>322508748.0</t>
  </si>
  <si>
    <t>9250102.0</t>
  </si>
  <si>
    <t>5966139.0</t>
  </si>
  <si>
    <t>2399328.0</t>
  </si>
  <si>
    <t>607062619.0</t>
  </si>
  <si>
    <t>1176850.0</t>
  </si>
  <si>
    <t>431.286</t>
  </si>
  <si>
    <t>1233065.0</t>
  </si>
  <si>
    <t>1058489433.0</t>
  </si>
  <si>
    <t>731811996.0</t>
  </si>
  <si>
    <t>326677437.0</t>
  </si>
  <si>
    <t>6780798.0</t>
  </si>
  <si>
    <t>6407429.0</t>
  </si>
  <si>
    <t>2532552.0</t>
  </si>
  <si>
    <t>608319915.0</t>
  </si>
  <si>
    <t>1257296.0</t>
  </si>
  <si>
    <t>432.179</t>
  </si>
  <si>
    <t>1221228.0</t>
  </si>
  <si>
    <t>1062631351.0</t>
  </si>
  <si>
    <t>733542729.0</t>
  </si>
  <si>
    <t>329088622.0</t>
  </si>
  <si>
    <t>4141918.0</t>
  </si>
  <si>
    <t>5766214.0</t>
  </si>
  <si>
    <t>2266631.0</t>
  </si>
  <si>
    <t>609201294.0</t>
  </si>
  <si>
    <t>881379.0</t>
  </si>
  <si>
    <t>432.805</t>
  </si>
  <si>
    <t>1204511.0</t>
  </si>
  <si>
    <t>1067654329.0</t>
  </si>
  <si>
    <t>735580368.0</t>
  </si>
  <si>
    <t>332073961.0</t>
  </si>
  <si>
    <t>5022978.0</t>
  </si>
  <si>
    <t>6214911.0</t>
  </si>
  <si>
    <t>2448032.0</t>
  </si>
  <si>
    <t>610210339.0</t>
  </si>
  <si>
    <t>1009045.0</t>
  </si>
  <si>
    <t>433.522</t>
  </si>
  <si>
    <t>1186971.0</t>
  </si>
  <si>
    <t>1069718646.0</t>
  </si>
  <si>
    <t>736446575.0</t>
  </si>
  <si>
    <t>333272071.0</t>
  </si>
  <si>
    <t>2064317.0</t>
  </si>
  <si>
    <t>5552652.0</t>
  </si>
  <si>
    <t>2185356.0</t>
  </si>
  <si>
    <t>611278853.0</t>
  </si>
  <si>
    <t>434.281</t>
  </si>
  <si>
    <t>1153050.0</t>
  </si>
  <si>
    <t>1075059421.0</t>
  </si>
  <si>
    <t>738501950.0</t>
  </si>
  <si>
    <t>336557471.0</t>
  </si>
  <si>
    <t>5340775.0</t>
  </si>
  <si>
    <t>5498716.0</t>
  </si>
  <si>
    <t>2153869.0</t>
  </si>
  <si>
    <t>612346767.0</t>
  </si>
  <si>
    <t>1067914.0</t>
  </si>
  <si>
    <t>435.04</t>
  </si>
  <si>
    <t>1121195.0</t>
  </si>
  <si>
    <t>1077107323.0</t>
  </si>
  <si>
    <t>739357801.0</t>
  </si>
  <si>
    <t>337749522.0</t>
  </si>
  <si>
    <t>2047902.0</t>
  </si>
  <si>
    <t>4949827.0</t>
  </si>
  <si>
    <t>1960628.0</t>
  </si>
  <si>
    <t>613017614.0</t>
  </si>
  <si>
    <t>670847.0</t>
  </si>
  <si>
    <t>435.517</t>
  </si>
  <si>
    <t>1018835.0</t>
  </si>
  <si>
    <t>1077793623.0</t>
  </si>
  <si>
    <t>739594039.0</t>
  </si>
  <si>
    <t>338199584.0</t>
  </si>
  <si>
    <t>686300.0</t>
  </si>
  <si>
    <t>3726427.0</t>
  </si>
  <si>
    <t>1484879.0</t>
  </si>
  <si>
    <t>613965751.0</t>
  </si>
  <si>
    <t>948137.0</t>
  </si>
  <si>
    <t>436.19</t>
  </si>
  <si>
    <t>986162.0</t>
  </si>
  <si>
    <t>1080177477.0</t>
  </si>
  <si>
    <t>740368395.0</t>
  </si>
  <si>
    <t>339809082.0</t>
  </si>
  <si>
    <t>2383854.0</t>
  </si>
  <si>
    <t>3098292.0</t>
  </si>
  <si>
    <t>1222343.0</t>
  </si>
  <si>
    <t>614885747.0</t>
  </si>
  <si>
    <t>919996.0</t>
  </si>
  <si>
    <t>436.844</t>
  </si>
  <si>
    <t>937976.0</t>
  </si>
  <si>
    <t>1083142285.0</t>
  </si>
  <si>
    <t>741210655.0</t>
  </si>
  <si>
    <t>341931630.0</t>
  </si>
  <si>
    <t>2964808.0</t>
  </si>
  <si>
    <t>2930133.0</t>
  </si>
  <si>
    <t>1095418.0</t>
  </si>
  <si>
    <t>616071949.0</t>
  </si>
  <si>
    <t>1186202.0</t>
  </si>
  <si>
    <t>437.687</t>
  </si>
  <si>
    <t>981522.0</t>
  </si>
  <si>
    <t>1088236037.0</t>
  </si>
  <si>
    <t>742750155.0</t>
  </si>
  <si>
    <t>345485882.0</t>
  </si>
  <si>
    <t>5093752.0</t>
  </si>
  <si>
    <t>2940244.0</t>
  </si>
  <si>
    <t>1024255.0</t>
  </si>
  <si>
    <t>617223931.0</t>
  </si>
  <si>
    <t>1151982.0</t>
  </si>
  <si>
    <t>438.505</t>
  </si>
  <si>
    <t>1001942.0</t>
  </si>
  <si>
    <t>1092148139.0</t>
  </si>
  <si>
    <t>743984381.0</t>
  </si>
  <si>
    <t>348163758.0</t>
  </si>
  <si>
    <t>3912102.0</t>
  </si>
  <si>
    <t>3204213.0</t>
  </si>
  <si>
    <t>1076829.0</t>
  </si>
  <si>
    <t>618502659.0</t>
  </si>
  <si>
    <t>1278728.0</t>
  </si>
  <si>
    <t>439.414</t>
  </si>
  <si>
    <t>1031972.0</t>
  </si>
  <si>
    <t>1097806371.0</t>
  </si>
  <si>
    <t>745597244.0</t>
  </si>
  <si>
    <t>352209127.0</t>
  </si>
  <si>
    <t>5658232.0</t>
  </si>
  <si>
    <t>3249564.0</t>
  </si>
  <si>
    <t>1013613.0</t>
  </si>
  <si>
    <t>619902064.0</t>
  </si>
  <si>
    <t>1399405.0</t>
  </si>
  <si>
    <t>440.408</t>
  </si>
  <si>
    <t>1079328.0</t>
  </si>
  <si>
    <t>93.9</t>
  </si>
  <si>
    <t>1102775592.0</t>
  </si>
  <si>
    <t>746872225.0</t>
  </si>
  <si>
    <t>355903367.0</t>
  </si>
  <si>
    <t>4969221.0</t>
  </si>
  <si>
    <t>3666896.0</t>
  </si>
  <si>
    <t>1073489.0</t>
  </si>
  <si>
    <t>621067350.0</t>
  </si>
  <si>
    <t>1165286.0</t>
  </si>
  <si>
    <t>441.236</t>
  </si>
  <si>
    <t>1149962.0</t>
  </si>
  <si>
    <t>1111423316.0</t>
  </si>
  <si>
    <t>749179463.0</t>
  </si>
  <si>
    <t>362243853.0</t>
  </si>
  <si>
    <t>8647724.0</t>
  </si>
  <si>
    <t>4804242.0</t>
  </si>
  <si>
    <t>1369346.0</t>
  </si>
  <si>
    <t>622333939.0</t>
  </si>
  <si>
    <t>1266589.0</t>
  </si>
  <si>
    <t>442.135</t>
  </si>
  <si>
    <t>1195455.0</t>
  </si>
  <si>
    <t>1119180353.0</t>
  </si>
  <si>
    <t>751481608.0</t>
  </si>
  <si>
    <t>367698745.0</t>
  </si>
  <si>
    <t>7757037.0</t>
  </si>
  <si>
    <t>5571839.0</t>
  </si>
  <si>
    <t>1587602.0</t>
  </si>
  <si>
    <t>623751344.0</t>
  </si>
  <si>
    <t>1417405.0</t>
  </si>
  <si>
    <t>443.142</t>
  </si>
  <si>
    <t>1266514.0</t>
  </si>
  <si>
    <t>1122889436.0</t>
  </si>
  <si>
    <t>752662221.0</t>
  </si>
  <si>
    <t>370227215.0</t>
  </si>
  <si>
    <t>3709083.0</t>
  </si>
  <si>
    <t>5678164.0</t>
  </si>
  <si>
    <t>1635938.0</t>
  </si>
  <si>
    <t>624666542.0</t>
  </si>
  <si>
    <t>915198.0</t>
  </si>
  <si>
    <t>443.793</t>
  </si>
  <si>
    <t>1227799.0</t>
  </si>
  <si>
    <t>1126981490.0</t>
  </si>
  <si>
    <t>753932806.0</t>
  </si>
  <si>
    <t>373048684.0</t>
  </si>
  <si>
    <t>4092054.0</t>
  </si>
  <si>
    <t>5535065.0</t>
  </si>
  <si>
    <t>1597522.0</t>
  </si>
  <si>
    <t>625774159.0</t>
  </si>
  <si>
    <t>1107617.0</t>
  </si>
  <si>
    <t>444.58</t>
  </si>
  <si>
    <t>1221461.0</t>
  </si>
  <si>
    <t>1133688213.0</t>
  </si>
  <si>
    <t>756052687.0</t>
  </si>
  <si>
    <t>377635526.0</t>
  </si>
  <si>
    <t>6706723.0</t>
  </si>
  <si>
    <t>5934296.0</t>
  </si>
  <si>
    <t>1724044.0</t>
  </si>
  <si>
    <t>627016336.0</t>
  </si>
  <si>
    <t>1242177.0</t>
  </si>
  <si>
    <t>445.462</t>
  </si>
  <si>
    <t>1216240.0</t>
  </si>
  <si>
    <t>1141006707.0</t>
  </si>
  <si>
    <t>758251605.0</t>
  </si>
  <si>
    <t>382755102.0</t>
  </si>
  <si>
    <t>7318494.0</t>
  </si>
  <si>
    <t>6171477.0</t>
  </si>
  <si>
    <t>1807766.0</t>
  </si>
  <si>
    <t>628248841.0</t>
  </si>
  <si>
    <t>1232505.0</t>
  </si>
  <si>
    <t>446.338</t>
  </si>
  <si>
    <t>1192397.0</t>
  </si>
  <si>
    <t>1148786886.0</t>
  </si>
  <si>
    <t>760532284.0</t>
  </si>
  <si>
    <t>388254602.0</t>
  </si>
  <si>
    <t>7780179.0</t>
  </si>
  <si>
    <t>6573042.0</t>
  </si>
  <si>
    <t>1951437.0</t>
  </si>
  <si>
    <t>629387540.0</t>
  </si>
  <si>
    <t>1138699.0</t>
  </si>
  <si>
    <t>447.147</t>
  </si>
  <si>
    <t>1188599.0</t>
  </si>
  <si>
    <t>1153595556.0</t>
  </si>
  <si>
    <t>762169283.0</t>
  </si>
  <si>
    <t>391426273.0</t>
  </si>
  <si>
    <t>4808670.0</t>
  </si>
  <si>
    <t>6024606.0</t>
  </si>
  <si>
    <t>1855689.0</t>
  </si>
  <si>
    <t>630575279.0</t>
  </si>
  <si>
    <t>1187739.0</t>
  </si>
  <si>
    <t>447.991</t>
  </si>
  <si>
    <t>1177334.0</t>
  </si>
  <si>
    <t>1163685005.0</t>
  </si>
  <si>
    <t>765364845.0</t>
  </si>
  <si>
    <t>398320160.0</t>
  </si>
  <si>
    <t>10089449.0</t>
  </si>
  <si>
    <t>6357807.0</t>
  </si>
  <si>
    <t>1983320.0</t>
  </si>
  <si>
    <t>631649378.0</t>
  </si>
  <si>
    <t>1074099.0</t>
  </si>
  <si>
    <t>448.754</t>
  </si>
  <si>
    <t>1128291.0</t>
  </si>
  <si>
    <t>1168057227.0</t>
  </si>
  <si>
    <t>766988022.0</t>
  </si>
  <si>
    <t>401069205.0</t>
  </si>
  <si>
    <t>4372222.0</t>
  </si>
  <si>
    <t>6452542.0</t>
  </si>
  <si>
    <t>2046543.0</t>
  </si>
  <si>
    <t>632524259.0</t>
  </si>
  <si>
    <t>874881.0</t>
  </si>
  <si>
    <t>449.375</t>
  </si>
  <si>
    <t>1122531.0</t>
  </si>
  <si>
    <t>1175843376.0</t>
  </si>
  <si>
    <t>769596553.0</t>
  </si>
  <si>
    <t>406246823.0</t>
  </si>
  <si>
    <t>7786149.0</t>
  </si>
  <si>
    <t>6980269.0</t>
  </si>
  <si>
    <t>2237678.0</t>
  </si>
  <si>
    <t>633489239.0</t>
  </si>
  <si>
    <t>964980.0</t>
  </si>
  <si>
    <t>450.061</t>
  </si>
  <si>
    <t>1102154.0</t>
  </si>
  <si>
    <t>1183947210.0</t>
  </si>
  <si>
    <t>772215710.0</t>
  </si>
  <si>
    <t>411731500.0</t>
  </si>
  <si>
    <t>8103834.0</t>
  </si>
  <si>
    <t>7179857.0</t>
  </si>
  <si>
    <t>2309003.0</t>
  </si>
  <si>
    <t>634774225.0</t>
  </si>
  <si>
    <t>1284986.0</t>
  </si>
  <si>
    <t>450.974</t>
  </si>
  <si>
    <t>1108270.0</t>
  </si>
  <si>
    <t>1193769229.0</t>
  </si>
  <si>
    <t>775076432.0</t>
  </si>
  <si>
    <t>418692797.0</t>
  </si>
  <si>
    <t>9822019.0</t>
  </si>
  <si>
    <t>7537503.0</t>
  </si>
  <si>
    <t>2403547.0</t>
  </si>
  <si>
    <t>635924763.0</t>
  </si>
  <si>
    <t>1150538.0</t>
  </si>
  <si>
    <t>451.791</t>
  </si>
  <si>
    <t>1096560.0</t>
  </si>
  <si>
    <t>1198528642.0</t>
  </si>
  <si>
    <t>776515911.0</t>
  </si>
  <si>
    <t>422012731.0</t>
  </si>
  <si>
    <t>4759413.0</t>
  </si>
  <si>
    <t>7105965.0</t>
  </si>
  <si>
    <t>2283375.0</t>
  </si>
  <si>
    <t>637106009.0</t>
  </si>
  <si>
    <t>452.63</t>
  </si>
  <si>
    <t>1102638.0</t>
  </si>
  <si>
    <t>1210758081.0</t>
  </si>
  <si>
    <t>780551005.0</t>
  </si>
  <si>
    <t>430207076.0</t>
  </si>
  <si>
    <t>12229439.0</t>
  </si>
  <si>
    <t>8166075.0</t>
  </si>
  <si>
    <t>2625960.0</t>
  </si>
  <si>
    <t>638247889.0</t>
  </si>
  <si>
    <t>1141880.0</t>
  </si>
  <si>
    <t>453.442</t>
  </si>
  <si>
    <t>1096087.0</t>
  </si>
  <si>
    <t>1212493046.0</t>
  </si>
  <si>
    <t>781075743.0</t>
  </si>
  <si>
    <t>431417303.0</t>
  </si>
  <si>
    <t>1734965.0</t>
  </si>
  <si>
    <t>6972577.0</t>
  </si>
  <si>
    <t>2244414.0</t>
  </si>
  <si>
    <t>639427262.0</t>
  </si>
  <si>
    <t>454.279</t>
  </si>
  <si>
    <t>1223194701.0</t>
  </si>
  <si>
    <t>784647922.0</t>
  </si>
  <si>
    <t>438546779.0</t>
  </si>
  <si>
    <t>10701655.0</t>
  </si>
  <si>
    <t>7876782.0</t>
  </si>
  <si>
    <t>2522843.0</t>
  </si>
  <si>
    <t>640291325.0</t>
  </si>
  <si>
    <t>864063.0</t>
  </si>
  <si>
    <t>454.893</t>
  </si>
  <si>
    <t>1109581.0</t>
  </si>
  <si>
    <t>1228492006.0</t>
  </si>
  <si>
    <t>786355397.0</t>
  </si>
  <si>
    <t>442136609.0</t>
  </si>
  <si>
    <t>5297305.0</t>
  </si>
  <si>
    <t>7521233.0</t>
  </si>
  <si>
    <t>2394121.0</t>
  </si>
  <si>
    <t>641303848.0</t>
  </si>
  <si>
    <t>1012523.0</t>
  </si>
  <si>
    <t>455.613</t>
  </si>
  <si>
    <t>1116373.0</t>
  </si>
  <si>
    <t>1237055142.0</t>
  </si>
  <si>
    <t>789054196.0</t>
  </si>
  <si>
    <t>448000946.0</t>
  </si>
  <si>
    <t>8563136.0</t>
  </si>
  <si>
    <t>7586847.0</t>
  </si>
  <si>
    <t>2405498.0</t>
  </si>
  <si>
    <t>642412315.0</t>
  </si>
  <si>
    <t>1108467.0</t>
  </si>
  <si>
    <t>456.4</t>
  </si>
  <si>
    <t>1091156.0</t>
  </si>
  <si>
    <t>1245517176.0</t>
  </si>
  <si>
    <t>791626543.0</t>
  </si>
  <si>
    <t>453890633.0</t>
  </si>
  <si>
    <t>8462034.0</t>
  </si>
  <si>
    <t>7392564.0</t>
  </si>
  <si>
    <t>2364302.0</t>
  </si>
  <si>
    <t>643510926.0</t>
  </si>
  <si>
    <t>1098611.0</t>
  </si>
  <si>
    <t>457.181</t>
  </si>
  <si>
    <t>1083738.0</t>
  </si>
  <si>
    <t>1255866411.0</t>
  </si>
  <si>
    <t>794528313.0</t>
  </si>
  <si>
    <t>461338098.0</t>
  </si>
  <si>
    <t>10349235.0</t>
  </si>
  <si>
    <t>8191110.0</t>
  </si>
  <si>
    <t>2573200.0</t>
  </si>
  <si>
    <t>644668082.0</t>
  </si>
  <si>
    <t>1157156.0</t>
  </si>
  <si>
    <t>458.003</t>
  </si>
  <si>
    <t>1080296.0</t>
  </si>
  <si>
    <t>1261728028.0</t>
  </si>
  <si>
    <t>796283823.0</t>
  </si>
  <si>
    <t>465444205.0</t>
  </si>
  <si>
    <t>5861617.0</t>
  </si>
  <si>
    <t>7281421.0</t>
  </si>
  <si>
    <t>2247545.0</t>
  </si>
  <si>
    <t>646026786.0</t>
  </si>
  <si>
    <t>1358704.0</t>
  </si>
  <si>
    <t>458.968</t>
  </si>
  <si>
    <t>1111271.0</t>
  </si>
  <si>
    <t>1273806245.0</t>
  </si>
  <si>
    <t>799745524.0</t>
  </si>
  <si>
    <t>474060721.0</t>
  </si>
  <si>
    <t>12078217.0</t>
  </si>
  <si>
    <t>8759028.0</t>
  </si>
  <si>
    <t>2667112.0</t>
  </si>
  <si>
    <t>647252850.0</t>
  </si>
  <si>
    <t>1226064.0</t>
  </si>
  <si>
    <t>459.839</t>
  </si>
  <si>
    <t>1117941.0</t>
  </si>
  <si>
    <t>1278763558.0</t>
  </si>
  <si>
    <t>801417375.0</t>
  </si>
  <si>
    <t>477346183.0</t>
  </si>
  <si>
    <t>4957313.0</t>
  </si>
  <si>
    <t>7938408.0</t>
  </si>
  <si>
    <t>2395636.0</t>
  </si>
  <si>
    <t>648259067.0</t>
  </si>
  <si>
    <t>1006217.0</t>
  </si>
  <si>
    <t>460.554</t>
  </si>
  <si>
    <t>1138249.0</t>
  </si>
  <si>
    <t>1283718063.0</t>
  </si>
  <si>
    <t>802894059.0</t>
  </si>
  <si>
    <t>480824004.0</t>
  </si>
  <si>
    <t>4954505.0</t>
  </si>
  <si>
    <t>7889437.0</t>
  </si>
  <si>
    <t>2362666.0</t>
  </si>
  <si>
    <t>649447014.0</t>
  </si>
  <si>
    <t>1187947.0</t>
  </si>
  <si>
    <t>461.398</t>
  </si>
  <si>
    <t>1163309.0</t>
  </si>
  <si>
    <t>135.6</t>
  </si>
  <si>
    <t>1291962219.0</t>
  </si>
  <si>
    <t>805404596.0</t>
  </si>
  <si>
    <t>486557623.0</t>
  </si>
  <si>
    <t>8244156.0</t>
  </si>
  <si>
    <t>7843868.0</t>
  </si>
  <si>
    <t>2335771.0</t>
  </si>
  <si>
    <t>650660144.0</t>
  </si>
  <si>
    <t>1213130.0</t>
  </si>
  <si>
    <t>462.26</t>
  </si>
  <si>
    <t>1178261.0</t>
  </si>
  <si>
    <t>1299875078.0</t>
  </si>
  <si>
    <t>807755550.0</t>
  </si>
  <si>
    <t>492119528.0</t>
  </si>
  <si>
    <t>7912859.0</t>
  </si>
  <si>
    <t>7765415.0</t>
  </si>
  <si>
    <t>2304144.0</t>
  </si>
  <si>
    <t>651950127.0</t>
  </si>
  <si>
    <t>1289983.0</t>
  </si>
  <si>
    <t>463.176</t>
  </si>
  <si>
    <t>1205600.0</t>
  </si>
  <si>
    <t>1308244539.0</t>
  </si>
  <si>
    <t>810142506.0</t>
  </si>
  <si>
    <t>498102033.0</t>
  </si>
  <si>
    <t>8369461.0</t>
  </si>
  <si>
    <t>7482590.0</t>
  </si>
  <si>
    <t>92.31</t>
  </si>
  <si>
    <t>2230599.0</t>
  </si>
  <si>
    <t>653243539.0</t>
  </si>
  <si>
    <t>1293412.0</t>
  </si>
  <si>
    <t>464.095</t>
  </si>
  <si>
    <t>1225065.0</t>
  </si>
  <si>
    <t>1312375088.0</t>
  </si>
  <si>
    <t>811443992.0</t>
  </si>
  <si>
    <t>500931096.0</t>
  </si>
  <si>
    <t>4130549.0</t>
  </si>
  <si>
    <t>7235294.0</t>
  </si>
  <si>
    <t>2165738.0</t>
  </si>
  <si>
    <t>654627300.0</t>
  </si>
  <si>
    <t>1383761.0</t>
  </si>
  <si>
    <t>465.078</t>
  </si>
  <si>
    <t>1228645.0</t>
  </si>
  <si>
    <t>1327494248.0</t>
  </si>
  <si>
    <t>815387998.0</t>
  </si>
  <si>
    <t>512106250.0</t>
  </si>
  <si>
    <t>15119160.0</t>
  </si>
  <si>
    <t>7669715.0</t>
  </si>
  <si>
    <t>93.67</t>
  </si>
  <si>
    <t>2234639.0</t>
  </si>
  <si>
    <t>655816759.0</t>
  </si>
  <si>
    <t>1189459.0</t>
  </si>
  <si>
    <t>465.923</t>
  </si>
  <si>
    <t>1223416.0</t>
  </si>
  <si>
    <t>1331399226.0</t>
  </si>
  <si>
    <t>816708250.0</t>
  </si>
  <si>
    <t>514690976.0</t>
  </si>
  <si>
    <t>3904978.0</t>
  </si>
  <si>
    <t>7519381.0</t>
  </si>
  <si>
    <t>2184411.0</t>
  </si>
  <si>
    <t>656672451.0</t>
  </si>
  <si>
    <t>855692.0</t>
  </si>
  <si>
    <t>466.531</t>
  </si>
  <si>
    <t>1201912.0</t>
  </si>
  <si>
    <t>1335465563.0</t>
  </si>
  <si>
    <t>817907560.0</t>
  </si>
  <si>
    <t>517558003.0</t>
  </si>
  <si>
    <t>4066337.0</t>
  </si>
  <si>
    <t>7392500.0</t>
  </si>
  <si>
    <t>2144786.0</t>
  </si>
  <si>
    <t>657662933.0</t>
  </si>
  <si>
    <t>990482.0</t>
  </si>
  <si>
    <t>467.235</t>
  </si>
  <si>
    <t>1173703.0</t>
  </si>
  <si>
    <t>1346291425.0</t>
  </si>
  <si>
    <t>820963910.0</t>
  </si>
  <si>
    <t>525327515.0</t>
  </si>
  <si>
    <t>10825862.0</t>
  </si>
  <si>
    <t>7761315.0</t>
  </si>
  <si>
    <t>2222759.0</t>
  </si>
  <si>
    <t>658847816.0</t>
  </si>
  <si>
    <t>1184883.0</t>
  </si>
  <si>
    <t>468.077</t>
  </si>
  <si>
    <t>1169667.0</t>
  </si>
  <si>
    <t>1352485358.0</t>
  </si>
  <si>
    <t>822545653.0</t>
  </si>
  <si>
    <t>529939705.0</t>
  </si>
  <si>
    <t>6193933.0</t>
  </si>
  <si>
    <t>7515754.0</t>
  </si>
  <si>
    <t>2112872.0</t>
  </si>
  <si>
    <t>660247762.0</t>
  </si>
  <si>
    <t>1399946.0</t>
  </si>
  <si>
    <t>469.071</t>
  </si>
  <si>
    <t>1185376.0</t>
  </si>
  <si>
    <t>161.4</t>
  </si>
  <si>
    <t>1356491248.0</t>
  </si>
  <si>
    <t>823451038.0</t>
  </si>
  <si>
    <t>533040210.0</t>
  </si>
  <si>
    <t>4005890.0</t>
  </si>
  <si>
    <t>6892387.0</t>
  </si>
  <si>
    <t>1901219.0</t>
  </si>
  <si>
    <t>661507694.0</t>
  </si>
  <si>
    <t>1259932.0</t>
  </si>
  <si>
    <t>469.966</t>
  </si>
  <si>
    <t>1180594.0</t>
  </si>
  <si>
    <t>1365366923.0</t>
  </si>
  <si>
    <t>825531190.0</t>
  </si>
  <si>
    <t>539835733.0</t>
  </si>
  <si>
    <t>8875675.0</t>
  </si>
  <si>
    <t>7570262.0</t>
  </si>
  <si>
    <t>2012457.0</t>
  </si>
  <si>
    <t>662897388.0</t>
  </si>
  <si>
    <t>1389694.0</t>
  </si>
  <si>
    <t>470.954</t>
  </si>
  <si>
    <t>1181441.0</t>
  </si>
  <si>
    <t>1373057489.0</t>
  </si>
  <si>
    <t>827368472.0</t>
  </si>
  <si>
    <t>545689017.0</t>
  </si>
  <si>
    <t>7690566.0</t>
  </si>
  <si>
    <t>6509034.0</t>
  </si>
  <si>
    <t>1711496.0</t>
  </si>
  <si>
    <t>664109365.0</t>
  </si>
  <si>
    <t>1211977.0</t>
  </si>
  <si>
    <t>471.815</t>
  </si>
  <si>
    <t>1184658.0</t>
  </si>
  <si>
    <t>1376428862.0</t>
  </si>
  <si>
    <t>828319595.0</t>
  </si>
  <si>
    <t>548109267.0</t>
  </si>
  <si>
    <t>3371373.0</t>
  </si>
  <si>
    <t>6432805.0</t>
  </si>
  <si>
    <t>1658764.0</t>
  </si>
  <si>
    <t>665112580.0</t>
  </si>
  <si>
    <t>1003215.0</t>
  </si>
  <si>
    <t>472.527</t>
  </si>
  <si>
    <t>1205733.0</t>
  </si>
  <si>
    <t>1380223188.0</t>
  </si>
  <si>
    <t>829219869.0</t>
  </si>
  <si>
    <t>551003319.0</t>
  </si>
  <si>
    <t>3794326.0</t>
  </si>
  <si>
    <t>6393946.0</t>
  </si>
  <si>
    <t>1616044.0</t>
  </si>
  <si>
    <t>666126659.0</t>
  </si>
  <si>
    <t>1014079.0</t>
  </si>
  <si>
    <t>473.248</t>
  </si>
  <si>
    <t>1209104.0</t>
  </si>
  <si>
    <t>1388521671.0</t>
  </si>
  <si>
    <t>831142523.0</t>
  </si>
  <si>
    <t>557379148.0</t>
  </si>
  <si>
    <t>8298483.0</t>
  </si>
  <si>
    <t>6032892.0</t>
  </si>
  <si>
    <t>1454088.0</t>
  </si>
  <si>
    <t>667356171.0</t>
  </si>
  <si>
    <t>1229512.0</t>
  </si>
  <si>
    <t>474.121</t>
  </si>
  <si>
    <t>1391050278.0</t>
  </si>
  <si>
    <t>831763875.0</t>
  </si>
  <si>
    <t>559286403.0</t>
  </si>
  <si>
    <t>2528607.0</t>
  </si>
  <si>
    <t>5509274.0</t>
  </si>
  <si>
    <t>1316889.0</t>
  </si>
  <si>
    <t>668643929.0</t>
  </si>
  <si>
    <t>1287758.0</t>
  </si>
  <si>
    <t>475.036</t>
  </si>
  <si>
    <t>1199452.0</t>
  </si>
  <si>
    <t>1398221289.0</t>
  </si>
  <si>
    <t>833265701.0</t>
  </si>
  <si>
    <t>564955588.0</t>
  </si>
  <si>
    <t>7171011.0</t>
  </si>
  <si>
    <t>5961434.0</t>
  </si>
  <si>
    <t>1402095.0</t>
  </si>
  <si>
    <t>669809816.0</t>
  </si>
  <si>
    <t>1165887.0</t>
  </si>
  <si>
    <t>475.865</t>
  </si>
  <si>
    <t>1186017.0</t>
  </si>
  <si>
    <t>1404556570.0</t>
  </si>
  <si>
    <t>834737784.0</t>
  </si>
  <si>
    <t>569818786.0</t>
  </si>
  <si>
    <t>6335281.0</t>
  </si>
  <si>
    <t>5598521.0</t>
  </si>
  <si>
    <t>1315228.0</t>
  </si>
  <si>
    <t>671051627.0</t>
  </si>
  <si>
    <t>1241811.0</t>
  </si>
  <si>
    <t>476.747</t>
  </si>
  <si>
    <t>1164891.0</t>
  </si>
  <si>
    <t>1413981791.0</t>
  </si>
  <si>
    <t>837078735.0</t>
  </si>
  <si>
    <t>576903056.0</t>
  </si>
  <si>
    <t>9425221.0</t>
  </si>
  <si>
    <t>5846329.0</t>
  </si>
  <si>
    <t>1387180.0</t>
  </si>
  <si>
    <t>671997082.0</t>
  </si>
  <si>
    <t>945455.0</t>
  </si>
  <si>
    <t>477.419</t>
  </si>
  <si>
    <t>1126817.0</t>
  </si>
  <si>
    <t>1414731603.0</t>
  </si>
  <si>
    <t>837294288.0</t>
  </si>
  <si>
    <t>577437315.0</t>
  </si>
  <si>
    <t>749812.0</t>
  </si>
  <si>
    <t>5471820.0</t>
  </si>
  <si>
    <t>1282099.0</t>
  </si>
  <si>
    <t>672936621.0</t>
  </si>
  <si>
    <t>939539.0</t>
  </si>
  <si>
    <t>478.086</t>
  </si>
  <si>
    <t>1117720.0</t>
  </si>
  <si>
    <t>1418447119.0</t>
  </si>
  <si>
    <t>838318164.0</t>
  </si>
  <si>
    <t>580128955.0</t>
  </si>
  <si>
    <t>3715516.0</t>
  </si>
  <si>
    <t>5460562.0</t>
  </si>
  <si>
    <t>1299756.0</t>
  </si>
  <si>
    <t>674078531.0</t>
  </si>
  <si>
    <t>478.897</t>
  </si>
  <si>
    <t>1135982.0</t>
  </si>
  <si>
    <t>1426069774.0</t>
  </si>
  <si>
    <t>840095473.0</t>
  </si>
  <si>
    <t>585974301.0</t>
  </si>
  <si>
    <t>7622655.0</t>
  </si>
  <si>
    <t>5364015.0</t>
  </si>
  <si>
    <t>100.63</t>
  </si>
  <si>
    <t>1278993.0</t>
  </si>
  <si>
    <t>675246143.0</t>
  </si>
  <si>
    <t>1167612.0</t>
  </si>
  <si>
    <t>479.727</t>
  </si>
  <si>
    <t>1127139.0</t>
  </si>
  <si>
    <t>1435195841.0</t>
  </si>
  <si>
    <t>842315450.0</t>
  </si>
  <si>
    <t>592880391.0</t>
  </si>
  <si>
    <t>9126067.0</t>
  </si>
  <si>
    <t>6306509.0</t>
  </si>
  <si>
    <t>1507368.0</t>
  </si>
  <si>
    <t>676445395.0</t>
  </si>
  <si>
    <t>1199252.0</t>
  </si>
  <si>
    <t>480.579</t>
  </si>
  <si>
    <t>1114495.0</t>
  </si>
  <si>
    <t>1438717497.0</t>
  </si>
  <si>
    <t>843220793.0</t>
  </si>
  <si>
    <t>595496704.0</t>
  </si>
  <si>
    <t>3521656.0</t>
  </si>
  <si>
    <t>5785173.0</t>
  </si>
  <si>
    <t>101.52</t>
  </si>
  <si>
    <t>1422156.0</t>
  </si>
  <si>
    <t>677878255.0</t>
  </si>
  <si>
    <t>1432860.0</t>
  </si>
  <si>
    <t>481.597</t>
  </si>
  <si>
    <t>1152634.0</t>
  </si>
  <si>
    <t>1448865422.0</t>
  </si>
  <si>
    <t>845640601.0</t>
  </si>
  <si>
    <t>603224821.0</t>
  </si>
  <si>
    <t>10147925.0</t>
  </si>
  <si>
    <t>6329836.0</t>
  </si>
  <si>
    <t>1557545.0</t>
  </si>
  <si>
    <t>678989110.0</t>
  </si>
  <si>
    <t>1110855.0</t>
  </si>
  <si>
    <t>482.386</t>
  </si>
  <si>
    <t>1133926.0</t>
  </si>
  <si>
    <t>1454069802.0</t>
  </si>
  <si>
    <t>846975771.0</t>
  </si>
  <si>
    <t>607094031.0</t>
  </si>
  <si>
    <t>5204380.0</t>
  </si>
  <si>
    <t>5726859.0</t>
  </si>
  <si>
    <t>1413862.0</t>
  </si>
  <si>
    <t>680071486.0</t>
  </si>
  <si>
    <t>1082376.0</t>
  </si>
  <si>
    <t>483.155</t>
  </si>
  <si>
    <t>1153486.0</t>
  </si>
  <si>
    <t>1456586234.0</t>
  </si>
  <si>
    <t>847665306.0</t>
  </si>
  <si>
    <t>608920928.0</t>
  </si>
  <si>
    <t>2516432.0</t>
  </si>
  <si>
    <t>5979233.0</t>
  </si>
  <si>
    <t>102.78</t>
  </si>
  <si>
    <t>1481574.0</t>
  </si>
  <si>
    <t>680950476.0</t>
  </si>
  <si>
    <t>878990.0</t>
  </si>
  <si>
    <t>483.779</t>
  </si>
  <si>
    <t>1144836.0</t>
  </si>
  <si>
    <t>1464526170.0</t>
  </si>
  <si>
    <t>852570971.0</t>
  </si>
  <si>
    <t>611955199.0</t>
  </si>
  <si>
    <t>7939936.0</t>
  </si>
  <si>
    <t>6582722.0</t>
  </si>
  <si>
    <t>2036115.0</t>
  </si>
  <si>
    <t>682428595.0</t>
  </si>
  <si>
    <t>1478119.0</t>
  </si>
  <si>
    <t>484.83</t>
  </si>
  <si>
    <t>1192866.0</t>
  </si>
  <si>
    <t>1472330269.0</t>
  </si>
  <si>
    <t>857788520.0</t>
  </si>
  <si>
    <t>614541749.0</t>
  </si>
  <si>
    <t>7804099.0</t>
  </si>
  <si>
    <t>6608642.0</t>
  </si>
  <si>
    <t>2527578.0</t>
  </si>
  <si>
    <t>683817242.0</t>
  </si>
  <si>
    <t>1388647.0</t>
  </si>
  <si>
    <t>485.816</t>
  </si>
  <si>
    <t>1224443.0</t>
  </si>
  <si>
    <t>1482203963.0</t>
  </si>
  <si>
    <t>864466425.0</t>
  </si>
  <si>
    <t>617737538.0</t>
  </si>
  <si>
    <t>9873694.0</t>
  </si>
  <si>
    <t>6715446.0</t>
  </si>
  <si>
    <t>3164425.0</t>
  </si>
  <si>
    <t>685305751.0</t>
  </si>
  <si>
    <t>1488509.0</t>
  </si>
  <si>
    <t>486.874</t>
  </si>
  <si>
    <t>1265765.0</t>
  </si>
  <si>
    <t>1491991022.0</t>
  </si>
  <si>
    <t>871088714.0</t>
  </si>
  <si>
    <t>620902308.0</t>
  </si>
  <si>
    <t>9787059.0</t>
  </si>
  <si>
    <t>7610504.0</t>
  </si>
  <si>
    <t>3981132.0</t>
  </si>
  <si>
    <t>686819128.0</t>
  </si>
  <si>
    <t>1513377.0</t>
  </si>
  <si>
    <t>487.949</t>
  </si>
  <si>
    <t>1277268.0</t>
  </si>
  <si>
    <t>1505591911.0</t>
  </si>
  <si>
    <t>879625063.0</t>
  </si>
  <si>
    <t>625966848.0</t>
  </si>
  <si>
    <t>13600889.0</t>
  </si>
  <si>
    <t>8103784.0</t>
  </si>
  <si>
    <t>4854923.0</t>
  </si>
  <si>
    <t>688470959.0</t>
  </si>
  <si>
    <t>1651831.0</t>
  </si>
  <si>
    <t>489.122</t>
  </si>
  <si>
    <t>1354550.0</t>
  </si>
  <si>
    <t>1508007415.0</t>
  </si>
  <si>
    <t>880930714.0</t>
  </si>
  <si>
    <t>627076701.0</t>
  </si>
  <si>
    <t>2415504.0</t>
  </si>
  <si>
    <t>7705373.0</t>
  </si>
  <si>
    <t>106.41</t>
  </si>
  <si>
    <t>4850706.0</t>
  </si>
  <si>
    <t>690034525.0</t>
  </si>
  <si>
    <t>1563566.0</t>
  </si>
  <si>
    <t>490.233</t>
  </si>
  <si>
    <t>1423291.0</t>
  </si>
  <si>
    <t>1517705282.0</t>
  </si>
  <si>
    <t>886204082.0</t>
  </si>
  <si>
    <t>631501200.0</t>
  </si>
  <si>
    <t>9697867.0</t>
  </si>
  <si>
    <t>8731293.0</t>
  </si>
  <si>
    <t>5505539.0</t>
  </si>
  <si>
    <t>691575352.0</t>
  </si>
  <si>
    <t>1540827.0</t>
  </si>
  <si>
    <t>491.328</t>
  </si>
  <si>
    <t>1517839.0</t>
  </si>
  <si>
    <t>1524222751.0</t>
  </si>
  <si>
    <t>889459819.0</t>
  </si>
  <si>
    <t>634265259.0</t>
  </si>
  <si>
    <t>6517469.0</t>
  </si>
  <si>
    <t>8528083.0</t>
  </si>
  <si>
    <t>5269835.0</t>
  </si>
  <si>
    <t>693155280.0</t>
  </si>
  <si>
    <t>1579928.0</t>
  </si>
  <si>
    <t>492.45</t>
  </si>
  <si>
    <t>1532384.0</t>
  </si>
  <si>
    <t>1537841948.0</t>
  </si>
  <si>
    <t>895852039.0</t>
  </si>
  <si>
    <t>640117846.0</t>
  </si>
  <si>
    <t>13619197.0</t>
  </si>
  <si>
    <t>9358811.0</t>
  </si>
  <si>
    <t>5437646.0</t>
  </si>
  <si>
    <t>695274380.0</t>
  </si>
  <si>
    <t>2119100.0</t>
  </si>
  <si>
    <t>493.956</t>
  </si>
  <si>
    <t>1636734.0</t>
  </si>
  <si>
    <t>1544297708.0</t>
  </si>
  <si>
    <t>898710263.0</t>
  </si>
  <si>
    <t>643070555.0</t>
  </si>
  <si>
    <t>6455760.0</t>
  </si>
  <si>
    <t>8870535.0</t>
  </si>
  <si>
    <t>4891977.0</t>
  </si>
  <si>
    <t>1697283.0</t>
  </si>
  <si>
    <t>1553919710.0</t>
  </si>
  <si>
    <t>903038624.0</t>
  </si>
  <si>
    <t>647586748.0</t>
  </si>
  <si>
    <t>3294338.0</t>
  </si>
  <si>
    <t>9622002.0</t>
  </si>
  <si>
    <t>8846955.0</t>
  </si>
  <si>
    <t>4564273.0</t>
  </si>
  <si>
    <t>699099084.0</t>
  </si>
  <si>
    <t>496.673</t>
  </si>
  <si>
    <t>1754279.0</t>
  </si>
  <si>
    <t>1556478542.0</t>
  </si>
  <si>
    <t>904086765.0</t>
  </si>
  <si>
    <t>648878102.0</t>
  </si>
  <si>
    <t>3513675.0</t>
  </si>
  <si>
    <t>2558832.0</t>
  </si>
  <si>
    <t>7269519.0</t>
  </si>
  <si>
    <t>3494529.0</t>
  </si>
  <si>
    <t>700712824.0</t>
  </si>
  <si>
    <t>1613740.0</t>
  </si>
  <si>
    <t>497.82</t>
  </si>
  <si>
    <t>1748838.0</t>
  </si>
  <si>
    <t>1565638547.0</t>
  </si>
  <si>
    <t>908005349.0</t>
  </si>
  <si>
    <t>653514044.0</t>
  </si>
  <si>
    <t>4119154.0</t>
  </si>
  <si>
    <t>9160005.0</t>
  </si>
  <si>
    <t>8233019.0</t>
  </si>
  <si>
    <t>3867805.0</t>
  </si>
  <si>
    <t>702448838.0</t>
  </si>
  <si>
    <t>1736014.0</t>
  </si>
  <si>
    <t>499.053</t>
  </si>
  <si>
    <t>1773473.0</t>
  </si>
  <si>
    <t>1570696006.0</t>
  </si>
  <si>
    <t>910386043.0</t>
  </si>
  <si>
    <t>656011893.0</t>
  </si>
  <si>
    <t>4298070.0</t>
  </si>
  <si>
    <t>5057459.0</t>
  </si>
  <si>
    <t>7570103.0</t>
  </si>
  <si>
    <t>3454566.0</t>
  </si>
  <si>
    <t>703762282.0</t>
  </si>
  <si>
    <t>1313444.0</t>
  </si>
  <si>
    <t>499.986</t>
  </si>
  <si>
    <t>1740990.0</t>
  </si>
  <si>
    <t>1575863289.0</t>
  </si>
  <si>
    <t>912552134.0</t>
  </si>
  <si>
    <t>658614500.0</t>
  </si>
  <si>
    <t>5167283.0</t>
  </si>
  <si>
    <t>7377220.0</t>
  </si>
  <si>
    <t>3298902.0</t>
  </si>
  <si>
    <t>705411425.0</t>
  </si>
  <si>
    <t>1649143.0</t>
  </si>
  <si>
    <t>501.158</t>
  </si>
  <si>
    <t>1750878.0</t>
  </si>
  <si>
    <t>1576006300.0</t>
  </si>
  <si>
    <t>912567911.0</t>
  </si>
  <si>
    <t>658765881.0</t>
  </si>
  <si>
    <t>4672508.0</t>
  </si>
  <si>
    <t>143011.0</t>
  </si>
  <si>
    <t>5452050.0</t>
  </si>
  <si>
    <t>2387982.0</t>
  </si>
  <si>
    <t>707421650.0</t>
  </si>
  <si>
    <t>2010225.0</t>
  </si>
  <si>
    <t>502.586</t>
  </si>
  <si>
    <t>1735324.0</t>
  </si>
  <si>
    <t>1592451490.0</t>
  </si>
  <si>
    <t>919059606.0</t>
  </si>
  <si>
    <t>667552043.0</t>
  </si>
  <si>
    <t>5839841.0</t>
  </si>
  <si>
    <t>16445190.0</t>
  </si>
  <si>
    <t>6879112.0</t>
  </si>
  <si>
    <t>2907049.0</t>
  </si>
  <si>
    <t>709356830.0</t>
  </si>
  <si>
    <t>1935180.0</t>
  </si>
  <si>
    <t>503.961</t>
  </si>
  <si>
    <t>1738585.0</t>
  </si>
  <si>
    <t>1600333779.0</t>
  </si>
  <si>
    <t>922087216.0</t>
  </si>
  <si>
    <t>671853985.0</t>
  </si>
  <si>
    <t>6392578.0</t>
  </si>
  <si>
    <t>7882289.0</t>
  </si>
  <si>
    <t>6630581.0</t>
  </si>
  <si>
    <t>2721227.0</t>
  </si>
  <si>
    <t>711538938.0</t>
  </si>
  <si>
    <t>2182108.0</t>
  </si>
  <si>
    <t>505.511</t>
  </si>
  <si>
    <t>1777122.0</t>
  </si>
  <si>
    <t>1609613007.0</t>
  </si>
  <si>
    <t>925500152.0</t>
  </si>
  <si>
    <t>677041072.0</t>
  </si>
  <si>
    <t>7071783.0</t>
  </si>
  <si>
    <t>9279228.0</t>
  </si>
  <si>
    <t>7590638.0</t>
  </si>
  <si>
    <t>3059055.0</t>
  </si>
  <si>
    <t>713499892.0</t>
  </si>
  <si>
    <t>1960954.0</t>
  </si>
  <si>
    <t>506.904</t>
  </si>
  <si>
    <t>1826724.0</t>
  </si>
  <si>
    <t>1617088106.0</t>
  </si>
  <si>
    <t>928133309.0</t>
  </si>
  <si>
    <t>681368115.0</t>
  </si>
  <si>
    <t>7586682.0</t>
  </si>
  <si>
    <t>7475099.0</t>
  </si>
  <si>
    <t>7349937.0</t>
  </si>
  <si>
    <t>2875423.0</t>
  </si>
  <si>
    <t>715520580.0</t>
  </si>
  <si>
    <t>2020688.0</t>
  </si>
  <si>
    <t>508.34</t>
  </si>
  <si>
    <t>1867392.0</t>
  </si>
  <si>
    <t>1622210924.0</t>
  </si>
  <si>
    <t>929971622.0</t>
  </si>
  <si>
    <t>684436700.0</t>
  </si>
  <si>
    <t>7802602.0</t>
  </si>
  <si>
    <t>5122818.0</t>
  </si>
  <si>
    <t>7359274.0</t>
  </si>
  <si>
    <t>2797940.0</t>
  </si>
  <si>
    <t>716995333.0</t>
  </si>
  <si>
    <t>1474753.0</t>
  </si>
  <si>
    <t>509.387</t>
  </si>
  <si>
    <t>1890436.0</t>
  </si>
  <si>
    <t>1623419845.0</t>
  </si>
  <si>
    <t>930359898.0</t>
  </si>
  <si>
    <t>685102189.0</t>
  </si>
  <si>
    <t>7957758.0</t>
  </si>
  <si>
    <t>6793794.0</t>
  </si>
  <si>
    <t>2543966.0</t>
  </si>
  <si>
    <t>718802433.0</t>
  </si>
  <si>
    <t>1807100.0</t>
  </si>
  <si>
    <t>510.671</t>
  </si>
  <si>
    <t>1913001.0</t>
  </si>
  <si>
    <t>1630312330.0</t>
  </si>
  <si>
    <t>932606511.0</t>
  </si>
  <si>
    <t>689133722.0</t>
  </si>
  <si>
    <t>8572097.0</t>
  </si>
  <si>
    <t>6892485.0</t>
  </si>
  <si>
    <t>7758004.0</t>
  </si>
  <si>
    <t>115.04</t>
  </si>
  <si>
    <t>2862657.0</t>
  </si>
  <si>
    <t>720572178.0</t>
  </si>
  <si>
    <t>1769745.0</t>
  </si>
  <si>
    <t>511.929</t>
  </si>
  <si>
    <t>1878647.0</t>
  </si>
  <si>
    <t>1636183520.0</t>
  </si>
  <si>
    <t>934468791.0</t>
  </si>
  <si>
    <t>692645423.0</t>
  </si>
  <si>
    <t>9069306.0</t>
  </si>
  <si>
    <t>5871190.0</t>
  </si>
  <si>
    <t>6247433.0</t>
  </si>
  <si>
    <t>115.45</t>
  </si>
  <si>
    <t>2201312.0</t>
  </si>
  <si>
    <t>722166248.0</t>
  </si>
  <si>
    <t>1594070.0</t>
  </si>
  <si>
    <t>513.061</t>
  </si>
  <si>
    <t>1829917.0</t>
  </si>
  <si>
    <t>1639112704.0</t>
  </si>
  <si>
    <t>935294849.0</t>
  </si>
  <si>
    <t>694410120.0</t>
  </si>
  <si>
    <t>9407735.0</t>
  </si>
  <si>
    <t>2929184.0</t>
  </si>
  <si>
    <t>5539846.0</t>
  </si>
  <si>
    <t>1886805.0</t>
  </si>
  <si>
    <t>723748555.0</t>
  </si>
  <si>
    <t>1582307.0</t>
  </si>
  <si>
    <t>514.185</t>
  </si>
  <si>
    <t>1744231.0</t>
  </si>
  <si>
    <t>1645293992.0</t>
  </si>
  <si>
    <t>937107027.0</t>
  </si>
  <si>
    <t>698115220.0</t>
  </si>
  <si>
    <t>10071745.0</t>
  </si>
  <si>
    <t>6181288.0</t>
  </si>
  <si>
    <t>5097284.0</t>
  </si>
  <si>
    <t>1658125.0</t>
  </si>
  <si>
    <t>725774705.0</t>
  </si>
  <si>
    <t>2026150.0</t>
  </si>
  <si>
    <t>515.625</t>
  </si>
  <si>
    <t>1753545.0</t>
  </si>
  <si>
    <t>1650461284.0</t>
  </si>
  <si>
    <t>938645671.0</t>
  </si>
  <si>
    <t>701262521.0</t>
  </si>
  <si>
    <t>10553092.0</t>
  </si>
  <si>
    <t>5167292.0</t>
  </si>
  <si>
    <t>4767597.0</t>
  </si>
  <si>
    <t>1501766.0</t>
  </si>
  <si>
    <t>727390698.0</t>
  </si>
  <si>
    <t>1615993.0</t>
  </si>
  <si>
    <t>516.773</t>
  </si>
  <si>
    <t>1695731.0</t>
  </si>
  <si>
    <t>1657362150.0</t>
  </si>
  <si>
    <t>940755706.0</t>
  </si>
  <si>
    <t>705405482.0</t>
  </si>
  <si>
    <t>11200962.0</t>
  </si>
  <si>
    <t>6900866.0</t>
  </si>
  <si>
    <t>5021604.0</t>
  </si>
  <si>
    <t>1540583.0</t>
  </si>
  <si>
    <t>728997813.0</t>
  </si>
  <si>
    <t>1607115.0</t>
  </si>
  <si>
    <t>517.915</t>
  </si>
  <si>
    <t>1714640.0</t>
  </si>
  <si>
    <t>1664786038.0</t>
  </si>
  <si>
    <t>943027714.0</t>
  </si>
  <si>
    <t>709926447.0</t>
  </si>
  <si>
    <t>11831877.0</t>
  </si>
  <si>
    <t>7423888.0</t>
  </si>
  <si>
    <t>5909456.0</t>
  </si>
  <si>
    <t>117.47</t>
  </si>
  <si>
    <t>1809688.0</t>
  </si>
  <si>
    <t>730697193.0</t>
  </si>
  <si>
    <t>1699380.0</t>
  </si>
  <si>
    <t>519.122</t>
  </si>
  <si>
    <t>1699251.0</t>
  </si>
  <si>
    <t>1671163877.0</t>
  </si>
  <si>
    <t>944749420.0</t>
  </si>
  <si>
    <t>714073668.0</t>
  </si>
  <si>
    <t>12340789.0</t>
  </si>
  <si>
    <t>6377839.0</t>
  </si>
  <si>
    <t>5835935.0</t>
  </si>
  <si>
    <t>1734701.0</t>
  </si>
  <si>
    <t>732439986.0</t>
  </si>
  <si>
    <t>1742793.0</t>
  </si>
  <si>
    <t>520.36</t>
  </si>
  <si>
    <t>1695401.0</t>
  </si>
  <si>
    <t>1677030680.0</t>
  </si>
  <si>
    <t>946259127.0</t>
  </si>
  <si>
    <t>717972069.0</t>
  </si>
  <si>
    <t>12799484.0</t>
  </si>
  <si>
    <t>5866803.0</t>
  </si>
  <si>
    <t>5835309.0</t>
  </si>
  <si>
    <t>1684334.0</t>
  </si>
  <si>
    <t>734192614.0</t>
  </si>
  <si>
    <t>1752628.0</t>
  </si>
  <si>
    <t>521.605</t>
  </si>
  <si>
    <t>1718052.0</t>
  </si>
  <si>
    <t>1681517744.0</t>
  </si>
  <si>
    <t>947341172.0</t>
  </si>
  <si>
    <t>721020585.0</t>
  </si>
  <si>
    <t>13155987.0</t>
  </si>
  <si>
    <t>4487064.0</t>
  </si>
  <si>
    <t>6057863.0</t>
  </si>
  <si>
    <t>1720903.0</t>
  </si>
  <si>
    <t>735804280.0</t>
  </si>
  <si>
    <t>1611666.0</t>
  </si>
  <si>
    <t>522.75</t>
  </si>
  <si>
    <t>1722246.0</t>
  </si>
  <si>
    <t>1687048487.0</t>
  </si>
  <si>
    <t>948717449.0</t>
  </si>
  <si>
    <t>724768356.0</t>
  </si>
  <si>
    <t>13562682.0</t>
  </si>
  <si>
    <t>5530743.0</t>
  </si>
  <si>
    <t>5964928.0</t>
  </si>
  <si>
    <t>119.04</t>
  </si>
  <si>
    <t>1658632.0</t>
  </si>
  <si>
    <t>737932233.0</t>
  </si>
  <si>
    <t>2127953.0</t>
  </si>
  <si>
    <t>524.262</t>
  </si>
  <si>
    <t>1736790.0</t>
  </si>
  <si>
    <t>1693177165.0</t>
  </si>
  <si>
    <t>950308975.0</t>
  </si>
  <si>
    <t>728875616.0</t>
  </si>
  <si>
    <t>13992574.0</t>
  </si>
  <si>
    <t>6128678.0</t>
  </si>
  <si>
    <t>6102269.0</t>
  </si>
  <si>
    <t>1666186.0</t>
  </si>
  <si>
    <t>740187141.0</t>
  </si>
  <si>
    <t>2254908.0</t>
  </si>
  <si>
    <t>525.864</t>
  </si>
  <si>
    <t>1828063.0</t>
  </si>
  <si>
    <t>1695886196.0</t>
  </si>
  <si>
    <t>951213177.0</t>
  </si>
  <si>
    <t>730532500.0</t>
  </si>
  <si>
    <t>14140519.0</t>
  </si>
  <si>
    <t>2709031.0</t>
  </si>
  <si>
    <t>5503435.0</t>
  </si>
  <si>
    <t>1493924.0</t>
  </si>
  <si>
    <t>741561587.0</t>
  </si>
  <si>
    <t>1374446.0</t>
  </si>
  <si>
    <t>526.84</t>
  </si>
  <si>
    <t>1794825.0</t>
  </si>
  <si>
    <t>1696048044.0</t>
  </si>
  <si>
    <t>951263816.0</t>
  </si>
  <si>
    <t>730627102.0</t>
  </si>
  <si>
    <t>14157126.0</t>
  </si>
  <si>
    <t>161848.0</t>
  </si>
  <si>
    <t>4466001.0</t>
  </si>
  <si>
    <t>119.68</t>
  </si>
  <si>
    <t>1176586.0</t>
  </si>
  <si>
    <t>742908121.0</t>
  </si>
  <si>
    <t>1346534.0</t>
  </si>
  <si>
    <t>527.797</t>
  </si>
  <si>
    <t>1744418.0</t>
  </si>
  <si>
    <t>1702679391.0</t>
  </si>
  <si>
    <t>952678279.0</t>
  </si>
  <si>
    <t>736217486.0</t>
  </si>
  <si>
    <t>14652203.0</t>
  </si>
  <si>
    <t>6631347.0</t>
  </si>
  <si>
    <t>4502216.0</t>
  </si>
  <si>
    <t>1132694.0</t>
  </si>
  <si>
    <t>744684750.0</t>
  </si>
  <si>
    <t>1776629.0</t>
  </si>
  <si>
    <t>529.059</t>
  </si>
  <si>
    <t>1749252.0</t>
  </si>
  <si>
    <t>1710023580.0</t>
  </si>
  <si>
    <t>954257234.0</t>
  </si>
  <si>
    <t>740575198.0</t>
  </si>
  <si>
    <t>15191148.0</t>
  </si>
  <si>
    <t>7344189.0</t>
  </si>
  <si>
    <t>4713271.0</t>
  </si>
  <si>
    <t>1142587.0</t>
  </si>
  <si>
    <t>746196071.0</t>
  </si>
  <si>
    <t>1511321.0</t>
  </si>
  <si>
    <t>530.133</t>
  </si>
  <si>
    <t>1714780.0</t>
  </si>
  <si>
    <t>1710398811.0</t>
  </si>
  <si>
    <t>954313669.0</t>
  </si>
  <si>
    <t>740861221.0</t>
  </si>
  <si>
    <t>15223921.0</t>
  </si>
  <si>
    <t>375231.0</t>
  </si>
  <si>
    <t>4125867.0</t>
  </si>
  <si>
    <t>120.69</t>
  </si>
  <si>
    <t>996071.0</t>
  </si>
  <si>
    <t>747870047.0</t>
  </si>
  <si>
    <t>1673976.0</t>
  </si>
  <si>
    <t>531.322</t>
  </si>
  <si>
    <t>1723681.0</t>
  </si>
  <si>
    <t>1720173263.0</t>
  </si>
  <si>
    <t>956363985.0</t>
  </si>
  <si>
    <t>747888827.0</t>
  </si>
  <si>
    <t>15920451.0</t>
  </si>
  <si>
    <t>9774452.0</t>
  </si>
  <si>
    <t>4732111.0</t>
  </si>
  <si>
    <t>1092362.0</t>
  </si>
  <si>
    <t>749320579.0</t>
  </si>
  <si>
    <t>1450532.0</t>
  </si>
  <si>
    <t>532.353</t>
  </si>
  <si>
    <t>1626907.0</t>
  </si>
  <si>
    <t>1723371281.0</t>
  </si>
  <si>
    <t>957047881.0</t>
  </si>
  <si>
    <t>750185166.0</t>
  </si>
  <si>
    <t>16138234.0</t>
  </si>
  <si>
    <t>3198018.0</t>
  </si>
  <si>
    <t>4313445.0</t>
  </si>
  <si>
    <t>962701.0</t>
  </si>
  <si>
    <t>750735858.0</t>
  </si>
  <si>
    <t>1415279.0</t>
  </si>
  <si>
    <t>533.358</t>
  </si>
  <si>
    <t>1506960.0</t>
  </si>
  <si>
    <t>1727912049.0</t>
  </si>
  <si>
    <t>958033046.0</t>
  </si>
  <si>
    <t>753481207.0</t>
  </si>
  <si>
    <t>16397796.0</t>
  </si>
  <si>
    <t>4540768.0</t>
  </si>
  <si>
    <t>4575122.0</t>
  </si>
  <si>
    <t>974267.0</t>
  </si>
  <si>
    <t>751803766.0</t>
  </si>
  <si>
    <t>1067908.0</t>
  </si>
  <si>
    <t>534.117</t>
  </si>
  <si>
    <t>1463168.0</t>
  </si>
  <si>
    <t>1729729648.0</t>
  </si>
  <si>
    <t>958462316.0</t>
  </si>
  <si>
    <t>754746231.0</t>
  </si>
  <si>
    <t>16521101.0</t>
  </si>
  <si>
    <t>1817599.0</t>
  </si>
  <si>
    <t>4811658.0</t>
  </si>
  <si>
    <t>122.05</t>
  </si>
  <si>
    <t>1028357.0</t>
  </si>
  <si>
    <t>753033302.0</t>
  </si>
  <si>
    <t>1229536.0</t>
  </si>
  <si>
    <t>534.991</t>
  </si>
  <si>
    <t>1446454.0</t>
  </si>
  <si>
    <t>1736068837.0</t>
  </si>
  <si>
    <t>959602131.0</t>
  </si>
  <si>
    <t>759530099.0</t>
  </si>
  <si>
    <t>16936607.0</t>
  </si>
  <si>
    <t>6339189.0</t>
  </si>
  <si>
    <t>4769921.0</t>
  </si>
  <si>
    <t>989122.0</t>
  </si>
  <si>
    <t>754284979.0</t>
  </si>
  <si>
    <t>1251677.0</t>
  </si>
  <si>
    <t>535.88</t>
  </si>
  <si>
    <t>1371461.0</t>
  </si>
  <si>
    <t>1738650284.0</t>
  </si>
  <si>
    <t>960091888.0</t>
  </si>
  <si>
    <t>761473602.0</t>
  </si>
  <si>
    <t>17084794.0</t>
  </si>
  <si>
    <t>2581447.0</t>
  </si>
  <si>
    <t>4089529.0</t>
  </si>
  <si>
    <t>122.68</t>
  </si>
  <si>
    <t>833522.0</t>
  </si>
  <si>
    <t>755532460.0</t>
  </si>
  <si>
    <t>1247481.0</t>
  </si>
  <si>
    <t>536.766</t>
  </si>
  <si>
    <t>1333770.0</t>
  </si>
  <si>
    <t>1743931966.0</t>
  </si>
  <si>
    <t>961022242.0</t>
  </si>
  <si>
    <t>765507484.0</t>
  </si>
  <si>
    <t>17402240.0</t>
  </si>
  <si>
    <t>5281682.0</t>
  </si>
  <si>
    <t>4790451.0</t>
  </si>
  <si>
    <t>123.06</t>
  </si>
  <si>
    <t>958368.0</t>
  </si>
  <si>
    <t>756851787.0</t>
  </si>
  <si>
    <t>1319327.0</t>
  </si>
  <si>
    <t>537.703</t>
  </si>
  <si>
    <t>1283106.0</t>
  </si>
  <si>
    <t>1747936912.0</t>
  </si>
  <si>
    <t>961693778.0</t>
  </si>
  <si>
    <t>768626041.0</t>
  </si>
  <si>
    <t>17617093.0</t>
  </si>
  <si>
    <t>4004946.0</t>
  </si>
  <si>
    <t>3966236.0</t>
  </si>
  <si>
    <t>123.34</t>
  </si>
  <si>
    <t>761399.0</t>
  </si>
  <si>
    <t>758127480.0</t>
  </si>
  <si>
    <t>1275693.0</t>
  </si>
  <si>
    <t>538.61</t>
  </si>
  <si>
    <t>1258129.0</t>
  </si>
  <si>
    <t>1751467446.0</t>
  </si>
  <si>
    <t>962283459.0</t>
  </si>
  <si>
    <t>771380004.0</t>
  </si>
  <si>
    <t>17803983.0</t>
  </si>
  <si>
    <t>3530534.0</t>
  </si>
  <si>
    <t>4013738.0</t>
  </si>
  <si>
    <t>747940.0</t>
  </si>
  <si>
    <t>759315246.0</t>
  </si>
  <si>
    <t>1187766.0</t>
  </si>
  <si>
    <t>539.454</t>
  </si>
  <si>
    <t>1225627.0</t>
  </si>
  <si>
    <t>1753406786.0</t>
  </si>
  <si>
    <t>962616766.0</t>
  </si>
  <si>
    <t>772901521.0</t>
  </si>
  <si>
    <t>17888499.0</t>
  </si>
  <si>
    <t>1939340.0</t>
  </si>
  <si>
    <t>3642105.0</t>
  </si>
  <si>
    <t>123.73</t>
  </si>
  <si>
    <t>654817.0</t>
  </si>
  <si>
    <t>760146333.0</t>
  </si>
  <si>
    <t>831087.0</t>
  </si>
  <si>
    <t>540.044</t>
  </si>
  <si>
    <t>1191795.0</t>
  </si>
  <si>
    <t>1755791055.0</t>
  </si>
  <si>
    <t>962967313.0</t>
  </si>
  <si>
    <t>774808452.0</t>
  </si>
  <si>
    <t>18015290.0</t>
  </si>
  <si>
    <t>2384269.0</t>
  </si>
  <si>
    <t>3723058.0</t>
  </si>
  <si>
    <t>643571.0</t>
  </si>
  <si>
    <t>761230580.0</t>
  </si>
  <si>
    <t>1084247.0</t>
  </si>
  <si>
    <t>540.814</t>
  </si>
  <si>
    <t>1171040.0</t>
  </si>
  <si>
    <t>1759523094.0</t>
  </si>
  <si>
    <t>963517480.0</t>
  </si>
  <si>
    <t>777816191.0</t>
  </si>
  <si>
    <t>18189423.0</t>
  </si>
  <si>
    <t>3732039.0</t>
  </si>
  <si>
    <t>3350608.0</t>
  </si>
  <si>
    <t>559336.0</t>
  </si>
  <si>
    <t>762414018.0</t>
  </si>
  <si>
    <t>1183438.0</t>
  </si>
  <si>
    <t>541.655</t>
  </si>
  <si>
    <t>1161291.0</t>
  </si>
  <si>
    <t>1761691159.0</t>
  </si>
  <si>
    <t>963841804.0</t>
  </si>
  <si>
    <t>779561195.0</t>
  </si>
  <si>
    <t>18288160.0</t>
  </si>
  <si>
    <t>2168065.0</t>
  </si>
  <si>
    <t>3291554.0</t>
  </si>
  <si>
    <t>535702.0</t>
  </si>
  <si>
    <t>763569165.0</t>
  </si>
  <si>
    <t>1155147.0</t>
  </si>
  <si>
    <t>542.476</t>
  </si>
  <si>
    <t>1148101.0</t>
  </si>
  <si>
    <t>1764970949.0</t>
  </si>
  <si>
    <t>964304634.0</t>
  </si>
  <si>
    <t>782222068.0</t>
  </si>
  <si>
    <t>18444247.0</t>
  </si>
  <si>
    <t>3279790.0</t>
  </si>
  <si>
    <t>3005569.0</t>
  </si>
  <si>
    <t>468913.0</t>
  </si>
  <si>
    <t>1114350.0</t>
  </si>
  <si>
    <t>1768596814.0</t>
  </si>
  <si>
    <t>964818498.0</t>
  </si>
  <si>
    <t>785172630.0</t>
  </si>
  <si>
    <t>18605686.0</t>
  </si>
  <si>
    <t>3625865.0</t>
  </si>
  <si>
    <t>2951415.0</t>
  </si>
  <si>
    <t>446389.0</t>
  </si>
  <si>
    <t>765735314.0</t>
  </si>
  <si>
    <t>544.015</t>
  </si>
  <si>
    <t>1086833.0</t>
  </si>
  <si>
    <t>1772317897.0</t>
  </si>
  <si>
    <t>965336168.0</t>
  </si>
  <si>
    <t>788213991.0</t>
  </si>
  <si>
    <t>18767738.0</t>
  </si>
  <si>
    <t>3721083.0</t>
  </si>
  <si>
    <t>2978636.0</t>
  </si>
  <si>
    <t>436101.0</t>
  </si>
  <si>
    <t>766757518.0</t>
  </si>
  <si>
    <t>1022204.0</t>
  </si>
  <si>
    <t>544.741</t>
  </si>
  <si>
    <t>1063182.0</t>
  </si>
  <si>
    <t>1773724815.0</t>
  </si>
  <si>
    <t>965531308.0</t>
  </si>
  <si>
    <t>789372639.0</t>
  </si>
  <si>
    <t>18820868.0</t>
  </si>
  <si>
    <t>1406918.0</t>
  </si>
  <si>
    <t>2902576.0</t>
  </si>
  <si>
    <t>416363.0</t>
  </si>
  <si>
    <t>767481346.0</t>
  </si>
  <si>
    <t>723828.0</t>
  </si>
  <si>
    <t>545.255</t>
  </si>
  <si>
    <t>1047859.0</t>
  </si>
  <si>
    <t>1775178647.0</t>
  </si>
  <si>
    <t>965733580.0</t>
  </si>
  <si>
    <t>790556254.0</t>
  </si>
  <si>
    <t>18888813.0</t>
  </si>
  <si>
    <t>1453832.0</t>
  </si>
  <si>
    <t>2769656.0</t>
  </si>
  <si>
    <t>125.26</t>
  </si>
  <si>
    <t>395181.0</t>
  </si>
  <si>
    <t>768382993.0</t>
  </si>
  <si>
    <t>901647.0</t>
  </si>
  <si>
    <t>545.896</t>
  </si>
  <si>
    <t>1021773.0</t>
  </si>
  <si>
    <t>1776674379.0</t>
  </si>
  <si>
    <t>965923463.0</t>
  </si>
  <si>
    <t>791803734.0</t>
  </si>
  <si>
    <t>18947182.0</t>
  </si>
  <si>
    <t>1495732.0</t>
  </si>
  <si>
    <t>2450184.0</t>
  </si>
  <si>
    <t>343712.0</t>
  </si>
  <si>
    <t>769167052.0</t>
  </si>
  <si>
    <t>784059.0</t>
  </si>
  <si>
    <t>546.453</t>
  </si>
  <si>
    <t>964719.0</t>
  </si>
  <si>
    <t>1778253673.0</t>
  </si>
  <si>
    <t>966125454.0</t>
  </si>
  <si>
    <t>793112322.0</t>
  </si>
  <si>
    <t>19015897.0</t>
  </si>
  <si>
    <t>1579294.0</t>
  </si>
  <si>
    <t>2366073.0</t>
  </si>
  <si>
    <t>326236.0</t>
  </si>
  <si>
    <t>770050005.0</t>
  </si>
  <si>
    <t>882953.0</t>
  </si>
  <si>
    <t>547.08</t>
  </si>
  <si>
    <t>925834.0</t>
  </si>
  <si>
    <t>1781445039.0</t>
  </si>
  <si>
    <t>966508496.0</t>
  </si>
  <si>
    <t>795778169.0</t>
  </si>
  <si>
    <t>19158374.0</t>
  </si>
  <si>
    <t>3191366.0</t>
  </si>
  <si>
    <t>2353441.0</t>
  </si>
  <si>
    <t>314837.0</t>
  </si>
  <si>
    <t>770973356.0</t>
  </si>
  <si>
    <t>923351.0</t>
  </si>
  <si>
    <t>547.736</t>
  </si>
  <si>
    <t>903017.0</t>
  </si>
  <si>
    <t>1784081444.0</t>
  </si>
  <si>
    <t>966810216.0</t>
  </si>
  <si>
    <t>797997103.0</t>
  </si>
  <si>
    <t>19274125.0</t>
  </si>
  <si>
    <t>2636405.0</t>
  </si>
  <si>
    <t>2212090.0</t>
  </si>
  <si>
    <t>284531.0</t>
  </si>
  <si>
    <t>771914261.0</t>
  </si>
  <si>
    <t>940905.0</t>
  </si>
  <si>
    <t>882707.0</t>
  </si>
  <si>
    <t>1786849348.0</t>
  </si>
  <si>
    <t>967153861.0</t>
  </si>
  <si>
    <t>800304849.0</t>
  </si>
  <si>
    <t>19390638.0</t>
  </si>
  <si>
    <t>2767904.0</t>
  </si>
  <si>
    <t>2075922.0</t>
  </si>
  <si>
    <t>259670.0</t>
  </si>
  <si>
    <t>772824246.0</t>
  </si>
  <si>
    <t>909985.0</t>
  </si>
  <si>
    <t>549.051</t>
  </si>
  <si>
    <t>866675.0</t>
  </si>
  <si>
    <t>1787845508.0</t>
  </si>
  <si>
    <t>967279389.0</t>
  </si>
  <si>
    <t>801141086.0</t>
  </si>
  <si>
    <t>19425033.0</t>
  </si>
  <si>
    <t>996160.0</t>
  </si>
  <si>
    <t>2017242.0</t>
  </si>
  <si>
    <t>126.16</t>
  </si>
  <si>
    <t>773437172.0</t>
  </si>
  <si>
    <t>612926.0</t>
  </si>
  <si>
    <t>549.486</t>
  </si>
  <si>
    <t>850832.0</t>
  </si>
  <si>
    <t>1789317128.0</t>
  </si>
  <si>
    <t>967460932.0</t>
  </si>
  <si>
    <t>802358408.0</t>
  </si>
  <si>
    <t>19497788.0</t>
  </si>
  <si>
    <t>1471620.0</t>
  </si>
  <si>
    <t>2019783.0</t>
  </si>
  <si>
    <t>774310567.0</t>
  </si>
  <si>
    <t>873395.0</t>
  </si>
  <si>
    <t>550.107</t>
  </si>
  <si>
    <t>846796.0</t>
  </si>
  <si>
    <t>1791553063.0</t>
  </si>
  <si>
    <t>967725805.0</t>
  </si>
  <si>
    <t>804228336.0</t>
  </si>
  <si>
    <t>19598922.0</t>
  </si>
  <si>
    <t>2235935.0</t>
  </si>
  <si>
    <t>2125526.0</t>
  </si>
  <si>
    <t>257477.0</t>
  </si>
  <si>
    <t>775208471.0</t>
  </si>
  <si>
    <t>897904.0</t>
  </si>
  <si>
    <t>550.745</t>
  </si>
  <si>
    <t>863060.0</t>
  </si>
  <si>
    <t>173.1</t>
  </si>
  <si>
    <t>1793520158.0</t>
  </si>
  <si>
    <t>967946798.0</t>
  </si>
  <si>
    <t>805886615.0</t>
  </si>
  <si>
    <t>19686745.0</t>
  </si>
  <si>
    <t>1967095.0</t>
  </si>
  <si>
    <t>2180926.0</t>
  </si>
  <si>
    <t>260192.0</t>
  </si>
  <si>
    <t>776082445.0</t>
  </si>
  <si>
    <t>873974.0</t>
  </si>
  <si>
    <t>551.366</t>
  </si>
  <si>
    <t>861777.0</t>
  </si>
  <si>
    <t>1795443790.0</t>
  </si>
  <si>
    <t>968154309.0</t>
  </si>
  <si>
    <t>807510151.0</t>
  </si>
  <si>
    <t>19779330.0</t>
  </si>
  <si>
    <t>1923632.0</t>
  </si>
  <si>
    <t>1999822.0</t>
  </si>
  <si>
    <t>126.69</t>
  </si>
  <si>
    <t>235116.0</t>
  </si>
  <si>
    <t>776894810.0</t>
  </si>
  <si>
    <t>812365.0</t>
  </si>
  <si>
    <t>551.943</t>
  </si>
  <si>
    <t>845922.0</t>
  </si>
  <si>
    <t>1798217482.0</t>
  </si>
  <si>
    <t>968454151.0</t>
  </si>
  <si>
    <t>809861857.0</t>
  </si>
  <si>
    <t>19901474.0</t>
  </si>
  <si>
    <t>2773692.0</t>
  </si>
  <si>
    <t>2019434.0</t>
  </si>
  <si>
    <t>234848.0</t>
  </si>
  <si>
    <t>777758414.0</t>
  </si>
  <si>
    <t>863604.0</t>
  </si>
  <si>
    <t>834879.0</t>
  </si>
  <si>
    <t>1799411716.0</t>
  </si>
  <si>
    <t>968594304.0</t>
  </si>
  <si>
    <t>810857880.0</t>
  </si>
  <si>
    <t>19959532.0</t>
  </si>
  <si>
    <t>1194234.0</t>
  </si>
  <si>
    <t>1794624.0</t>
  </si>
  <si>
    <t>205778.0</t>
  </si>
  <si>
    <t>778520151.0</t>
  </si>
  <si>
    <t>761737.0</t>
  </si>
  <si>
    <t>553.098</t>
  </si>
  <si>
    <t>813701.0</t>
  </si>
  <si>
    <t>1800720203.0</t>
  </si>
  <si>
    <t>968738370.0</t>
  </si>
  <si>
    <t>811980554.0</t>
  </si>
  <si>
    <t>20001279.0</t>
  </si>
  <si>
    <t>1308487.0</t>
  </si>
  <si>
    <t>1839242.0</t>
  </si>
  <si>
    <t>779052383.0</t>
  </si>
  <si>
    <t>532232.0</t>
  </si>
  <si>
    <t>553.476</t>
  </si>
  <si>
    <t>802173.0</t>
  </si>
  <si>
    <t>1802515613.0</t>
  </si>
  <si>
    <t>968928555.0</t>
  </si>
  <si>
    <t>813501336.0</t>
  </si>
  <si>
    <t>20085722.0</t>
  </si>
  <si>
    <t>1795410.0</t>
  </si>
  <si>
    <t>1885498.0</t>
  </si>
  <si>
    <t>209660.0</t>
  </si>
  <si>
    <t>779754156.0</t>
  </si>
  <si>
    <t>701773.0</t>
  </si>
  <si>
    <t>553.974</t>
  </si>
  <si>
    <t>777656.0</t>
  </si>
  <si>
    <t>1804173297.0</t>
  </si>
  <si>
    <t>969097787.0</t>
  </si>
  <si>
    <t>814906002.0</t>
  </si>
  <si>
    <t>20169508.0</t>
  </si>
  <si>
    <t>1657684.0</t>
  </si>
  <si>
    <t>1802891.0</t>
  </si>
  <si>
    <t>195997.0</t>
  </si>
  <si>
    <t>780506974.0</t>
  </si>
  <si>
    <t>752818.0</t>
  </si>
  <si>
    <t>554.509</t>
  </si>
  <si>
    <t>756929.0</t>
  </si>
  <si>
    <t>247.5</t>
  </si>
  <si>
    <t>1806005751.0</t>
  </si>
  <si>
    <t>969281482.0</t>
  </si>
  <si>
    <t>816469839.0</t>
  </si>
  <si>
    <t>20254430.0</t>
  </si>
  <si>
    <t>1832454.0</t>
  </si>
  <si>
    <t>1783656.0</t>
  </si>
  <si>
    <t>190669.0</t>
  </si>
  <si>
    <t>781224304.0</t>
  </si>
  <si>
    <t>717330.0</t>
  </si>
  <si>
    <t>555.019</t>
  </si>
  <si>
    <t>734551.0</t>
  </si>
  <si>
    <t>260.4</t>
  </si>
  <si>
    <t>1808015400.0</t>
  </si>
  <si>
    <t>970008356.0</t>
  </si>
  <si>
    <t>817667068.0</t>
  </si>
  <si>
    <t>20339976.0</t>
  </si>
  <si>
    <t>2009649.0</t>
  </si>
  <si>
    <t>1795944.0</t>
  </si>
  <si>
    <t>264864.0</t>
  </si>
  <si>
    <t>781858171.0</t>
  </si>
  <si>
    <t>633867.0</t>
  </si>
  <si>
    <t>555.469</t>
  </si>
  <si>
    <t>709052.0</t>
  </si>
  <si>
    <t>1809229692.0</t>
  </si>
  <si>
    <t>970523455.0</t>
  </si>
  <si>
    <t>818324294.0</t>
  </si>
  <si>
    <t>20381943.0</t>
  </si>
  <si>
    <t>1214292.0</t>
  </si>
  <si>
    <t>1573173.0</t>
  </si>
  <si>
    <t>295615.0</t>
  </si>
  <si>
    <t>782228685.0</t>
  </si>
  <si>
    <t>370514.0</t>
  </si>
  <si>
    <t>555.732</t>
  </si>
  <si>
    <t>638610.0</t>
  </si>
  <si>
    <t>1810472831.0</t>
  </si>
  <si>
    <t>971067179.0</t>
  </si>
  <si>
    <t>818968798.0</t>
  </si>
  <si>
    <t>20436854.0</t>
  </si>
  <si>
    <t>1243139.0</t>
  </si>
  <si>
    <t>1580159.0</t>
  </si>
  <si>
    <t>127.75</t>
  </si>
  <si>
    <t>782660658.0</t>
  </si>
  <si>
    <t>431973.0</t>
  </si>
  <si>
    <t>556.039</t>
  </si>
  <si>
    <t>591501.0</t>
  </si>
  <si>
    <t>1811384731.0</t>
  </si>
  <si>
    <t>971428124.0</t>
  </si>
  <si>
    <t>819491293.0</t>
  </si>
  <si>
    <t>20465314.0</t>
  </si>
  <si>
    <t>911900.0</t>
  </si>
  <si>
    <t>1523504.0</t>
  </si>
  <si>
    <t>384251.0</t>
  </si>
  <si>
    <t>783045157.0</t>
  </si>
  <si>
    <t>384499.0</t>
  </si>
  <si>
    <t>556.312</t>
  </si>
  <si>
    <t>570396.0</t>
  </si>
  <si>
    <t>1813883509.0</t>
  </si>
  <si>
    <t>972808865.0</t>
  </si>
  <si>
    <t>820497326.0</t>
  </si>
  <si>
    <t>20577318.0</t>
  </si>
  <si>
    <t>2498778.0</t>
  </si>
  <si>
    <t>1623985.0</t>
  </si>
  <si>
    <t>127.99</t>
  </si>
  <si>
    <t>554330.0</t>
  </si>
  <si>
    <t>783613628.0</t>
  </si>
  <si>
    <t>568471.0</t>
  </si>
  <si>
    <t>556.716</t>
  </si>
  <si>
    <t>551353.0</t>
  </si>
  <si>
    <t>1816439799.0</t>
  </si>
  <si>
    <t>974339631.0</t>
  </si>
  <si>
    <t>821413590.0</t>
  </si>
  <si>
    <t>20686578.0</t>
  </si>
  <si>
    <t>2556290.0</t>
  </si>
  <si>
    <t>1752357.0</t>
  </si>
  <si>
    <t>748835.0</t>
  </si>
  <si>
    <t>784290846.0</t>
  </si>
  <si>
    <t>677218.0</t>
  </si>
  <si>
    <t>557.197</t>
  </si>
  <si>
    <t>540553.0</t>
  </si>
  <si>
    <t>286.4</t>
  </si>
  <si>
    <t>1820574288.0</t>
  </si>
  <si>
    <t>976963865.0</t>
  </si>
  <si>
    <t>822790602.0</t>
  </si>
  <si>
    <t>20819821.0</t>
  </si>
  <si>
    <t>4134489.0</t>
  </si>
  <si>
    <t>2081220.0</t>
  </si>
  <si>
    <t>128.47</t>
  </si>
  <si>
    <t>1097483.0</t>
  </si>
  <si>
    <t>784952800.0</t>
  </si>
  <si>
    <t>661954.0</t>
  </si>
  <si>
    <t>557.668</t>
  </si>
  <si>
    <t>532642.0</t>
  </si>
  <si>
    <t>301.5</t>
  </si>
  <si>
    <t>1824268730.0</t>
  </si>
  <si>
    <t>979236978.0</t>
  </si>
  <si>
    <t>824066700.0</t>
  </si>
  <si>
    <t>20965052.0</t>
  </si>
  <si>
    <t>3694442.0</t>
  </si>
  <si>
    <t>2321904.0</t>
  </si>
  <si>
    <t>1318375.0</t>
  </si>
  <si>
    <t>785644225.0</t>
  </si>
  <si>
    <t>691425.0</t>
  </si>
  <si>
    <t>558.159</t>
  </si>
  <si>
    <t>540865.0</t>
  </si>
  <si>
    <t>1826265830.0</t>
  </si>
  <si>
    <t>980435665.0</t>
  </si>
  <si>
    <t>824764568.0</t>
  </si>
  <si>
    <t>21065597.0</t>
  </si>
  <si>
    <t>1997100.0</t>
  </si>
  <si>
    <t>2433734.0</t>
  </si>
  <si>
    <t>128.87</t>
  </si>
  <si>
    <t>1416030.0</t>
  </si>
  <si>
    <t>786302714.0</t>
  </si>
  <si>
    <t>658489.0</t>
  </si>
  <si>
    <t>558.627</t>
  </si>
  <si>
    <t>582004.0</t>
  </si>
  <si>
    <t>350.8</t>
  </si>
  <si>
    <t>1830285290.0</t>
  </si>
  <si>
    <t>982687842.0</t>
  </si>
  <si>
    <t>826360688.0</t>
  </si>
  <si>
    <t>21236760.0</t>
  </si>
  <si>
    <t>4019460.0</t>
  </si>
  <si>
    <t>2830351.0</t>
  </si>
  <si>
    <t>1660095.0</t>
  </si>
  <si>
    <t>786922965.0</t>
  </si>
  <si>
    <t>620251.0</t>
  </si>
  <si>
    <t>559.067</t>
  </si>
  <si>
    <t>608901.0</t>
  </si>
  <si>
    <t>376.1</t>
  </si>
  <si>
    <t>1831347741.0</t>
  </si>
  <si>
    <t>983190780.0</t>
  </si>
  <si>
    <t>826884564.0</t>
  </si>
  <si>
    <t>21272397.0</t>
  </si>
  <si>
    <t>1062451.0</t>
  </si>
  <si>
    <t>2851859.0</t>
  </si>
  <si>
    <t>1680379.0</t>
  </si>
  <si>
    <t>787355354.0</t>
  </si>
  <si>
    <t>432389.0</t>
  </si>
  <si>
    <t>559.375</t>
  </si>
  <si>
    <t>615742.0</t>
  </si>
  <si>
    <t>391.4</t>
  </si>
  <si>
    <t>1833040014.0</t>
  </si>
  <si>
    <t>984051283.0</t>
  </si>
  <si>
    <t>827610878.0</t>
  </si>
  <si>
    <t>21377853.0</t>
  </si>
  <si>
    <t>1692273.0</t>
  </si>
  <si>
    <t>2736644.0</t>
  </si>
  <si>
    <t>1606060.0</t>
  </si>
  <si>
    <t>787932913.0</t>
  </si>
  <si>
    <t>577559.0</t>
  </si>
  <si>
    <t>559.785</t>
  </si>
  <si>
    <t>617041.0</t>
  </si>
  <si>
    <t>1834500657.0</t>
  </si>
  <si>
    <t>984838143.0</t>
  </si>
  <si>
    <t>828229455.0</t>
  </si>
  <si>
    <t>21433059.0</t>
  </si>
  <si>
    <t>1460643.0</t>
  </si>
  <si>
    <t>2580123.0</t>
  </si>
  <si>
    <t>1499787.0</t>
  </si>
  <si>
    <t>788556935.0</t>
  </si>
  <si>
    <t>624022.0</t>
  </si>
  <si>
    <t>560.228</t>
  </si>
  <si>
    <t>609441.0</t>
  </si>
  <si>
    <t>1838519822.0</t>
  </si>
  <si>
    <t>987012865.0</t>
  </si>
  <si>
    <t>829846274.0</t>
  </si>
  <si>
    <t>21660683.0</t>
  </si>
  <si>
    <t>4019165.0</t>
  </si>
  <si>
    <t>2563648.0</t>
  </si>
  <si>
    <t>1435571.0</t>
  </si>
  <si>
    <t>789164922.0</t>
  </si>
  <si>
    <t>607987.0</t>
  </si>
  <si>
    <t>560.66</t>
  </si>
  <si>
    <t>601732.0</t>
  </si>
  <si>
    <t>1841947045.0</t>
  </si>
  <si>
    <t>988846975.0</t>
  </si>
  <si>
    <t>831238996.0</t>
  </si>
  <si>
    <t>21861074.0</t>
  </si>
  <si>
    <t>3427223.0</t>
  </si>
  <si>
    <t>2525474.0</t>
  </si>
  <si>
    <t>1372857.0</t>
  </si>
  <si>
    <t>789770958.0</t>
  </si>
  <si>
    <t>606036.0</t>
  </si>
  <si>
    <t>561.091</t>
  </si>
  <si>
    <t>589533.0</t>
  </si>
  <si>
    <t>458.4</t>
  </si>
  <si>
    <t>1843313964.0</t>
  </si>
  <si>
    <t>989520028.0</t>
  </si>
  <si>
    <t>831824241.0</t>
  </si>
  <si>
    <t>21969695.0</t>
  </si>
  <si>
    <t>1366919.0</t>
  </si>
  <si>
    <t>2435448.0</t>
  </si>
  <si>
    <t>1297766.0</t>
  </si>
  <si>
    <t>790298979.0</t>
  </si>
  <si>
    <t>528021.0</t>
  </si>
  <si>
    <t>570895.0</t>
  </si>
  <si>
    <t>460.5</t>
  </si>
  <si>
    <t>2036805.0</t>
  </si>
  <si>
    <t>1048276.0</t>
  </si>
  <si>
    <t>790764883.0</t>
  </si>
  <si>
    <t>465904.0</t>
  </si>
  <si>
    <t>561.797</t>
  </si>
  <si>
    <t>548845.0</t>
  </si>
  <si>
    <t>461.7</t>
  </si>
  <si>
    <t>2060592.0</t>
  </si>
  <si>
    <t>1048678.0</t>
  </si>
  <si>
    <t>791079706.0</t>
  </si>
  <si>
    <t>314823.0</t>
  </si>
  <si>
    <t>562.02</t>
  </si>
  <si>
    <t>532050.0</t>
  </si>
  <si>
    <t>1847000842.0</t>
  </si>
  <si>
    <t>991037275.0</t>
  </si>
  <si>
    <t>833703203.0</t>
  </si>
  <si>
    <t>22260364.0</t>
  </si>
  <si>
    <t>1994404.0</t>
  </si>
  <si>
    <t>997999.0</t>
  </si>
  <si>
    <t>791546038.0</t>
  </si>
  <si>
    <t>466332.0</t>
  </si>
  <si>
    <t>562.352</t>
  </si>
  <si>
    <t>516161.0</t>
  </si>
  <si>
    <t>1848699443.0</t>
  </si>
  <si>
    <t>991769822.0</t>
  </si>
  <si>
    <t>834507741.0</t>
  </si>
  <si>
    <t>22421880.0</t>
  </si>
  <si>
    <t>1698601.0</t>
  </si>
  <si>
    <t>2028398.0</t>
  </si>
  <si>
    <t>990240.0</t>
  </si>
  <si>
    <t>792027412.0</t>
  </si>
  <si>
    <t>562.694</t>
  </si>
  <si>
    <t>495782.0</t>
  </si>
  <si>
    <t>461.6</t>
  </si>
  <si>
    <t>1850895496.0</t>
  </si>
  <si>
    <t>992728812.0</t>
  </si>
  <si>
    <t>835583400.0</t>
  </si>
  <si>
    <t>22583284.0</t>
  </si>
  <si>
    <t>2196053.0</t>
  </si>
  <si>
    <t>1767953.0</t>
  </si>
  <si>
    <t>816564.0</t>
  </si>
  <si>
    <t>792509451.0</t>
  </si>
  <si>
    <t>563.036</t>
  </si>
  <si>
    <t>477790.0</t>
  </si>
  <si>
    <t>458.7</t>
  </si>
  <si>
    <t>1852472643.0</t>
  </si>
  <si>
    <t>993426348.0</t>
  </si>
  <si>
    <t>836334675.0</t>
  </si>
  <si>
    <t>22711620.0</t>
  </si>
  <si>
    <t>1577147.0</t>
  </si>
  <si>
    <t>1503657.0</t>
  </si>
  <si>
    <t>654196.0</t>
  </si>
  <si>
    <t>792963033.0</t>
  </si>
  <si>
    <t>453582.0</t>
  </si>
  <si>
    <t>563.358</t>
  </si>
  <si>
    <t>456011.0</t>
  </si>
  <si>
    <t>444.5</t>
  </si>
  <si>
    <t>1853783376.0</t>
  </si>
  <si>
    <t>993976391.0</t>
  </si>
  <si>
    <t>836977198.0</t>
  </si>
  <si>
    <t>22829787.0</t>
  </si>
  <si>
    <t>1310733.0</t>
  </si>
  <si>
    <t>1495630.0</t>
  </si>
  <si>
    <t>636623.0</t>
  </si>
  <si>
    <t>793429395.0</t>
  </si>
  <si>
    <t>466362.0</t>
  </si>
  <si>
    <t>563.69</t>
  </si>
  <si>
    <t>447202.0</t>
  </si>
  <si>
    <t>438.4</t>
  </si>
  <si>
    <t>1855432129.0</t>
  </si>
  <si>
    <t>994642394.0</t>
  </si>
  <si>
    <t>837829024.0</t>
  </si>
  <si>
    <t>22960711.0</t>
  </si>
  <si>
    <t>1648753.0</t>
  </si>
  <si>
    <t>1555601.0</t>
  </si>
  <si>
    <t>659517.0</t>
  </si>
  <si>
    <t>793847740.0</t>
  </si>
  <si>
    <t>563.987</t>
  </si>
  <si>
    <t>440408.0</t>
  </si>
  <si>
    <t>434.9</t>
  </si>
  <si>
    <t>1856267473.0</t>
  </si>
  <si>
    <t>994940223.0</t>
  </si>
  <si>
    <t>838319304.0</t>
  </si>
  <si>
    <t>23007946.0</t>
  </si>
  <si>
    <t>835344.0</t>
  </si>
  <si>
    <t>1499370.0</t>
  </si>
  <si>
    <t>629814.0</t>
  </si>
  <si>
    <t>794118951.0</t>
  </si>
  <si>
    <t>271211.0</t>
  </si>
  <si>
    <t>564.18</t>
  </si>
  <si>
    <t>434178.0</t>
  </si>
  <si>
    <t>428.7</t>
  </si>
  <si>
    <t>1857308103.0</t>
  </si>
  <si>
    <t>995287178.0</t>
  </si>
  <si>
    <t>838867091.0</t>
  </si>
  <si>
    <t>23153834.0</t>
  </si>
  <si>
    <t>1040630.0</t>
  </si>
  <si>
    <t>1472466.0</t>
  </si>
  <si>
    <t>607129.0</t>
  </si>
  <si>
    <t>794525202.0</t>
  </si>
  <si>
    <t>406251.0</t>
  </si>
  <si>
    <t>564.468</t>
  </si>
  <si>
    <t>425595.0</t>
  </si>
  <si>
    <t>420.1</t>
  </si>
  <si>
    <t>1859559964.0</t>
  </si>
  <si>
    <t>996097655.0</t>
  </si>
  <si>
    <t>840024362.0</t>
  </si>
  <si>
    <t>23437947.0</t>
  </si>
  <si>
    <t>2251861.0</t>
  </si>
  <si>
    <t>1551503.0</t>
  </si>
  <si>
    <t>131.22</t>
  </si>
  <si>
    <t>618262.0</t>
  </si>
  <si>
    <t>794954525.0</t>
  </si>
  <si>
    <t>429323.0</t>
  </si>
  <si>
    <t>564.773</t>
  </si>
  <si>
    <t>418159.0</t>
  </si>
  <si>
    <t>414.3</t>
  </si>
  <si>
    <t>1860601312.0</t>
  </si>
  <si>
    <t>996471455.0</t>
  </si>
  <si>
    <t>840565591.0</t>
  </si>
  <si>
    <t>23564266.0</t>
  </si>
  <si>
    <t>1041348.0</t>
  </si>
  <si>
    <t>1386545.0</t>
  </si>
  <si>
    <t>534663.0</t>
  </si>
  <si>
    <t>830810157.0</t>
  </si>
  <si>
    <t>35855632.0</t>
  </si>
  <si>
    <t>590.247</t>
  </si>
  <si>
    <t>25.474</t>
  </si>
  <si>
    <t>5471529.0</t>
  </si>
  <si>
    <t>1862055068.0</t>
  </si>
  <si>
    <t>996934800.0</t>
  </si>
  <si>
    <t>841424423.0</t>
  </si>
  <si>
    <t>23695845.0</t>
  </si>
  <si>
    <t>1453756.0</t>
  </si>
  <si>
    <t>1368918.0</t>
  </si>
  <si>
    <t>501207.0</t>
  </si>
  <si>
    <t>831177370.0</t>
  </si>
  <si>
    <t>367213.0</t>
  </si>
  <si>
    <t>590.508</t>
  </si>
  <si>
    <t>5459191.0</t>
  </si>
  <si>
    <t>1862475218.0</t>
  </si>
  <si>
    <t>997038307.0</t>
  </si>
  <si>
    <t>841683688.0</t>
  </si>
  <si>
    <t>23753223.0</t>
  </si>
  <si>
    <t>420150.0</t>
  </si>
  <si>
    <t>1241692.0</t>
  </si>
  <si>
    <t>437417.0</t>
  </si>
  <si>
    <t>831478288.0</t>
  </si>
  <si>
    <t>300918.0</t>
  </si>
  <si>
    <t>590.722</t>
  </si>
  <si>
    <t>5435556.0</t>
  </si>
  <si>
    <t>1151659.0</t>
  </si>
  <si>
    <t>380026.0</t>
  </si>
  <si>
    <t>831843406.0</t>
  </si>
  <si>
    <t>365118.0</t>
  </si>
  <si>
    <t>590.981</t>
  </si>
  <si>
    <t>5427952.0</t>
  </si>
  <si>
    <t>1177827.0</t>
  </si>
  <si>
    <t>375232.0</t>
  </si>
  <si>
    <t>832104846.0</t>
  </si>
  <si>
    <t>261440.0</t>
  </si>
  <si>
    <t>591.167</t>
  </si>
  <si>
    <t>5426556.0</t>
  </si>
  <si>
    <t>1865530788.0</t>
  </si>
  <si>
    <t>997831114.0</t>
  </si>
  <si>
    <t>843531138.0</t>
  </si>
  <si>
    <t>24168536.0</t>
  </si>
  <si>
    <t>1174669.0</t>
  </si>
  <si>
    <t>832506755.0</t>
  </si>
  <si>
    <t>401909.0</t>
  </si>
  <si>
    <t>591.452</t>
  </si>
  <si>
    <t>5425936.0</t>
  </si>
  <si>
    <t>1867730851.0</t>
  </si>
  <si>
    <t>998395198.0</t>
  </si>
  <si>
    <t>844905630.0</t>
  </si>
  <si>
    <t>24430023.0</t>
  </si>
  <si>
    <t>2200063.0</t>
  </si>
  <si>
    <t>1167270.0</t>
  </si>
  <si>
    <t>328220.0</t>
  </si>
  <si>
    <t>832927938.0</t>
  </si>
  <si>
    <t>421183.0</t>
  </si>
  <si>
    <t>591.751</t>
  </si>
  <si>
    <t>5424773.0</t>
  </si>
  <si>
    <t>1868475798.0</t>
  </si>
  <si>
    <t>998570814.0</t>
  </si>
  <si>
    <t>845392713.0</t>
  </si>
  <si>
    <t>24512271.0</t>
  </si>
  <si>
    <t>744947.0</t>
  </si>
  <si>
    <t>1124927.0</t>
  </si>
  <si>
    <t>131.85</t>
  </si>
  <si>
    <t>299908.0</t>
  </si>
  <si>
    <t>833377052.0</t>
  </si>
  <si>
    <t>449114.0</t>
  </si>
  <si>
    <t>592.071</t>
  </si>
  <si>
    <t>366699.0</t>
  </si>
  <si>
    <t>1870188115.0</t>
  </si>
  <si>
    <t>998973861.0</t>
  </si>
  <si>
    <t>846509195.0</t>
  </si>
  <si>
    <t>24705059.0</t>
  </si>
  <si>
    <t>1712317.0</t>
  </si>
  <si>
    <t>1161864.0</t>
  </si>
  <si>
    <t>291294.0</t>
  </si>
  <si>
    <t>378820.0</t>
  </si>
  <si>
    <t>1872146953.0</t>
  </si>
  <si>
    <t>999458254.0</t>
  </si>
  <si>
    <t>847776627.0</t>
  </si>
  <si>
    <t>24912072.0</t>
  </si>
  <si>
    <t>1958838.0</t>
  </si>
  <si>
    <t>1381676.0</t>
  </si>
  <si>
    <t>345707.0</t>
  </si>
  <si>
    <t>834281170.0</t>
  </si>
  <si>
    <t>592.713</t>
  </si>
  <si>
    <t>400412.0</t>
  </si>
  <si>
    <t>1501229.0</t>
  </si>
  <si>
    <t>371764.0</t>
  </si>
  <si>
    <t>834717702.0</t>
  </si>
  <si>
    <t>436532.0</t>
  </si>
  <si>
    <t>593.023</t>
  </si>
  <si>
    <t>410614.0</t>
  </si>
  <si>
    <t>1875857737.0</t>
  </si>
  <si>
    <t>1000351588.0</t>
  </si>
  <si>
    <t>850179623.0</t>
  </si>
  <si>
    <t>25326526.0</t>
  </si>
  <si>
    <t>1620782.0</t>
  </si>
  <si>
    <t>397820.0</t>
  </si>
  <si>
    <t>835019817.0</t>
  </si>
  <si>
    <t>302115.0</t>
  </si>
  <si>
    <t>593.238</t>
  </si>
  <si>
    <t>416424.0</t>
  </si>
  <si>
    <t>1876721584.0</t>
  </si>
  <si>
    <t>1000537663.0</t>
  </si>
  <si>
    <t>850734842.0</t>
  </si>
  <si>
    <t>25449079.0</t>
  </si>
  <si>
    <t>863847.0</t>
  </si>
  <si>
    <t>1598685.0</t>
  </si>
  <si>
    <t>386650.0</t>
  </si>
  <si>
    <t>835469014.0</t>
  </si>
  <si>
    <t>449197.0</t>
  </si>
  <si>
    <t>593.557</t>
  </si>
  <si>
    <t>423180.0</t>
  </si>
  <si>
    <t>1879171201.0</t>
  </si>
  <si>
    <t>1001097348.0</t>
  </si>
  <si>
    <t>852356087.0</t>
  </si>
  <si>
    <t>25717766.0</t>
  </si>
  <si>
    <t>2449617.0</t>
  </si>
  <si>
    <t>1634336.0</t>
  </si>
  <si>
    <t>386021.0</t>
  </si>
  <si>
    <t>835974079.0</t>
  </si>
  <si>
    <t>505065.0</t>
  </si>
  <si>
    <t>593.916</t>
  </si>
  <si>
    <t>435163.0</t>
  </si>
  <si>
    <t>1881446210.0</t>
  </si>
  <si>
    <t>1001622805.0</t>
  </si>
  <si>
    <t>853848567.0</t>
  </si>
  <si>
    <t>25974838.0</t>
  </si>
  <si>
    <t>2275009.0</t>
  </si>
  <si>
    <t>1852916.0</t>
  </si>
  <si>
    <t>435999.0</t>
  </si>
  <si>
    <t>836471748.0</t>
  </si>
  <si>
    <t>497669.0</t>
  </si>
  <si>
    <t>594.269</t>
  </si>
  <si>
    <t>442099.0</t>
  </si>
  <si>
    <t>1883679480.0</t>
  </si>
  <si>
    <t>1002087957.0</t>
  </si>
  <si>
    <t>855374676.0</t>
  </si>
  <si>
    <t>26216847.0</t>
  </si>
  <si>
    <t>2233270.0</t>
  </si>
  <si>
    <t>1927338.0</t>
  </si>
  <si>
    <t>444871.0</t>
  </si>
  <si>
    <t>836945383.0</t>
  </si>
  <si>
    <t>473635.0</t>
  </si>
  <si>
    <t>594.606</t>
  </si>
  <si>
    <t>445182.0</t>
  </si>
  <si>
    <t>1886979879.0</t>
  </si>
  <si>
    <t>1002808022.0</t>
  </si>
  <si>
    <t>857622004.0</t>
  </si>
  <si>
    <t>26549853.0</t>
  </si>
  <si>
    <t>3300399.0</t>
  </si>
  <si>
    <t>2118989.0</t>
  </si>
  <si>
    <t>478538.0</t>
  </si>
  <si>
    <t>837442023.0</t>
  </si>
  <si>
    <t>496640.0</t>
  </si>
  <si>
    <t>594.958</t>
  </si>
  <si>
    <t>451550.0</t>
  </si>
  <si>
    <t>1888681185.0</t>
  </si>
  <si>
    <t>1003162202.0</t>
  </si>
  <si>
    <t>858800580.0</t>
  </si>
  <si>
    <t>26718403.0</t>
  </si>
  <si>
    <t>1701306.0</t>
  </si>
  <si>
    <t>2096977.0</t>
  </si>
  <si>
    <t>465326.0</t>
  </si>
  <si>
    <t>837913110.0</t>
  </si>
  <si>
    <t>595.293</t>
  </si>
  <si>
    <t>456487.0</t>
  </si>
  <si>
    <t>1890938196.0</t>
  </si>
  <si>
    <t>1003626487.0</t>
  </si>
  <si>
    <t>860357368.0</t>
  </si>
  <si>
    <t>26954341.0</t>
  </si>
  <si>
    <t>2257011.0</t>
  </si>
  <si>
    <t>2154351.0</t>
  </si>
  <si>
    <t>133.43</t>
  </si>
  <si>
    <t>467843.0</t>
  </si>
  <si>
    <t>838208698.0</t>
  </si>
  <si>
    <t>595.503</t>
  </si>
  <si>
    <t>455554.0</t>
  </si>
  <si>
    <t>1891772613.0</t>
  </si>
  <si>
    <t>1003788869.0</t>
  </si>
  <si>
    <t>860909996.0</t>
  </si>
  <si>
    <t>27073748.0</t>
  </si>
  <si>
    <t>834417.0</t>
  </si>
  <si>
    <t>2150147.0</t>
  </si>
  <si>
    <t>464458.0</t>
  </si>
  <si>
    <t>838628250.0</t>
  </si>
  <si>
    <t>419552.0</t>
  </si>
  <si>
    <t>595.801</t>
  </si>
  <si>
    <t>1893322786.0</t>
  </si>
  <si>
    <t>1004092762.0</t>
  </si>
  <si>
    <t>861965139.0</t>
  </si>
  <si>
    <t>27264885.0</t>
  </si>
  <si>
    <t>1550173.0</t>
  </si>
  <si>
    <t>2021655.0</t>
  </si>
  <si>
    <t>427916.0</t>
  </si>
  <si>
    <t>838955577.0</t>
  </si>
  <si>
    <t>327327.0</t>
  </si>
  <si>
    <t>596.034</t>
  </si>
  <si>
    <t>425928.0</t>
  </si>
  <si>
    <t>1894097635.0</t>
  </si>
  <si>
    <t>1004240714.0</t>
  </si>
  <si>
    <t>862476076.0</t>
  </si>
  <si>
    <t>27380845.0</t>
  </si>
  <si>
    <t>774849.0</t>
  </si>
  <si>
    <t>1807346.0</t>
  </si>
  <si>
    <t>373987.0</t>
  </si>
  <si>
    <t>839379007.0</t>
  </si>
  <si>
    <t>423430.0</t>
  </si>
  <si>
    <t>596.335</t>
  </si>
  <si>
    <t>415323.0</t>
  </si>
  <si>
    <t>1895735848.0</t>
  </si>
  <si>
    <t>1004558311.0</t>
  </si>
  <si>
    <t>863597661.0</t>
  </si>
  <si>
    <t>27579876.0</t>
  </si>
  <si>
    <t>1638213.0</t>
  </si>
  <si>
    <t>1722338.0</t>
  </si>
  <si>
    <t>352908.0</t>
  </si>
  <si>
    <t>839844925.0</t>
  </si>
  <si>
    <t>465918.0</t>
  </si>
  <si>
    <t>596.666</t>
  </si>
  <si>
    <t>414220.0</t>
  </si>
  <si>
    <t>1897620959.0</t>
  </si>
  <si>
    <t>1004932875.0</t>
  </si>
  <si>
    <t>864902000.0</t>
  </si>
  <si>
    <t>27786084.0</t>
  </si>
  <si>
    <t>1885111.0</t>
  </si>
  <si>
    <t>1520154.0</t>
  </si>
  <si>
    <t>303550.0</t>
  </si>
  <si>
    <t>840332469.0</t>
  </si>
  <si>
    <t>487544.0</t>
  </si>
  <si>
    <t>597.012</t>
  </si>
  <si>
    <t>412921.0</t>
  </si>
  <si>
    <t>1899566264.0</t>
  </si>
  <si>
    <t>1005329809.0</t>
  </si>
  <si>
    <t>866213265.0</t>
  </si>
  <si>
    <t>28023190.0</t>
  </si>
  <si>
    <t>1945305.0</t>
  </si>
  <si>
    <t>1555011.0</t>
  </si>
  <si>
    <t>309658.0</t>
  </si>
  <si>
    <t>840693082.0</t>
  </si>
  <si>
    <t>360613.0</t>
  </si>
  <si>
    <t>597.268</t>
  </si>
  <si>
    <t>397139.0</t>
  </si>
  <si>
    <t>1901414279.0</t>
  </si>
  <si>
    <t>1005710091.0</t>
  </si>
  <si>
    <t>867476230.0</t>
  </si>
  <si>
    <t>28227958.0</t>
  </si>
  <si>
    <t>1848015.0</t>
  </si>
  <si>
    <t>1496583.0</t>
  </si>
  <si>
    <t>134.17</t>
  </si>
  <si>
    <t>297658.0</t>
  </si>
  <si>
    <t>841029858.0</t>
  </si>
  <si>
    <t>597.507</t>
  </si>
  <si>
    <t>403023.0</t>
  </si>
  <si>
    <t>1902826009.0</t>
  </si>
  <si>
    <t>1005996438.0</t>
  </si>
  <si>
    <t>868472858.0</t>
  </si>
  <si>
    <t>28356713.0</t>
  </si>
  <si>
    <t>1411730.0</t>
  </si>
  <si>
    <t>1579057.0</t>
  </si>
  <si>
    <t>134.27</t>
  </si>
  <si>
    <t>315367.0</t>
  </si>
  <si>
    <t>841514701.0</t>
  </si>
  <si>
    <t>484843.0</t>
  </si>
  <si>
    <t>597.852</t>
  </si>
  <si>
    <t>412350.0</t>
  </si>
  <si>
    <t>1904468335.0</t>
  </si>
  <si>
    <t>1006306450.0</t>
  </si>
  <si>
    <t>869609528.0</t>
  </si>
  <si>
    <t>28552357.0</t>
  </si>
  <si>
    <t>1642326.0</t>
  </si>
  <si>
    <t>1592221.0</t>
  </si>
  <si>
    <t>134.39</t>
  </si>
  <si>
    <t>316241.0</t>
  </si>
  <si>
    <t>841986891.0</t>
  </si>
  <si>
    <t>598.187</t>
  </si>
  <si>
    <t>433045.0</t>
  </si>
  <si>
    <t>1906086192.0</t>
  </si>
  <si>
    <t>1006617507.0</t>
  </si>
  <si>
    <t>870741035.0</t>
  </si>
  <si>
    <t>28727650.0</t>
  </si>
  <si>
    <t>1617857.0</t>
  </si>
  <si>
    <t>1712651.0</t>
  </si>
  <si>
    <t>339542.0</t>
  </si>
  <si>
    <t>842458167.0</t>
  </si>
  <si>
    <t>471276.0</t>
  </si>
  <si>
    <t>598.522</t>
  </si>
  <si>
    <t>439880.0</t>
  </si>
  <si>
    <t>1907730016.0</t>
  </si>
  <si>
    <t>1006947605.0</t>
  </si>
  <si>
    <t>871882669.0</t>
  </si>
  <si>
    <t>28899742.0</t>
  </si>
  <si>
    <t>1643824.0</t>
  </si>
  <si>
    <t>1713453.0</t>
  </si>
  <si>
    <t>341328.0</t>
  </si>
  <si>
    <t>842944795.0</t>
  </si>
  <si>
    <t>486628.0</t>
  </si>
  <si>
    <t>598.868</t>
  </si>
  <si>
    <t>442839.0</t>
  </si>
  <si>
    <t>1909303657.0</t>
  </si>
  <si>
    <t>1007275333.0</t>
  </si>
  <si>
    <t>872953369.0</t>
  </si>
  <si>
    <t>29074955.0</t>
  </si>
  <si>
    <t>1573641.0</t>
  </si>
  <si>
    <t>1668957.0</t>
  </si>
  <si>
    <t>334637.0</t>
  </si>
  <si>
    <t>843431758.0</t>
  </si>
  <si>
    <t>486963.0</t>
  </si>
  <si>
    <t>599.214</t>
  </si>
  <si>
    <t>442756.0</t>
  </si>
  <si>
    <t>1910988931.0</t>
  </si>
  <si>
    <t>1007616480.0</t>
  </si>
  <si>
    <t>874086644.0</t>
  </si>
  <si>
    <t>29285807.0</t>
  </si>
  <si>
    <t>1685274.0</t>
  </si>
  <si>
    <t>1631810.0</t>
  </si>
  <si>
    <t>134.85</t>
  </si>
  <si>
    <t>326667.0</t>
  </si>
  <si>
    <t>441411.0</t>
  </si>
  <si>
    <t>1912387924.0</t>
  </si>
  <si>
    <t>1007875307.0</t>
  </si>
  <si>
    <t>874993288.0</t>
  </si>
  <si>
    <t>29519329.0</t>
  </si>
  <si>
    <t>1398993.0</t>
  </si>
  <si>
    <t>1567664.0</t>
  </si>
  <si>
    <t>309317.0</t>
  </si>
  <si>
    <t>844134156.0</t>
  </si>
  <si>
    <t>599.713</t>
  </si>
  <si>
    <t>443471.0</t>
  </si>
  <si>
    <t>1912934803.0</t>
  </si>
  <si>
    <t>1007965027.0</t>
  </si>
  <si>
    <t>875350992.0</t>
  </si>
  <si>
    <t>29618784.0</t>
  </si>
  <si>
    <t>546879.0</t>
  </si>
  <si>
    <t>1444113.0</t>
  </si>
  <si>
    <t>281227.0</t>
  </si>
  <si>
    <t>844491640.0</t>
  </si>
  <si>
    <t>357484.0</t>
  </si>
  <si>
    <t>599.967</t>
  </si>
  <si>
    <t>425277.0</t>
  </si>
  <si>
    <t>1914231848.0</t>
  </si>
  <si>
    <t>1008179704.0</t>
  </si>
  <si>
    <t>876177987.0</t>
  </si>
  <si>
    <t>29874157.0</t>
  </si>
  <si>
    <t>1297045.0</t>
  </si>
  <si>
    <t>1394788.0</t>
  </si>
  <si>
    <t>844926602.0</t>
  </si>
  <si>
    <t>434962.0</t>
  </si>
  <si>
    <t>600.276</t>
  </si>
  <si>
    <t>419959.0</t>
  </si>
  <si>
    <t>1915784498.0</t>
  </si>
  <si>
    <t>1008469779.0</t>
  </si>
  <si>
    <t>877191280.0</t>
  </si>
  <si>
    <t>30123439.0</t>
  </si>
  <si>
    <t>1552650.0</t>
  </si>
  <si>
    <t>1385472.0</t>
  </si>
  <si>
    <t>264610.0</t>
  </si>
  <si>
    <t>845404172.0</t>
  </si>
  <si>
    <t>477570.0</t>
  </si>
  <si>
    <t>600.615</t>
  </si>
  <si>
    <t>420858.0</t>
  </si>
  <si>
    <t>189.2</t>
  </si>
  <si>
    <t>1917330271.0</t>
  </si>
  <si>
    <t>1008734547.0</t>
  </si>
  <si>
    <t>878236822.0</t>
  </si>
  <si>
    <t>30358902.0</t>
  </si>
  <si>
    <t>1545773.0</t>
  </si>
  <si>
    <t>1371465.0</t>
  </si>
  <si>
    <t>255277.0</t>
  </si>
  <si>
    <t>845855351.0</t>
  </si>
  <si>
    <t>451179.0</t>
  </si>
  <si>
    <t>600.936</t>
  </si>
  <si>
    <t>415794.0</t>
  </si>
  <si>
    <t>1918969942.0</t>
  </si>
  <si>
    <t>1009044161.0</t>
  </si>
  <si>
    <t>879319669.0</t>
  </si>
  <si>
    <t>30606112.0</t>
  </si>
  <si>
    <t>1639671.0</t>
  </si>
  <si>
    <t>1380898.0</t>
  </si>
  <si>
    <t>252690.0</t>
  </si>
  <si>
    <t>846354733.0</t>
  </si>
  <si>
    <t>499382.0</t>
  </si>
  <si>
    <t>601.29</t>
  </si>
  <si>
    <t>417568.0</t>
  </si>
  <si>
    <t>1920639056.0</t>
  </si>
  <si>
    <t>1009345050.0</t>
  </si>
  <si>
    <t>880383946.0</t>
  </si>
  <si>
    <t>30910060.0</t>
  </si>
  <si>
    <t>1669114.0</t>
  </si>
  <si>
    <t>1378589.0</t>
  </si>
  <si>
    <t>135.53</t>
  </si>
  <si>
    <t>846797414.0</t>
  </si>
  <si>
    <t>442681.0</t>
  </si>
  <si>
    <t>601.605</t>
  </si>
  <si>
    <t>430637.0</t>
  </si>
  <si>
    <t>1922077507.0</t>
  </si>
  <si>
    <t>1009567798.0</t>
  </si>
  <si>
    <t>881280667.0</t>
  </si>
  <si>
    <t>31229042.0</t>
  </si>
  <si>
    <t>1438451.0</t>
  </si>
  <si>
    <t>1384226.0</t>
  </si>
  <si>
    <t>241784.0</t>
  </si>
  <si>
    <t>847092226.0</t>
  </si>
  <si>
    <t>294812.0</t>
  </si>
  <si>
    <t>601.814</t>
  </si>
  <si>
    <t>422581.0</t>
  </si>
  <si>
    <t>1923079150.0</t>
  </si>
  <si>
    <t>1009659072.0</t>
  </si>
  <si>
    <t>881893220.0</t>
  </si>
  <si>
    <t>31526858.0</t>
  </si>
  <si>
    <t>1001643.0</t>
  </si>
  <si>
    <t>1449192.0</t>
  </si>
  <si>
    <t>242006.0</t>
  </si>
  <si>
    <t>847499852.0</t>
  </si>
  <si>
    <t>407626.0</t>
  </si>
  <si>
    <t>602.104</t>
  </si>
  <si>
    <t>429745.0</t>
  </si>
  <si>
    <t>1924562314.0</t>
  </si>
  <si>
    <t>1009889844.0</t>
  </si>
  <si>
    <t>882839026.0</t>
  </si>
  <si>
    <t>31833444.0</t>
  </si>
  <si>
    <t>1483164.0</t>
  </si>
  <si>
    <t>1475781.0</t>
  </si>
  <si>
    <t>244306.0</t>
  </si>
  <si>
    <t>847958776.0</t>
  </si>
  <si>
    <t>458924.0</t>
  </si>
  <si>
    <t>602.43</t>
  </si>
  <si>
    <t>433168.0</t>
  </si>
  <si>
    <t>1925998950.0</t>
  </si>
  <si>
    <t>1010112144.0</t>
  </si>
  <si>
    <t>883757952.0</t>
  </si>
  <si>
    <t>32128854.0</t>
  </si>
  <si>
    <t>1436636.0</t>
  </si>
  <si>
    <t>1459207.0</t>
  </si>
  <si>
    <t>234624.0</t>
  </si>
  <si>
    <t>848411356.0</t>
  </si>
  <si>
    <t>452580.0</t>
  </si>
  <si>
    <t>602.752</t>
  </si>
  <si>
    <t>429598.0</t>
  </si>
  <si>
    <t>1927492886.0</t>
  </si>
  <si>
    <t>1010349257.0</t>
  </si>
  <si>
    <t>884740081.0</t>
  </si>
  <si>
    <t>32403548.0</t>
  </si>
  <si>
    <t>1493936.0</t>
  </si>
  <si>
    <t>1451802.0</t>
  </si>
  <si>
    <t>230673.0</t>
  </si>
  <si>
    <t>848877196.0</t>
  </si>
  <si>
    <t>465840.0</t>
  </si>
  <si>
    <t>603.083</t>
  </si>
  <si>
    <t>431692.0</t>
  </si>
  <si>
    <t>1929071592.0</t>
  </si>
  <si>
    <t>1010616593.0</t>
  </si>
  <si>
    <t>885750071.0</t>
  </si>
  <si>
    <t>32704928.0</t>
  </si>
  <si>
    <t>1578706.0</t>
  </si>
  <si>
    <t>1443093.0</t>
  </si>
  <si>
    <t>224633.0</t>
  </si>
  <si>
    <t>849324833.0</t>
  </si>
  <si>
    <t>447637.0</t>
  </si>
  <si>
    <t>603.401</t>
  </si>
  <si>
    <t>424300.0</t>
  </si>
  <si>
    <t>1930645136.0</t>
  </si>
  <si>
    <t>1010876641.0</t>
  </si>
  <si>
    <t>886749725.0</t>
  </si>
  <si>
    <t>33018770.0</t>
  </si>
  <si>
    <t>1573544.0</t>
  </si>
  <si>
    <t>1429440.0</t>
  </si>
  <si>
    <t>136.23</t>
  </si>
  <si>
    <t>218799.0</t>
  </si>
  <si>
    <t>849799142.0</t>
  </si>
  <si>
    <t>474309.0</t>
  </si>
  <si>
    <t>603.738</t>
  </si>
  <si>
    <t>428818.0</t>
  </si>
  <si>
    <t>1931892904.0</t>
  </si>
  <si>
    <t>1011066751.0</t>
  </si>
  <si>
    <t>887503757.0</t>
  </si>
  <si>
    <t>33322396.0</t>
  </si>
  <si>
    <t>1247768.0</t>
  </si>
  <si>
    <t>1402200.0</t>
  </si>
  <si>
    <t>214136.0</t>
  </si>
  <si>
    <t>850077409.0</t>
  </si>
  <si>
    <t>278267.0</t>
  </si>
  <si>
    <t>603.935</t>
  </si>
  <si>
    <t>426455.0</t>
  </si>
  <si>
    <t>165.7</t>
  </si>
  <si>
    <t>1932350200.0</t>
  </si>
  <si>
    <t>1011133506.0</t>
  </si>
  <si>
    <t>887784839.0</t>
  </si>
  <si>
    <t>33431855.0</t>
  </si>
  <si>
    <t>457296.0</t>
  </si>
  <si>
    <t>1324436.0</t>
  </si>
  <si>
    <t>210633.0</t>
  </si>
  <si>
    <t>850441292.0</t>
  </si>
  <si>
    <t>363883.0</t>
  </si>
  <si>
    <t>604.194</t>
  </si>
  <si>
    <t>420206.0</t>
  </si>
  <si>
    <t>1933706281.0</t>
  </si>
  <si>
    <t>1011329919.0</t>
  </si>
  <si>
    <t>888628256.0</t>
  </si>
  <si>
    <t>33748106.0</t>
  </si>
  <si>
    <t>1356081.0</t>
  </si>
  <si>
    <t>1306281.0</t>
  </si>
  <si>
    <t>205725.0</t>
  </si>
  <si>
    <t>850896606.0</t>
  </si>
  <si>
    <t>455314.0</t>
  </si>
  <si>
    <t>604.517</t>
  </si>
  <si>
    <t>419690.0</t>
  </si>
  <si>
    <t>1935937188.0</t>
  </si>
  <si>
    <t>1011653553.0</t>
  </si>
  <si>
    <t>890032719.0</t>
  </si>
  <si>
    <t>34250916.0</t>
  </si>
  <si>
    <t>2230907.0</t>
  </si>
  <si>
    <t>1419748.0</t>
  </si>
  <si>
    <t>136.61</t>
  </si>
  <si>
    <t>220201.0</t>
  </si>
  <si>
    <t>851338595.0</t>
  </si>
  <si>
    <t>441989.0</t>
  </si>
  <si>
    <t>604.831</t>
  </si>
  <si>
    <t>418177.0</t>
  </si>
  <si>
    <t>1936227419.0</t>
  </si>
  <si>
    <t>1011693229.0</t>
  </si>
  <si>
    <t>890216680.0</t>
  </si>
  <si>
    <t>34317510.0</t>
  </si>
  <si>
    <t>290231.0</t>
  </si>
  <si>
    <t>1247790.0</t>
  </si>
  <si>
    <t>191996.0</t>
  </si>
  <si>
    <t>851763974.0</t>
  </si>
  <si>
    <t>425379.0</t>
  </si>
  <si>
    <t>605.133</t>
  </si>
  <si>
    <t>412397.0</t>
  </si>
  <si>
    <t>1937558468.0</t>
  </si>
  <si>
    <t>1011862480.0</t>
  </si>
  <si>
    <t>891067632.0</t>
  </si>
  <si>
    <t>34628356.0</t>
  </si>
  <si>
    <t>1331049.0</t>
  </si>
  <si>
    <t>1212411.0</t>
  </si>
  <si>
    <t>177984.0</t>
  </si>
  <si>
    <t>852209788.0</t>
  </si>
  <si>
    <t>445814.0</t>
  </si>
  <si>
    <t>605.45</t>
  </si>
  <si>
    <t>412136.0</t>
  </si>
  <si>
    <t>1938863350.0</t>
  </si>
  <si>
    <t>1012032729.0</t>
  </si>
  <si>
    <t>891909560.0</t>
  </si>
  <si>
    <t>34921061.0</t>
  </si>
  <si>
    <t>1304882.0</t>
  </si>
  <si>
    <t>1174031.0</t>
  </si>
  <si>
    <t>165155.0</t>
  </si>
  <si>
    <t>852623487.0</t>
  </si>
  <si>
    <t>413699.0</t>
  </si>
  <si>
    <t>605.744</t>
  </si>
  <si>
    <t>403478.0</t>
  </si>
  <si>
    <t>1939962957.0</t>
  </si>
  <si>
    <t>1012178184.0</t>
  </si>
  <si>
    <t>892593726.0</t>
  </si>
  <si>
    <t>35191047.0</t>
  </si>
  <si>
    <t>1099607.0</t>
  </si>
  <si>
    <t>1152865.0</t>
  </si>
  <si>
    <t>158776.0</t>
  </si>
  <si>
    <t>852901546.0</t>
  </si>
  <si>
    <t>278059.0</t>
  </si>
  <si>
    <t>605.942</t>
  </si>
  <si>
    <t>403448.0</t>
  </si>
  <si>
    <t>1940463971.0</t>
  </si>
  <si>
    <t>1012242224.0</t>
  </si>
  <si>
    <t>892911908.0</t>
  </si>
  <si>
    <t>35309839.0</t>
  </si>
  <si>
    <t>501014.0</t>
  </si>
  <si>
    <t>1159110.0</t>
  </si>
  <si>
    <t>158388.0</t>
  </si>
  <si>
    <t>853209262.0</t>
  </si>
  <si>
    <t>307716.0</t>
  </si>
  <si>
    <t>606.16</t>
  </si>
  <si>
    <t>395424.0</t>
  </si>
  <si>
    <t>1941877578.0</t>
  </si>
  <si>
    <t>1012433476.0</t>
  </si>
  <si>
    <t>893827237.0</t>
  </si>
  <si>
    <t>35616865.0</t>
  </si>
  <si>
    <t>1413607.0</t>
  </si>
  <si>
    <t>1167328.0</t>
  </si>
  <si>
    <t>157651.0</t>
  </si>
  <si>
    <t>853522623.0</t>
  </si>
  <si>
    <t>313361.0</t>
  </si>
  <si>
    <t>606.383</t>
  </si>
  <si>
    <t>375145.0</t>
  </si>
  <si>
    <t>1943533128.0</t>
  </si>
  <si>
    <t>1012660415.0</t>
  </si>
  <si>
    <t>894908060.0</t>
  </si>
  <si>
    <t>35964653.0</t>
  </si>
  <si>
    <t>1655550.0</t>
  </si>
  <si>
    <t>1085134.0</t>
  </si>
  <si>
    <t>137.14</t>
  </si>
  <si>
    <t>143837.0</t>
  </si>
  <si>
    <t>853863238.0</t>
  </si>
  <si>
    <t>340615.0</t>
  </si>
  <si>
    <t>606.625</t>
  </si>
  <si>
    <t>360663.0</t>
  </si>
  <si>
    <t>1945224141.0</t>
  </si>
  <si>
    <t>1012866101.0</t>
  </si>
  <si>
    <t>895978207.0</t>
  </si>
  <si>
    <t>36379833.0</t>
  </si>
  <si>
    <t>1691013.0</t>
  </si>
  <si>
    <t>1285246.0</t>
  </si>
  <si>
    <t>167553.0</t>
  </si>
  <si>
    <t>854198288.0</t>
  </si>
  <si>
    <t>335050.0</t>
  </si>
  <si>
    <t>606.863</t>
  </si>
  <si>
    <t>347759.0</t>
  </si>
  <si>
    <t>1946888891.0</t>
  </si>
  <si>
    <t>1013087306.0</t>
  </si>
  <si>
    <t>897066745.0</t>
  </si>
  <si>
    <t>36734840.0</t>
  </si>
  <si>
    <t>1664750.0</t>
  </si>
  <si>
    <t>1332918.0</t>
  </si>
  <si>
    <t>174975.0</t>
  </si>
  <si>
    <t>854543282.0</t>
  </si>
  <si>
    <t>344994.0</t>
  </si>
  <si>
    <t>607.108</t>
  </si>
  <si>
    <t>333356.0</t>
  </si>
  <si>
    <t>1948512551.0</t>
  </si>
  <si>
    <t>1013296239.0</t>
  </si>
  <si>
    <t>898119984.0</t>
  </si>
  <si>
    <t>37096328.0</t>
  </si>
  <si>
    <t>1623660.0</t>
  </si>
  <si>
    <t>1378457.0</t>
  </si>
  <si>
    <t>180501.0</t>
  </si>
  <si>
    <t>854859461.0</t>
  </si>
  <si>
    <t>316179.0</t>
  </si>
  <si>
    <t>607.333</t>
  </si>
  <si>
    <t>319425.0</t>
  </si>
  <si>
    <t>1949991113.0</t>
  </si>
  <si>
    <t>1013473564.0</t>
  </si>
  <si>
    <t>899123575.0</t>
  </si>
  <si>
    <t>37393974.0</t>
  </si>
  <si>
    <t>1478562.0</t>
  </si>
  <si>
    <t>1432594.0</t>
  </si>
  <si>
    <t>185054.0</t>
  </si>
  <si>
    <t>855108879.0</t>
  </si>
  <si>
    <t>249418.0</t>
  </si>
  <si>
    <t>607.51</t>
  </si>
  <si>
    <t>315333.0</t>
  </si>
  <si>
    <t>1951184908.0</t>
  </si>
  <si>
    <t>1013619662.0</t>
  </si>
  <si>
    <t>899977040.0</t>
  </si>
  <si>
    <t>37588206.0</t>
  </si>
  <si>
    <t>1193795.0</t>
  </si>
  <si>
    <t>1531562.0</t>
  </si>
  <si>
    <t>137.68</t>
  </si>
  <si>
    <t>855430752.0</t>
  </si>
  <si>
    <t>321873.0</t>
  </si>
  <si>
    <t>607.739</t>
  </si>
  <si>
    <t>317356.0</t>
  </si>
  <si>
    <t>1952767342.0</t>
  </si>
  <si>
    <t>1013813624.0</t>
  </si>
  <si>
    <t>901001260.0</t>
  </si>
  <si>
    <t>37952458.0</t>
  </si>
  <si>
    <t>1582434.0</t>
  </si>
  <si>
    <t>1555681.0</t>
  </si>
  <si>
    <t>137.79</t>
  </si>
  <si>
    <t>197164.0</t>
  </si>
  <si>
    <t>855871030.0</t>
  </si>
  <si>
    <t>440278.0</t>
  </si>
  <si>
    <t>608.051</t>
  </si>
  <si>
    <t>335487.0</t>
  </si>
  <si>
    <t>1954285339.0</t>
  </si>
  <si>
    <t>1013988367.0</t>
  </si>
  <si>
    <t>901971812.0</t>
  </si>
  <si>
    <t>38325160.0</t>
  </si>
  <si>
    <t>1517997.0</t>
  </si>
  <si>
    <t>1536030.0</t>
  </si>
  <si>
    <t>189707.0</t>
  </si>
  <si>
    <t>856390449.0</t>
  </si>
  <si>
    <t>519419.0</t>
  </si>
  <si>
    <t>608.42</t>
  </si>
  <si>
    <t>361030.0</t>
  </si>
  <si>
    <t>1955954232.0</t>
  </si>
  <si>
    <t>1014178043.0</t>
  </si>
  <si>
    <t>902972911.0</t>
  </si>
  <si>
    <t>38803278.0</t>
  </si>
  <si>
    <t>1668893.0</t>
  </si>
  <si>
    <t>1532870.0</t>
  </si>
  <si>
    <t>187420.0</t>
  </si>
  <si>
    <t>856910352.0</t>
  </si>
  <si>
    <t>519903.0</t>
  </si>
  <si>
    <t>608.79</t>
  </si>
  <si>
    <t>387438.0</t>
  </si>
  <si>
    <t>1957644567.0</t>
  </si>
  <si>
    <t>1014376400.0</t>
  </si>
  <si>
    <t>904021638.0</t>
  </si>
  <si>
    <t>39246529.0</t>
  </si>
  <si>
    <t>1690335.0</t>
  </si>
  <si>
    <t>1536525.0</t>
  </si>
  <si>
    <t>184156.0</t>
  </si>
  <si>
    <t>857395276.0</t>
  </si>
  <si>
    <t>484924.0</t>
  </si>
  <si>
    <t>609.134</t>
  </si>
  <si>
    <t>407428.0</t>
  </si>
  <si>
    <t>1959268288.0</t>
  </si>
  <si>
    <t>1014571652.0</t>
  </si>
  <si>
    <t>905029095.0</t>
  </si>
  <si>
    <t>39667541.0</t>
  </si>
  <si>
    <t>1623721.0</t>
  </si>
  <si>
    <t>1536534.0</t>
  </si>
  <si>
    <t>182202.0</t>
  </si>
  <si>
    <t>857841663.0</t>
  </si>
  <si>
    <t>446387.0</t>
  </si>
  <si>
    <t>609.451</t>
  </si>
  <si>
    <t>426029.0</t>
  </si>
  <si>
    <t>1960498702.0</t>
  </si>
  <si>
    <t>1014700077.0</t>
  </si>
  <si>
    <t>905759251.0</t>
  </si>
  <si>
    <t>40039374.0</t>
  </si>
  <si>
    <t>1230414.0</t>
  </si>
  <si>
    <t>1501084.0</t>
  </si>
  <si>
    <t>175216.0</t>
  </si>
  <si>
    <t>858137713.0</t>
  </si>
  <si>
    <t>296050.0</t>
  </si>
  <si>
    <t>609.662</t>
  </si>
  <si>
    <t>432691.0</t>
  </si>
  <si>
    <t>1960998144.0</t>
  </si>
  <si>
    <t>1014753552.0</t>
  </si>
  <si>
    <t>906057026.0</t>
  </si>
  <si>
    <t>40187566.0</t>
  </si>
  <si>
    <t>499442.0</t>
  </si>
  <si>
    <t>138.37</t>
  </si>
  <si>
    <t>161984.0</t>
  </si>
  <si>
    <t>858526354.0</t>
  </si>
  <si>
    <t>388641.0</t>
  </si>
  <si>
    <t>609.938</t>
  </si>
  <si>
    <t>442229.0</t>
  </si>
  <si>
    <t>1962421213.0</t>
  </si>
  <si>
    <t>1014916146.0</t>
  </si>
  <si>
    <t>906949409.0</t>
  </si>
  <si>
    <t>40555658.0</t>
  </si>
  <si>
    <t>1423069.0</t>
  </si>
  <si>
    <t>1379124.0</t>
  </si>
  <si>
    <t>157503.0</t>
  </si>
  <si>
    <t>1963796134.0</t>
  </si>
  <si>
    <t>1015071082.0</t>
  </si>
  <si>
    <t>907810836.0</t>
  </si>
  <si>
    <t>40914216.0</t>
  </si>
  <si>
    <t>1374921.0</t>
  </si>
  <si>
    <t>1358685.0</t>
  </si>
  <si>
    <t>1965433440.0</t>
  </si>
  <si>
    <t>1015258094.0</t>
  </si>
  <si>
    <t>908786223.0</t>
  </si>
  <si>
    <t>41389123.0</t>
  </si>
  <si>
    <t>1637306.0</t>
  </si>
  <si>
    <t>1354173.0</t>
  </si>
  <si>
    <t>154293.0</t>
  </si>
  <si>
    <t>1966980412.0</t>
  </si>
  <si>
    <t>1015453733.0</t>
  </si>
  <si>
    <t>909724866.0</t>
  </si>
  <si>
    <t>41801813.0</t>
  </si>
  <si>
    <t>1546972.0</t>
  </si>
  <si>
    <t>1333692.0</t>
  </si>
  <si>
    <t>1968671713.0</t>
  </si>
  <si>
    <t>1015664024.0</t>
  </si>
  <si>
    <t>910723911.0</t>
  </si>
  <si>
    <t>42283778.0</t>
  </si>
  <si>
    <t>1691301.0</t>
  </si>
  <si>
    <t>1343346.0</t>
  </si>
  <si>
    <t>156053.0</t>
  </si>
  <si>
    <t>1969852777.0</t>
  </si>
  <si>
    <t>1015812743.0</t>
  </si>
  <si>
    <t>911401679.0</t>
  </si>
  <si>
    <t>42638355.0</t>
  </si>
  <si>
    <t>1181064.0</t>
  </si>
  <si>
    <t>1336296.0</t>
  </si>
  <si>
    <t>158952.0</t>
  </si>
  <si>
    <t>1970469750.0</t>
  </si>
  <si>
    <t>1015877936.0</t>
  </si>
  <si>
    <t>911747634.0</t>
  </si>
  <si>
    <t>42844180.0</t>
  </si>
  <si>
    <t>616973.0</t>
  </si>
  <si>
    <t>1353087.0</t>
  </si>
  <si>
    <t>139.04</t>
  </si>
  <si>
    <t>160626.0</t>
  </si>
  <si>
    <t>1972351905.0</t>
  </si>
  <si>
    <t>1016119457.0</t>
  </si>
  <si>
    <t>912802491.0</t>
  </si>
  <si>
    <t>43429957.0</t>
  </si>
  <si>
    <t>1882155.0</t>
  </si>
  <si>
    <t>1418670.0</t>
  </si>
  <si>
    <t>1973822032.0</t>
  </si>
  <si>
    <t>1016311008.0</t>
  </si>
  <si>
    <t>913642889.0</t>
  </si>
  <si>
    <t>43868135.0</t>
  </si>
  <si>
    <t>1470127.0</t>
  </si>
  <si>
    <t>1432271.0</t>
  </si>
  <si>
    <t>1975334761.0</t>
  </si>
  <si>
    <t>1016506282.0</t>
  </si>
  <si>
    <t>914479703.0</t>
  </si>
  <si>
    <t>44348776.0</t>
  </si>
  <si>
    <t>1512729.0</t>
  </si>
  <si>
    <t>1414474.0</t>
  </si>
  <si>
    <t>1976570002.0</t>
  </si>
  <si>
    <t>1016681915.0</t>
  </si>
  <si>
    <t>915190727.0</t>
  </si>
  <si>
    <t>44697360.0</t>
  </si>
  <si>
    <t>1235241.0</t>
  </si>
  <si>
    <t>1369941.0</t>
  </si>
  <si>
    <t>175455.0</t>
  </si>
  <si>
    <t>1977618374.0</t>
  </si>
  <si>
    <t>1016823048.0</t>
  </si>
  <si>
    <t>915792386.0</t>
  </si>
  <si>
    <t>45002940.0</t>
  </si>
  <si>
    <t>1048372.0</t>
  </si>
  <si>
    <t>1278094.0</t>
  </si>
  <si>
    <t>165575.0</t>
  </si>
  <si>
    <t>1978551059.0</t>
  </si>
  <si>
    <t>1016937915.0</t>
  </si>
  <si>
    <t>916273442.0</t>
  </si>
  <si>
    <t>45339702.0</t>
  </si>
  <si>
    <t>932685.0</t>
  </si>
  <si>
    <t>1242612.0</t>
  </si>
  <si>
    <t>160739.0</t>
  </si>
  <si>
    <t>1978918170.0</t>
  </si>
  <si>
    <t>1016975834.0</t>
  </si>
  <si>
    <t>916469219.0</t>
  </si>
  <si>
    <t>45473117.0</t>
  </si>
  <si>
    <t>367111.0</t>
  </si>
  <si>
    <t>1206917.0</t>
  </si>
  <si>
    <t>1980107125.0</t>
  </si>
  <si>
    <t>1017136761.0</t>
  </si>
  <si>
    <t>917105118.0</t>
  </si>
  <si>
    <t>45865246.0</t>
  </si>
  <si>
    <t>1188955.0</t>
  </si>
  <si>
    <t>1107889.0</t>
  </si>
  <si>
    <t>145329.0</t>
  </si>
  <si>
    <t>1981185072.0</t>
  </si>
  <si>
    <t>1017278804.0</t>
  </si>
  <si>
    <t>917703086.0</t>
  </si>
  <si>
    <t>46203182.0</t>
  </si>
  <si>
    <t>1051863.0</t>
  </si>
  <si>
    <t>138257.0</t>
  </si>
  <si>
    <t>1982580433.0</t>
  </si>
  <si>
    <t>1017449332.0</t>
  </si>
  <si>
    <t>918417650.0</t>
  </si>
  <si>
    <t>46713451.0</t>
  </si>
  <si>
    <t>1395361.0</t>
  </si>
  <si>
    <t>1035096.0</t>
  </si>
  <si>
    <t>134721.0</t>
  </si>
  <si>
    <t>1984334136.0</t>
  </si>
  <si>
    <t>1017673041.0</t>
  </si>
  <si>
    <t>919261729.0</t>
  </si>
  <si>
    <t>47399366.0</t>
  </si>
  <si>
    <t>1753703.0</t>
  </si>
  <si>
    <t>1109162.0</t>
  </si>
  <si>
    <t>140.02</t>
  </si>
  <si>
    <t>141589.0</t>
  </si>
  <si>
    <t>1143270.0</t>
  </si>
  <si>
    <t>144542.0</t>
  </si>
  <si>
    <t>1986908392.0</t>
  </si>
  <si>
    <t>1017996645.0</t>
  </si>
  <si>
    <t>920505305.0</t>
  </si>
  <si>
    <t>48406442.0</t>
  </si>
  <si>
    <t>1193905.0</t>
  </si>
  <si>
    <t>151247.0</t>
  </si>
  <si>
    <t>1987985218.0</t>
  </si>
  <si>
    <t>1018140367.0</t>
  </si>
  <si>
    <t>921126136.0</t>
  </si>
  <si>
    <t>48718715.0</t>
  </si>
  <si>
    <t>1076826.0</t>
  </si>
  <si>
    <t>1295293.0</t>
  </si>
  <si>
    <t>166362.0</t>
  </si>
  <si>
    <t>1989187695.0</t>
  </si>
  <si>
    <t>1018273321.0</t>
  </si>
  <si>
    <t>921673246.0</t>
  </si>
  <si>
    <t>49241128.0</t>
  </si>
  <si>
    <t>1202477.0</t>
  </si>
  <si>
    <t>1297224.0</t>
  </si>
  <si>
    <t>140.36</t>
  </si>
  <si>
    <t>1991240408.0</t>
  </si>
  <si>
    <t>1018487175.0</t>
  </si>
  <si>
    <t>922618168.0</t>
  </si>
  <si>
    <t>50135065.0</t>
  </si>
  <si>
    <t>2052713.0</t>
  </si>
  <si>
    <t>1436477.0</t>
  </si>
  <si>
    <t>172624.0</t>
  </si>
  <si>
    <t>1994169877.0</t>
  </si>
  <si>
    <t>1018681690.0</t>
  </si>
  <si>
    <t>924508543.0</t>
  </si>
  <si>
    <t>50979644.0</t>
  </si>
  <si>
    <t>2929469.0</t>
  </si>
  <si>
    <t>1655635.0</t>
  </si>
  <si>
    <t>176051.0</t>
  </si>
  <si>
    <t>1996965088.0</t>
  </si>
  <si>
    <t>1018896980.0</t>
  </si>
  <si>
    <t>925286833.0</t>
  </si>
  <si>
    <t>52781275.0</t>
  </si>
  <si>
    <t>2795211.0</t>
  </si>
  <si>
    <t>1804422.0</t>
  </si>
  <si>
    <t>174848.0</t>
  </si>
  <si>
    <t>1858782.0</t>
  </si>
  <si>
    <t>165065.0</t>
  </si>
  <si>
    <t>1913142.0</t>
  </si>
  <si>
    <t>155281.0</t>
  </si>
  <si>
    <t>2001968030.0</t>
  </si>
  <si>
    <t>1019176932.0</t>
  </si>
  <si>
    <t>926264730.0</t>
  </si>
  <si>
    <t>56526368.0</t>
  </si>
  <si>
    <t>1997545.0</t>
  </si>
  <si>
    <t>148081.0</t>
  </si>
  <si>
    <t>2003874710.0</t>
  </si>
  <si>
    <t>1019285818.0</t>
  </si>
  <si>
    <t>926634838.0</t>
  </si>
  <si>
    <t>57954054.0</t>
  </si>
  <si>
    <t>1906680.0</t>
  </si>
  <si>
    <t>2098145.0</t>
  </si>
  <si>
    <t>144642.0</t>
  </si>
  <si>
    <t>2006671447.0</t>
  </si>
  <si>
    <t>1019444946.0</t>
  </si>
  <si>
    <t>927126118.0</t>
  </si>
  <si>
    <t>60100383.0</t>
  </si>
  <si>
    <t>2796737.0</t>
  </si>
  <si>
    <t>2204434.0</t>
  </si>
  <si>
    <t>136824.0</t>
  </si>
  <si>
    <t>2009895110.0</t>
  </si>
  <si>
    <t>1019623676.0</t>
  </si>
  <si>
    <t>927699477.0</t>
  </si>
  <si>
    <t>62571957.0</t>
  </si>
  <si>
    <t>2246462.0</t>
  </si>
  <si>
    <t>134569.0</t>
  </si>
  <si>
    <t>2013731335.0</t>
  </si>
  <si>
    <t>1019861177.0</t>
  </si>
  <si>
    <t>928450353.0</t>
  </si>
  <si>
    <t>65419805.0</t>
  </si>
  <si>
    <t>3836225.0</t>
  </si>
  <si>
    <t>2395178.0</t>
  </si>
  <si>
    <t>137742.0</t>
  </si>
  <si>
    <t>2017443065.0</t>
  </si>
  <si>
    <t>1020047447.0</t>
  </si>
  <si>
    <t>928991142.0</t>
  </si>
  <si>
    <t>68404476.0</t>
  </si>
  <si>
    <t>3711730.0</t>
  </si>
  <si>
    <t>2687190.0</t>
  </si>
  <si>
    <t>142.36</t>
  </si>
  <si>
    <t>151021.0</t>
  </si>
  <si>
    <t>2020403475.0</t>
  </si>
  <si>
    <t>1020201502.0</t>
  </si>
  <si>
    <t>929485331.0</t>
  </si>
  <si>
    <t>70716642.0</t>
  </si>
  <si>
    <t>2960410.0</t>
  </si>
  <si>
    <t>2871870.0</t>
  </si>
  <si>
    <t>159698.0</t>
  </si>
  <si>
    <t>2022304876.0</t>
  </si>
  <si>
    <t>1020310719.0</t>
  </si>
  <si>
    <t>929894146.0</t>
  </si>
  <si>
    <t>72100011.0</t>
  </si>
  <si>
    <t>1901401.0</t>
  </si>
  <si>
    <t>2905264.0</t>
  </si>
  <si>
    <t>161970.0</t>
  </si>
  <si>
    <t>2025484888.0</t>
  </si>
  <si>
    <t>1020464203.0</t>
  </si>
  <si>
    <t>930240225.0</t>
  </si>
  <si>
    <t>74780460.0</t>
  </si>
  <si>
    <t>3180012.0</t>
  </si>
  <si>
    <t>3087168.0</t>
  </si>
  <si>
    <t>168341.0</t>
  </si>
  <si>
    <t>2028636906.0</t>
  </si>
  <si>
    <t>1020618374.0</t>
  </si>
  <si>
    <t>930769192.0</t>
  </si>
  <si>
    <t>77249340.0</t>
  </si>
  <si>
    <t>3152018.0</t>
  </si>
  <si>
    <t>3137923.0</t>
  </si>
  <si>
    <t>143.15</t>
  </si>
  <si>
    <t>167633.0</t>
  </si>
  <si>
    <t>2032936191.0</t>
  </si>
  <si>
    <t>1020800260.0</t>
  </si>
  <si>
    <t>931350168.0</t>
  </si>
  <si>
    <t>80785763.0</t>
  </si>
  <si>
    <t>4299285.0</t>
  </si>
  <si>
    <t>3291583.0</t>
  </si>
  <si>
    <t>2036654672.0</t>
  </si>
  <si>
    <t>1021025081.0</t>
  </si>
  <si>
    <t>932013360.0</t>
  </si>
  <si>
    <t>83616231.0</t>
  </si>
  <si>
    <t>3718481.0</t>
  </si>
  <si>
    <t>3274762.0</t>
  </si>
  <si>
    <t>143.71</t>
  </si>
  <si>
    <t>166272.0</t>
  </si>
  <si>
    <t>2040074302.0</t>
  </si>
  <si>
    <t>1021195385.0</t>
  </si>
  <si>
    <t>932438658.0</t>
  </si>
  <si>
    <t>86440259.0</t>
  </si>
  <si>
    <t>3419630.0</t>
  </si>
  <si>
    <t>3233034.0</t>
  </si>
  <si>
    <t>163991.0</t>
  </si>
  <si>
    <t>2042774905.0</t>
  </si>
  <si>
    <t>1021327183.0</t>
  </si>
  <si>
    <t>932775394.0</t>
  </si>
  <si>
    <t>88672328.0</t>
  </si>
  <si>
    <t>2700603.0</t>
  </si>
  <si>
    <t>3195919.0</t>
  </si>
  <si>
    <t>160812.0</t>
  </si>
  <si>
    <t>2043818288.0</t>
  </si>
  <si>
    <t>1021365208.0</t>
  </si>
  <si>
    <t>932887740.0</t>
  </si>
  <si>
    <t>89565340.0</t>
  </si>
  <si>
    <t>1043383.0</t>
  </si>
  <si>
    <t>3073345.0</t>
  </si>
  <si>
    <t>144.22</t>
  </si>
  <si>
    <t>150641.0</t>
  </si>
  <si>
    <t>2046516773.0</t>
  </si>
  <si>
    <t>1021500031.0</t>
  </si>
  <si>
    <t>933235740.0</t>
  </si>
  <si>
    <t>91781002.0</t>
  </si>
  <si>
    <t>2698485.0</t>
  </si>
  <si>
    <t>3004555.0</t>
  </si>
  <si>
    <t>147975.0</t>
  </si>
  <si>
    <t>3010237.0</t>
  </si>
  <si>
    <t>2052900354.0</t>
  </si>
  <si>
    <t>1021768801.0</t>
  </si>
  <si>
    <t>934056723.0</t>
  </si>
  <si>
    <t>97074830.0</t>
  </si>
  <si>
    <t>2852023.0</t>
  </si>
  <si>
    <t>138363.0</t>
  </si>
  <si>
    <t>2056488272.0</t>
  </si>
  <si>
    <t>1021970986.0</t>
  </si>
  <si>
    <t>934624191.0</t>
  </si>
  <si>
    <t>99893095.0</t>
  </si>
  <si>
    <t>3587918.0</t>
  </si>
  <si>
    <t>2833371.0</t>
  </si>
  <si>
    <t>135129.0</t>
  </si>
  <si>
    <t>2059773065.0</t>
  </si>
  <si>
    <t>1022134169.0</t>
  </si>
  <si>
    <t>935057847.0</t>
  </si>
  <si>
    <t>102581049.0</t>
  </si>
  <si>
    <t>3284793.0</t>
  </si>
  <si>
    <t>2814109.0</t>
  </si>
  <si>
    <t>2062862077.0</t>
  </si>
  <si>
    <t>1022282731.0</t>
  </si>
  <si>
    <t>935516836.0</t>
  </si>
  <si>
    <t>105062510.0</t>
  </si>
  <si>
    <t>3089012.0</t>
  </si>
  <si>
    <t>2869596.0</t>
  </si>
  <si>
    <t>136507.0</t>
  </si>
  <si>
    <t>2066179158.0</t>
  </si>
  <si>
    <t>1022422984.0</t>
  </si>
  <si>
    <t>935960021.0</t>
  </si>
  <si>
    <t>107796153.0</t>
  </si>
  <si>
    <t>3317081.0</t>
  </si>
  <si>
    <t>3194410.0</t>
  </si>
  <si>
    <t>151111.0</t>
  </si>
  <si>
    <t>2069154989.0</t>
  </si>
  <si>
    <t>1022553104.0</t>
  </si>
  <si>
    <t>936306242.0</t>
  </si>
  <si>
    <t>110295643.0</t>
  </si>
  <si>
    <t>2975831.0</t>
  </si>
  <si>
    <t>3234031.0</t>
  </si>
  <si>
    <t>150439.0</t>
  </si>
  <si>
    <t>2070740882.0</t>
  </si>
  <si>
    <t>1022620253.0</t>
  </si>
  <si>
    <t>936496147.0</t>
  </si>
  <si>
    <t>111624482.0</t>
  </si>
  <si>
    <t>1585893.0</t>
  </si>
  <si>
    <t>3004617.0</t>
  </si>
  <si>
    <t>2073245736.0</t>
  </si>
  <si>
    <t>1022722555.0</t>
  </si>
  <si>
    <t>936815198.0</t>
  </si>
  <si>
    <t>113707983.0</t>
  </si>
  <si>
    <t>2504854.0</t>
  </si>
  <si>
    <t>2906483.0</t>
  </si>
  <si>
    <t>136251.0</t>
  </si>
  <si>
    <t>2075074767.0</t>
  </si>
  <si>
    <t>1022814629.0</t>
  </si>
  <si>
    <t>937095945.0</t>
  </si>
  <si>
    <t>115164193.0</t>
  </si>
  <si>
    <t>1829031.0</t>
  </si>
  <si>
    <t>2655214.0</t>
  </si>
  <si>
    <t>146.42</t>
  </si>
  <si>
    <t>120520.0</t>
  </si>
  <si>
    <t>2077667936.0</t>
  </si>
  <si>
    <t>1022911169.0</t>
  </si>
  <si>
    <t>937381177.0</t>
  </si>
  <si>
    <t>117375590.0</t>
  </si>
  <si>
    <t>2593169.0</t>
  </si>
  <si>
    <t>2556410.0</t>
  </si>
  <si>
    <t>111000.0</t>
  </si>
  <si>
    <t>2080314240.0</t>
  </si>
  <si>
    <t>1023010325.0</t>
  </si>
  <si>
    <t>937694109.0</t>
  </si>
  <si>
    <t>119609806.0</t>
  </si>
  <si>
    <t>2646304.0</t>
  </si>
  <si>
    <t>2493166.0</t>
  </si>
  <si>
    <t>103942.0</t>
  </si>
  <si>
    <t>2082646297.0</t>
  </si>
  <si>
    <t>1023054779.0</t>
  </si>
  <si>
    <t>937852378.0</t>
  </si>
  <si>
    <t>121739140.0</t>
  </si>
  <si>
    <t>2332057.0</t>
  </si>
  <si>
    <t>2352448.0</t>
  </si>
  <si>
    <t>146.96</t>
  </si>
  <si>
    <t>90256.0</t>
  </si>
  <si>
    <t>2083497365.0</t>
  </si>
  <si>
    <t>1023076177.0</t>
  </si>
  <si>
    <t>937940019.0</t>
  </si>
  <si>
    <t>122481169.0</t>
  </si>
  <si>
    <t>851068.0</t>
  </si>
  <si>
    <t>2048911.0</t>
  </si>
  <si>
    <t>74725.0</t>
  </si>
  <si>
    <t>2086296791.0</t>
  </si>
  <si>
    <t>1023166139.0</t>
  </si>
  <si>
    <t>938220798.0</t>
  </si>
  <si>
    <t>124909854.0</t>
  </si>
  <si>
    <t>2799426.0</t>
  </si>
  <si>
    <t>2222273.0</t>
  </si>
  <si>
    <t>2090061582.0</t>
  </si>
  <si>
    <t>1023283340.0</t>
  </si>
  <si>
    <t>938587867.0</t>
  </si>
  <si>
    <t>128190375.0</t>
  </si>
  <si>
    <t>3764791.0</t>
  </si>
  <si>
    <t>2402264.0</t>
  </si>
  <si>
    <t>2092978091.0</t>
  </si>
  <si>
    <t>1023407222.0</t>
  </si>
  <si>
    <t>938911858.0</t>
  </si>
  <si>
    <t>130659011.0</t>
  </si>
  <si>
    <t>2916509.0</t>
  </si>
  <si>
    <t>2557618.0</t>
  </si>
  <si>
    <t>147.69</t>
  </si>
  <si>
    <t>84656.0</t>
  </si>
  <si>
    <t>2094438592.0</t>
  </si>
  <si>
    <t>1023462622.0</t>
  </si>
  <si>
    <t>939094320.0</t>
  </si>
  <si>
    <t>131881650.0</t>
  </si>
  <si>
    <t>1460501.0</t>
  </si>
  <si>
    <t>2395808.0</t>
  </si>
  <si>
    <t>2097388903.0</t>
  </si>
  <si>
    <t>1023568977.0</t>
  </si>
  <si>
    <t>939457024.0</t>
  </si>
  <si>
    <t>134362902.0</t>
  </si>
  <si>
    <t>2950311.0</t>
  </si>
  <si>
    <t>2439238.0</t>
  </si>
  <si>
    <t>79807.0</t>
  </si>
  <si>
    <t>2100689201.0</t>
  </si>
  <si>
    <t>1023666093.0</t>
  </si>
  <si>
    <t>939828608.0</t>
  </si>
  <si>
    <t>137194500.0</t>
  </si>
  <si>
    <t>3300298.0</t>
  </si>
  <si>
    <t>2577558.0</t>
  </si>
  <si>
    <t>87331.0</t>
  </si>
  <si>
    <t>2103627869.0</t>
  </si>
  <si>
    <t>1023763304.0</t>
  </si>
  <si>
    <t>940132623.0</t>
  </si>
  <si>
    <t>139731942.0</t>
  </si>
  <si>
    <t>2938668.0</t>
  </si>
  <si>
    <t>2875786.0</t>
  </si>
  <si>
    <t>148.44</t>
  </si>
  <si>
    <t>98161.0</t>
  </si>
  <si>
    <t>2106237544.0</t>
  </si>
  <si>
    <t>1023869342.0</t>
  </si>
  <si>
    <t>940425429.0</t>
  </si>
  <si>
    <t>141942773.0</t>
  </si>
  <si>
    <t>2609675.0</t>
  </si>
  <si>
    <t>2848679.0</t>
  </si>
  <si>
    <t>100458.0</t>
  </si>
  <si>
    <t>2108724109.0</t>
  </si>
  <si>
    <t>1023976411.0</t>
  </si>
  <si>
    <t>940753479.0</t>
  </si>
  <si>
    <t>143994219.0</t>
  </si>
  <si>
    <t>2486565.0</t>
  </si>
  <si>
    <t>2666075.0</t>
  </si>
  <si>
    <t>99010.0</t>
  </si>
  <si>
    <t>2111876002.0</t>
  </si>
  <si>
    <t>1024112677.0</t>
  </si>
  <si>
    <t>941179037.0</t>
  </si>
  <si>
    <t>146584288.0</t>
  </si>
  <si>
    <t>3151893.0</t>
  </si>
  <si>
    <t>2699702.0</t>
  </si>
  <si>
    <t>2114453857.0</t>
  </si>
  <si>
    <t>1024216196.0</t>
  </si>
  <si>
    <t>941459291.0</t>
  </si>
  <si>
    <t>148778370.0</t>
  </si>
  <si>
    <t>2577855.0</t>
  </si>
  <si>
    <t>2859324.0</t>
  </si>
  <si>
    <t>107653.0</t>
  </si>
  <si>
    <t>2117020150.0</t>
  </si>
  <si>
    <t>1024314319.0</t>
  </si>
  <si>
    <t>941719531.0</t>
  </si>
  <si>
    <t>150986300.0</t>
  </si>
  <si>
    <t>2566293.0</t>
  </si>
  <si>
    <t>2804464.0</t>
  </si>
  <si>
    <t>106477.0</t>
  </si>
  <si>
    <t>2119502119.0</t>
  </si>
  <si>
    <t>1024363080.0</t>
  </si>
  <si>
    <t>941883302.0</t>
  </si>
  <si>
    <t>153255737.0</t>
  </si>
  <si>
    <t>2481969.0</t>
  </si>
  <si>
    <t>2687560.0</t>
  </si>
  <si>
    <t>99570.0</t>
  </si>
  <si>
    <t>2122099237.0</t>
  </si>
  <si>
    <t>1024451889.0</t>
  </si>
  <si>
    <t>942133090.0</t>
  </si>
  <si>
    <t>155514258.0</t>
  </si>
  <si>
    <t>2638767.0</t>
  </si>
  <si>
    <t>98369.0</t>
  </si>
  <si>
    <t>2124186933.0</t>
  </si>
  <si>
    <t>1024516127.0</t>
  </si>
  <si>
    <t>942327191.0</t>
  </si>
  <si>
    <t>157343615.0</t>
  </si>
  <si>
    <t>2087696.0</t>
  </si>
  <si>
    <t>2564198.0</t>
  </si>
  <si>
    <t>92398.0</t>
  </si>
  <si>
    <t>2125613960.0</t>
  </si>
  <si>
    <t>1024575443.0</t>
  </si>
  <si>
    <t>942501420.0</t>
  </si>
  <si>
    <t>158537097.0</t>
  </si>
  <si>
    <t>1427027.0</t>
  </si>
  <si>
    <t>2412836.0</t>
  </si>
  <si>
    <t>2127923399.0</t>
  </si>
  <si>
    <t>1024674255.0</t>
  </si>
  <si>
    <t>942802345.0</t>
  </si>
  <si>
    <t>160446799.0</t>
  </si>
  <si>
    <t>2309439.0</t>
  </si>
  <si>
    <t>2292485.0</t>
  </si>
  <si>
    <t>2130464186.0</t>
  </si>
  <si>
    <t>1024757889.0</t>
  </si>
  <si>
    <t>943038654.0</t>
  </si>
  <si>
    <t>162667643.0</t>
  </si>
  <si>
    <t>2540787.0</t>
  </si>
  <si>
    <t>2287190.0</t>
  </si>
  <si>
    <t>77385.0</t>
  </si>
  <si>
    <t>2132658458.0</t>
  </si>
  <si>
    <t>1024831365.0</t>
  </si>
  <si>
    <t>943294210.0</t>
  </si>
  <si>
    <t>164532883.0</t>
  </si>
  <si>
    <t>2194272.0</t>
  </si>
  <si>
    <t>2234044.0</t>
  </si>
  <si>
    <t>73864.0</t>
  </si>
  <si>
    <t>2135583657.0</t>
  </si>
  <si>
    <t>1024897727.0</t>
  </si>
  <si>
    <t>943578686.0</t>
  </si>
  <si>
    <t>167107244.0</t>
  </si>
  <si>
    <t>2925199.0</t>
  </si>
  <si>
    <t>2297363.0</t>
  </si>
  <si>
    <t>150.69</t>
  </si>
  <si>
    <t>2137561057.0</t>
  </si>
  <si>
    <t>1024956643.0</t>
  </si>
  <si>
    <t>943763419.0</t>
  </si>
  <si>
    <t>168840995.0</t>
  </si>
  <si>
    <t>1977400.0</t>
  </si>
  <si>
    <t>2208831.0</t>
  </si>
  <si>
    <t>150.83</t>
  </si>
  <si>
    <t>2139659830.0</t>
  </si>
  <si>
    <t>1025025405.0</t>
  </si>
  <si>
    <t>943959568.0</t>
  </si>
  <si>
    <t>170674857.0</t>
  </si>
  <si>
    <t>2098773.0</t>
  </si>
  <si>
    <t>2210414.0</t>
  </si>
  <si>
    <t>72754.0</t>
  </si>
  <si>
    <t>2143231108.0</t>
  </si>
  <si>
    <t>1025116635.0</t>
  </si>
  <si>
    <t>944241171.0</t>
  </si>
  <si>
    <t>173873302.0</t>
  </si>
  <si>
    <t>3571278.0</t>
  </si>
  <si>
    <t>2516735.0</t>
  </si>
  <si>
    <t>151.23</t>
  </si>
  <si>
    <t>2145936972.0</t>
  </si>
  <si>
    <t>1025201001.0</t>
  </si>
  <si>
    <t>944541113.0</t>
  </si>
  <si>
    <t>176194858.0</t>
  </si>
  <si>
    <t>2705864.0</t>
  </si>
  <si>
    <t>2573368.0</t>
  </si>
  <si>
    <t>75249.0</t>
  </si>
  <si>
    <t>2148075189.0</t>
  </si>
  <si>
    <t>1025269211.0</t>
  </si>
  <si>
    <t>944731966.0</t>
  </si>
  <si>
    <t>178074012.0</t>
  </si>
  <si>
    <t>2138217.0</t>
  </si>
  <si>
    <t>2515858.0</t>
  </si>
  <si>
    <t>73046.0</t>
  </si>
  <si>
    <t>2150122402.0</t>
  </si>
  <si>
    <t>1025330630.0</t>
  </si>
  <si>
    <t>944970466.0</t>
  </si>
  <si>
    <t>179821306.0</t>
  </si>
  <si>
    <t>2047213.0</t>
  </si>
  <si>
    <t>2494849.0</t>
  </si>
  <si>
    <t>151.72</t>
  </si>
  <si>
    <t>2152915577.0</t>
  </si>
  <si>
    <t>1025392305.0</t>
  </si>
  <si>
    <t>945243352.0</t>
  </si>
  <si>
    <t>182279920.0</t>
  </si>
  <si>
    <t>2793175.0</t>
  </si>
  <si>
    <t>2475989.0</t>
  </si>
  <si>
    <t>151.92</t>
  </si>
  <si>
    <t>2155069979.0</t>
  </si>
  <si>
    <t>1025465056.0</t>
  </si>
  <si>
    <t>945446217.0</t>
  </si>
  <si>
    <t>184158706.0</t>
  </si>
  <si>
    <t>2154402.0</t>
  </si>
  <si>
    <t>2501275.0</t>
  </si>
  <si>
    <t>2157151049.0</t>
  </si>
  <si>
    <t>1025532632.0</t>
  </si>
  <si>
    <t>945633577.0</t>
  </si>
  <si>
    <t>185984840.0</t>
  </si>
  <si>
    <t>2081070.0</t>
  </si>
  <si>
    <t>2498746.0</t>
  </si>
  <si>
    <t>72461.0</t>
  </si>
  <si>
    <t>2160120066.0</t>
  </si>
  <si>
    <t>1025619971.0</t>
  </si>
  <si>
    <t>945888274.0</t>
  </si>
  <si>
    <t>188611821.0</t>
  </si>
  <si>
    <t>2969017.0</t>
  </si>
  <si>
    <t>2412708.0</t>
  </si>
  <si>
    <t>71905.0</t>
  </si>
  <si>
    <t>2162085492.0</t>
  </si>
  <si>
    <t>1025699120.0</t>
  </si>
  <si>
    <t>946137585.0</t>
  </si>
  <si>
    <t>190248787.0</t>
  </si>
  <si>
    <t>1965426.0</t>
  </si>
  <si>
    <t>2306931.0</t>
  </si>
  <si>
    <t>2164396948.0</t>
  </si>
  <si>
    <t>1025764618.0</t>
  </si>
  <si>
    <t>946326767.0</t>
  </si>
  <si>
    <t>192305563.0</t>
  </si>
  <si>
    <t>2311456.0</t>
  </si>
  <si>
    <t>2331680.0</t>
  </si>
  <si>
    <t>70772.0</t>
  </si>
  <si>
    <t>2165982650.0</t>
  </si>
  <si>
    <t>1025814756.0</t>
  </si>
  <si>
    <t>946508327.0</t>
  </si>
  <si>
    <t>193659567.0</t>
  </si>
  <si>
    <t>1585702.0</t>
  </si>
  <si>
    <t>2265750.0</t>
  </si>
  <si>
    <t>69161.0</t>
  </si>
  <si>
    <t>2167186118.0</t>
  </si>
  <si>
    <t>1025858015.0</t>
  </si>
  <si>
    <t>946678783.0</t>
  </si>
  <si>
    <t>194649320.0</t>
  </si>
  <si>
    <t>1203468.0</t>
  </si>
  <si>
    <t>2038649.0</t>
  </si>
  <si>
    <t>2168505627.0</t>
  </si>
  <si>
    <t>1025904513.0</t>
  </si>
  <si>
    <t>946810471.0</t>
  </si>
  <si>
    <t>195790643.0</t>
  </si>
  <si>
    <t>1319509.0</t>
  </si>
  <si>
    <t>1919378.0</t>
  </si>
  <si>
    <t>153.02</t>
  </si>
  <si>
    <t>62780.0</t>
  </si>
  <si>
    <t>2169753427.0</t>
  </si>
  <si>
    <t>1025950945.0</t>
  </si>
  <si>
    <t>946939884.0</t>
  </si>
  <si>
    <t>196862598.0</t>
  </si>
  <si>
    <t>1247800.0</t>
  </si>
  <si>
    <t>1800340.0</t>
  </si>
  <si>
    <t>59759.0</t>
  </si>
  <si>
    <t>2171336749.0</t>
  </si>
  <si>
    <t>1026003645.0</t>
  </si>
  <si>
    <t>947099821.0</t>
  </si>
  <si>
    <t>198233283.0</t>
  </si>
  <si>
    <t>1583322.0</t>
  </si>
  <si>
    <t>1602383.0</t>
  </si>
  <si>
    <t>153.22</t>
  </si>
  <si>
    <t>54811.0</t>
  </si>
  <si>
    <t>2172815223.0</t>
  </si>
  <si>
    <t>1026059522.0</t>
  </si>
  <si>
    <t>947277322.0</t>
  </si>
  <si>
    <t>199478379.0</t>
  </si>
  <si>
    <t>1478474.0</t>
  </si>
  <si>
    <t>1532819.0</t>
  </si>
  <si>
    <t>153.32</t>
  </si>
  <si>
    <t>51486.0</t>
  </si>
  <si>
    <t>2174341590.0</t>
  </si>
  <si>
    <t>1026106833.0</t>
  </si>
  <si>
    <t>947414286.0</t>
  </si>
  <si>
    <t>200820471.0</t>
  </si>
  <si>
    <t>1526367.0</t>
  </si>
  <si>
    <t>1420663.0</t>
  </si>
  <si>
    <t>2175957465.0</t>
  </si>
  <si>
    <t>1026153814.0</t>
  </si>
  <si>
    <t>947573788.0</t>
  </si>
  <si>
    <t>202229863.0</t>
  </si>
  <si>
    <t>1615875.0</t>
  </si>
  <si>
    <t>1424974.0</t>
  </si>
  <si>
    <t>48437.0</t>
  </si>
  <si>
    <t>2176997087.0</t>
  </si>
  <si>
    <t>1026187500.0</t>
  </si>
  <si>
    <t>947702673.0</t>
  </si>
  <si>
    <t>203106914.0</t>
  </si>
  <si>
    <t>1039622.0</t>
  </si>
  <si>
    <t>1401567.0</t>
  </si>
  <si>
    <t>47069.0</t>
  </si>
  <si>
    <t>2178441102.0</t>
  </si>
  <si>
    <t>1026222338.0</t>
  </si>
  <si>
    <t>947816392.0</t>
  </si>
  <si>
    <t>204402372.0</t>
  </si>
  <si>
    <t>1444015.0</t>
  </si>
  <si>
    <t>1419354.0</t>
  </si>
  <si>
    <t>45404.0</t>
  </si>
  <si>
    <t>2179945601.0</t>
  </si>
  <si>
    <t>1026259249.0</t>
  </si>
  <si>
    <t>947940802.0</t>
  </si>
  <si>
    <t>205745550.0</t>
  </si>
  <si>
    <t>1504499.0</t>
  </si>
  <si>
    <t>1456025.0</t>
  </si>
  <si>
    <t>2182239274.0</t>
  </si>
  <si>
    <t>1026306484.0</t>
  </si>
  <si>
    <t>948120382.0</t>
  </si>
  <si>
    <t>207812408.0</t>
  </si>
  <si>
    <t>2293673.0</t>
  </si>
  <si>
    <t>1557504.0</t>
  </si>
  <si>
    <t>153.99</t>
  </si>
  <si>
    <t>43263.0</t>
  </si>
  <si>
    <t>2185459294.0</t>
  </si>
  <si>
    <t>1026371105.0</t>
  </si>
  <si>
    <t>948371253.0</t>
  </si>
  <si>
    <t>210716936.0</t>
  </si>
  <si>
    <t>3220020.0</t>
  </si>
  <si>
    <t>1806296.0</t>
  </si>
  <si>
    <t>44512.0</t>
  </si>
  <si>
    <t>2186955246.0</t>
  </si>
  <si>
    <t>1026407264.0</t>
  </si>
  <si>
    <t>948517818.0</t>
  </si>
  <si>
    <t>212030164.0</t>
  </si>
  <si>
    <t>1495952.0</t>
  </si>
  <si>
    <t>1801951.0</t>
  </si>
  <si>
    <t>2187548762.0</t>
  </si>
  <si>
    <t>1026427876.0</t>
  </si>
  <si>
    <t>948592361.0</t>
  </si>
  <si>
    <t>212528525.0</t>
  </si>
  <si>
    <t>593516.0</t>
  </si>
  <si>
    <t>1655900.0</t>
  </si>
  <si>
    <t>2187731108.0</t>
  </si>
  <si>
    <t>1026433516.0</t>
  </si>
  <si>
    <t>948617293.0</t>
  </si>
  <si>
    <t>212680299.0</t>
  </si>
  <si>
    <t>182346.0</t>
  </si>
  <si>
    <t>1533432.0</t>
  </si>
  <si>
    <t>154.37</t>
  </si>
  <si>
    <t>2188076740.0</t>
  </si>
  <si>
    <t>1026447293.0</t>
  </si>
  <si>
    <t>948660386.0</t>
  </si>
  <si>
    <t>212969061.0</t>
  </si>
  <si>
    <t>345632.0</t>
  </si>
  <si>
    <t>1376520.0</t>
  </si>
  <si>
    <t>32136.0</t>
  </si>
  <si>
    <t>2188332870.0</t>
  </si>
  <si>
    <t>1026455211.0</t>
  </si>
  <si>
    <t>948692346.0</t>
  </si>
  <si>
    <t>213185313.0</t>
  </si>
  <si>
    <t>256130.0</t>
  </si>
  <si>
    <t>1198181.0</t>
  </si>
  <si>
    <t>2188448601.0</t>
  </si>
  <si>
    <t>1026459263.0</t>
  </si>
  <si>
    <t>948711877.0</t>
  </si>
  <si>
    <t>213277461.0</t>
  </si>
  <si>
    <t>115731.0</t>
  </si>
  <si>
    <t>887047.0</t>
  </si>
  <si>
    <t>2188865321.0</t>
  </si>
  <si>
    <t>1026475997.0</t>
  </si>
  <si>
    <t>948783217.0</t>
  </si>
  <si>
    <t>213606107.0</t>
  </si>
  <si>
    <t>416720.0</t>
  </si>
  <si>
    <t>486575.0</t>
  </si>
  <si>
    <t>154.45</t>
  </si>
  <si>
    <t>2189375345.0</t>
  </si>
  <si>
    <t>1026498766.0</t>
  </si>
  <si>
    <t>948860632.0</t>
  </si>
  <si>
    <t>214015947.0</t>
  </si>
  <si>
    <t>510024.0</t>
  </si>
  <si>
    <t>345728.0</t>
  </si>
  <si>
    <t>2189790426.0</t>
  </si>
  <si>
    <t>1026515438.0</t>
  </si>
  <si>
    <t>948925816.0</t>
  </si>
  <si>
    <t>214349172.0</t>
  </si>
  <si>
    <t>415081.0</t>
  </si>
  <si>
    <t>320238.0</t>
  </si>
  <si>
    <t>154.52</t>
  </si>
  <si>
    <t>2190007323.0</t>
  </si>
  <si>
    <t>1026521598.0</t>
  </si>
  <si>
    <t>948948712.0</t>
  </si>
  <si>
    <t>214537013.0</t>
  </si>
  <si>
    <t>216897.0</t>
  </si>
  <si>
    <t>325174.0</t>
  </si>
  <si>
    <t>2190521299.0</t>
  </si>
  <si>
    <t>1026544838.0</t>
  </si>
  <si>
    <t>949019254.0</t>
  </si>
  <si>
    <t>214957207.0</t>
  </si>
  <si>
    <t>513976.0</t>
  </si>
  <si>
    <t>349223.0</t>
  </si>
  <si>
    <t>154.57</t>
  </si>
  <si>
    <t>2191338497.0</t>
  </si>
  <si>
    <t>1026581890.0</t>
  </si>
  <si>
    <t>949149582.0</t>
  </si>
  <si>
    <t>215607025.0</t>
  </si>
  <si>
    <t>817198.0</t>
  </si>
  <si>
    <t>429375.0</t>
  </si>
  <si>
    <t>473745.0</t>
  </si>
  <si>
    <t>20381.0</t>
  </si>
  <si>
    <t>2192191132.0</t>
  </si>
  <si>
    <t>1026621971.0</t>
  </si>
  <si>
    <t>949304081.0</t>
  </si>
  <si>
    <t>216265080.0</t>
  </si>
  <si>
    <t>2192779896.0</t>
  </si>
  <si>
    <t>1026649970.0</t>
  </si>
  <si>
    <t>949388503.0</t>
  </si>
  <si>
    <t>216741423.0</t>
  </si>
  <si>
    <t>588764.0</t>
  </si>
  <si>
    <t>486364.0</t>
  </si>
  <si>
    <t>2193219253.0</t>
  </si>
  <si>
    <t>1026669165.0</t>
  </si>
  <si>
    <t>949453930.0</t>
  </si>
  <si>
    <t>217096158.0</t>
  </si>
  <si>
    <t>439357.0</t>
  </si>
  <si>
    <t>489832.0</t>
  </si>
  <si>
    <t>2193368589.0</t>
  </si>
  <si>
    <t>1026676068.0</t>
  </si>
  <si>
    <t>949475229.0</t>
  </si>
  <si>
    <t>217217292.0</t>
  </si>
  <si>
    <t>149336.0</t>
  </si>
  <si>
    <t>154.77</t>
  </si>
  <si>
    <t>2193800204.0</t>
  </si>
  <si>
    <t>1026700314.0</t>
  </si>
  <si>
    <t>949549942.0</t>
  </si>
  <si>
    <t>217549948.0</t>
  </si>
  <si>
    <t>431615.0</t>
  </si>
  <si>
    <t>468415.0</t>
  </si>
  <si>
    <t>22211.0</t>
  </si>
  <si>
    <t>2194182432.0</t>
  </si>
  <si>
    <t>1026723642.0</t>
  </si>
  <si>
    <t>949627320.0</t>
  </si>
  <si>
    <t>217831470.0</t>
  </si>
  <si>
    <t>382228.0</t>
  </si>
  <si>
    <t>20250.0</t>
  </si>
  <si>
    <t>2194672934.0</t>
  </si>
  <si>
    <t>1026754040.0</t>
  </si>
  <si>
    <t>949730391.0</t>
  </si>
  <si>
    <t>218188503.0</t>
  </si>
  <si>
    <t>490502.0</t>
  </si>
  <si>
    <t>415446.0</t>
  </si>
  <si>
    <t>2195113126.0</t>
  </si>
  <si>
    <t>1026784601.0</t>
  </si>
  <si>
    <t>949834302.0</t>
  </si>
  <si>
    <t>218494223.0</t>
  </si>
  <si>
    <t>440192.0</t>
  </si>
  <si>
    <t>417428.0</t>
  </si>
  <si>
    <t>23233.0</t>
  </si>
  <si>
    <t>2195399307.0</t>
  </si>
  <si>
    <t>1026805788.0</t>
  </si>
  <si>
    <t>949900660.0</t>
  </si>
  <si>
    <t>218692859.0</t>
  </si>
  <si>
    <t>286181.0</t>
  </si>
  <si>
    <t>374202.0</t>
  </si>
  <si>
    <t>154.91</t>
  </si>
  <si>
    <t>22260.0</t>
  </si>
  <si>
    <t>2195580184.0</t>
  </si>
  <si>
    <t>1026816174.0</t>
  </si>
  <si>
    <t>949937200.0</t>
  </si>
  <si>
    <t>218826810.0</t>
  </si>
  <si>
    <t>180877.0</t>
  </si>
  <si>
    <t>337276.0</t>
  </si>
  <si>
    <t>2195619506.0</t>
  </si>
  <si>
    <t>1026818811.0</t>
  </si>
  <si>
    <t>949943598.0</t>
  </si>
  <si>
    <t>218857097.0</t>
  </si>
  <si>
    <t>321560.0</t>
  </si>
  <si>
    <t>2195651402.0</t>
  </si>
  <si>
    <t>1026820130.0</t>
  </si>
  <si>
    <t>949949078.0</t>
  </si>
  <si>
    <t>218882194.0</t>
  </si>
  <si>
    <t>31896.0</t>
  </si>
  <si>
    <t>264457.0</t>
  </si>
  <si>
    <t>2195754191.0</t>
  </si>
  <si>
    <t>1026824755.0</t>
  </si>
  <si>
    <t>949968269.0</t>
  </si>
  <si>
    <t>218961167.0</t>
  </si>
  <si>
    <t>102789.0</t>
  </si>
  <si>
    <t>224537.0</t>
  </si>
  <si>
    <t>154.94</t>
  </si>
  <si>
    <t>2195883501.0</t>
  </si>
  <si>
    <t>1026831971.0</t>
  </si>
  <si>
    <t>949997647.0</t>
  </si>
  <si>
    <t>219053883.0</t>
  </si>
  <si>
    <t>129310.0</t>
  </si>
  <si>
    <t>2196044179.0</t>
  </si>
  <si>
    <t>1026840789.0</t>
  </si>
  <si>
    <t>950032740.0</t>
  </si>
  <si>
    <t>219170650.0</t>
  </si>
  <si>
    <t>160678.0</t>
  </si>
  <si>
    <t>133008.0</t>
  </si>
  <si>
    <t>154.96</t>
  </si>
  <si>
    <t>2196215302.0</t>
  </si>
  <si>
    <t>1026850803.0</t>
  </si>
  <si>
    <t>950066782.0</t>
  </si>
  <si>
    <t>219297717.0</t>
  </si>
  <si>
    <t>116571.0</t>
  </si>
  <si>
    <t>154.97</t>
  </si>
  <si>
    <t>2196335748.0</t>
  </si>
  <si>
    <t>1026856716.0</t>
  </si>
  <si>
    <t>950090439.0</t>
  </si>
  <si>
    <t>219388593.0</t>
  </si>
  <si>
    <t>120446.0</t>
  </si>
  <si>
    <t>107938.0</t>
  </si>
  <si>
    <t>112850.0</t>
  </si>
  <si>
    <t>2196483169.0</t>
  </si>
  <si>
    <t>1026864496.0</t>
  </si>
  <si>
    <t>950118274.0</t>
  </si>
  <si>
    <t>219500399.0</t>
  </si>
  <si>
    <t>2196609939.0</t>
  </si>
  <si>
    <t>1026871408.0</t>
  </si>
  <si>
    <t>950145564.0</t>
  </si>
  <si>
    <t>219592967.0</t>
  </si>
  <si>
    <t>126770.0</t>
  </si>
  <si>
    <t>122250.0</t>
  </si>
  <si>
    <t>2196781421.0</t>
  </si>
  <si>
    <t>1026880429.0</t>
  </si>
  <si>
    <t>950180255.0</t>
  </si>
  <si>
    <t>219720737.0</t>
  </si>
  <si>
    <t>171482.0</t>
  </si>
  <si>
    <t>128274.0</t>
  </si>
  <si>
    <t>155.01</t>
  </si>
  <si>
    <t>2196971035.0</t>
  </si>
  <si>
    <t>1026891548.0</t>
  </si>
  <si>
    <t>950217290.0</t>
  </si>
  <si>
    <t>219862197.0</t>
  </si>
  <si>
    <t>189614.0</t>
  </si>
  <si>
    <t>132408.0</t>
  </si>
  <si>
    <t>155.02</t>
  </si>
  <si>
    <t>2197138806.0</t>
  </si>
  <si>
    <t>1026901188.0</t>
  </si>
  <si>
    <t>950251445.0</t>
  </si>
  <si>
    <t>219986173.0</t>
  </si>
  <si>
    <t>131929.0</t>
  </si>
  <si>
    <t>155.04</t>
  </si>
  <si>
    <t>2197262288.0</t>
  </si>
  <si>
    <t>1026907906.0</t>
  </si>
  <si>
    <t>950278552.0</t>
  </si>
  <si>
    <t>220075830.0</t>
  </si>
  <si>
    <t>123482.0</t>
  </si>
  <si>
    <t>132363.0</t>
  </si>
  <si>
    <t>2197295587.0</t>
  </si>
  <si>
    <t>1026910508.0</t>
  </si>
  <si>
    <t>950285563.0</t>
  </si>
  <si>
    <t>220099516.0</t>
  </si>
  <si>
    <t>33299.0</t>
  </si>
  <si>
    <t>2197435518.0</t>
  </si>
  <si>
    <t>1026919862.0</t>
  </si>
  <si>
    <t>950315704.0</t>
  </si>
  <si>
    <t>220199952.0</t>
  </si>
  <si>
    <t>139931.0</t>
  </si>
  <si>
    <t>136050.0</t>
  </si>
  <si>
    <t>155.06</t>
  </si>
  <si>
    <t>2197513103.0</t>
  </si>
  <si>
    <t>1026925870.0</t>
  </si>
  <si>
    <t>950336542.0</t>
  </si>
  <si>
    <t>220250691.0</t>
  </si>
  <si>
    <t>77585.0</t>
  </si>
  <si>
    <t>129023.0</t>
  </si>
  <si>
    <t>2197646336.0</t>
  </si>
  <si>
    <t>1026934310.0</t>
  </si>
  <si>
    <t>950369833.0</t>
  </si>
  <si>
    <t>220342193.0</t>
  </si>
  <si>
    <t>133233.0</t>
  </si>
  <si>
    <t>123559.0</t>
  </si>
  <si>
    <t>155.07</t>
  </si>
  <si>
    <t>2197783974.0</t>
  </si>
  <si>
    <t>1026943380.0</t>
  </si>
  <si>
    <t>950403228.0</t>
  </si>
  <si>
    <t>220437366.0</t>
  </si>
  <si>
    <t>137638.0</t>
  </si>
  <si>
    <t>116134.0</t>
  </si>
  <si>
    <t>2197896947.0</t>
  </si>
  <si>
    <t>1026949833.0</t>
  </si>
  <si>
    <t>950431690.0</t>
  </si>
  <si>
    <t>220515424.0</t>
  </si>
  <si>
    <t>108306.0</t>
  </si>
  <si>
    <t>2197978762.0</t>
  </si>
  <si>
    <t>1026954849.0</t>
  </si>
  <si>
    <t>950447893.0</t>
  </si>
  <si>
    <t>220576020.0</t>
  </si>
  <si>
    <t>81815.0</t>
  </si>
  <si>
    <t>2198006694.0</t>
  </si>
  <si>
    <t>1026956871.0</t>
  </si>
  <si>
    <t>950454684.0</t>
  </si>
  <si>
    <t>220595139.0</t>
  </si>
  <si>
    <t>2198123903.0</t>
  </si>
  <si>
    <t>1026963301.0</t>
  </si>
  <si>
    <t>950487146.0</t>
  </si>
  <si>
    <t>220673456.0</t>
  </si>
  <si>
    <t>117209.0</t>
  </si>
  <si>
    <t>155.11</t>
  </si>
  <si>
    <t>2198226412.0</t>
  </si>
  <si>
    <t>1026969241.0</t>
  </si>
  <si>
    <t>950512662.0</t>
  </si>
  <si>
    <t>220744509.0</t>
  </si>
  <si>
    <t>102509.0</t>
  </si>
  <si>
    <t>101901.0</t>
  </si>
  <si>
    <t>2198344955.0</t>
  </si>
  <si>
    <t>1026977435.0</t>
  </si>
  <si>
    <t>950540476.0</t>
  </si>
  <si>
    <t>220827044.0</t>
  </si>
  <si>
    <t>118543.0</t>
  </si>
  <si>
    <t>99803.0</t>
  </si>
  <si>
    <t>2198447644.0</t>
  </si>
  <si>
    <t>1026983726.0</t>
  </si>
  <si>
    <t>950566594.0</t>
  </si>
  <si>
    <t>220897324.0</t>
  </si>
  <si>
    <t>102689.0</t>
  </si>
  <si>
    <t>94810.0</t>
  </si>
  <si>
    <t>2198537172.0</t>
  </si>
  <si>
    <t>1026989712.0</t>
  </si>
  <si>
    <t>950588586.0</t>
  </si>
  <si>
    <t>220958874.0</t>
  </si>
  <si>
    <t>89528.0</t>
  </si>
  <si>
    <t>91461.0</t>
  </si>
  <si>
    <t>155.14</t>
  </si>
  <si>
    <t>2198603903.0</t>
  </si>
  <si>
    <t>1026996633.0</t>
  </si>
  <si>
    <t>950606106.0</t>
  </si>
  <si>
    <t>221001164.0</t>
  </si>
  <si>
    <t>89306.0</t>
  </si>
  <si>
    <t>2198619380.0</t>
  </si>
  <si>
    <t>1026999062.0</t>
  </si>
  <si>
    <t>950609941.0</t>
  </si>
  <si>
    <t>221010377.0</t>
  </si>
  <si>
    <t>87527.0</t>
  </si>
  <si>
    <t>2198696929.0</t>
  </si>
  <si>
    <t>1027007584.0</t>
  </si>
  <si>
    <t>950630587.0</t>
  </si>
  <si>
    <t>221058758.0</t>
  </si>
  <si>
    <t>77549.0</t>
  </si>
  <si>
    <t>2198773864.0</t>
  </si>
  <si>
    <t>1027015080.0</t>
  </si>
  <si>
    <t>950649825.0</t>
  </si>
  <si>
    <t>221108959.0</t>
  </si>
  <si>
    <t>76935.0</t>
  </si>
  <si>
    <t>2198861053.0</t>
  </si>
  <si>
    <t>1027020780.0</t>
  </si>
  <si>
    <t>950670997.0</t>
  </si>
  <si>
    <t>221169276.0</t>
  </si>
  <si>
    <t>87189.0</t>
  </si>
  <si>
    <t>73728.0</t>
  </si>
  <si>
    <t>155.16</t>
  </si>
  <si>
    <t>2198939280.0</t>
  </si>
  <si>
    <t>1027025903.0</t>
  </si>
  <si>
    <t>950691085.0</t>
  </si>
  <si>
    <t>221222292.0</t>
  </si>
  <si>
    <t>78227.0</t>
  </si>
  <si>
    <t>70234.0</t>
  </si>
  <si>
    <t>2199012704.0</t>
  </si>
  <si>
    <t>1027032280.0</t>
  </si>
  <si>
    <t>950712317.0</t>
  </si>
  <si>
    <t>221268107.0</t>
  </si>
  <si>
    <t>73424.0</t>
  </si>
  <si>
    <t>67933.0</t>
  </si>
  <si>
    <t>155.17</t>
  </si>
  <si>
    <t>2199058598.0</t>
  </si>
  <si>
    <t>1027035849.0</t>
  </si>
  <si>
    <t>950724853.0</t>
  </si>
  <si>
    <t>221297896.0</t>
  </si>
  <si>
    <t>45894.0</t>
  </si>
  <si>
    <t>64956.0</t>
  </si>
  <si>
    <t>2199071394.0</t>
  </si>
  <si>
    <t>1027036689.0</t>
  </si>
  <si>
    <t>950728529.0</t>
  </si>
  <si>
    <t>221306176.0</t>
  </si>
  <si>
    <t>64573.0</t>
  </si>
  <si>
    <t>2199165837.0</t>
  </si>
  <si>
    <t>1027043870.0</t>
  </si>
  <si>
    <t>950757129.0</t>
  </si>
  <si>
    <t>221364838.0</t>
  </si>
  <si>
    <t>94443.0</t>
  </si>
  <si>
    <t>66987.0</t>
  </si>
  <si>
    <t>155.18</t>
  </si>
  <si>
    <t>2199192115.0</t>
  </si>
  <si>
    <t>1027045950.0</t>
  </si>
  <si>
    <t>950765492.0</t>
  </si>
  <si>
    <t>221380673.0</t>
  </si>
  <si>
    <t>2199255614.0</t>
  </si>
  <si>
    <t>1027050053.0</t>
  </si>
  <si>
    <t>950782285.0</t>
  </si>
  <si>
    <t>221423276.0</t>
  </si>
  <si>
    <t>63499.0</t>
  </si>
  <si>
    <t>56366.0</t>
  </si>
  <si>
    <t>2199308269.0</t>
  </si>
  <si>
    <t>1027054462.0</t>
  </si>
  <si>
    <t>950797037.0</t>
  </si>
  <si>
    <t>221456770.0</t>
  </si>
  <si>
    <t>52655.0</t>
  </si>
  <si>
    <t>52713.0</t>
  </si>
  <si>
    <t>2199362341.0</t>
  </si>
  <si>
    <t>1027058419.0</t>
  </si>
  <si>
    <t>950810947.0</t>
  </si>
  <si>
    <t>221492975.0</t>
  </si>
  <si>
    <t>54072.0</t>
  </si>
  <si>
    <t>2199404380.0</t>
  </si>
  <si>
    <t>1027062119.0</t>
  </si>
  <si>
    <t>950823043.0</t>
  </si>
  <si>
    <t>221519218.0</t>
  </si>
  <si>
    <t>42039.0</t>
  </si>
  <si>
    <t>49397.0</t>
  </si>
  <si>
    <t>2199414864.0</t>
  </si>
  <si>
    <t>1027063055.0</t>
  </si>
  <si>
    <t>950826154.0</t>
  </si>
  <si>
    <t>221525655.0</t>
  </si>
  <si>
    <t>2199459244.0</t>
  </si>
  <si>
    <t>1027066942.0</t>
  </si>
  <si>
    <t>950839880.0</t>
  </si>
  <si>
    <t>221552422.0</t>
  </si>
  <si>
    <t>41915.0</t>
  </si>
  <si>
    <t>2199500144.0</t>
  </si>
  <si>
    <t>1027071309.0</t>
  </si>
  <si>
    <t>950851902.0</t>
  </si>
  <si>
    <t>221576933.0</t>
  </si>
  <si>
    <t>40900.0</t>
  </si>
  <si>
    <t>44004.0</t>
  </si>
  <si>
    <t>2199546356.0</t>
  </si>
  <si>
    <t>1027075664.0</t>
  </si>
  <si>
    <t>950866239.0</t>
  </si>
  <si>
    <t>221604453.0</t>
  </si>
  <si>
    <t>46212.0</t>
  </si>
  <si>
    <t>2199596513.0</t>
  </si>
  <si>
    <t>1027080067.0</t>
  </si>
  <si>
    <t>950881906.0</t>
  </si>
  <si>
    <t>221634540.0</t>
  </si>
  <si>
    <t>50157.0</t>
  </si>
  <si>
    <t>41178.0</t>
  </si>
  <si>
    <t>2199646883.0</t>
  </si>
  <si>
    <t>1027083897.0</t>
  </si>
  <si>
    <t>950898240.0</t>
  </si>
  <si>
    <t>221664746.0</t>
  </si>
  <si>
    <t>2199683095.0</t>
  </si>
  <si>
    <t>1027087217.0</t>
  </si>
  <si>
    <t>950909151.0</t>
  </si>
  <si>
    <t>221686727.0</t>
  </si>
  <si>
    <t>36212.0</t>
  </si>
  <si>
    <t>155.22</t>
  </si>
  <si>
    <t>2199694877.0</t>
  </si>
  <si>
    <t>1027088793.0</t>
  </si>
  <si>
    <t>950913449.0</t>
  </si>
  <si>
    <t>221692635.0</t>
  </si>
  <si>
    <t>2199746138.0</t>
  </si>
  <si>
    <t>1027092867.0</t>
  </si>
  <si>
    <t>950929061.0</t>
  </si>
  <si>
    <t>221724210.0</t>
  </si>
  <si>
    <t>51261.0</t>
  </si>
  <si>
    <t>40985.0</t>
  </si>
  <si>
    <t>2199803956.0</t>
  </si>
  <si>
    <t>1027099057.0</t>
  </si>
  <si>
    <t>950945731.0</t>
  </si>
  <si>
    <t>221759168.0</t>
  </si>
  <si>
    <t>57818.0</t>
  </si>
  <si>
    <t>43402.0</t>
  </si>
  <si>
    <t>2199861495.0</t>
  </si>
  <si>
    <t>1027104264.0</t>
  </si>
  <si>
    <t>950962000.0</t>
  </si>
  <si>
    <t>221795231.0</t>
  </si>
  <si>
    <t>57539.0</t>
  </si>
  <si>
    <t>155.23</t>
  </si>
  <si>
    <t>2199918890.0</t>
  </si>
  <si>
    <t>1027110205.0</t>
  </si>
  <si>
    <t>950978880.0</t>
  </si>
  <si>
    <t>221829805.0</t>
  </si>
  <si>
    <t>57395.0</t>
  </si>
  <si>
    <t>2199968116.0</t>
  </si>
  <si>
    <t>1027114538.0</t>
  </si>
  <si>
    <t>950992489.0</t>
  </si>
  <si>
    <t>221861089.0</t>
  </si>
  <si>
    <t>49226.0</t>
  </si>
  <si>
    <t>45890.0</t>
  </si>
  <si>
    <t>2200010800.0</t>
  </si>
  <si>
    <t>1027117507.0</t>
  </si>
  <si>
    <t>951006502.0</t>
  </si>
  <si>
    <t>221886791.0</t>
  </si>
  <si>
    <t>42684.0</t>
  </si>
  <si>
    <t>46815.0</t>
  </si>
  <si>
    <t>2200021116.0</t>
  </si>
  <si>
    <t>1027118833.0</t>
  </si>
  <si>
    <t>951009124.0</t>
  </si>
  <si>
    <t>221893159.0</t>
  </si>
  <si>
    <t>2200070782.0</t>
  </si>
  <si>
    <t>1027123649.0</t>
  </si>
  <si>
    <t>951024984.0</t>
  </si>
  <si>
    <t>221922149.0</t>
  </si>
  <si>
    <t>2200125212.0</t>
  </si>
  <si>
    <t>1027128408.0</t>
  </si>
  <si>
    <t>951042449.0</t>
  </si>
  <si>
    <t>221954355.0</t>
  </si>
  <si>
    <t>2200198937.0</t>
  </si>
  <si>
    <t>1027133672.0</t>
  </si>
  <si>
    <t>951062564.0</t>
  </si>
  <si>
    <t>222002701.0</t>
  </si>
  <si>
    <t>73725.0</t>
  </si>
  <si>
    <t>2200291726.0</t>
  </si>
  <si>
    <t>1027139671.0</t>
  </si>
  <si>
    <t>951082819.0</t>
  </si>
  <si>
    <t>222069236.0</t>
  </si>
  <si>
    <t>92789.0</t>
  </si>
  <si>
    <t>53262.0</t>
  </si>
  <si>
    <t>155.26</t>
  </si>
  <si>
    <t>2200398405.0</t>
  </si>
  <si>
    <t>1027147220.0</t>
  </si>
  <si>
    <t>951102777.0</t>
  </si>
  <si>
    <t>222148408.0</t>
  </si>
  <si>
    <t>61470.0</t>
  </si>
  <si>
    <t>2200495328.0</t>
  </si>
  <si>
    <t>1027154597.0</t>
  </si>
  <si>
    <t>951119216.0</t>
  </si>
  <si>
    <t>222221515.0</t>
  </si>
  <si>
    <t>69218.0</t>
  </si>
  <si>
    <t>2200534092.0</t>
  </si>
  <si>
    <t>1027157412.0</t>
  </si>
  <si>
    <t>951124245.0</t>
  </si>
  <si>
    <t>222252435.0</t>
  </si>
  <si>
    <t>38764.0</t>
  </si>
  <si>
    <t>73282.0</t>
  </si>
  <si>
    <t>2200631022.0</t>
  </si>
  <si>
    <t>1027166078.0</t>
  </si>
  <si>
    <t>951140611.0</t>
  </si>
  <si>
    <t>222324333.0</t>
  </si>
  <si>
    <t>96930.0</t>
  </si>
  <si>
    <t>80034.0</t>
  </si>
  <si>
    <t>2200721618.0</t>
  </si>
  <si>
    <t>1027175213.0</t>
  </si>
  <si>
    <t>951158405.0</t>
  </si>
  <si>
    <t>222388000.0</t>
  </si>
  <si>
    <t>85201.0</t>
  </si>
  <si>
    <t>2200817500.0</t>
  </si>
  <si>
    <t>1027184263.0</t>
  </si>
  <si>
    <t>951176639.0</t>
  </si>
  <si>
    <t>222456598.0</t>
  </si>
  <si>
    <t>88366.0</t>
  </si>
  <si>
    <t>2200901700.0</t>
  </si>
  <si>
    <t>1027192625.0</t>
  </si>
  <si>
    <t>951192203.0</t>
  </si>
  <si>
    <t>222516872.0</t>
  </si>
  <si>
    <t>84200.0</t>
  </si>
  <si>
    <t>87139.0</t>
  </si>
  <si>
    <t>2200989986.0</t>
  </si>
  <si>
    <t>1027200953.0</t>
  </si>
  <si>
    <t>951207411.0</t>
  </si>
  <si>
    <t>222581622.0</t>
  </si>
  <si>
    <t>2201044679.0</t>
  </si>
  <si>
    <t>1027204886.0</t>
  </si>
  <si>
    <t>951216009.0</t>
  </si>
  <si>
    <t>222623784.0</t>
  </si>
  <si>
    <t>54693.0</t>
  </si>
  <si>
    <t>78479.0</t>
  </si>
  <si>
    <t>2201054881.0</t>
  </si>
  <si>
    <t>1027205735.0</t>
  </si>
  <si>
    <t>951217236.0</t>
  </si>
  <si>
    <t>222631910.0</t>
  </si>
  <si>
    <t>74398.0</t>
  </si>
  <si>
    <t>2201103827.0</t>
  </si>
  <si>
    <t>1027209389.0</t>
  </si>
  <si>
    <t>951225480.0</t>
  </si>
  <si>
    <t>222668958.0</t>
  </si>
  <si>
    <t>2201152760.0</t>
  </si>
  <si>
    <t>1027213057.0</t>
  </si>
  <si>
    <t>951234968.0</t>
  </si>
  <si>
    <t>222704735.0</t>
  </si>
  <si>
    <t>48933.0</t>
  </si>
  <si>
    <t>2201212338.0</t>
  </si>
  <si>
    <t>1027216958.0</t>
  </si>
  <si>
    <t>951244627.0</t>
  </si>
  <si>
    <t>222750753.0</t>
  </si>
  <si>
    <t>59578.0</t>
  </si>
  <si>
    <t>IDN</t>
  </si>
  <si>
    <t>Indonesia</t>
  </si>
  <si>
    <t>149242.0</t>
  </si>
  <si>
    <t>161959.0</t>
  </si>
  <si>
    <t>245685.0</t>
  </si>
  <si>
    <t>308003.0</t>
  </si>
  <si>
    <t>28915.0</t>
  </si>
  <si>
    <t>373786.0</t>
  </si>
  <si>
    <t>368318.0</t>
  </si>
  <si>
    <t>36427.0</t>
  </si>
  <si>
    <t>35645.0</t>
  </si>
  <si>
    <t>416299.0</t>
  </si>
  <si>
    <t>405012.0</t>
  </si>
  <si>
    <t>42513.0</t>
  </si>
  <si>
    <t>40614.0</t>
  </si>
  <si>
    <t>502955.0</t>
  </si>
  <si>
    <t>482145.0</t>
  </si>
  <si>
    <t>86656.0</t>
  </si>
  <si>
    <t>51762.0</t>
  </si>
  <si>
    <t>48789.0</t>
  </si>
  <si>
    <t>515681.0</t>
  </si>
  <si>
    <t>493133.0</t>
  </si>
  <si>
    <t>52348.0</t>
  </si>
  <si>
    <t>49127.0</t>
  </si>
  <si>
    <t>574938.0</t>
  </si>
  <si>
    <t>539532.0</t>
  </si>
  <si>
    <t>35406.0</t>
  </si>
  <si>
    <t>59257.0</t>
  </si>
  <si>
    <t>58997.0</t>
  </si>
  <si>
    <t>53939.0</t>
  </si>
  <si>
    <t>648259.0</t>
  </si>
  <si>
    <t>596260.0</t>
  </si>
  <si>
    <t>73321.0</t>
  </si>
  <si>
    <t>57511.0</t>
  </si>
  <si>
    <t>50082.0</t>
  </si>
  <si>
    <t>717647.0</t>
  </si>
  <si>
    <t>646026.0</t>
  </si>
  <si>
    <t>71621.0</t>
  </si>
  <si>
    <t>69388.0</t>
  </si>
  <si>
    <t>796819.0</t>
  </si>
  <si>
    <t>700266.0</t>
  </si>
  <si>
    <t>96553.0</t>
  </si>
  <si>
    <t>47421.0</t>
  </si>
  <si>
    <t>865609.0</t>
  </si>
  <si>
    <t>744884.0</t>
  </si>
  <si>
    <t>120725.0</t>
  </si>
  <si>
    <t>48553.0</t>
  </si>
  <si>
    <t>914303.0</t>
  </si>
  <si>
    <t>777096.0</t>
  </si>
  <si>
    <t>137207.0</t>
  </si>
  <si>
    <t>58764.0</t>
  </si>
  <si>
    <t>42136.0</t>
  </si>
  <si>
    <t>923449.0</t>
  </si>
  <si>
    <t>784318.0</t>
  </si>
  <si>
    <t>139131.0</t>
  </si>
  <si>
    <t>41598.0</t>
  </si>
  <si>
    <t>985855.0</t>
  </si>
  <si>
    <t>814585.0</t>
  </si>
  <si>
    <t>171270.0</t>
  </si>
  <si>
    <t>58702.0</t>
  </si>
  <si>
    <t>39293.0</t>
  </si>
  <si>
    <t>1066860.0</t>
  </si>
  <si>
    <t>845407.0</t>
  </si>
  <si>
    <t>221453.0</t>
  </si>
  <si>
    <t>81005.0</t>
  </si>
  <si>
    <t>59800.0</t>
  </si>
  <si>
    <t>35592.0</t>
  </si>
  <si>
    <t>1248797.0</t>
  </si>
  <si>
    <t>969546.0</t>
  </si>
  <si>
    <t>279251.0</t>
  </si>
  <si>
    <t>181937.0</t>
  </si>
  <si>
    <t>46217.0</t>
  </si>
  <si>
    <t>1362791.0</t>
  </si>
  <si>
    <t>1017186.0</t>
  </si>
  <si>
    <t>345605.0</t>
  </si>
  <si>
    <t>113994.0</t>
  </si>
  <si>
    <t>45274.0</t>
  </si>
  <si>
    <t>79099.0</t>
  </si>
  <si>
    <t>41982.0</t>
  </si>
  <si>
    <t>1475812.0</t>
  </si>
  <si>
    <t>1060326.0</t>
  </si>
  <si>
    <t>415486.0</t>
  </si>
  <si>
    <t>80216.0</t>
  </si>
  <si>
    <t>1494325.0</t>
  </si>
  <si>
    <t>1068747.0</t>
  </si>
  <si>
    <t>425578.0</t>
  </si>
  <si>
    <t>1096095.0</t>
  </si>
  <si>
    <t>482625.0</t>
  </si>
  <si>
    <t>84395.0</t>
  </si>
  <si>
    <t>84695.0</t>
  </si>
  <si>
    <t>40216.0</t>
  </si>
  <si>
    <t>1658110.0</t>
  </si>
  <si>
    <t>1120963.0</t>
  </si>
  <si>
    <t>537147.0</t>
  </si>
  <si>
    <t>1747267.0</t>
  </si>
  <si>
    <t>1149939.0</t>
  </si>
  <si>
    <t>597328.0</t>
  </si>
  <si>
    <t>89157.0</t>
  </si>
  <si>
    <t>71210.0</t>
  </si>
  <si>
    <t>25770.0</t>
  </si>
  <si>
    <t>1787976.0</t>
  </si>
  <si>
    <t>1164144.0</t>
  </si>
  <si>
    <t>623832.0</t>
  </si>
  <si>
    <t>40709.0</t>
  </si>
  <si>
    <t>60741.0</t>
  </si>
  <si>
    <t>1956725.0</t>
  </si>
  <si>
    <t>1224091.0</t>
  </si>
  <si>
    <t>732634.0</t>
  </si>
  <si>
    <t>68702.0</t>
  </si>
  <si>
    <t>70969.0</t>
  </si>
  <si>
    <t>24374.0</t>
  </si>
  <si>
    <t>63824.0</t>
  </si>
  <si>
    <t>2059871.0</t>
  </si>
  <si>
    <t>1269905.0</t>
  </si>
  <si>
    <t>789966.0</t>
  </si>
  <si>
    <t>57394.0</t>
  </si>
  <si>
    <t>2188788.0</t>
  </si>
  <si>
    <t>1363138.0</t>
  </si>
  <si>
    <t>825650.0</t>
  </si>
  <si>
    <t>128917.0</t>
  </si>
  <si>
    <t>1461920.0</t>
  </si>
  <si>
    <t>853745.0</t>
  </si>
  <si>
    <t>126877.0</t>
  </si>
  <si>
    <t>75384.0</t>
  </si>
  <si>
    <t>42539.0</t>
  </si>
  <si>
    <t>2449451.0</t>
  </si>
  <si>
    <t>1583581.0</t>
  </si>
  <si>
    <t>865870.0</t>
  </si>
  <si>
    <t>133786.0</t>
  </si>
  <si>
    <t>82443.0</t>
  </si>
  <si>
    <t>2598535.0</t>
  </si>
  <si>
    <t>1616165.0</t>
  </si>
  <si>
    <t>982370.0</t>
  </si>
  <si>
    <t>149084.0</t>
  </si>
  <si>
    <t>91687.0</t>
  </si>
  <si>
    <t>56011.0</t>
  </si>
  <si>
    <t>2690163.0</t>
  </si>
  <si>
    <t>1691724.0</t>
  </si>
  <si>
    <t>998439.0</t>
  </si>
  <si>
    <t>91628.0</t>
  </si>
  <si>
    <t>118752.0</t>
  </si>
  <si>
    <t>3023348.0</t>
  </si>
  <si>
    <t>1968057.0</t>
  </si>
  <si>
    <t>1055291.0</t>
  </si>
  <si>
    <t>99736.0</t>
  </si>
  <si>
    <t>3386351.0</t>
  </si>
  <si>
    <t>2286123.0</t>
  </si>
  <si>
    <t>1100228.0</t>
  </si>
  <si>
    <t>363003.0</t>
  </si>
  <si>
    <t>171080.0</t>
  </si>
  <si>
    <t>131855.0</t>
  </si>
  <si>
    <t>163084.0</t>
  </si>
  <si>
    <t>126850.0</t>
  </si>
  <si>
    <t>3528152.0</t>
  </si>
  <si>
    <t>2413615.0</t>
  </si>
  <si>
    <t>1114537.0</t>
  </si>
  <si>
    <t>154100.0</t>
  </si>
  <si>
    <t>118576.0</t>
  </si>
  <si>
    <t>168116.0</t>
  </si>
  <si>
    <t>147860.0</t>
  </si>
  <si>
    <t>4022544.0</t>
  </si>
  <si>
    <t>2888757.0</t>
  </si>
  <si>
    <t>1133787.0</t>
  </si>
  <si>
    <t>190340.0</t>
  </si>
  <si>
    <t>171005.0</t>
  </si>
  <si>
    <t>205352.0</t>
  </si>
  <si>
    <t>183930.0</t>
  </si>
  <si>
    <t>220364.0</t>
  </si>
  <si>
    <t>196856.0</t>
  </si>
  <si>
    <t>4837576.0</t>
  </si>
  <si>
    <t>3574698.0</t>
  </si>
  <si>
    <t>1262878.0</t>
  </si>
  <si>
    <t>207318.0</t>
  </si>
  <si>
    <t>184082.0</t>
  </si>
  <si>
    <t>4991674.0</t>
  </si>
  <si>
    <t>3696059.0</t>
  </si>
  <si>
    <t>1295615.0</t>
  </si>
  <si>
    <t>219203.0</t>
  </si>
  <si>
    <t>192313.0</t>
  </si>
  <si>
    <t>5108536.0</t>
  </si>
  <si>
    <t>3769174.0</t>
  </si>
  <si>
    <t>1339362.0</t>
  </si>
  <si>
    <t>116862.0</t>
  </si>
  <si>
    <t>193651.0</t>
  </si>
  <si>
    <t>5440432.0</t>
  </si>
  <si>
    <t>3985596.0</t>
  </si>
  <si>
    <t>1454836.0</t>
  </si>
  <si>
    <t>331896.0</t>
  </si>
  <si>
    <t>237869.0</t>
  </si>
  <si>
    <t>190630.0</t>
  </si>
  <si>
    <t>5480346.0</t>
  </si>
  <si>
    <t>4020124.0</t>
  </si>
  <si>
    <t>1460222.0</t>
  </si>
  <si>
    <t>39914.0</t>
  </si>
  <si>
    <t>208257.0</t>
  </si>
  <si>
    <t>161624.0</t>
  </si>
  <si>
    <t>7781193.0</t>
  </si>
  <si>
    <t>28.424</t>
  </si>
  <si>
    <t>5739648.0</t>
  </si>
  <si>
    <t>4166862.0</t>
  </si>
  <si>
    <t>1572786.0</t>
  </si>
  <si>
    <t>259302.0</t>
  </si>
  <si>
    <t>206490.0</t>
  </si>
  <si>
    <t>149923.0</t>
  </si>
  <si>
    <t>7828257.0</t>
  </si>
  <si>
    <t>28.596</t>
  </si>
  <si>
    <t>6185700.0</t>
  </si>
  <si>
    <t>4468951.0</t>
  </si>
  <si>
    <t>1716749.0</t>
  </si>
  <si>
    <t>446052.0</t>
  </si>
  <si>
    <t>231400.0</t>
  </si>
  <si>
    <t>160414.0</t>
  </si>
  <si>
    <t>7887009.0</t>
  </si>
  <si>
    <t>58752.0</t>
  </si>
  <si>
    <t>28.811</t>
  </si>
  <si>
    <t>6581388.0</t>
  </si>
  <si>
    <t>4705248.0</t>
  </si>
  <si>
    <t>1876140.0</t>
  </si>
  <si>
    <t>395688.0</t>
  </si>
  <si>
    <t>249116.0</t>
  </si>
  <si>
    <t>161507.0</t>
  </si>
  <si>
    <t>7922952.0</t>
  </si>
  <si>
    <t>35943.0</t>
  </si>
  <si>
    <t>28.942</t>
  </si>
  <si>
    <t>6787283.0</t>
  </si>
  <si>
    <t>4838752.0</t>
  </si>
  <si>
    <t>1948531.0</t>
  </si>
  <si>
    <t>205895.0</t>
  </si>
  <si>
    <t>256516.0</t>
  </si>
  <si>
    <t>163242.0</t>
  </si>
  <si>
    <t>7968915.0</t>
  </si>
  <si>
    <t>7027463.0</t>
  </si>
  <si>
    <t>4959063.0</t>
  </si>
  <si>
    <t>2068400.0</t>
  </si>
  <si>
    <t>240180.0</t>
  </si>
  <si>
    <t>169984.0</t>
  </si>
  <si>
    <t>8012722.0</t>
  </si>
  <si>
    <t>7346148.0</t>
  </si>
  <si>
    <t>5124948.0</t>
  </si>
  <si>
    <t>2221200.0</t>
  </si>
  <si>
    <t>318685.0</t>
  </si>
  <si>
    <t>272245.0</t>
  </si>
  <si>
    <t>8039026.0</t>
  </si>
  <si>
    <t>7835357.0</t>
  </si>
  <si>
    <t>5533379.0</t>
  </si>
  <si>
    <t>2301978.0</t>
  </si>
  <si>
    <t>489209.0</t>
  </si>
  <si>
    <t>336430.0</t>
  </si>
  <si>
    <t>216179.0</t>
  </si>
  <si>
    <t>8076608.0</t>
  </si>
  <si>
    <t>29.503</t>
  </si>
  <si>
    <t>42202.0</t>
  </si>
  <si>
    <t>7879881.0</t>
  </si>
  <si>
    <t>5567280.0</t>
  </si>
  <si>
    <t>2312601.0</t>
  </si>
  <si>
    <t>44524.0</t>
  </si>
  <si>
    <t>305748.0</t>
  </si>
  <si>
    <t>200060.0</t>
  </si>
  <si>
    <t>8126733.0</t>
  </si>
  <si>
    <t>42639.0</t>
  </si>
  <si>
    <t>8226632.0</t>
  </si>
  <si>
    <t>5732210.0</t>
  </si>
  <si>
    <t>2494422.0</t>
  </si>
  <si>
    <t>346751.0</t>
  </si>
  <si>
    <t>291562.0</t>
  </si>
  <si>
    <t>180466.0</t>
  </si>
  <si>
    <t>8176521.0</t>
  </si>
  <si>
    <t>29.868</t>
  </si>
  <si>
    <t>8687796.0</t>
  </si>
  <si>
    <t>5978251.0</t>
  </si>
  <si>
    <t>2709545.0</t>
  </si>
  <si>
    <t>461164.0</t>
  </si>
  <si>
    <t>300915.0</t>
  </si>
  <si>
    <t>181858.0</t>
  </si>
  <si>
    <t>8229683.0</t>
  </si>
  <si>
    <t>53162.0</t>
  </si>
  <si>
    <t>43819.0</t>
  </si>
  <si>
    <t>9330853.0</t>
  </si>
  <si>
    <t>6389837.0</t>
  </si>
  <si>
    <t>2941016.0</t>
  </si>
  <si>
    <t>643057.0</t>
  </si>
  <si>
    <t>363367.0</t>
  </si>
  <si>
    <t>221584.0</t>
  </si>
  <si>
    <t>8281302.0</t>
  </si>
  <si>
    <t>51619.0</t>
  </si>
  <si>
    <t>10117812.0</t>
  </si>
  <si>
    <t>6969201.0</t>
  </si>
  <si>
    <t>3148611.0</t>
  </si>
  <si>
    <t>786959.0</t>
  </si>
  <si>
    <t>441478.0</t>
  </si>
  <si>
    <t>287163.0</t>
  </si>
  <si>
    <t>8327183.0</t>
  </si>
  <si>
    <t>45881.0</t>
  </si>
  <si>
    <t>44923.0</t>
  </si>
  <si>
    <t>10412824.0</t>
  </si>
  <si>
    <t>7179014.0</t>
  </si>
  <si>
    <t>3233810.0</t>
  </si>
  <si>
    <t>295012.0</t>
  </si>
  <si>
    <t>293438.0</t>
  </si>
  <si>
    <t>8357821.0</t>
  </si>
  <si>
    <t>30638.0</t>
  </si>
  <si>
    <t>45542.0</t>
  </si>
  <si>
    <t>10489657.0</t>
  </si>
  <si>
    <t>7243202.0</t>
  </si>
  <si>
    <t>3246455.0</t>
  </si>
  <si>
    <t>76833.0</t>
  </si>
  <si>
    <t>379186.0</t>
  </si>
  <si>
    <t>244260.0</t>
  </si>
  <si>
    <t>8396863.0</t>
  </si>
  <si>
    <t>39042.0</t>
  </si>
  <si>
    <t>45751.0</t>
  </si>
  <si>
    <t>10707915.0</t>
  </si>
  <si>
    <t>7394421.0</t>
  </si>
  <si>
    <t>3313494.0</t>
  </si>
  <si>
    <t>218258.0</t>
  </si>
  <si>
    <t>404005.0</t>
  </si>
  <si>
    <t>261020.0</t>
  </si>
  <si>
    <t>8445150.0</t>
  </si>
  <si>
    <t>48287.0</t>
  </si>
  <si>
    <t>11229846.0</t>
  </si>
  <si>
    <t>7729582.0</t>
  </si>
  <si>
    <t>3500264.0</t>
  </si>
  <si>
    <t>521931.0</t>
  </si>
  <si>
    <t>429031.0</t>
  </si>
  <si>
    <t>8490864.0</t>
  </si>
  <si>
    <t>31.016</t>
  </si>
  <si>
    <t>11805314.0</t>
  </si>
  <si>
    <t>8095717.0</t>
  </si>
  <si>
    <t>3709597.0</t>
  </si>
  <si>
    <t>575468.0</t>
  </si>
  <si>
    <t>445360.0</t>
  </si>
  <si>
    <t>302495.0</t>
  </si>
  <si>
    <t>8545630.0</t>
  </si>
  <si>
    <t>54766.0</t>
  </si>
  <si>
    <t>31.217</t>
  </si>
  <si>
    <t>12200266.0</t>
  </si>
  <si>
    <t>8349475.0</t>
  </si>
  <si>
    <t>3850791.0</t>
  </si>
  <si>
    <t>394952.0</t>
  </si>
  <si>
    <t>409916.0</t>
  </si>
  <si>
    <t>8587036.0</t>
  </si>
  <si>
    <t>41406.0</t>
  </si>
  <si>
    <t>31.368</t>
  </si>
  <si>
    <t>12286155.0</t>
  </si>
  <si>
    <t>8418589.0</t>
  </si>
  <si>
    <t>3867566.0</t>
  </si>
  <si>
    <t>309763.0</t>
  </si>
  <si>
    <t>207055.0</t>
  </si>
  <si>
    <t>8623081.0</t>
  </si>
  <si>
    <t>42271.0</t>
  </si>
  <si>
    <t>12485291.0</t>
  </si>
  <si>
    <t>8533422.0</t>
  </si>
  <si>
    <t>3951869.0</t>
  </si>
  <si>
    <t>199136.0</t>
  </si>
  <si>
    <t>296067.0</t>
  </si>
  <si>
    <t>193487.0</t>
  </si>
  <si>
    <t>8656962.0</t>
  </si>
  <si>
    <t>42734.0</t>
  </si>
  <si>
    <t>12643583.0</t>
  </si>
  <si>
    <t>8629182.0</t>
  </si>
  <si>
    <t>4014401.0</t>
  </si>
  <si>
    <t>158292.0</t>
  </si>
  <si>
    <t>307704.0</t>
  </si>
  <si>
    <t>197997.0</t>
  </si>
  <si>
    <t>8695309.0</t>
  </si>
  <si>
    <t>31.763</t>
  </si>
  <si>
    <t>13046407.0</t>
  </si>
  <si>
    <t>8838081.0</t>
  </si>
  <si>
    <t>4208326.0</t>
  </si>
  <si>
    <t>402824.0</t>
  </si>
  <si>
    <t>334070.0</t>
  </si>
  <si>
    <t>206237.0</t>
  </si>
  <si>
    <t>8745068.0</t>
  </si>
  <si>
    <t>49759.0</t>
  </si>
  <si>
    <t>31.945</t>
  </si>
  <si>
    <t>13353717.0</t>
  </si>
  <si>
    <t>8975366.0</t>
  </si>
  <si>
    <t>4378351.0</t>
  </si>
  <si>
    <t>307310.0</t>
  </si>
  <si>
    <t>303410.0</t>
  </si>
  <si>
    <t>177969.0</t>
  </si>
  <si>
    <t>8798525.0</t>
  </si>
  <si>
    <t>53457.0</t>
  </si>
  <si>
    <t>43952.0</t>
  </si>
  <si>
    <t>13735337.0</t>
  </si>
  <si>
    <t>9187757.0</t>
  </si>
  <si>
    <t>4547580.0</t>
  </si>
  <si>
    <t>381620.0</t>
  </si>
  <si>
    <t>275718.0</t>
  </si>
  <si>
    <t>156006.0</t>
  </si>
  <si>
    <t>8852778.0</t>
  </si>
  <si>
    <t>32.339</t>
  </si>
  <si>
    <t>13975000.0</t>
  </si>
  <si>
    <t>9309809.0</t>
  </si>
  <si>
    <t>4665191.0</t>
  </si>
  <si>
    <t>239663.0</t>
  </si>
  <si>
    <t>253533.0</t>
  </si>
  <si>
    <t>137191.0</t>
  </si>
  <si>
    <t>8900958.0</t>
  </si>
  <si>
    <t>32.515</t>
  </si>
  <si>
    <t>44846.0</t>
  </si>
  <si>
    <t>14727509.0</t>
  </si>
  <si>
    <t>9784278.0</t>
  </si>
  <si>
    <t>4943231.0</t>
  </si>
  <si>
    <t>752509.0</t>
  </si>
  <si>
    <t>348765.0</t>
  </si>
  <si>
    <t>195098.0</t>
  </si>
  <si>
    <t>8944665.0</t>
  </si>
  <si>
    <t>43707.0</t>
  </si>
  <si>
    <t>32.674</t>
  </si>
  <si>
    <t>15005957.0</t>
  </si>
  <si>
    <t>9955433.0</t>
  </si>
  <si>
    <t>5050524.0</t>
  </si>
  <si>
    <t>278448.0</t>
  </si>
  <si>
    <t>360095.0</t>
  </si>
  <si>
    <t>203144.0</t>
  </si>
  <si>
    <t>8975583.0</t>
  </si>
  <si>
    <t>32.787</t>
  </si>
  <si>
    <t>15145565.0</t>
  </si>
  <si>
    <t>10045575.0</t>
  </si>
  <si>
    <t>5099990.0</t>
  </si>
  <si>
    <t>139608.0</t>
  </si>
  <si>
    <t>357426.0</t>
  </si>
  <si>
    <t>202342.0</t>
  </si>
  <si>
    <t>9010017.0</t>
  </si>
  <si>
    <t>32.913</t>
  </si>
  <si>
    <t>44958.0</t>
  </si>
  <si>
    <t>15572530.0</t>
  </si>
  <si>
    <t>10261791.0</t>
  </si>
  <si>
    <t>5310739.0</t>
  </si>
  <si>
    <t>426965.0</t>
  </si>
  <si>
    <t>360875.0</t>
  </si>
  <si>
    <t>203387.0</t>
  </si>
  <si>
    <t>9060658.0</t>
  </si>
  <si>
    <t>50641.0</t>
  </si>
  <si>
    <t>33.098</t>
  </si>
  <si>
    <t>15805960.0</t>
  </si>
  <si>
    <t>10373963.0</t>
  </si>
  <si>
    <t>5431997.0</t>
  </si>
  <si>
    <t>233430.0</t>
  </si>
  <si>
    <t>350320.0</t>
  </si>
  <si>
    <t>199800.0</t>
  </si>
  <si>
    <t>9104944.0</t>
  </si>
  <si>
    <t>44286.0</t>
  </si>
  <si>
    <t>43774.0</t>
  </si>
  <si>
    <t>16046363.0</t>
  </si>
  <si>
    <t>10477506.0</t>
  </si>
  <si>
    <t>5568857.0</t>
  </si>
  <si>
    <t>240403.0</t>
  </si>
  <si>
    <t>184250.0</t>
  </si>
  <si>
    <t>9153672.0</t>
  </si>
  <si>
    <t>33.438</t>
  </si>
  <si>
    <t>42985.0</t>
  </si>
  <si>
    <t>16309777.0</t>
  </si>
  <si>
    <t>10596373.0</t>
  </si>
  <si>
    <t>5713404.0</t>
  </si>
  <si>
    <t>263414.0</t>
  </si>
  <si>
    <t>333540.0</t>
  </si>
  <si>
    <t>9203770.0</t>
  </si>
  <si>
    <t>33.621</t>
  </si>
  <si>
    <t>43259.0</t>
  </si>
  <si>
    <t>16526130.0</t>
  </si>
  <si>
    <t>10706184.0</t>
  </si>
  <si>
    <t>5819946.0</t>
  </si>
  <si>
    <t>216353.0</t>
  </si>
  <si>
    <t>256946.0</t>
  </si>
  <si>
    <t>131701.0</t>
  </si>
  <si>
    <t>9248725.0</t>
  </si>
  <si>
    <t>33.785</t>
  </si>
  <si>
    <t>16690960.0</t>
  </si>
  <si>
    <t>10801244.0</t>
  </si>
  <si>
    <t>5889716.0</t>
  </si>
  <si>
    <t>164830.0</t>
  </si>
  <si>
    <t>240715.0</t>
  </si>
  <si>
    <t>120830.0</t>
  </si>
  <si>
    <t>9280005.0</t>
  </si>
  <si>
    <t>31280.0</t>
  </si>
  <si>
    <t>33.899</t>
  </si>
  <si>
    <t>43489.0</t>
  </si>
  <si>
    <t>16739340.0</t>
  </si>
  <si>
    <t>10828419.0</t>
  </si>
  <si>
    <t>5910921.0</t>
  </si>
  <si>
    <t>48380.0</t>
  </si>
  <si>
    <t>227682.0</t>
  </si>
  <si>
    <t>111835.0</t>
  </si>
  <si>
    <t>9317272.0</t>
  </si>
  <si>
    <t>34.035</t>
  </si>
  <si>
    <t>43894.0</t>
  </si>
  <si>
    <t>17017666.0</t>
  </si>
  <si>
    <t>10966934.0</t>
  </si>
  <si>
    <t>6050732.0</t>
  </si>
  <si>
    <t>278326.0</t>
  </si>
  <si>
    <t>206448.0</t>
  </si>
  <si>
    <t>100735.0</t>
  </si>
  <si>
    <t>9365379.0</t>
  </si>
  <si>
    <t>34.211</t>
  </si>
  <si>
    <t>43532.0</t>
  </si>
  <si>
    <t>17233178.0</t>
  </si>
  <si>
    <t>11101291.0</t>
  </si>
  <si>
    <t>6131887.0</t>
  </si>
  <si>
    <t>215512.0</t>
  </si>
  <si>
    <t>203888.0</t>
  </si>
  <si>
    <t>9412427.0</t>
  </si>
  <si>
    <t>34.383</t>
  </si>
  <si>
    <t>43926.0</t>
  </si>
  <si>
    <t>17591216.0</t>
  </si>
  <si>
    <t>11269213.0</t>
  </si>
  <si>
    <t>6322003.0</t>
  </si>
  <si>
    <t>358038.0</t>
  </si>
  <si>
    <t>220693.0</t>
  </si>
  <si>
    <t>113101.0</t>
  </si>
  <si>
    <t>9468108.0</t>
  </si>
  <si>
    <t>34.586</t>
  </si>
  <si>
    <t>44919.0</t>
  </si>
  <si>
    <t>17920908.0</t>
  </si>
  <si>
    <t>11432711.0</t>
  </si>
  <si>
    <t>6488197.0</t>
  </si>
  <si>
    <t>329692.0</t>
  </si>
  <si>
    <t>230162.0</t>
  </si>
  <si>
    <t>119477.0</t>
  </si>
  <si>
    <t>9509667.0</t>
  </si>
  <si>
    <t>43700.0</t>
  </si>
  <si>
    <t>18265027.0</t>
  </si>
  <si>
    <t>11587879.0</t>
  </si>
  <si>
    <t>6677148.0</t>
  </si>
  <si>
    <t>344119.0</t>
  </si>
  <si>
    <t>248414.0</t>
  </si>
  <si>
    <t>125956.0</t>
  </si>
  <si>
    <t>9551930.0</t>
  </si>
  <si>
    <t>42263.0</t>
  </si>
  <si>
    <t>34.892</t>
  </si>
  <si>
    <t>43315.0</t>
  </si>
  <si>
    <t>18484179.0</t>
  </si>
  <si>
    <t>11699585.0</t>
  </si>
  <si>
    <t>6784594.0</t>
  </si>
  <si>
    <t>219152.0</t>
  </si>
  <si>
    <t>256174.0</t>
  </si>
  <si>
    <t>128334.0</t>
  </si>
  <si>
    <t>9584455.0</t>
  </si>
  <si>
    <t>35.011</t>
  </si>
  <si>
    <t>43493.0</t>
  </si>
  <si>
    <t>18556227.0</t>
  </si>
  <si>
    <t>11733923.0</t>
  </si>
  <si>
    <t>6822304.0</t>
  </si>
  <si>
    <t>72048.0</t>
  </si>
  <si>
    <t>259555.0</t>
  </si>
  <si>
    <t>129358.0</t>
  </si>
  <si>
    <t>9621322.0</t>
  </si>
  <si>
    <t>18842883.0</t>
  </si>
  <si>
    <t>11844579.0</t>
  </si>
  <si>
    <t>6998304.0</t>
  </si>
  <si>
    <t>286656.0</t>
  </si>
  <si>
    <t>125378.0</t>
  </si>
  <si>
    <t>9673217.0</t>
  </si>
  <si>
    <t>35.336</t>
  </si>
  <si>
    <t>43977.0</t>
  </si>
  <si>
    <t>19159802.0</t>
  </si>
  <si>
    <t>11981034.0</t>
  </si>
  <si>
    <t>7178768.0</t>
  </si>
  <si>
    <t>316919.0</t>
  </si>
  <si>
    <t>275232.0</t>
  </si>
  <si>
    <t>125678.0</t>
  </si>
  <si>
    <t>9714274.0</t>
  </si>
  <si>
    <t>35.486</t>
  </si>
  <si>
    <t>43121.0</t>
  </si>
  <si>
    <t>19487346.0</t>
  </si>
  <si>
    <t>12112888.0</t>
  </si>
  <si>
    <t>7374458.0</t>
  </si>
  <si>
    <t>327544.0</t>
  </si>
  <si>
    <t>270876.0</t>
  </si>
  <si>
    <t>120525.0</t>
  </si>
  <si>
    <t>9769757.0</t>
  </si>
  <si>
    <t>55483.0</t>
  </si>
  <si>
    <t>35.688</t>
  </si>
  <si>
    <t>19847136.0</t>
  </si>
  <si>
    <t>12280765.0</t>
  </si>
  <si>
    <t>7566371.0</t>
  </si>
  <si>
    <t>275175.0</t>
  </si>
  <si>
    <t>121151.0</t>
  </si>
  <si>
    <t>9821421.0</t>
  </si>
  <si>
    <t>20015745.0</t>
  </si>
  <si>
    <t>12385886.0</t>
  </si>
  <si>
    <t>7629859.0</t>
  </si>
  <si>
    <t>168609.0</t>
  </si>
  <si>
    <t>250103.0</t>
  </si>
  <si>
    <t>114001.0</t>
  </si>
  <si>
    <t>9863143.0</t>
  </si>
  <si>
    <t>41722.0</t>
  </si>
  <si>
    <t>36.029</t>
  </si>
  <si>
    <t>44459.0</t>
  </si>
  <si>
    <t>20110846.0</t>
  </si>
  <si>
    <t>12443263.0</t>
  </si>
  <si>
    <t>7667583.0</t>
  </si>
  <si>
    <t>95101.0</t>
  </si>
  <si>
    <t>232381.0</t>
  </si>
  <si>
    <t>106240.0</t>
  </si>
  <si>
    <t>9895532.0</t>
  </si>
  <si>
    <t>36.148</t>
  </si>
  <si>
    <t>20135649.0</t>
  </si>
  <si>
    <t>12457164.0</t>
  </si>
  <si>
    <t>7678485.0</t>
  </si>
  <si>
    <t>225632.0</t>
  </si>
  <si>
    <t>103320.0</t>
  </si>
  <si>
    <t>9931245.0</t>
  </si>
  <si>
    <t>35713.0</t>
  </si>
  <si>
    <t>36.278</t>
  </si>
  <si>
    <t>44275.0</t>
  </si>
  <si>
    <t>20372568.0</t>
  </si>
  <si>
    <t>12545372.0</t>
  </si>
  <si>
    <t>7827196.0</t>
  </si>
  <si>
    <t>236919.0</t>
  </si>
  <si>
    <t>218526.0</t>
  </si>
  <si>
    <t>100113.0</t>
  </si>
  <si>
    <t>9982781.0</t>
  </si>
  <si>
    <t>51536.0</t>
  </si>
  <si>
    <t>36.466</t>
  </si>
  <si>
    <t>44223.0</t>
  </si>
  <si>
    <t>20653919.0</t>
  </si>
  <si>
    <t>12672864.0</t>
  </si>
  <si>
    <t>7981055.0</t>
  </si>
  <si>
    <t>281351.0</t>
  </si>
  <si>
    <t>213445.0</t>
  </si>
  <si>
    <t>98833.0</t>
  </si>
  <si>
    <t>10033957.0</t>
  </si>
  <si>
    <t>51176.0</t>
  </si>
  <si>
    <t>36.653</t>
  </si>
  <si>
    <t>45669.0</t>
  </si>
  <si>
    <t>20984828.0</t>
  </si>
  <si>
    <t>12832886.0</t>
  </si>
  <si>
    <t>8151942.0</t>
  </si>
  <si>
    <t>330909.0</t>
  </si>
  <si>
    <t>213926.0</t>
  </si>
  <si>
    <t>10084079.0</t>
  </si>
  <si>
    <t>50122.0</t>
  </si>
  <si>
    <t>44903.0</t>
  </si>
  <si>
    <t>21313654.0</t>
  </si>
  <si>
    <t>12995710.0</t>
  </si>
  <si>
    <t>8317944.0</t>
  </si>
  <si>
    <t>328826.0</t>
  </si>
  <si>
    <t>209503.0</t>
  </si>
  <si>
    <t>10130714.0</t>
  </si>
  <si>
    <t>46635.0</t>
  </si>
  <si>
    <t>21592945.0</t>
  </si>
  <si>
    <t>13136686.0</t>
  </si>
  <si>
    <t>8456259.0</t>
  </si>
  <si>
    <t>279291.0</t>
  </si>
  <si>
    <t>225314.0</t>
  </si>
  <si>
    <t>107257.0</t>
  </si>
  <si>
    <t>10175419.0</t>
  </si>
  <si>
    <t>21868276.0</t>
  </si>
  <si>
    <t>13284422.0</t>
  </si>
  <si>
    <t>8583854.0</t>
  </si>
  <si>
    <t>275331.0</t>
  </si>
  <si>
    <t>251061.0</t>
  </si>
  <si>
    <t>120166.0</t>
  </si>
  <si>
    <t>10205668.0</t>
  </si>
  <si>
    <t>30249.0</t>
  </si>
  <si>
    <t>37.281</t>
  </si>
  <si>
    <t>21975503.0</t>
  </si>
  <si>
    <t>13340957.0</t>
  </si>
  <si>
    <t>8634546.0</t>
  </si>
  <si>
    <t>107227.0</t>
  </si>
  <si>
    <t>262836.0</t>
  </si>
  <si>
    <t>126256.0</t>
  </si>
  <si>
    <t>10237631.0</t>
  </si>
  <si>
    <t>22230343.0</t>
  </si>
  <si>
    <t>13475087.0</t>
  </si>
  <si>
    <t>8755256.0</t>
  </si>
  <si>
    <t>254840.0</t>
  </si>
  <si>
    <t>132816.0</t>
  </si>
  <si>
    <t>10282721.0</t>
  </si>
  <si>
    <t>45090.0</t>
  </si>
  <si>
    <t>37.562</t>
  </si>
  <si>
    <t>42849.0</t>
  </si>
  <si>
    <t>22485737.0</t>
  </si>
  <si>
    <t>13615313.0</t>
  </si>
  <si>
    <t>8870424.0</t>
  </si>
  <si>
    <t>255394.0</t>
  </si>
  <si>
    <t>261688.0</t>
  </si>
  <si>
    <t>134636.0</t>
  </si>
  <si>
    <t>10321361.0</t>
  </si>
  <si>
    <t>38640.0</t>
  </si>
  <si>
    <t>37.703</t>
  </si>
  <si>
    <t>22586588.0</t>
  </si>
  <si>
    <t>13678323.0</t>
  </si>
  <si>
    <t>8908265.0</t>
  </si>
  <si>
    <t>228823.0</t>
  </si>
  <si>
    <t>120777.0</t>
  </si>
  <si>
    <t>10343074.0</t>
  </si>
  <si>
    <t>37.782</t>
  </si>
  <si>
    <t>22615110.0</t>
  </si>
  <si>
    <t>13695553.0</t>
  </si>
  <si>
    <t>8919557.0</t>
  </si>
  <si>
    <t>185922.0</t>
  </si>
  <si>
    <t>99978.0</t>
  </si>
  <si>
    <t>10359019.0</t>
  </si>
  <si>
    <t>32615.0</t>
  </si>
  <si>
    <t>22620824.0</t>
  </si>
  <si>
    <t>13699393.0</t>
  </si>
  <si>
    <t>8921431.0</t>
  </si>
  <si>
    <t>146840.0</t>
  </si>
  <si>
    <t>10381538.0</t>
  </si>
  <si>
    <t>22519.0</t>
  </si>
  <si>
    <t>22675927.0</t>
  </si>
  <si>
    <t>13721627.0</t>
  </si>
  <si>
    <t>8954300.0</t>
  </si>
  <si>
    <t>115379.0</t>
  </si>
  <si>
    <t>62458.0</t>
  </si>
  <si>
    <t>10409178.0</t>
  </si>
  <si>
    <t>27640.0</t>
  </si>
  <si>
    <t>22708311.0</t>
  </si>
  <si>
    <t>13737596.0</t>
  </si>
  <si>
    <t>8970715.0</t>
  </si>
  <si>
    <t>56663.0</t>
  </si>
  <si>
    <t>10446166.0</t>
  </si>
  <si>
    <t>38.159</t>
  </si>
  <si>
    <t>29791.0</t>
  </si>
  <si>
    <t>22870037.0</t>
  </si>
  <si>
    <t>13803055.0</t>
  </si>
  <si>
    <t>9066982.0</t>
  </si>
  <si>
    <t>161726.0</t>
  </si>
  <si>
    <t>91385.0</t>
  </si>
  <si>
    <t>46853.0</t>
  </si>
  <si>
    <t>10489670.0</t>
  </si>
  <si>
    <t>43504.0</t>
  </si>
  <si>
    <t>38.318</t>
  </si>
  <si>
    <t>29564.0</t>
  </si>
  <si>
    <t>23199575.0</t>
  </si>
  <si>
    <t>13951975.0</t>
  </si>
  <si>
    <t>9247600.0</t>
  </si>
  <si>
    <t>329538.0</t>
  </si>
  <si>
    <t>101977.0</t>
  </si>
  <si>
    <t>48095.0</t>
  </si>
  <si>
    <t>10542828.0</t>
  </si>
  <si>
    <t>53158.0</t>
  </si>
  <si>
    <t>38.512</t>
  </si>
  <si>
    <t>23466389.0</t>
  </si>
  <si>
    <t>14099754.0</t>
  </si>
  <si>
    <t>9366635.0</t>
  </si>
  <si>
    <t>266814.0</t>
  </si>
  <si>
    <t>60204.0</t>
  </si>
  <si>
    <t>10598569.0</t>
  </si>
  <si>
    <t>55741.0</t>
  </si>
  <si>
    <t>38.716</t>
  </si>
  <si>
    <t>36499.0</t>
  </si>
  <si>
    <t>23905335.0</t>
  </si>
  <si>
    <t>14369233.0</t>
  </si>
  <si>
    <t>9536102.0</t>
  </si>
  <si>
    <t>438946.0</t>
  </si>
  <si>
    <t>184318.0</t>
  </si>
  <si>
    <t>96240.0</t>
  </si>
  <si>
    <t>10670344.0</t>
  </si>
  <si>
    <t>38.978</t>
  </si>
  <si>
    <t>24317577.0</t>
  </si>
  <si>
    <t>14606331.0</t>
  </si>
  <si>
    <t>9711246.0</t>
  </si>
  <si>
    <t>412242.0</t>
  </si>
  <si>
    <t>242393.0</t>
  </si>
  <si>
    <t>129563.0</t>
  </si>
  <si>
    <t>10712109.0</t>
  </si>
  <si>
    <t>41765.0</t>
  </si>
  <si>
    <t>39.131</t>
  </si>
  <si>
    <t>47224.0</t>
  </si>
  <si>
    <t>24641165.0</t>
  </si>
  <si>
    <t>14815666.0</t>
  </si>
  <si>
    <t>9825499.0</t>
  </si>
  <si>
    <t>323588.0</t>
  </si>
  <si>
    <t>156291.0</t>
  </si>
  <si>
    <t>10765788.0</t>
  </si>
  <si>
    <t>53679.0</t>
  </si>
  <si>
    <t>39.327</t>
  </si>
  <si>
    <t>50944.0</t>
  </si>
  <si>
    <t>24762597.0</t>
  </si>
  <si>
    <t>14890933.0</t>
  </si>
  <si>
    <t>9871664.0</t>
  </si>
  <si>
    <t>293469.0</t>
  </si>
  <si>
    <t>164762.0</t>
  </si>
  <si>
    <t>10820194.0</t>
  </si>
  <si>
    <t>54406.0</t>
  </si>
  <si>
    <t>39.525</t>
  </si>
  <si>
    <t>24816571.0</t>
  </si>
  <si>
    <t>14919589.0</t>
  </si>
  <si>
    <t>9896982.0</t>
  </si>
  <si>
    <t>53974.0</t>
  </si>
  <si>
    <t>278076.0</t>
  </si>
  <si>
    <t>159505.0</t>
  </si>
  <si>
    <t>10882055.0</t>
  </si>
  <si>
    <t>56055.0</t>
  </si>
  <si>
    <t>25455786.0</t>
  </si>
  <si>
    <t>15330306.0</t>
  </si>
  <si>
    <t>10125480.0</t>
  </si>
  <si>
    <t>639215.0</t>
  </si>
  <si>
    <t>322316.0</t>
  </si>
  <si>
    <t>196904.0</t>
  </si>
  <si>
    <t>10938373.0</t>
  </si>
  <si>
    <t>56318.0</t>
  </si>
  <si>
    <t>39.957</t>
  </si>
  <si>
    <t>56506.0</t>
  </si>
  <si>
    <t>25760831.0</t>
  </si>
  <si>
    <t>15535998.0</t>
  </si>
  <si>
    <t>10224833.0</t>
  </si>
  <si>
    <t>327777.0</t>
  </si>
  <si>
    <t>205178.0</t>
  </si>
  <si>
    <t>11000759.0</t>
  </si>
  <si>
    <t>62386.0</t>
  </si>
  <si>
    <t>40.185</t>
  </si>
  <si>
    <t>57456.0</t>
  </si>
  <si>
    <t>26063579.0</t>
  </si>
  <si>
    <t>15703583.0</t>
  </si>
  <si>
    <t>10359996.0</t>
  </si>
  <si>
    <t>302748.0</t>
  </si>
  <si>
    <t>308321.0</t>
  </si>
  <si>
    <t>190621.0</t>
  </si>
  <si>
    <t>11073851.0</t>
  </si>
  <si>
    <t>73092.0</t>
  </si>
  <si>
    <t>40.452</t>
  </si>
  <si>
    <t>57644.0</t>
  </si>
  <si>
    <t>26487346.0</t>
  </si>
  <si>
    <t>16000947.0</t>
  </si>
  <si>
    <t>10486399.0</t>
  </si>
  <si>
    <t>423767.0</t>
  </si>
  <si>
    <t>199231.0</t>
  </si>
  <si>
    <t>11145685.0</t>
  </si>
  <si>
    <t>71834.0</t>
  </si>
  <si>
    <t>61939.0</t>
  </si>
  <si>
    <t>26758625.0</t>
  </si>
  <si>
    <t>16203829.0</t>
  </si>
  <si>
    <t>10554796.0</t>
  </si>
  <si>
    <t>271279.0</t>
  </si>
  <si>
    <t>302494.0</t>
  </si>
  <si>
    <t>198309.0</t>
  </si>
  <si>
    <t>11197817.0</t>
  </si>
  <si>
    <t>52132.0</t>
  </si>
  <si>
    <t>40.905</t>
  </si>
  <si>
    <t>61718.0</t>
  </si>
  <si>
    <t>26889189.0</t>
  </si>
  <si>
    <t>16304700.0</t>
  </si>
  <si>
    <t>10584489.0</t>
  </si>
  <si>
    <t>130564.0</t>
  </si>
  <si>
    <t>303799.0</t>
  </si>
  <si>
    <t>201967.0</t>
  </si>
  <si>
    <t>11251308.0</t>
  </si>
  <si>
    <t>53491.0</t>
  </si>
  <si>
    <t>27045507.0</t>
  </si>
  <si>
    <t>16413672.0</t>
  </si>
  <si>
    <t>10631835.0</t>
  </si>
  <si>
    <t>156318.0</t>
  </si>
  <si>
    <t>318419.0</t>
  </si>
  <si>
    <t>213440.0</t>
  </si>
  <si>
    <t>11302908.0</t>
  </si>
  <si>
    <t>41.289</t>
  </si>
  <si>
    <t>27308881.0</t>
  </si>
  <si>
    <t>16594581.0</t>
  </si>
  <si>
    <t>10714300.0</t>
  </si>
  <si>
    <t>264728.0</t>
  </si>
  <si>
    <t>180611.0</t>
  </si>
  <si>
    <t>11352639.0</t>
  </si>
  <si>
    <t>27619247.0</t>
  </si>
  <si>
    <t>16766263.0</t>
  </si>
  <si>
    <t>10852984.0</t>
  </si>
  <si>
    <t>310366.0</t>
  </si>
  <si>
    <t>265488.0</t>
  </si>
  <si>
    <t>175752.0</t>
  </si>
  <si>
    <t>11411006.0</t>
  </si>
  <si>
    <t>58367.0</t>
  </si>
  <si>
    <t>58607.0</t>
  </si>
  <si>
    <t>28027750.0</t>
  </si>
  <si>
    <t>17042850.0</t>
  </si>
  <si>
    <t>10984900.0</t>
  </si>
  <si>
    <t>408503.0</t>
  </si>
  <si>
    <t>191324.0</t>
  </si>
  <si>
    <t>11476213.0</t>
  </si>
  <si>
    <t>65207.0</t>
  </si>
  <si>
    <t>41.922</t>
  </si>
  <si>
    <t>28347058.0</t>
  </si>
  <si>
    <t>17291504.0</t>
  </si>
  <si>
    <t>11055554.0</t>
  </si>
  <si>
    <t>319308.0</t>
  </si>
  <si>
    <t>265673.0</t>
  </si>
  <si>
    <t>184365.0</t>
  </si>
  <si>
    <t>11532985.0</t>
  </si>
  <si>
    <t>42.129</t>
  </si>
  <si>
    <t>55329.0</t>
  </si>
  <si>
    <t>28702933.0</t>
  </si>
  <si>
    <t>17581464.0</t>
  </si>
  <si>
    <t>11121469.0</t>
  </si>
  <si>
    <t>355875.0</t>
  </si>
  <si>
    <t>277758.0</t>
  </si>
  <si>
    <t>196805.0</t>
  </si>
  <si>
    <t>11582225.0</t>
  </si>
  <si>
    <t>49240.0</t>
  </si>
  <si>
    <t>42.309</t>
  </si>
  <si>
    <t>54915.0</t>
  </si>
  <si>
    <t>28770360.0</t>
  </si>
  <si>
    <t>17643603.0</t>
  </si>
  <si>
    <t>11126757.0</t>
  </si>
  <si>
    <t>67427.0</t>
  </si>
  <si>
    <t>268739.0</t>
  </si>
  <si>
    <t>191272.0</t>
  </si>
  <si>
    <t>11633720.0</t>
  </si>
  <si>
    <t>42.497</t>
  </si>
  <si>
    <t>28972987.0</t>
  </si>
  <si>
    <t>17775918.0</t>
  </si>
  <si>
    <t>11197069.0</t>
  </si>
  <si>
    <t>202627.0</t>
  </si>
  <si>
    <t>275354.0</t>
  </si>
  <si>
    <t>11702904.0</t>
  </si>
  <si>
    <t>57142.0</t>
  </si>
  <si>
    <t>29616507.0</t>
  </si>
  <si>
    <t>18260482.0</t>
  </si>
  <si>
    <t>11356025.0</t>
  </si>
  <si>
    <t>643520.0</t>
  </si>
  <si>
    <t>329661.0</t>
  </si>
  <si>
    <t>237986.0</t>
  </si>
  <si>
    <t>11773437.0</t>
  </si>
  <si>
    <t>70533.0</t>
  </si>
  <si>
    <t>60114.0</t>
  </si>
  <si>
    <t>30155028.0</t>
  </si>
  <si>
    <t>18718769.0</t>
  </si>
  <si>
    <t>11436259.0</t>
  </si>
  <si>
    <t>538521.0</t>
  </si>
  <si>
    <t>362254.0</t>
  </si>
  <si>
    <t>11842474.0</t>
  </si>
  <si>
    <t>69037.0</t>
  </si>
  <si>
    <t>61638.0</t>
  </si>
  <si>
    <t>30700350.0</t>
  </si>
  <si>
    <t>19211433.0</t>
  </si>
  <si>
    <t>11488917.0</t>
  </si>
  <si>
    <t>545322.0</t>
  </si>
  <si>
    <t>381800.0</t>
  </si>
  <si>
    <t>309798.0</t>
  </si>
  <si>
    <t>11916618.0</t>
  </si>
  <si>
    <t>74144.0</t>
  </si>
  <si>
    <t>43.531</t>
  </si>
  <si>
    <t>62915.0</t>
  </si>
  <si>
    <t>31195606.0</t>
  </si>
  <si>
    <t>19669968.0</t>
  </si>
  <si>
    <t>11525638.0</t>
  </si>
  <si>
    <t>495256.0</t>
  </si>
  <si>
    <t>406935.0</t>
  </si>
  <si>
    <t>339781.0</t>
  </si>
  <si>
    <t>11979782.0</t>
  </si>
  <si>
    <t>63164.0</t>
  </si>
  <si>
    <t>43.761</t>
  </si>
  <si>
    <t>31603325.0</t>
  </si>
  <si>
    <t>20044187.0</t>
  </si>
  <si>
    <t>11559138.0</t>
  </si>
  <si>
    <t>407719.0</t>
  </si>
  <si>
    <t>414342.0</t>
  </si>
  <si>
    <t>351818.0</t>
  </si>
  <si>
    <t>12028132.0</t>
  </si>
  <si>
    <t>43.938</t>
  </si>
  <si>
    <t>31727380.0</t>
  </si>
  <si>
    <t>20158937.0</t>
  </si>
  <si>
    <t>11568443.0</t>
  </si>
  <si>
    <t>124055.0</t>
  </si>
  <si>
    <t>422431.0</t>
  </si>
  <si>
    <t>359333.0</t>
  </si>
  <si>
    <t>12080845.0</t>
  </si>
  <si>
    <t>32039910.0</t>
  </si>
  <si>
    <t>20424048.0</t>
  </si>
  <si>
    <t>11615862.0</t>
  </si>
  <si>
    <t>312530.0</t>
  </si>
  <si>
    <t>438132.0</t>
  </si>
  <si>
    <t>378304.0</t>
  </si>
  <si>
    <t>12139998.0</t>
  </si>
  <si>
    <t>59153.0</t>
  </si>
  <si>
    <t>44.347</t>
  </si>
  <si>
    <t>32603744.0</t>
  </si>
  <si>
    <t>20904723.0</t>
  </si>
  <si>
    <t>11699021.0</t>
  </si>
  <si>
    <t>563834.0</t>
  </si>
  <si>
    <t>426748.0</t>
  </si>
  <si>
    <t>377749.0</t>
  </si>
  <si>
    <t>12182070.0</t>
  </si>
  <si>
    <t>58376.0</t>
  </si>
  <si>
    <t>33264392.0</t>
  </si>
  <si>
    <t>21448774.0</t>
  </si>
  <si>
    <t>11815618.0</t>
  </si>
  <si>
    <t>660648.0</t>
  </si>
  <si>
    <t>444195.0</t>
  </si>
  <si>
    <t>390001.0</t>
  </si>
  <si>
    <t>12261392.0</t>
  </si>
  <si>
    <t>79322.0</t>
  </si>
  <si>
    <t>33962386.0</t>
  </si>
  <si>
    <t>21999256.0</t>
  </si>
  <si>
    <t>11963130.0</t>
  </si>
  <si>
    <t>697994.0</t>
  </si>
  <si>
    <t>466005.0</t>
  </si>
  <si>
    <t>398260.0</t>
  </si>
  <si>
    <t>12335197.0</t>
  </si>
  <si>
    <t>73805.0</t>
  </si>
  <si>
    <t>59797.0</t>
  </si>
  <si>
    <t>34551233.0</t>
  </si>
  <si>
    <t>22455167.0</t>
  </si>
  <si>
    <t>12096066.0</t>
  </si>
  <si>
    <t>588847.0</t>
  </si>
  <si>
    <t>479375.0</t>
  </si>
  <si>
    <t>397886.0</t>
  </si>
  <si>
    <t>12410802.0</t>
  </si>
  <si>
    <t>75605.0</t>
  </si>
  <si>
    <t>35086248.0</t>
  </si>
  <si>
    <t>22873342.0</t>
  </si>
  <si>
    <t>12212906.0</t>
  </si>
  <si>
    <t>535015.0</t>
  </si>
  <si>
    <t>497560.0</t>
  </si>
  <si>
    <t>404165.0</t>
  </si>
  <si>
    <t>12471031.0</t>
  </si>
  <si>
    <t>60229.0</t>
  </si>
  <si>
    <t>35283078.0</t>
  </si>
  <si>
    <t>23043372.0</t>
  </si>
  <si>
    <t>12239706.0</t>
  </si>
  <si>
    <t>196830.0</t>
  </si>
  <si>
    <t>507957.0</t>
  </si>
  <si>
    <t>412062.0</t>
  </si>
  <si>
    <t>12533392.0</t>
  </si>
  <si>
    <t>45.784</t>
  </si>
  <si>
    <t>35586159.0</t>
  </si>
  <si>
    <t>23265773.0</t>
  </si>
  <si>
    <t>12320386.0</t>
  </si>
  <si>
    <t>303081.0</t>
  </si>
  <si>
    <t>506607.0</t>
  </si>
  <si>
    <t>405961.0</t>
  </si>
  <si>
    <t>12604134.0</t>
  </si>
  <si>
    <t>70742.0</t>
  </si>
  <si>
    <t>46.042</t>
  </si>
  <si>
    <t>66305.0</t>
  </si>
  <si>
    <t>36304801.0</t>
  </si>
  <si>
    <t>23789884.0</t>
  </si>
  <si>
    <t>12514917.0</t>
  </si>
  <si>
    <t>718642.0</t>
  </si>
  <si>
    <t>528722.0</t>
  </si>
  <si>
    <t>412166.0</t>
  </si>
  <si>
    <t>12678525.0</t>
  </si>
  <si>
    <t>74391.0</t>
  </si>
  <si>
    <t>46.314</t>
  </si>
  <si>
    <t>36998897.0</t>
  </si>
  <si>
    <t>24358856.0</t>
  </si>
  <si>
    <t>12640041.0</t>
  </si>
  <si>
    <t>694096.0</t>
  </si>
  <si>
    <t>533501.0</t>
  </si>
  <si>
    <t>415726.0</t>
  </si>
  <si>
    <t>12769028.0</t>
  </si>
  <si>
    <t>90503.0</t>
  </si>
  <si>
    <t>46.644</t>
  </si>
  <si>
    <t>37699231.0</t>
  </si>
  <si>
    <t>24929442.0</t>
  </si>
  <si>
    <t>12769789.0</t>
  </si>
  <si>
    <t>700334.0</t>
  </si>
  <si>
    <t>533835.0</t>
  </si>
  <si>
    <t>418598.0</t>
  </si>
  <si>
    <t>12864479.0</t>
  </si>
  <si>
    <t>46.993</t>
  </si>
  <si>
    <t>75612.0</t>
  </si>
  <si>
    <t>38394659.0</t>
  </si>
  <si>
    <t>25482036.0</t>
  </si>
  <si>
    <t>12912623.0</t>
  </si>
  <si>
    <t>695428.0</t>
  </si>
  <si>
    <t>549061.0</t>
  </si>
  <si>
    <t>432410.0</t>
  </si>
  <si>
    <t>12962753.0</t>
  </si>
  <si>
    <t>47.352</t>
  </si>
  <si>
    <t>78850.0</t>
  </si>
  <si>
    <t>39050655.0</t>
  </si>
  <si>
    <t>26032131.0</t>
  </si>
  <si>
    <t>13018524.0</t>
  </si>
  <si>
    <t>655996.0</t>
  </si>
  <si>
    <t>566344.0</t>
  </si>
  <si>
    <t>451256.0</t>
  </si>
  <si>
    <t>13042286.0</t>
  </si>
  <si>
    <t>79533.0</t>
  </si>
  <si>
    <t>47.642</t>
  </si>
  <si>
    <t>40224794.0</t>
  </si>
  <si>
    <t>27115763.0</t>
  </si>
  <si>
    <t>13109031.0</t>
  </si>
  <si>
    <t>1174139.0</t>
  </si>
  <si>
    <t>705959.0</t>
  </si>
  <si>
    <t>581770.0</t>
  </si>
  <si>
    <t>13122594.0</t>
  </si>
  <si>
    <t>80308.0</t>
  </si>
  <si>
    <t>47.936</t>
  </si>
  <si>
    <t>40601932.0</t>
  </si>
  <si>
    <t>27419898.0</t>
  </si>
  <si>
    <t>13182034.0</t>
  </si>
  <si>
    <t>377138.0</t>
  </si>
  <si>
    <t>716539.0</t>
  </si>
  <si>
    <t>593446.0</t>
  </si>
  <si>
    <t>13225859.0</t>
  </si>
  <si>
    <t>103265.0</t>
  </si>
  <si>
    <t>48.313</t>
  </si>
  <si>
    <t>88818.0</t>
  </si>
  <si>
    <t>41634512.0</t>
  </si>
  <si>
    <t>28304774.0</t>
  </si>
  <si>
    <t>13329738.0</t>
  </si>
  <si>
    <t>1032580.0</t>
  </si>
  <si>
    <t>761387.0</t>
  </si>
  <si>
    <t>644984.0</t>
  </si>
  <si>
    <t>13326172.0</t>
  </si>
  <si>
    <t>100313.0</t>
  </si>
  <si>
    <t>42744641.0</t>
  </si>
  <si>
    <t>29279142.0</t>
  </si>
  <si>
    <t>13465499.0</t>
  </si>
  <si>
    <t>1110129.0</t>
  </si>
  <si>
    <t>820821.0</t>
  </si>
  <si>
    <t>702898.0</t>
  </si>
  <si>
    <t>13424744.0</t>
  </si>
  <si>
    <t>93674.0</t>
  </si>
  <si>
    <t>43808549.0</t>
  </si>
  <si>
    <t>30184392.0</t>
  </si>
  <si>
    <t>13624157.0</t>
  </si>
  <si>
    <t>1063908.0</t>
  </si>
  <si>
    <t>872760.0</t>
  </si>
  <si>
    <t>750707.0</t>
  </si>
  <si>
    <t>13527509.0</t>
  </si>
  <si>
    <t>102765.0</t>
  </si>
  <si>
    <t>44661928.0</t>
  </si>
  <si>
    <t>30891821.0</t>
  </si>
  <si>
    <t>13770107.0</t>
  </si>
  <si>
    <t>853379.0</t>
  </si>
  <si>
    <t>895324.0</t>
  </si>
  <si>
    <t>772826.0</t>
  </si>
  <si>
    <t>13638492.0</t>
  </si>
  <si>
    <t>110983.0</t>
  </si>
  <si>
    <t>96534.0</t>
  </si>
  <si>
    <t>45495972.0</t>
  </si>
  <si>
    <t>31573240.0</t>
  </si>
  <si>
    <t>13922732.0</t>
  </si>
  <si>
    <t>920760.0</t>
  </si>
  <si>
    <t>791587.0</t>
  </si>
  <si>
    <t>13724784.0</t>
  </si>
  <si>
    <t>86292.0</t>
  </si>
  <si>
    <t>50.136</t>
  </si>
  <si>
    <t>97500.0</t>
  </si>
  <si>
    <t>0.2473</t>
  </si>
  <si>
    <t>46043309.0</t>
  </si>
  <si>
    <t>32063745.0</t>
  </si>
  <si>
    <t>13979564.0</t>
  </si>
  <si>
    <t>547337.0</t>
  </si>
  <si>
    <t>831216.0</t>
  </si>
  <si>
    <t>706855.0</t>
  </si>
  <si>
    <t>13817182.0</t>
  </si>
  <si>
    <t>50.473</t>
  </si>
  <si>
    <t>99227.0</t>
  </si>
  <si>
    <t>46338202.0</t>
  </si>
  <si>
    <t>32302268.0</t>
  </si>
  <si>
    <t>14035934.0</t>
  </si>
  <si>
    <t>294893.0</t>
  </si>
  <si>
    <t>819467.0</t>
  </si>
  <si>
    <t>697481.0</t>
  </si>
  <si>
    <t>13953947.0</t>
  </si>
  <si>
    <t>136765.0</t>
  </si>
  <si>
    <t>50.973</t>
  </si>
  <si>
    <t>104013.0</t>
  </si>
  <si>
    <t>47444009.0</t>
  </si>
  <si>
    <t>33176029.0</t>
  </si>
  <si>
    <t>14267980.0</t>
  </si>
  <si>
    <t>1105807.0</t>
  </si>
  <si>
    <t>829928.0</t>
  </si>
  <si>
    <t>695894.0</t>
  </si>
  <si>
    <t>14095904.0</t>
  </si>
  <si>
    <t>51.491</t>
  </si>
  <si>
    <t>109962.0</t>
  </si>
  <si>
    <t>48483610.0</t>
  </si>
  <si>
    <t>34039797.0</t>
  </si>
  <si>
    <t>14443813.0</t>
  </si>
  <si>
    <t>1039601.0</t>
  </si>
  <si>
    <t>819853.0</t>
  </si>
  <si>
    <t>680094.0</t>
  </si>
  <si>
    <t>14231840.0</t>
  </si>
  <si>
    <t>51.988</t>
  </si>
  <si>
    <t>115299.0</t>
  </si>
  <si>
    <t>49483188.0</t>
  </si>
  <si>
    <t>34860686.0</t>
  </si>
  <si>
    <t>14622502.0</t>
  </si>
  <si>
    <t>999578.0</t>
  </si>
  <si>
    <t>810663.0</t>
  </si>
  <si>
    <t>668042.0</t>
  </si>
  <si>
    <t>14373845.0</t>
  </si>
  <si>
    <t>142005.0</t>
  </si>
  <si>
    <t>52.507</t>
  </si>
  <si>
    <t>120905.0</t>
  </si>
  <si>
    <t>50644144.0</t>
  </si>
  <si>
    <t>35775567.0</t>
  </si>
  <si>
    <t>14868577.0</t>
  </si>
  <si>
    <t>1160956.0</t>
  </si>
  <si>
    <t>854602.0</t>
  </si>
  <si>
    <t>697678.0</t>
  </si>
  <si>
    <t>14519139.0</t>
  </si>
  <si>
    <t>145294.0</t>
  </si>
  <si>
    <t>53.037</t>
  </si>
  <si>
    <t>125807.0</t>
  </si>
  <si>
    <t>51162406.0</t>
  </si>
  <si>
    <t>36193076.0</t>
  </si>
  <si>
    <t>14969330.0</t>
  </si>
  <si>
    <t>518262.0</t>
  </si>
  <si>
    <t>809491.0</t>
  </si>
  <si>
    <t>659977.0</t>
  </si>
  <si>
    <t>14647194.0</t>
  </si>
  <si>
    <t>53.505</t>
  </si>
  <si>
    <t>131773.0</t>
  </si>
  <si>
    <t>51278367.0</t>
  </si>
  <si>
    <t>36267019.0</t>
  </si>
  <si>
    <t>15011348.0</t>
  </si>
  <si>
    <t>115961.0</t>
  </si>
  <si>
    <t>747865.0</t>
  </si>
  <si>
    <t>600468.0</t>
  </si>
  <si>
    <t>14770511.0</t>
  </si>
  <si>
    <t>123317.0</t>
  </si>
  <si>
    <t>53.956</t>
  </si>
  <si>
    <t>51404659.0</t>
  </si>
  <si>
    <t>36368191.0</t>
  </si>
  <si>
    <t>15036468.0</t>
  </si>
  <si>
    <t>126292.0</t>
  </si>
  <si>
    <t>723780.0</t>
  </si>
  <si>
    <t>580846.0</t>
  </si>
  <si>
    <t>14929865.0</t>
  </si>
  <si>
    <t>159354.0</t>
  </si>
  <si>
    <t>54.538</t>
  </si>
  <si>
    <t>139417.0</t>
  </si>
  <si>
    <t>52105605.0</t>
  </si>
  <si>
    <t>36914607.0</t>
  </si>
  <si>
    <t>15190998.0</t>
  </si>
  <si>
    <t>700946.0</t>
  </si>
  <si>
    <t>665942.0</t>
  </si>
  <si>
    <t>534083.0</t>
  </si>
  <si>
    <t>15102724.0</t>
  </si>
  <si>
    <t>55.169</t>
  </si>
  <si>
    <t>143831.0</t>
  </si>
  <si>
    <t>54520987.0</t>
  </si>
  <si>
    <t>38909433.0</t>
  </si>
  <si>
    <t>15611554.0</t>
  </si>
  <si>
    <t>2415382.0</t>
  </si>
  <si>
    <t>862482.0</t>
  </si>
  <si>
    <t>695662.0</t>
  </si>
  <si>
    <t>15288045.0</t>
  </si>
  <si>
    <t>185321.0</t>
  </si>
  <si>
    <t>55.846</t>
  </si>
  <si>
    <t>150886.0</t>
  </si>
  <si>
    <t>55438248.0</t>
  </si>
  <si>
    <t>39628149.0</t>
  </si>
  <si>
    <t>15810099.0</t>
  </si>
  <si>
    <t>917261.0</t>
  </si>
  <si>
    <t>850723.0</t>
  </si>
  <si>
    <t>681066.0</t>
  </si>
  <si>
    <t>15467261.0</t>
  </si>
  <si>
    <t>56.501</t>
  </si>
  <si>
    <t>56169540.0</t>
  </si>
  <si>
    <t>40228811.0</t>
  </si>
  <si>
    <t>15940729.0</t>
  </si>
  <si>
    <t>731292.0</t>
  </si>
  <si>
    <t>789342.0</t>
  </si>
  <si>
    <t>636178.0</t>
  </si>
  <si>
    <t>15655812.0</t>
  </si>
  <si>
    <t>188551.0</t>
  </si>
  <si>
    <t>162382.0</t>
  </si>
  <si>
    <t>57486482.0</t>
  </si>
  <si>
    <t>41268627.0</t>
  </si>
  <si>
    <t>16217855.0</t>
  </si>
  <si>
    <t>1316942.0</t>
  </si>
  <si>
    <t>903439.0</t>
  </si>
  <si>
    <t>725079.0</t>
  </si>
  <si>
    <t>15793987.0</t>
  </si>
  <si>
    <t>138175.0</t>
  </si>
  <si>
    <t>57.694</t>
  </si>
  <si>
    <t>163828.0</t>
  </si>
  <si>
    <t>57947614.0</t>
  </si>
  <si>
    <t>41673464.0</t>
  </si>
  <si>
    <t>16274150.0</t>
  </si>
  <si>
    <t>461132.0</t>
  </si>
  <si>
    <t>952750.0</t>
  </si>
  <si>
    <t>772349.0</t>
  </si>
  <si>
    <t>15921448.0</t>
  </si>
  <si>
    <t>127461.0</t>
  </si>
  <si>
    <t>164420.0</t>
  </si>
  <si>
    <t>58495882.0</t>
  </si>
  <si>
    <t>42095531.0</t>
  </si>
  <si>
    <t>16400351.0</t>
  </si>
  <si>
    <t>548268.0</t>
  </si>
  <si>
    <t>1013032.0</t>
  </si>
  <si>
    <t>818191.0</t>
  </si>
  <si>
    <t>16036122.0</t>
  </si>
  <si>
    <t>114674.0</t>
  </si>
  <si>
    <t>58.579</t>
  </si>
  <si>
    <t>158037.0</t>
  </si>
  <si>
    <t>0.3024</t>
  </si>
  <si>
    <t>58795963.0</t>
  </si>
  <si>
    <t>42344675.0</t>
  </si>
  <si>
    <t>16451288.0</t>
  </si>
  <si>
    <t>300081.0</t>
  </si>
  <si>
    <t>955765.0</t>
  </si>
  <si>
    <t>775724.0</t>
  </si>
  <si>
    <t>16152354.0</t>
  </si>
  <si>
    <t>116232.0</t>
  </si>
  <si>
    <t>59.003</t>
  </si>
  <si>
    <t>149947.0</t>
  </si>
  <si>
    <t>0.2989</t>
  </si>
  <si>
    <t>59218277.0</t>
  </si>
  <si>
    <t>42611602.0</t>
  </si>
  <si>
    <t>16606675.0</t>
  </si>
  <si>
    <t>422314.0</t>
  </si>
  <si>
    <t>671041.0</t>
  </si>
  <si>
    <t>528881.0</t>
  </si>
  <si>
    <t>16381056.0</t>
  </si>
  <si>
    <t>228702.0</t>
  </si>
  <si>
    <t>59.839</t>
  </si>
  <si>
    <t>156144.0</t>
  </si>
  <si>
    <t>0.2805</t>
  </si>
  <si>
    <t>60051995.0</t>
  </si>
  <si>
    <t>43155795.0</t>
  </si>
  <si>
    <t>16896200.0</t>
  </si>
  <si>
    <t>833718.0</t>
  </si>
  <si>
    <t>659107.0</t>
  </si>
  <si>
    <t>503949.0</t>
  </si>
  <si>
    <t>16583441.0</t>
  </si>
  <si>
    <t>202385.0</t>
  </si>
  <si>
    <t>60.578</t>
  </si>
  <si>
    <t>159454.0</t>
  </si>
  <si>
    <t>60871399.0</t>
  </si>
  <si>
    <t>43717254.0</t>
  </si>
  <si>
    <t>17154145.0</t>
  </si>
  <si>
    <t>819404.0</t>
  </si>
  <si>
    <t>671694.0</t>
  </si>
  <si>
    <t>498349.0</t>
  </si>
  <si>
    <t>16763394.0</t>
  </si>
  <si>
    <t>179953.0</t>
  </si>
  <si>
    <t>61.235</t>
  </si>
  <si>
    <t>158226.0</t>
  </si>
  <si>
    <t>61583922.0</t>
  </si>
  <si>
    <t>44107926.0</t>
  </si>
  <si>
    <t>17475996.0</t>
  </si>
  <si>
    <t>712523.0</t>
  </si>
  <si>
    <t>585349.0</t>
  </si>
  <si>
    <t>405614.0</t>
  </si>
  <si>
    <t>16887533.0</t>
  </si>
  <si>
    <t>124139.0</t>
  </si>
  <si>
    <t>61.689</t>
  </si>
  <si>
    <t>156221.0</t>
  </si>
  <si>
    <t>0.2643</t>
  </si>
  <si>
    <t>62376478.0</t>
  </si>
  <si>
    <t>44469974.0</t>
  </si>
  <si>
    <t>17906504.0</t>
  </si>
  <si>
    <t>792556.0</t>
  </si>
  <si>
    <t>632695.0</t>
  </si>
  <si>
    <t>399501.0</t>
  </si>
  <si>
    <t>17008799.0</t>
  </si>
  <si>
    <t>121266.0</t>
  </si>
  <si>
    <t>62.132</t>
  </si>
  <si>
    <t>62858198.0</t>
  </si>
  <si>
    <t>44728320.0</t>
  </si>
  <si>
    <t>18129878.0</t>
  </si>
  <si>
    <t>481720.0</t>
  </si>
  <si>
    <t>623188.0</t>
  </si>
  <si>
    <t>376113.0</t>
  </si>
  <si>
    <t>17189001.0</t>
  </si>
  <si>
    <t>180202.0</t>
  </si>
  <si>
    <t>63944892.0</t>
  </si>
  <si>
    <t>45278549.0</t>
  </si>
  <si>
    <t>18666343.0</t>
  </si>
  <si>
    <t>1086694.0</t>
  </si>
  <si>
    <t>735561.0</t>
  </si>
  <si>
    <t>419125.0</t>
  </si>
  <si>
    <t>17374182.0</t>
  </si>
  <si>
    <t>185181.0</t>
  </si>
  <si>
    <t>63.467</t>
  </si>
  <si>
    <t>174547.0</t>
  </si>
  <si>
    <t>0.2487</t>
  </si>
  <si>
    <t>64838074.0</t>
  </si>
  <si>
    <t>45734912.0</t>
  </si>
  <si>
    <t>19103162.0</t>
  </si>
  <si>
    <t>893182.0</t>
  </si>
  <si>
    <t>802828.0</t>
  </si>
  <si>
    <t>446187.0</t>
  </si>
  <si>
    <t>17547646.0</t>
  </si>
  <si>
    <t>173464.0</t>
  </si>
  <si>
    <t>166656.0</t>
  </si>
  <si>
    <t>65959164.0</t>
  </si>
  <si>
    <t>46289942.0</t>
  </si>
  <si>
    <t>19669222.0</t>
  </si>
  <si>
    <t>1121090.0</t>
  </si>
  <si>
    <t>843881.0</t>
  </si>
  <si>
    <t>447735.0</t>
  </si>
  <si>
    <t>17712645.0</t>
  </si>
  <si>
    <t>164999.0</t>
  </si>
  <si>
    <t>64.703</t>
  </si>
  <si>
    <t>161315.0</t>
  </si>
  <si>
    <t>66952414.0</t>
  </si>
  <si>
    <t>46805993.0</t>
  </si>
  <si>
    <t>20146421.0</t>
  </si>
  <si>
    <t>993250.0</t>
  </si>
  <si>
    <t>868716.0</t>
  </si>
  <si>
    <t>441248.0</t>
  </si>
  <si>
    <t>17862867.0</t>
  </si>
  <si>
    <t>150222.0</t>
  </si>
  <si>
    <t>157068.0</t>
  </si>
  <si>
    <t>67761337.0</t>
  </si>
  <si>
    <t>47226514.0</t>
  </si>
  <si>
    <t>20534823.0</t>
  </si>
  <si>
    <t>808923.0</t>
  </si>
  <si>
    <t>882488.0</t>
  </si>
  <si>
    <t>445513.0</t>
  </si>
  <si>
    <t>17975528.0</t>
  </si>
  <si>
    <t>112661.0</t>
  </si>
  <si>
    <t>155428.0</t>
  </si>
  <si>
    <t>68151247.0</t>
  </si>
  <si>
    <t>47478168.0</t>
  </si>
  <si>
    <t>20673079.0</t>
  </si>
  <si>
    <t>389910.0</t>
  </si>
  <si>
    <t>824967.0</t>
  </si>
  <si>
    <t>429742.0</t>
  </si>
  <si>
    <t>18082313.0</t>
  </si>
  <si>
    <t>106785.0</t>
  </si>
  <si>
    <t>66.053</t>
  </si>
  <si>
    <t>153359.0</t>
  </si>
  <si>
    <t>68620908.0</t>
  </si>
  <si>
    <t>47686483.0</t>
  </si>
  <si>
    <t>20934425.0</t>
  </si>
  <si>
    <t>469661.0</t>
  </si>
  <si>
    <t>823244.0</t>
  </si>
  <si>
    <t>422595.0</t>
  </si>
  <si>
    <t>18234025.0</t>
  </si>
  <si>
    <t>151712.0</t>
  </si>
  <si>
    <t>66.608</t>
  </si>
  <si>
    <t>69543116.0</t>
  </si>
  <si>
    <t>48106208.0</t>
  </si>
  <si>
    <t>21436908.0</t>
  </si>
  <si>
    <t>922208.0</t>
  </si>
  <si>
    <t>799746.0</t>
  </si>
  <si>
    <t>403951.0</t>
  </si>
  <si>
    <t>18382837.0</t>
  </si>
  <si>
    <t>67.151</t>
  </si>
  <si>
    <t>144094.0</t>
  </si>
  <si>
    <t>70450631.0</t>
  </si>
  <si>
    <t>48485265.0</t>
  </si>
  <si>
    <t>21965366.0</t>
  </si>
  <si>
    <t>907515.0</t>
  </si>
  <si>
    <t>801794.0</t>
  </si>
  <si>
    <t>392908.0</t>
  </si>
  <si>
    <t>18536754.0</t>
  </si>
  <si>
    <t>153917.0</t>
  </si>
  <si>
    <t>67.713</t>
  </si>
  <si>
    <t>141301.0</t>
  </si>
  <si>
    <t>71044502.0</t>
  </si>
  <si>
    <t>48834123.0</t>
  </si>
  <si>
    <t>22210379.0</t>
  </si>
  <si>
    <t>593871.0</t>
  </si>
  <si>
    <t>726477.0</t>
  </si>
  <si>
    <t>363454.0</t>
  </si>
  <si>
    <t>18685734.0</t>
  </si>
  <si>
    <t>148980.0</t>
  </si>
  <si>
    <t>68.258</t>
  </si>
  <si>
    <t>139013.0</t>
  </si>
  <si>
    <t>72282882.0</t>
  </si>
  <si>
    <t>49391058.0</t>
  </si>
  <si>
    <t>22891824.0</t>
  </si>
  <si>
    <t>1238380.0</t>
  </si>
  <si>
    <t>761495.0</t>
  </si>
  <si>
    <t>369295.0</t>
  </si>
  <si>
    <t>18829789.0</t>
  </si>
  <si>
    <t>144055.0</t>
  </si>
  <si>
    <t>68.784</t>
  </si>
  <si>
    <t>138132.0</t>
  </si>
  <si>
    <t>73147087.0</t>
  </si>
  <si>
    <t>49801823.0</t>
  </si>
  <si>
    <t>23345264.0</t>
  </si>
  <si>
    <t>864205.0</t>
  </si>
  <si>
    <t>769393.0</t>
  </si>
  <si>
    <t>367901.0</t>
  </si>
  <si>
    <t>18932354.0</t>
  </si>
  <si>
    <t>102565.0</t>
  </si>
  <si>
    <t>69.158</t>
  </si>
  <si>
    <t>136689.0</t>
  </si>
  <si>
    <t>74275263.0</t>
  </si>
  <si>
    <t>50497940.0</t>
  </si>
  <si>
    <t>23777323.0</t>
  </si>
  <si>
    <t>1128176.0</t>
  </si>
  <si>
    <t>874859.0</t>
  </si>
  <si>
    <t>431396.0</t>
  </si>
  <si>
    <t>19031741.0</t>
  </si>
  <si>
    <t>99387.0</t>
  </si>
  <si>
    <t>69.522</t>
  </si>
  <si>
    <t>135633.0</t>
  </si>
  <si>
    <t>74842339.0</t>
  </si>
  <si>
    <t>50630315.0</t>
  </si>
  <si>
    <t>24212024.0</t>
  </si>
  <si>
    <t>567076.0</t>
  </si>
  <si>
    <t>888776.0</t>
  </si>
  <si>
    <t>420547.0</t>
  </si>
  <si>
    <t>19177891.0</t>
  </si>
  <si>
    <t>146150.0</t>
  </si>
  <si>
    <t>134838.0</t>
  </si>
  <si>
    <t>76093131.0</t>
  </si>
  <si>
    <t>51195551.0</t>
  </si>
  <si>
    <t>24897580.0</t>
  </si>
  <si>
    <t>1250792.0</t>
  </si>
  <si>
    <t>935716.0</t>
  </si>
  <si>
    <t>441335.0</t>
  </si>
  <si>
    <t>19313350.0</t>
  </si>
  <si>
    <t>135459.0</t>
  </si>
  <si>
    <t>132930.0</t>
  </si>
  <si>
    <t>77145224.0</t>
  </si>
  <si>
    <t>51705924.0</t>
  </si>
  <si>
    <t>25439300.0</t>
  </si>
  <si>
    <t>1052093.0</t>
  </si>
  <si>
    <t>956370.0</t>
  </si>
  <si>
    <t>460094.0</t>
  </si>
  <si>
    <t>19449602.0</t>
  </si>
  <si>
    <t>136252.0</t>
  </si>
  <si>
    <t>71.048</t>
  </si>
  <si>
    <t>130407.0</t>
  </si>
  <si>
    <t>77639416.0</t>
  </si>
  <si>
    <t>51894566.0</t>
  </si>
  <si>
    <t>25744850.0</t>
  </si>
  <si>
    <t>494192.0</t>
  </si>
  <si>
    <t>942131.0</t>
  </si>
  <si>
    <t>437206.0</t>
  </si>
  <si>
    <t>19596083.0</t>
  </si>
  <si>
    <t>146481.0</t>
  </si>
  <si>
    <t>71.583</t>
  </si>
  <si>
    <t>130050.0</t>
  </si>
  <si>
    <t>80441273.0</t>
  </si>
  <si>
    <t>53212350.0</t>
  </si>
  <si>
    <t>27228923.0</t>
  </si>
  <si>
    <t>2801857.0</t>
  </si>
  <si>
    <t>1165484.0</t>
  </si>
  <si>
    <t>545899.0</t>
  </si>
  <si>
    <t>19722499.0</t>
  </si>
  <si>
    <t>126416.0</t>
  </si>
  <si>
    <t>127530.0</t>
  </si>
  <si>
    <t>81412426.0</t>
  </si>
  <si>
    <t>53618870.0</t>
  </si>
  <si>
    <t>27793556.0</t>
  </si>
  <si>
    <t>971153.0</t>
  </si>
  <si>
    <t>1180763.0</t>
  </si>
  <si>
    <t>545292.0</t>
  </si>
  <si>
    <t>19812267.0</t>
  </si>
  <si>
    <t>89768.0</t>
  </si>
  <si>
    <t>72.373</t>
  </si>
  <si>
    <t>125702.0</t>
  </si>
  <si>
    <t>81800407.0</t>
  </si>
  <si>
    <t>53688122.0</t>
  </si>
  <si>
    <t>28112285.0</t>
  </si>
  <si>
    <t>387981.0</t>
  </si>
  <si>
    <t>1075021.0</t>
  </si>
  <si>
    <t>455740.0</t>
  </si>
  <si>
    <t>19890644.0</t>
  </si>
  <si>
    <t>78377.0</t>
  </si>
  <si>
    <t>72.659</t>
  </si>
  <si>
    <t>122700.0</t>
  </si>
  <si>
    <t>82907666.0</t>
  </si>
  <si>
    <t>54382680.0</t>
  </si>
  <si>
    <t>28524986.0</t>
  </si>
  <si>
    <t>1107259.0</t>
  </si>
  <si>
    <t>1152190.0</t>
  </si>
  <si>
    <t>536052.0</t>
  </si>
  <si>
    <t>19992070.0</t>
  </si>
  <si>
    <t>101426.0</t>
  </si>
  <si>
    <t>84141599.0</t>
  </si>
  <si>
    <t>54982550.0</t>
  </si>
  <si>
    <t>29159049.0</t>
  </si>
  <si>
    <t>1233933.0</t>
  </si>
  <si>
    <t>1149781.0</t>
  </si>
  <si>
    <t>541000.0</t>
  </si>
  <si>
    <t>20070696.0</t>
  </si>
  <si>
    <t>73.317</t>
  </si>
  <si>
    <t>108192.0</t>
  </si>
  <si>
    <t>84595839.0</t>
  </si>
  <si>
    <t>55192494.0</t>
  </si>
  <si>
    <t>29403345.0</t>
  </si>
  <si>
    <t>454240.0</t>
  </si>
  <si>
    <t>1064374.0</t>
  </si>
  <si>
    <t>20185804.0</t>
  </si>
  <si>
    <t>115108.0</t>
  </si>
  <si>
    <t>86414456.0</t>
  </si>
  <si>
    <t>56045931.0</t>
  </si>
  <si>
    <t>30368525.0</t>
  </si>
  <si>
    <t>1818617.0</t>
  </si>
  <si>
    <t>1253577.0</t>
  </si>
  <si>
    <t>593052.0</t>
  </si>
  <si>
    <t>20299651.0</t>
  </si>
  <si>
    <t>113847.0</t>
  </si>
  <si>
    <t>100510.0</t>
  </si>
  <si>
    <t>87257192.0</t>
  </si>
  <si>
    <t>56504055.0</t>
  </si>
  <si>
    <t>30753137.0</t>
  </si>
  <si>
    <t>842736.0</t>
  </si>
  <si>
    <t>973703.0</t>
  </si>
  <si>
    <t>470244.0</t>
  </si>
  <si>
    <t>20415957.0</t>
  </si>
  <si>
    <t>116306.0</t>
  </si>
  <si>
    <t>88197072.0</t>
  </si>
  <si>
    <t>56986150.0</t>
  </si>
  <si>
    <t>31210922.0</t>
  </si>
  <si>
    <t>939880.0</t>
  </si>
  <si>
    <t>969235.0</t>
  </si>
  <si>
    <t>481040.0</t>
  </si>
  <si>
    <t>20501173.0</t>
  </si>
  <si>
    <t>74.889</t>
  </si>
  <si>
    <t>98415.0</t>
  </si>
  <si>
    <t>88941175.0</t>
  </si>
  <si>
    <t>57339307.0</t>
  </si>
  <si>
    <t>31601868.0</t>
  </si>
  <si>
    <t>744103.0</t>
  </si>
  <si>
    <t>1020110.0</t>
  </si>
  <si>
    <t>521598.0</t>
  </si>
  <si>
    <t>20575497.0</t>
  </si>
  <si>
    <t>74324.0</t>
  </si>
  <si>
    <t>75.161</t>
  </si>
  <si>
    <t>97836.0</t>
  </si>
  <si>
    <t>89825940.0</t>
  </si>
  <si>
    <t>57779716.0</t>
  </si>
  <si>
    <t>32046224.0</t>
  </si>
  <si>
    <t>884765.0</t>
  </si>
  <si>
    <t>988325.0</t>
  </si>
  <si>
    <t>485291.0</t>
  </si>
  <si>
    <t>20699341.0</t>
  </si>
  <si>
    <t>75.613</t>
  </si>
  <si>
    <t>101039.0</t>
  </si>
  <si>
    <t>91109808.0</t>
  </si>
  <si>
    <t>58468810.0</t>
  </si>
  <si>
    <t>32640998.0</t>
  </si>
  <si>
    <t>1283868.0</t>
  </si>
  <si>
    <t>995458.0</t>
  </si>
  <si>
    <t>498037.0</t>
  </si>
  <si>
    <t>20846129.0</t>
  </si>
  <si>
    <t>146788.0</t>
  </si>
  <si>
    <t>110776.0</t>
  </si>
  <si>
    <t>92105838.0</t>
  </si>
  <si>
    <t>59011333.0</t>
  </si>
  <si>
    <t>33094505.0</t>
  </si>
  <si>
    <t>996030.0</t>
  </si>
  <si>
    <t>1072857.0</t>
  </si>
  <si>
    <t>545548.0</t>
  </si>
  <si>
    <t>20974752.0</t>
  </si>
  <si>
    <t>128623.0</t>
  </si>
  <si>
    <t>76.619</t>
  </si>
  <si>
    <t>112707.0</t>
  </si>
  <si>
    <t>92784183.0</t>
  </si>
  <si>
    <t>59426934.0</t>
  </si>
  <si>
    <t>33357249.0</t>
  </si>
  <si>
    <t>678345.0</t>
  </si>
  <si>
    <t>909961.0</t>
  </si>
  <si>
    <t>483000.0</t>
  </si>
  <si>
    <t>21082273.0</t>
  </si>
  <si>
    <t>107521.0</t>
  </si>
  <si>
    <t>77.012</t>
  </si>
  <si>
    <t>111803.0</t>
  </si>
  <si>
    <t>94556758.0</t>
  </si>
  <si>
    <t>60435555.0</t>
  </si>
  <si>
    <t>34121203.0</t>
  </si>
  <si>
    <t>1772575.0</t>
  </si>
  <si>
    <t>561643.0</t>
  </si>
  <si>
    <t>21186587.0</t>
  </si>
  <si>
    <t>104314.0</t>
  </si>
  <si>
    <t>77.393</t>
  </si>
  <si>
    <t>110090.0</t>
  </si>
  <si>
    <t>95925079.0</t>
  </si>
  <si>
    <t>61222258.0</t>
  </si>
  <si>
    <t>34702821.0</t>
  </si>
  <si>
    <t>1368321.0</t>
  </si>
  <si>
    <t>1104001.0</t>
  </si>
  <si>
    <t>605158.0</t>
  </si>
  <si>
    <t>21279118.0</t>
  </si>
  <si>
    <t>77.731</t>
  </si>
  <si>
    <t>111135.0</t>
  </si>
  <si>
    <t>96512676.0</t>
  </si>
  <si>
    <t>61654676.0</t>
  </si>
  <si>
    <t>34858000.0</t>
  </si>
  <si>
    <t>1081643.0</t>
  </si>
  <si>
    <t>616481.0</t>
  </si>
  <si>
    <t>21357173.0</t>
  </si>
  <si>
    <t>78055.0</t>
  </si>
  <si>
    <t>111668.0</t>
  </si>
  <si>
    <t>97609356.0</t>
  </si>
  <si>
    <t>62294896.0</t>
  </si>
  <si>
    <t>35314460.0</t>
  </si>
  <si>
    <t>1096680.0</t>
  </si>
  <si>
    <t>1111917.0</t>
  </si>
  <si>
    <t>645026.0</t>
  </si>
  <si>
    <t>21487697.0</t>
  </si>
  <si>
    <t>78.493</t>
  </si>
  <si>
    <t>112622.0</t>
  </si>
  <si>
    <t>98966499.0</t>
  </si>
  <si>
    <t>63111288.0</t>
  </si>
  <si>
    <t>35855211.0</t>
  </si>
  <si>
    <t>1357143.0</t>
  </si>
  <si>
    <t>1122384.0</t>
  </si>
  <si>
    <t>663211.0</t>
  </si>
  <si>
    <t>21621776.0</t>
  </si>
  <si>
    <t>134079.0</t>
  </si>
  <si>
    <t>78.983</t>
  </si>
  <si>
    <t>110807.0</t>
  </si>
  <si>
    <t>100288175.0</t>
  </si>
  <si>
    <t>63944955.0</t>
  </si>
  <si>
    <t>36343220.0</t>
  </si>
  <si>
    <t>1321676.0</t>
  </si>
  <si>
    <t>1168905.0</t>
  </si>
  <si>
    <t>704803.0</t>
  </si>
  <si>
    <t>21750629.0</t>
  </si>
  <si>
    <t>128853.0</t>
  </si>
  <si>
    <t>79.453</t>
  </si>
  <si>
    <t>110840.0</t>
  </si>
  <si>
    <t>101602002.0</t>
  </si>
  <si>
    <t>64742601.0</t>
  </si>
  <si>
    <t>36859401.0</t>
  </si>
  <si>
    <t>1313827.0</t>
  </si>
  <si>
    <t>1259688.0</t>
  </si>
  <si>
    <t>759381.0</t>
  </si>
  <si>
    <t>21878972.0</t>
  </si>
  <si>
    <t>128343.0</t>
  </si>
  <si>
    <t>79.922</t>
  </si>
  <si>
    <t>113814.0</t>
  </si>
  <si>
    <t>103542706.0</t>
  </si>
  <si>
    <t>65894673.0</t>
  </si>
  <si>
    <t>37648033.0</t>
  </si>
  <si>
    <t>1940704.0</t>
  </si>
  <si>
    <t>1283707.0</t>
  </si>
  <si>
    <t>779874.0</t>
  </si>
  <si>
    <t>22007274.0</t>
  </si>
  <si>
    <t>128302.0</t>
  </si>
  <si>
    <t>80.391</t>
  </si>
  <si>
    <t>117241.0</t>
  </si>
  <si>
    <t>104384321.0</t>
  </si>
  <si>
    <t>66353669.0</t>
  </si>
  <si>
    <t>38030652.0</t>
  </si>
  <si>
    <t>841615.0</t>
  </si>
  <si>
    <t>1208463.0</t>
  </si>
  <si>
    <t>733059.0</t>
  </si>
  <si>
    <t>22112218.0</t>
  </si>
  <si>
    <t>104944.0</t>
  </si>
  <si>
    <t>119014.0</t>
  </si>
  <si>
    <t>105005826.0</t>
  </si>
  <si>
    <t>66782673.0</t>
  </si>
  <si>
    <t>38223153.0</t>
  </si>
  <si>
    <t>621505.0</t>
  </si>
  <si>
    <t>1213307.0</t>
  </si>
  <si>
    <t>732571.0</t>
  </si>
  <si>
    <t>22208725.0</t>
  </si>
  <si>
    <t>121650.0</t>
  </si>
  <si>
    <t>105627444.0</t>
  </si>
  <si>
    <t>67155353.0</t>
  </si>
  <si>
    <t>38472091.0</t>
  </si>
  <si>
    <t>621618.0</t>
  </si>
  <si>
    <t>1145441.0</t>
  </si>
  <si>
    <t>694351.0</t>
  </si>
  <si>
    <t>22519656.0</t>
  </si>
  <si>
    <t>310931.0</t>
  </si>
  <si>
    <t>147423.0</t>
  </si>
  <si>
    <t>107374568.0</t>
  </si>
  <si>
    <t>68208588.0</t>
  </si>
  <si>
    <t>39165980.0</t>
  </si>
  <si>
    <t>1747124.0</t>
  </si>
  <si>
    <t>1201153.0</t>
  </si>
  <si>
    <t>728186.0</t>
  </si>
  <si>
    <t>22665316.0</t>
  </si>
  <si>
    <t>145660.0</t>
  </si>
  <si>
    <t>82.795</t>
  </si>
  <si>
    <t>149077.0</t>
  </si>
  <si>
    <t>108916110.0</t>
  </si>
  <si>
    <t>69194539.0</t>
  </si>
  <si>
    <t>39721571.0</t>
  </si>
  <si>
    <t>1541542.0</t>
  </si>
  <si>
    <t>1232562.0</t>
  </si>
  <si>
    <t>749941.0</t>
  </si>
  <si>
    <t>22813774.0</t>
  </si>
  <si>
    <t>148458.0</t>
  </si>
  <si>
    <t>83.337</t>
  </si>
  <si>
    <t>151878.0</t>
  </si>
  <si>
    <t>110685380.0</t>
  </si>
  <si>
    <t>70322560.0</t>
  </si>
  <si>
    <t>40362820.0</t>
  </si>
  <si>
    <t>1769270.0</t>
  </si>
  <si>
    <t>1297625.0</t>
  </si>
  <si>
    <t>797137.0</t>
  </si>
  <si>
    <t>22963554.0</t>
  </si>
  <si>
    <t>149780.0</t>
  </si>
  <si>
    <t>83.884</t>
  </si>
  <si>
    <t>154940.0</t>
  </si>
  <si>
    <t>112043252.0</t>
  </si>
  <si>
    <t>71175259.0</t>
  </si>
  <si>
    <t>40867993.0</t>
  </si>
  <si>
    <t>1357872.0</t>
  </si>
  <si>
    <t>1214364.0</t>
  </si>
  <si>
    <t>754369.0</t>
  </si>
  <si>
    <t>23106689.0</t>
  </si>
  <si>
    <t>143135.0</t>
  </si>
  <si>
    <t>84.407</t>
  </si>
  <si>
    <t>157059.0</t>
  </si>
  <si>
    <t>113783060.0</t>
  </si>
  <si>
    <t>72248720.0</t>
  </si>
  <si>
    <t>41534340.0</t>
  </si>
  <si>
    <t>1739808.0</t>
  </si>
  <si>
    <t>1342677.0</t>
  </si>
  <si>
    <t>842150.0</t>
  </si>
  <si>
    <t>23230705.0</t>
  </si>
  <si>
    <t>159784.0</t>
  </si>
  <si>
    <t>114500929.0</t>
  </si>
  <si>
    <t>72766195.0</t>
  </si>
  <si>
    <t>41734734.0</t>
  </si>
  <si>
    <t>717869.0</t>
  </si>
  <si>
    <t>1356443.0</t>
  </si>
  <si>
    <t>854789.0</t>
  </si>
  <si>
    <t>23351234.0</t>
  </si>
  <si>
    <t>120529.0</t>
  </si>
  <si>
    <t>163216.0</t>
  </si>
  <si>
    <t>115415402.0</t>
  </si>
  <si>
    <t>73310563.0</t>
  </si>
  <si>
    <t>42104839.0</t>
  </si>
  <si>
    <t>914473.0</t>
  </si>
  <si>
    <t>1398280.0</t>
  </si>
  <si>
    <t>879316.0</t>
  </si>
  <si>
    <t>23536956.0</t>
  </si>
  <si>
    <t>185722.0</t>
  </si>
  <si>
    <t>85.979</t>
  </si>
  <si>
    <t>116822846.0</t>
  </si>
  <si>
    <t>74257515.0</t>
  </si>
  <si>
    <t>42565331.0</t>
  </si>
  <si>
    <t>1407444.0</t>
  </si>
  <si>
    <t>1349754.0</t>
  </si>
  <si>
    <t>864132.0</t>
  </si>
  <si>
    <t>23690449.0</t>
  </si>
  <si>
    <t>153493.0</t>
  </si>
  <si>
    <t>86.539</t>
  </si>
  <si>
    <t>146448.0</t>
  </si>
  <si>
    <t>118103364.0</t>
  </si>
  <si>
    <t>75140724.0</t>
  </si>
  <si>
    <t>42962640.0</t>
  </si>
  <si>
    <t>1280518.0</t>
  </si>
  <si>
    <t>1312465.0</t>
  </si>
  <si>
    <t>849455.0</t>
  </si>
  <si>
    <t>23745215.0</t>
  </si>
  <si>
    <t>133063.0</t>
  </si>
  <si>
    <t>119638458.0</t>
  </si>
  <si>
    <t>76153487.0</t>
  </si>
  <si>
    <t>43484971.0</t>
  </si>
  <si>
    <t>1535094.0</t>
  </si>
  <si>
    <t>1279011.0</t>
  </si>
  <si>
    <t>832990.0</t>
  </si>
  <si>
    <t>24038669.0</t>
  </si>
  <si>
    <t>293454.0</t>
  </si>
  <si>
    <t>87.811</t>
  </si>
  <si>
    <t>153588.0</t>
  </si>
  <si>
    <t>121542203.0</t>
  </si>
  <si>
    <t>77417488.0</t>
  </si>
  <si>
    <t>44124715.0</t>
  </si>
  <si>
    <t>1903745.0</t>
  </si>
  <si>
    <t>1356993.0</t>
  </si>
  <si>
    <t>891747.0</t>
  </si>
  <si>
    <t>24239807.0</t>
  </si>
  <si>
    <t>88.546</t>
  </si>
  <si>
    <t>161874.0</t>
  </si>
  <si>
    <t>123257089.0</t>
  </si>
  <si>
    <t>78540519.0</t>
  </si>
  <si>
    <t>44716570.0</t>
  </si>
  <si>
    <t>1714886.0</t>
  </si>
  <si>
    <t>1353433.0</t>
  </si>
  <si>
    <t>898828.0</t>
  </si>
  <si>
    <t>24373572.0</t>
  </si>
  <si>
    <t>133765.0</t>
  </si>
  <si>
    <t>89.035</t>
  </si>
  <si>
    <t>163267.0</t>
  </si>
  <si>
    <t>124649550.0</t>
  </si>
  <si>
    <t>79515356.0</t>
  </si>
  <si>
    <t>45134194.0</t>
  </si>
  <si>
    <t>1392461.0</t>
  </si>
  <si>
    <t>1449803.0</t>
  </si>
  <si>
    <t>964166.0</t>
  </si>
  <si>
    <t>24524286.0</t>
  </si>
  <si>
    <t>150714.0</t>
  </si>
  <si>
    <t>89.585</t>
  </si>
  <si>
    <t>167579.0</t>
  </si>
  <si>
    <t>124882412.0</t>
  </si>
  <si>
    <t>79657762.0</t>
  </si>
  <si>
    <t>45224650.0</t>
  </si>
  <si>
    <t>232862.0</t>
  </si>
  <si>
    <t>1352430.0</t>
  </si>
  <si>
    <t>906743.0</t>
  </si>
  <si>
    <t>24700726.0</t>
  </si>
  <si>
    <t>176440.0</t>
  </si>
  <si>
    <t>126261777.0</t>
  </si>
  <si>
    <t>80408744.0</t>
  </si>
  <si>
    <t>45853033.0</t>
  </si>
  <si>
    <t>1379365.0</t>
  </si>
  <si>
    <t>1348419.0</t>
  </si>
  <si>
    <t>878747.0</t>
  </si>
  <si>
    <t>24886122.0</t>
  </si>
  <si>
    <t>185396.0</t>
  </si>
  <si>
    <t>90.907</t>
  </si>
  <si>
    <t>170810.0</t>
  </si>
  <si>
    <t>128609965.0</t>
  </si>
  <si>
    <t>82113788.0</t>
  </si>
  <si>
    <t>46496177.0</t>
  </si>
  <si>
    <t>2348188.0</t>
  </si>
  <si>
    <t>1500943.0</t>
  </si>
  <si>
    <t>996152.0</t>
  </si>
  <si>
    <t>25060036.0</t>
  </si>
  <si>
    <t>91.542</t>
  </si>
  <si>
    <t>187832.0</t>
  </si>
  <si>
    <t>130228475.0</t>
  </si>
  <si>
    <t>83248128.0</t>
  </si>
  <si>
    <t>46980347.0</t>
  </si>
  <si>
    <t>1618510.0</t>
  </si>
  <si>
    <t>1512860.0</t>
  </si>
  <si>
    <t>25233009.0</t>
  </si>
  <si>
    <t>172973.0</t>
  </si>
  <si>
    <t>92.174</t>
  </si>
  <si>
    <t>170620.0</t>
  </si>
  <si>
    <t>132572040.0</t>
  </si>
  <si>
    <t>84863899.0</t>
  </si>
  <si>
    <t>47708141.0</t>
  </si>
  <si>
    <t>2343565.0</t>
  </si>
  <si>
    <t>1575691.0</t>
  </si>
  <si>
    <t>1063773.0</t>
  </si>
  <si>
    <t>25414870.0</t>
  </si>
  <si>
    <t>181861.0</t>
  </si>
  <si>
    <t>92.839</t>
  </si>
  <si>
    <t>133429623.0</t>
  </si>
  <si>
    <t>85433518.0</t>
  </si>
  <si>
    <t>47996105.0</t>
  </si>
  <si>
    <t>857583.0</t>
  </si>
  <si>
    <t>1453219.0</t>
  </si>
  <si>
    <t>984714.0</t>
  </si>
  <si>
    <t>25563613.0</t>
  </si>
  <si>
    <t>148743.0</t>
  </si>
  <si>
    <t>93.382</t>
  </si>
  <si>
    <t>170006.0</t>
  </si>
  <si>
    <t>134987333.0</t>
  </si>
  <si>
    <t>86460685.0</t>
  </si>
  <si>
    <t>48526648.0</t>
  </si>
  <si>
    <t>1557710.0</t>
  </si>
  <si>
    <t>1476826.0</t>
  </si>
  <si>
    <t>992190.0</t>
  </si>
  <si>
    <t>136078002.0</t>
  </si>
  <si>
    <t>87162526.0</t>
  </si>
  <si>
    <t>48915476.0</t>
  </si>
  <si>
    <t>1090669.0</t>
  </si>
  <si>
    <t>1599370.0</t>
  </si>
  <si>
    <t>1072109.0</t>
  </si>
  <si>
    <t>25757177.0</t>
  </si>
  <si>
    <t>94.089</t>
  </si>
  <si>
    <t>150922.0</t>
  </si>
  <si>
    <t>138186855.0</t>
  </si>
  <si>
    <t>88531137.0</t>
  </si>
  <si>
    <t>49655718.0</t>
  </si>
  <si>
    <t>2108853.0</t>
  </si>
  <si>
    <t>1703583.0</t>
  </si>
  <si>
    <t>1160342.0</t>
  </si>
  <si>
    <t>25954487.0</t>
  </si>
  <si>
    <t>197310.0</t>
  </si>
  <si>
    <t>152624.0</t>
  </si>
  <si>
    <t>140235980.0</t>
  </si>
  <si>
    <t>89822987.0</t>
  </si>
  <si>
    <t>50412993.0</t>
  </si>
  <si>
    <t>2049125.0</t>
  </si>
  <si>
    <t>1660859.0</t>
  </si>
  <si>
    <t>1101314.0</t>
  </si>
  <si>
    <t>26148296.0</t>
  </si>
  <si>
    <t>193809.0</t>
  </si>
  <si>
    <t>95.518</t>
  </si>
  <si>
    <t>155466.0</t>
  </si>
  <si>
    <t>142192361.0</t>
  </si>
  <si>
    <t>91079001.0</t>
  </si>
  <si>
    <t>51113360.0</t>
  </si>
  <si>
    <t>1956381.0</t>
  </si>
  <si>
    <t>1709127.0</t>
  </si>
  <si>
    <t>1118696.0</t>
  </si>
  <si>
    <t>26319442.0</t>
  </si>
  <si>
    <t>171146.0</t>
  </si>
  <si>
    <t>96.143</t>
  </si>
  <si>
    <t>155205.0</t>
  </si>
  <si>
    <t>143911698.0</t>
  </si>
  <si>
    <t>92161001.0</t>
  </si>
  <si>
    <t>51750697.0</t>
  </si>
  <si>
    <t>1719337.0</t>
  </si>
  <si>
    <t>1619951.0</t>
  </si>
  <si>
    <t>1042443.0</t>
  </si>
  <si>
    <t>26479441.0</t>
  </si>
  <si>
    <t>159999.0</t>
  </si>
  <si>
    <t>96.727</t>
  </si>
  <si>
    <t>152082.0</t>
  </si>
  <si>
    <t>145383060.0</t>
  </si>
  <si>
    <t>93066494.0</t>
  </si>
  <si>
    <t>52316566.0</t>
  </si>
  <si>
    <t>1471362.0</t>
  </si>
  <si>
    <t>1707634.0</t>
  </si>
  <si>
    <t>1090425.0</t>
  </si>
  <si>
    <t>26640081.0</t>
  </si>
  <si>
    <t>160640.0</t>
  </si>
  <si>
    <t>97.314</t>
  </si>
  <si>
    <t>153781.0</t>
  </si>
  <si>
    <t>146456498.0</t>
  </si>
  <si>
    <t>93780446.0</t>
  </si>
  <si>
    <t>52676052.0</t>
  </si>
  <si>
    <t>1073438.0</t>
  </si>
  <si>
    <t>1638452.0</t>
  </si>
  <si>
    <t>1045680.0</t>
  </si>
  <si>
    <t>26786789.0</t>
  </si>
  <si>
    <t>146708.0</t>
  </si>
  <si>
    <t>160913.0</t>
  </si>
  <si>
    <t>147230613.0</t>
  </si>
  <si>
    <t>94223690.0</t>
  </si>
  <si>
    <t>53006923.0</t>
  </si>
  <si>
    <t>774115.0</t>
  </si>
  <si>
    <t>1593230.0</t>
  </si>
  <si>
    <t>1008738.0</t>
  </si>
  <si>
    <t>26963512.0</t>
  </si>
  <si>
    <t>176723.0</t>
  </si>
  <si>
    <t>98.496</t>
  </si>
  <si>
    <t>172334.0</t>
  </si>
  <si>
    <t>148596138.0</t>
  </si>
  <si>
    <t>94939217.0</t>
  </si>
  <si>
    <t>53656921.0</t>
  </si>
  <si>
    <t>1365525.0</t>
  </si>
  <si>
    <t>1487040.0</t>
  </si>
  <si>
    <t>915440.0</t>
  </si>
  <si>
    <t>27153742.0</t>
  </si>
  <si>
    <t>190230.0</t>
  </si>
  <si>
    <t>99.191</t>
  </si>
  <si>
    <t>171322.0</t>
  </si>
  <si>
    <t>150223752.0</t>
  </si>
  <si>
    <t>95781773.0</t>
  </si>
  <si>
    <t>54441979.0</t>
  </si>
  <si>
    <t>1627614.0</t>
  </si>
  <si>
    <t>1426825.0</t>
  </si>
  <si>
    <t>851255.0</t>
  </si>
  <si>
    <t>27334864.0</t>
  </si>
  <si>
    <t>181122.0</t>
  </si>
  <si>
    <t>99.852</t>
  </si>
  <si>
    <t>169510.0</t>
  </si>
  <si>
    <t>151451699.0</t>
  </si>
  <si>
    <t>96492154.0</t>
  </si>
  <si>
    <t>54959545.0</t>
  </si>
  <si>
    <t>1227947.0</t>
  </si>
  <si>
    <t>1322763.0</t>
  </si>
  <si>
    <t>773308.0</t>
  </si>
  <si>
    <t>27516374.0</t>
  </si>
  <si>
    <t>181510.0</t>
  </si>
  <si>
    <t>100.515</t>
  </si>
  <si>
    <t>170990.0</t>
  </si>
  <si>
    <t>154252314.0</t>
  </si>
  <si>
    <t>98146308.0</t>
  </si>
  <si>
    <t>56106006.0</t>
  </si>
  <si>
    <t>2800615.0</t>
  </si>
  <si>
    <t>1477231.0</t>
  </si>
  <si>
    <t>855044.0</t>
  </si>
  <si>
    <t>27699284.0</t>
  </si>
  <si>
    <t>182910.0</t>
  </si>
  <si>
    <t>101.183</t>
  </si>
  <si>
    <t>174263.0</t>
  </si>
  <si>
    <t>156281958.0</t>
  </si>
  <si>
    <t>99373294.0</t>
  </si>
  <si>
    <t>56908664.0</t>
  </si>
  <si>
    <t>2029644.0</t>
  </si>
  <si>
    <t>1556985.0</t>
  </si>
  <si>
    <t>900971.0</t>
  </si>
  <si>
    <t>27843954.0</t>
  </si>
  <si>
    <t>144670.0</t>
  </si>
  <si>
    <t>101.712</t>
  </si>
  <si>
    <t>171982.0</t>
  </si>
  <si>
    <t>157468784.0</t>
  </si>
  <si>
    <t>100059481.0</t>
  </si>
  <si>
    <t>57409303.0</t>
  </si>
  <si>
    <t>1186826.0</t>
  </si>
  <si>
    <t>1573184.0</t>
  </si>
  <si>
    <t>897005.0</t>
  </si>
  <si>
    <t>27995924.0</t>
  </si>
  <si>
    <t>151970.0</t>
  </si>
  <si>
    <t>172734.0</t>
  </si>
  <si>
    <t>157929575.0</t>
  </si>
  <si>
    <t>100322375.0</t>
  </si>
  <si>
    <t>57607200.0</t>
  </si>
  <si>
    <t>460791.0</t>
  </si>
  <si>
    <t>1528423.0</t>
  </si>
  <si>
    <t>871241.0</t>
  </si>
  <si>
    <t>28186327.0</t>
  </si>
  <si>
    <t>190403.0</t>
  </si>
  <si>
    <t>102.963</t>
  </si>
  <si>
    <t>174688.0</t>
  </si>
  <si>
    <t>159768474.0</t>
  </si>
  <si>
    <t>101362894.0</t>
  </si>
  <si>
    <t>58405580.0</t>
  </si>
  <si>
    <t>1838899.0</t>
  </si>
  <si>
    <t>1596048.0</t>
  </si>
  <si>
    <t>917668.0</t>
  </si>
  <si>
    <t>28367503.0</t>
  </si>
  <si>
    <t>181176.0</t>
  </si>
  <si>
    <t>103.624</t>
  </si>
  <si>
    <t>173394.0</t>
  </si>
  <si>
    <t>162097315.0</t>
  </si>
  <si>
    <t>102685817.0</t>
  </si>
  <si>
    <t>59411498.0</t>
  </si>
  <si>
    <t>2328841.0</t>
  </si>
  <si>
    <t>1696223.0</t>
  </si>
  <si>
    <t>986292.0</t>
  </si>
  <si>
    <t>28533210.0</t>
  </si>
  <si>
    <t>165707.0</t>
  </si>
  <si>
    <t>164730775.0</t>
  </si>
  <si>
    <t>104308702.0</t>
  </si>
  <si>
    <t>60422073.0</t>
  </si>
  <si>
    <t>2633460.0</t>
  </si>
  <si>
    <t>1897011.0</t>
  </si>
  <si>
    <t>1116650.0</t>
  </si>
  <si>
    <t>28713630.0</t>
  </si>
  <si>
    <t>104.889</t>
  </si>
  <si>
    <t>171037.0</t>
  </si>
  <si>
    <t>166861741.0</t>
  </si>
  <si>
    <t>105464686.0</t>
  </si>
  <si>
    <t>61397055.0</t>
  </si>
  <si>
    <t>2130966.0</t>
  </si>
  <si>
    <t>1801347.0</t>
  </si>
  <si>
    <t>1045483.0</t>
  </si>
  <si>
    <t>28893860.0</t>
  </si>
  <si>
    <t>180230.0</t>
  </si>
  <si>
    <t>105.547</t>
  </si>
  <si>
    <t>170654.0</t>
  </si>
  <si>
    <t>168836886.0</t>
  </si>
  <si>
    <t>106669970.0</t>
  </si>
  <si>
    <t>62166916.0</t>
  </si>
  <si>
    <t>1975145.0</t>
  </si>
  <si>
    <t>1793561.0</t>
  </si>
  <si>
    <t>1042382.0</t>
  </si>
  <si>
    <t>29040820.0</t>
  </si>
  <si>
    <t>146960.0</t>
  </si>
  <si>
    <t>170981.0</t>
  </si>
  <si>
    <t>170235796.0</t>
  </si>
  <si>
    <t>107503228.0</t>
  </si>
  <si>
    <t>62732568.0</t>
  </si>
  <si>
    <t>1398910.0</t>
  </si>
  <si>
    <t>1823859.0</t>
  </si>
  <si>
    <t>1063392.0</t>
  </si>
  <si>
    <t>29186549.0</t>
  </si>
  <si>
    <t>145729.0</t>
  </si>
  <si>
    <t>106.616</t>
  </si>
  <si>
    <t>170089.0</t>
  </si>
  <si>
    <t>171169816.0</t>
  </si>
  <si>
    <t>107981016.0</t>
  </si>
  <si>
    <t>63188800.0</t>
  </si>
  <si>
    <t>934020.0</t>
  </si>
  <si>
    <t>1891463.0</t>
  </si>
  <si>
    <t>1094092.0</t>
  </si>
  <si>
    <t>29362005.0</t>
  </si>
  <si>
    <t>175456.0</t>
  </si>
  <si>
    <t>107.257</t>
  </si>
  <si>
    <t>167954.0</t>
  </si>
  <si>
    <t>181.6</t>
  </si>
  <si>
    <t>173014525.0</t>
  </si>
  <si>
    <t>109005627.0</t>
  </si>
  <si>
    <t>64008898.0</t>
  </si>
  <si>
    <t>1844709.0</t>
  </si>
  <si>
    <t>1892293.0</t>
  </si>
  <si>
    <t>1091819.0</t>
  </si>
  <si>
    <t>29518351.0</t>
  </si>
  <si>
    <t>107.828</t>
  </si>
  <si>
    <t>164407.0</t>
  </si>
  <si>
    <t>174419558.0</t>
  </si>
  <si>
    <t>109796866.0</t>
  </si>
  <si>
    <t>64622692.0</t>
  </si>
  <si>
    <t>1760320.0</t>
  </si>
  <si>
    <t>1015864.0</t>
  </si>
  <si>
    <t>29666843.0</t>
  </si>
  <si>
    <t>108.371</t>
  </si>
  <si>
    <t>161948.0</t>
  </si>
  <si>
    <t>197.7</t>
  </si>
  <si>
    <t>175579925.0</t>
  </si>
  <si>
    <t>110406777.0</t>
  </si>
  <si>
    <t>65173148.0</t>
  </si>
  <si>
    <t>1160367.0</t>
  </si>
  <si>
    <t>1549879.0</t>
  </si>
  <si>
    <t>29832090.0</t>
  </si>
  <si>
    <t>165247.0</t>
  </si>
  <si>
    <t>108.974</t>
  </si>
  <si>
    <t>159780.0</t>
  </si>
  <si>
    <t>177812708.0</t>
  </si>
  <si>
    <t>111496041.0</t>
  </si>
  <si>
    <t>66316667.0</t>
  </si>
  <si>
    <t>2232783.0</t>
  </si>
  <si>
    <t>1564424.0</t>
  </si>
  <si>
    <t>861622.0</t>
  </si>
  <si>
    <t>29993954.0</t>
  </si>
  <si>
    <t>161864.0</t>
  </si>
  <si>
    <t>109.566</t>
  </si>
  <si>
    <t>157156.0</t>
  </si>
  <si>
    <t>179437660.0</t>
  </si>
  <si>
    <t>112271928.0</t>
  </si>
  <si>
    <t>67165732.0</t>
  </si>
  <si>
    <t>1624952.0</t>
  </si>
  <si>
    <t>1514396.0</t>
  </si>
  <si>
    <t>800280.0</t>
  </si>
  <si>
    <t>30128236.0</t>
  </si>
  <si>
    <t>134282.0</t>
  </si>
  <si>
    <t>110.056</t>
  </si>
  <si>
    <t>155345.0</t>
  </si>
  <si>
    <t>180948208.0</t>
  </si>
  <si>
    <t>113032768.0</t>
  </si>
  <si>
    <t>67915440.0</t>
  </si>
  <si>
    <t>1510548.0</t>
  </si>
  <si>
    <t>1530345.0</t>
  </si>
  <si>
    <t>789934.0</t>
  </si>
  <si>
    <t>30265853.0</t>
  </si>
  <si>
    <t>137617.0</t>
  </si>
  <si>
    <t>110.559</t>
  </si>
  <si>
    <t>181688388.0</t>
  </si>
  <si>
    <t>113424379.0</t>
  </si>
  <si>
    <t>68264009.0</t>
  </si>
  <si>
    <t>740180.0</t>
  </si>
  <si>
    <t>1502653.0</t>
  </si>
  <si>
    <t>777623.0</t>
  </si>
  <si>
    <t>30443930.0</t>
  </si>
  <si>
    <t>111.209</t>
  </si>
  <si>
    <t>154561.0</t>
  </si>
  <si>
    <t>183477223.0</t>
  </si>
  <si>
    <t>114347101.0</t>
  </si>
  <si>
    <t>69130122.0</t>
  </si>
  <si>
    <t>1788835.0</t>
  </si>
  <si>
    <t>1494671.0</t>
  </si>
  <si>
    <t>763068.0</t>
  </si>
  <si>
    <t>30627749.0</t>
  </si>
  <si>
    <t>183819.0</t>
  </si>
  <si>
    <t>111.881</t>
  </si>
  <si>
    <t>158485.0</t>
  </si>
  <si>
    <t>185616142.0</t>
  </si>
  <si>
    <t>115502524.0</t>
  </si>
  <si>
    <t>70113618.0</t>
  </si>
  <si>
    <t>2138919.0</t>
  </si>
  <si>
    <t>1599512.0</t>
  </si>
  <si>
    <t>815094.0</t>
  </si>
  <si>
    <t>30791978.0</t>
  </si>
  <si>
    <t>164229.0</t>
  </si>
  <si>
    <t>112.481</t>
  </si>
  <si>
    <t>160734.0</t>
  </si>
  <si>
    <t>187720150.0</t>
  </si>
  <si>
    <t>116620281.0</t>
  </si>
  <si>
    <t>71099869.0</t>
  </si>
  <si>
    <t>2104008.0</t>
  </si>
  <si>
    <t>1734318.0</t>
  </si>
  <si>
    <t>887643.0</t>
  </si>
  <si>
    <t>30952719.0</t>
  </si>
  <si>
    <t>160741.0</t>
  </si>
  <si>
    <t>113.068</t>
  </si>
  <si>
    <t>242.5</t>
  </si>
  <si>
    <t>189750191.0</t>
  </si>
  <si>
    <t>117689114.0</t>
  </si>
  <si>
    <t>72061077.0</t>
  </si>
  <si>
    <t>2030041.0</t>
  </si>
  <si>
    <t>1705355.0</t>
  </si>
  <si>
    <t>884725.0</t>
  </si>
  <si>
    <t>31109059.0</t>
  </si>
  <si>
    <t>156340.0</t>
  </si>
  <si>
    <t>113.639</t>
  </si>
  <si>
    <t>159301.0</t>
  </si>
  <si>
    <t>192442506.0</t>
  </si>
  <si>
    <t>119151818.0</t>
  </si>
  <si>
    <t>73290688.0</t>
  </si>
  <si>
    <t>2692315.0</t>
  </si>
  <si>
    <t>1857835.0</t>
  </si>
  <si>
    <t>982841.0</t>
  </si>
  <si>
    <t>31236013.0</t>
  </si>
  <si>
    <t>126954.0</t>
  </si>
  <si>
    <t>114.103</t>
  </si>
  <si>
    <t>158254.0</t>
  </si>
  <si>
    <t>193361231.0</t>
  </si>
  <si>
    <t>119662248.0</t>
  </si>
  <si>
    <t>73698983.0</t>
  </si>
  <si>
    <t>918725.0</t>
  </si>
  <si>
    <t>947069.0</t>
  </si>
  <si>
    <t>31373386.0</t>
  </si>
  <si>
    <t>137373.0</t>
  </si>
  <si>
    <t>114.605</t>
  </si>
  <si>
    <t>194141514.0</t>
  </si>
  <si>
    <t>120052587.0</t>
  </si>
  <si>
    <t>74088927.0</t>
  </si>
  <si>
    <t>1779018.0</t>
  </si>
  <si>
    <t>946887.0</t>
  </si>
  <si>
    <t>31548810.0</t>
  </si>
  <si>
    <t>175424.0</t>
  </si>
  <si>
    <t>115.245</t>
  </si>
  <si>
    <t>157840.0</t>
  </si>
  <si>
    <t>195693514.0</t>
  </si>
  <si>
    <t>120887847.0</t>
  </si>
  <si>
    <t>74805667.0</t>
  </si>
  <si>
    <t>1552000.0</t>
  </si>
  <si>
    <t>1745184.0</t>
  </si>
  <si>
    <t>934392.0</t>
  </si>
  <si>
    <t>31716481.0</t>
  </si>
  <si>
    <t>167671.0</t>
  </si>
  <si>
    <t>115.858</t>
  </si>
  <si>
    <t>155533.0</t>
  </si>
  <si>
    <t>197804943.0</t>
  </si>
  <si>
    <t>121975753.0</t>
  </si>
  <si>
    <t>75829190.0</t>
  </si>
  <si>
    <t>2111429.0</t>
  </si>
  <si>
    <t>1741257.0</t>
  </si>
  <si>
    <t>924747.0</t>
  </si>
  <si>
    <t>31900688.0</t>
  </si>
  <si>
    <t>184207.0</t>
  </si>
  <si>
    <t>116.531</t>
  </si>
  <si>
    <t>158387.0</t>
  </si>
  <si>
    <t>199539846.0</t>
  </si>
  <si>
    <t>122852096.0</t>
  </si>
  <si>
    <t>76687750.0</t>
  </si>
  <si>
    <t>1734903.0</t>
  </si>
  <si>
    <t>1688528.0</t>
  </si>
  <si>
    <t>890259.0</t>
  </si>
  <si>
    <t>32050080.0</t>
  </si>
  <si>
    <t>149392.0</t>
  </si>
  <si>
    <t>117.077</t>
  </si>
  <si>
    <t>156766.0</t>
  </si>
  <si>
    <t>267.3</t>
  </si>
  <si>
    <t>201512037.0</t>
  </si>
  <si>
    <t>123824199.0</t>
  </si>
  <si>
    <t>77687838.0</t>
  </si>
  <si>
    <t>1972191.0</t>
  </si>
  <si>
    <t>1680264.0</t>
  </si>
  <si>
    <t>876441.0</t>
  </si>
  <si>
    <t>32226925.0</t>
  </si>
  <si>
    <t>176845.0</t>
  </si>
  <si>
    <t>117.723</t>
  </si>
  <si>
    <t>159695.0</t>
  </si>
  <si>
    <t>202270239.0</t>
  </si>
  <si>
    <t>124156167.0</t>
  </si>
  <si>
    <t>78114072.0</t>
  </si>
  <si>
    <t>758202.0</t>
  </si>
  <si>
    <t>1403962.0</t>
  </si>
  <si>
    <t>714907.0</t>
  </si>
  <si>
    <t>32375086.0</t>
  </si>
  <si>
    <t>148161.0</t>
  </si>
  <si>
    <t>118.264</t>
  </si>
  <si>
    <t>162725.0</t>
  </si>
  <si>
    <t>204100126.0</t>
  </si>
  <si>
    <t>125105963.0</t>
  </si>
  <si>
    <t>78994163.0</t>
  </si>
  <si>
    <t>1829887.0</t>
  </si>
  <si>
    <t>1534128.0</t>
  </si>
  <si>
    <t>777674.0</t>
  </si>
  <si>
    <t>32505277.0</t>
  </si>
  <si>
    <t>130191.0</t>
  </si>
  <si>
    <t>118.739</t>
  </si>
  <si>
    <t>161699.0</t>
  </si>
  <si>
    <t>310.3</t>
  </si>
  <si>
    <t>204606962.0</t>
  </si>
  <si>
    <t>125394487.0</t>
  </si>
  <si>
    <t>79212475.0</t>
  </si>
  <si>
    <t>506836.0</t>
  </si>
  <si>
    <t>1495064.0</t>
  </si>
  <si>
    <t>763129.0</t>
  </si>
  <si>
    <t>32678344.0</t>
  </si>
  <si>
    <t>173067.0</t>
  </si>
  <si>
    <t>119.372</t>
  </si>
  <si>
    <t>161362.0</t>
  </si>
  <si>
    <t>325.5</t>
  </si>
  <si>
    <t>206529810.0</t>
  </si>
  <si>
    <t>126459285.0</t>
  </si>
  <si>
    <t>80070525.0</t>
  </si>
  <si>
    <t>1922848.0</t>
  </si>
  <si>
    <t>1548042.0</t>
  </si>
  <si>
    <t>795920.0</t>
  </si>
  <si>
    <t>32870906.0</t>
  </si>
  <si>
    <t>192562.0</t>
  </si>
  <si>
    <t>120.075</t>
  </si>
  <si>
    <t>164918.0</t>
  </si>
  <si>
    <t>208289405.0</t>
  </si>
  <si>
    <t>127335266.0</t>
  </si>
  <si>
    <t>80954139.0</t>
  </si>
  <si>
    <t>1759595.0</t>
  </si>
  <si>
    <t>1497780.0</t>
  </si>
  <si>
    <t>765645.0</t>
  </si>
  <si>
    <t>33047840.0</t>
  </si>
  <si>
    <t>120.721</t>
  </si>
  <si>
    <t>163879.0</t>
  </si>
  <si>
    <t>209858444.0</t>
  </si>
  <si>
    <t>128147345.0</t>
  </si>
  <si>
    <t>81711099.0</t>
  </si>
  <si>
    <t>1569039.0</t>
  </si>
  <si>
    <t>1474085.0</t>
  </si>
  <si>
    <t>756464.0</t>
  </si>
  <si>
    <t>33203073.0</t>
  </si>
  <si>
    <t>155233.0</t>
  </si>
  <si>
    <t>121.288</t>
  </si>
  <si>
    <t>164713.0</t>
  </si>
  <si>
    <t>406.4</t>
  </si>
  <si>
    <t>211907880.0</t>
  </si>
  <si>
    <t>129089388.0</t>
  </si>
  <si>
    <t>82818492.0</t>
  </si>
  <si>
    <t>2049436.0</t>
  </si>
  <si>
    <t>1485120.0</t>
  </si>
  <si>
    <t>752170.0</t>
  </si>
  <si>
    <t>33387768.0</t>
  </si>
  <si>
    <t>121.963</t>
  </si>
  <si>
    <t>165835.0</t>
  </si>
  <si>
    <t>415.3</t>
  </si>
  <si>
    <t>213128276.0</t>
  </si>
  <si>
    <t>129710190.0</t>
  </si>
  <si>
    <t>83418086.0</t>
  </si>
  <si>
    <t>1220396.0</t>
  </si>
  <si>
    <t>1551148.0</t>
  </si>
  <si>
    <t>793432.0</t>
  </si>
  <si>
    <t>33543069.0</t>
  </si>
  <si>
    <t>155301.0</t>
  </si>
  <si>
    <t>166855.0</t>
  </si>
  <si>
    <t>434.2</t>
  </si>
  <si>
    <t>214445104.0</t>
  </si>
  <si>
    <t>130283345.0</t>
  </si>
  <si>
    <t>84161759.0</t>
  </si>
  <si>
    <t>1316828.0</t>
  </si>
  <si>
    <t>1477854.0</t>
  </si>
  <si>
    <t>739626.0</t>
  </si>
  <si>
    <t>33711018.0</t>
  </si>
  <si>
    <t>167949.0</t>
  </si>
  <si>
    <t>123.144</t>
  </si>
  <si>
    <t>172249.0</t>
  </si>
  <si>
    <t>452.1</t>
  </si>
  <si>
    <t>215168960.0</t>
  </si>
  <si>
    <t>130616514.0</t>
  </si>
  <si>
    <t>84552446.0</t>
  </si>
  <si>
    <t>723856.0</t>
  </si>
  <si>
    <t>1508857.0</t>
  </si>
  <si>
    <t>746004.0</t>
  </si>
  <si>
    <t>33906599.0</t>
  </si>
  <si>
    <t>195581.0</t>
  </si>
  <si>
    <t>175465.0</t>
  </si>
  <si>
    <t>476.1</t>
  </si>
  <si>
    <t>216663555.0</t>
  </si>
  <si>
    <t>131292871.0</t>
  </si>
  <si>
    <t>85370684.0</t>
  </si>
  <si>
    <t>1494595.0</t>
  </si>
  <si>
    <t>1447678.0</t>
  </si>
  <si>
    <t>690512.0</t>
  </si>
  <si>
    <t>34100429.0</t>
  </si>
  <si>
    <t>193830.0</t>
  </si>
  <si>
    <t>124.566</t>
  </si>
  <si>
    <t>175646.0</t>
  </si>
  <si>
    <t>468.9</t>
  </si>
  <si>
    <t>218286093.0</t>
  </si>
  <si>
    <t>132006377.0</t>
  </si>
  <si>
    <t>86279716.0</t>
  </si>
  <si>
    <t>1622538.0</t>
  </si>
  <si>
    <t>1428098.0</t>
  </si>
  <si>
    <t>667302.0</t>
  </si>
  <si>
    <t>34289357.0</t>
  </si>
  <si>
    <t>188928.0</t>
  </si>
  <si>
    <t>125.256</t>
  </si>
  <si>
    <t>177360.0</t>
  </si>
  <si>
    <t>218409909.0</t>
  </si>
  <si>
    <t>132073986.0</t>
  </si>
  <si>
    <t>86335923.0</t>
  </si>
  <si>
    <t>123816.0</t>
  </si>
  <si>
    <t>1221638.0</t>
  </si>
  <si>
    <t>560949.0</t>
  </si>
  <si>
    <t>34473154.0</t>
  </si>
  <si>
    <t>183797.0</t>
  </si>
  <si>
    <t>125.928</t>
  </si>
  <si>
    <t>181440.0</t>
  </si>
  <si>
    <t>498.5</t>
  </si>
  <si>
    <t>221362168.0</t>
  </si>
  <si>
    <t>133402051.0</t>
  </si>
  <si>
    <t>87960117.0</t>
  </si>
  <si>
    <t>2952259.0</t>
  </si>
  <si>
    <t>1350613.0</t>
  </si>
  <si>
    <t>616095.0</t>
  </si>
  <si>
    <t>34659385.0</t>
  </si>
  <si>
    <t>186231.0</t>
  </si>
  <si>
    <t>126.608</t>
  </si>
  <si>
    <t>181660.0</t>
  </si>
  <si>
    <t>492.5</t>
  </si>
  <si>
    <t>222785206.0</t>
  </si>
  <si>
    <t>134025009.0</t>
  </si>
  <si>
    <t>88760197.0</t>
  </si>
  <si>
    <t>1423038.0</t>
  </si>
  <si>
    <t>1379561.0</t>
  </si>
  <si>
    <t>616403.0</t>
  </si>
  <si>
    <t>34813201.0</t>
  </si>
  <si>
    <t>181447.0</t>
  </si>
  <si>
    <t>223638627.0</t>
  </si>
  <si>
    <t>134418286.0</t>
  </si>
  <si>
    <t>89220341.0</t>
  </si>
  <si>
    <t>853421.0</t>
  </si>
  <si>
    <t>1313360.0</t>
  </si>
  <si>
    <t>590706.0</t>
  </si>
  <si>
    <t>34979886.0</t>
  </si>
  <si>
    <t>166685.0</t>
  </si>
  <si>
    <t>127.779</t>
  </si>
  <si>
    <t>181267.0</t>
  </si>
  <si>
    <t>503.1</t>
  </si>
  <si>
    <t>224041006.0</t>
  </si>
  <si>
    <t>134614136.0</t>
  </si>
  <si>
    <t>89426870.0</t>
  </si>
  <si>
    <t>402379.0</t>
  </si>
  <si>
    <t>1267435.0</t>
  </si>
  <si>
    <t>571089.0</t>
  </si>
  <si>
    <t>35173806.0</t>
  </si>
  <si>
    <t>128.487</t>
  </si>
  <si>
    <t>181030.0</t>
  </si>
  <si>
    <t>493.3</t>
  </si>
  <si>
    <t>225644845.0</t>
  </si>
  <si>
    <t>135417063.0</t>
  </si>
  <si>
    <t>90227782.0</t>
  </si>
  <si>
    <t>1603839.0</t>
  </si>
  <si>
    <t>589170.0</t>
  </si>
  <si>
    <t>35374218.0</t>
  </si>
  <si>
    <t>200412.0</t>
  </si>
  <si>
    <t>129.219</t>
  </si>
  <si>
    <t>181970.0</t>
  </si>
  <si>
    <t>227295834.0</t>
  </si>
  <si>
    <t>136080848.0</t>
  </si>
  <si>
    <t>91214986.0</t>
  </si>
  <si>
    <t>1650989.0</t>
  </si>
  <si>
    <t>1287106.0</t>
  </si>
  <si>
    <t>582067.0</t>
  </si>
  <si>
    <t>35573977.0</t>
  </si>
  <si>
    <t>199759.0</t>
  </si>
  <si>
    <t>129.949</t>
  </si>
  <si>
    <t>183517.0</t>
  </si>
  <si>
    <t>520.1</t>
  </si>
  <si>
    <t>228987709.0</t>
  </si>
  <si>
    <t>136713147.0</t>
  </si>
  <si>
    <t>92274562.0</t>
  </si>
  <si>
    <t>1691875.0</t>
  </si>
  <si>
    <t>1511114.0</t>
  </si>
  <si>
    <t>662737.0</t>
  </si>
  <si>
    <t>35761270.0</t>
  </si>
  <si>
    <t>187293.0</t>
  </si>
  <si>
    <t>130.633</t>
  </si>
  <si>
    <t>184017.0</t>
  </si>
  <si>
    <t>502.6</t>
  </si>
  <si>
    <t>230610233.0</t>
  </si>
  <si>
    <t>137505204.0</t>
  </si>
  <si>
    <t>93105029.0</t>
  </si>
  <si>
    <t>1622524.0</t>
  </si>
  <si>
    <t>1321152.0</t>
  </si>
  <si>
    <t>33.79</t>
  </si>
  <si>
    <t>586165.0</t>
  </si>
  <si>
    <t>35954189.0</t>
  </si>
  <si>
    <t>192919.0</t>
  </si>
  <si>
    <t>131.338</t>
  </si>
  <si>
    <t>184972.0</t>
  </si>
  <si>
    <t>231786452.0</t>
  </si>
  <si>
    <t>138119613.0</t>
  </si>
  <si>
    <t>93666839.0</t>
  </si>
  <si>
    <t>1176219.0</t>
  </si>
  <si>
    <t>1285892.0</t>
  </si>
  <si>
    <t>584943.0</t>
  </si>
  <si>
    <t>36109585.0</t>
  </si>
  <si>
    <t>155396.0</t>
  </si>
  <si>
    <t>185198.0</t>
  </si>
  <si>
    <t>513.6</t>
  </si>
  <si>
    <t>232869968.0</t>
  </si>
  <si>
    <t>138530231.0</t>
  </si>
  <si>
    <t>94339737.0</t>
  </si>
  <si>
    <t>1083516.0</t>
  </si>
  <si>
    <t>1318763.0</t>
  </si>
  <si>
    <t>587421.0</t>
  </si>
  <si>
    <t>36285966.0</t>
  </si>
  <si>
    <t>176381.0</t>
  </si>
  <si>
    <t>186583.0</t>
  </si>
  <si>
    <t>233664522.0</t>
  </si>
  <si>
    <t>138908862.0</t>
  </si>
  <si>
    <t>94755660.0</t>
  </si>
  <si>
    <t>794554.0</t>
  </si>
  <si>
    <t>1374788.0</t>
  </si>
  <si>
    <t>613532.0</t>
  </si>
  <si>
    <t>36486865.0</t>
  </si>
  <si>
    <t>200899.0</t>
  </si>
  <si>
    <t>133.284</t>
  </si>
  <si>
    <t>234839306.0</t>
  </si>
  <si>
    <t>139365438.0</t>
  </si>
  <si>
    <t>95473868.0</t>
  </si>
  <si>
    <t>1174784.0</t>
  </si>
  <si>
    <t>1313494.0</t>
  </si>
  <si>
    <t>564054.0</t>
  </si>
  <si>
    <t>36686240.0</t>
  </si>
  <si>
    <t>134.012</t>
  </si>
  <si>
    <t>187432.0</t>
  </si>
  <si>
    <t>584.7</t>
  </si>
  <si>
    <t>236724392.0</t>
  </si>
  <si>
    <t>140205046.0</t>
  </si>
  <si>
    <t>96519346.0</t>
  </si>
  <si>
    <t>1885086.0</t>
  </si>
  <si>
    <t>1346937.0</t>
  </si>
  <si>
    <t>36885898.0</t>
  </si>
  <si>
    <t>199658.0</t>
  </si>
  <si>
    <t>134.741</t>
  </si>
  <si>
    <t>187417.0</t>
  </si>
  <si>
    <t>238203878.0</t>
  </si>
  <si>
    <t>140885229.0</t>
  </si>
  <si>
    <t>97318649.0</t>
  </si>
  <si>
    <t>1479486.0</t>
  </si>
  <si>
    <t>1316596.0</t>
  </si>
  <si>
    <t>596012.0</t>
  </si>
  <si>
    <t>37079997.0</t>
  </si>
  <si>
    <t>194099.0</t>
  </si>
  <si>
    <t>667.7</t>
  </si>
  <si>
    <t>239549926.0</t>
  </si>
  <si>
    <t>141503092.0</t>
  </si>
  <si>
    <t>98046834.0</t>
  </si>
  <si>
    <t>1346048.0</t>
  </si>
  <si>
    <t>1277099.0</t>
  </si>
  <si>
    <t>571127.0</t>
  </si>
  <si>
    <t>37276383.0</t>
  </si>
  <si>
    <t>196386.0</t>
  </si>
  <si>
    <t>136.168</t>
  </si>
  <si>
    <t>188885.0</t>
  </si>
  <si>
    <t>727.7</t>
  </si>
  <si>
    <t>240654588.0</t>
  </si>
  <si>
    <t>142030970.0</t>
  </si>
  <si>
    <t>98623618.0</t>
  </si>
  <si>
    <t>1104662.0</t>
  </si>
  <si>
    <t>1266877.0</t>
  </si>
  <si>
    <t>558765.0</t>
  </si>
  <si>
    <t>37434992.0</t>
  </si>
  <si>
    <t>158609.0</t>
  </si>
  <si>
    <t>136.747</t>
  </si>
  <si>
    <t>189344.0</t>
  </si>
  <si>
    <t>757.8</t>
  </si>
  <si>
    <t>241441928.0</t>
  </si>
  <si>
    <t>142432347.0</t>
  </si>
  <si>
    <t>99009581.0</t>
  </si>
  <si>
    <t>787340.0</t>
  </si>
  <si>
    <t>1224566.0</t>
  </si>
  <si>
    <t>557445.0</t>
  </si>
  <si>
    <t>37635452.0</t>
  </si>
  <si>
    <t>200460.0</t>
  </si>
  <si>
    <t>192784.0</t>
  </si>
  <si>
    <t>792.4</t>
  </si>
  <si>
    <t>241926512.0</t>
  </si>
  <si>
    <t>142700940.0</t>
  </si>
  <si>
    <t>99225572.0</t>
  </si>
  <si>
    <t>484584.0</t>
  </si>
  <si>
    <t>1180284.0</t>
  </si>
  <si>
    <t>37916484.0</t>
  </si>
  <si>
    <t>281032.0</t>
  </si>
  <si>
    <t>138.506</t>
  </si>
  <si>
    <t>204231.0</t>
  </si>
  <si>
    <t>243116796.0</t>
  </si>
  <si>
    <t>143291352.0</t>
  </si>
  <si>
    <t>99825444.0</t>
  </si>
  <si>
    <t>1190284.0</t>
  </si>
  <si>
    <t>1182499.0</t>
  </si>
  <si>
    <t>560845.0</t>
  </si>
  <si>
    <t>38199469.0</t>
  </si>
  <si>
    <t>282985.0</t>
  </si>
  <si>
    <t>216176.0</t>
  </si>
  <si>
    <t>915.4</t>
  </si>
  <si>
    <t>244253314.0</t>
  </si>
  <si>
    <t>143794042.0</t>
  </si>
  <si>
    <t>100459272.0</t>
  </si>
  <si>
    <t>1136518.0</t>
  </si>
  <si>
    <t>1075560.0</t>
  </si>
  <si>
    <t>512714.0</t>
  </si>
  <si>
    <t>38466588.0</t>
  </si>
  <si>
    <t>267119.0</t>
  </si>
  <si>
    <t>140.516</t>
  </si>
  <si>
    <t>225813.0</t>
  </si>
  <si>
    <t>245595833.0</t>
  </si>
  <si>
    <t>144446324.0</t>
  </si>
  <si>
    <t>101149509.0</t>
  </si>
  <si>
    <t>1342519.0</t>
  </si>
  <si>
    <t>1055994.0</t>
  </si>
  <si>
    <t>508728.0</t>
  </si>
  <si>
    <t>38695313.0</t>
  </si>
  <si>
    <t>228725.0</t>
  </si>
  <si>
    <t>141.351</t>
  </si>
  <si>
    <t>230759.0</t>
  </si>
  <si>
    <t>1070.5</t>
  </si>
  <si>
    <t>246880508.0</t>
  </si>
  <si>
    <t>145085912.0</t>
  </si>
  <si>
    <t>101794596.0</t>
  </si>
  <si>
    <t>1284675.0</t>
  </si>
  <si>
    <t>1047226.0</t>
  </si>
  <si>
    <t>511831.0</t>
  </si>
  <si>
    <t>38900760.0</t>
  </si>
  <si>
    <t>205447.0</t>
  </si>
  <si>
    <t>142.102</t>
  </si>
  <si>
    <t>232054.0</t>
  </si>
  <si>
    <t>1089.5</t>
  </si>
  <si>
    <t>248355276.0</t>
  </si>
  <si>
    <t>145910019.0</t>
  </si>
  <si>
    <t>102445257.0</t>
  </si>
  <si>
    <t>1474768.0</t>
  </si>
  <si>
    <t>1100098.0</t>
  </si>
  <si>
    <t>554150.0</t>
  </si>
  <si>
    <t>39069207.0</t>
  </si>
  <si>
    <t>168447.0</t>
  </si>
  <si>
    <t>142.717</t>
  </si>
  <si>
    <t>233459.0</t>
  </si>
  <si>
    <t>1120.9</t>
  </si>
  <si>
    <t>249399820.0</t>
  </si>
  <si>
    <t>146489638.0</t>
  </si>
  <si>
    <t>102910182.0</t>
  </si>
  <si>
    <t>1044544.0</t>
  </si>
  <si>
    <t>1136842.0</t>
  </si>
  <si>
    <t>579613.0</t>
  </si>
  <si>
    <t>39246966.0</t>
  </si>
  <si>
    <t>177759.0</t>
  </si>
  <si>
    <t>143.366</t>
  </si>
  <si>
    <t>230216.0</t>
  </si>
  <si>
    <t>1123.8</t>
  </si>
  <si>
    <t>249974816.0</t>
  </si>
  <si>
    <t>146875959.0</t>
  </si>
  <si>
    <t>103098857.0</t>
  </si>
  <si>
    <t>574996.0</t>
  </si>
  <si>
    <t>1149758.0</t>
  </si>
  <si>
    <t>596431.0</t>
  </si>
  <si>
    <t>39450858.0</t>
  </si>
  <si>
    <t>203892.0</t>
  </si>
  <si>
    <t>144.111</t>
  </si>
  <si>
    <t>219196.0</t>
  </si>
  <si>
    <t>1125.7</t>
  </si>
  <si>
    <t>251106714.0</t>
  </si>
  <si>
    <t>147468396.0</t>
  </si>
  <si>
    <t>103638318.0</t>
  </si>
  <si>
    <t>1131898.0</t>
  </si>
  <si>
    <t>1141417.0</t>
  </si>
  <si>
    <t>39664716.0</t>
  </si>
  <si>
    <t>213858.0</t>
  </si>
  <si>
    <t>144.892</t>
  </si>
  <si>
    <t>209321.0</t>
  </si>
  <si>
    <t>1123.7</t>
  </si>
  <si>
    <t>252866371.0</t>
  </si>
  <si>
    <t>148344215.0</t>
  </si>
  <si>
    <t>104522156.0</t>
  </si>
  <si>
    <t>1759657.0</t>
  </si>
  <si>
    <t>1230437.0</t>
  </si>
  <si>
    <t>650025.0</t>
  </si>
  <si>
    <t>39875827.0</t>
  </si>
  <si>
    <t>145.663</t>
  </si>
  <si>
    <t>201320.0</t>
  </si>
  <si>
    <t>1086.5</t>
  </si>
  <si>
    <t>254443692.0</t>
  </si>
  <si>
    <t>149205571.0</t>
  </si>
  <si>
    <t>105238121.0</t>
  </si>
  <si>
    <t>1577321.0</t>
  </si>
  <si>
    <t>1263980.0</t>
  </si>
  <si>
    <t>679892.0</t>
  </si>
  <si>
    <t>40090094.0</t>
  </si>
  <si>
    <t>214267.0</t>
  </si>
  <si>
    <t>146.446</t>
  </si>
  <si>
    <t>199254.0</t>
  </si>
  <si>
    <t>999.1</t>
  </si>
  <si>
    <t>256270038.0</t>
  </si>
  <si>
    <t>150249500.0</t>
  </si>
  <si>
    <t>106020538.0</t>
  </si>
  <si>
    <t>1826346.0</t>
  </si>
  <si>
    <t>1341361.0</t>
  </si>
  <si>
    <t>737655.0</t>
  </si>
  <si>
    <t>40306499.0</t>
  </si>
  <si>
    <t>216405.0</t>
  </si>
  <si>
    <t>147.237</t>
  </si>
  <si>
    <t>200820.0</t>
  </si>
  <si>
    <t>1004.1</t>
  </si>
  <si>
    <t>257882469.0</t>
  </si>
  <si>
    <t>151246296.0</t>
  </si>
  <si>
    <t>106636173.0</t>
  </si>
  <si>
    <t>1612431.0</t>
  </si>
  <si>
    <t>1361028.0</t>
  </si>
  <si>
    <t>762325.0</t>
  </si>
  <si>
    <t>40427960.0</t>
  </si>
  <si>
    <t>121461.0</t>
  </si>
  <si>
    <t>194108.0</t>
  </si>
  <si>
    <t>969.8</t>
  </si>
  <si>
    <t>258469441.0</t>
  </si>
  <si>
    <t>151417878.0</t>
  </si>
  <si>
    <t>107051563.0</t>
  </si>
  <si>
    <t>586972.0</t>
  </si>
  <si>
    <t>704034.0</t>
  </si>
  <si>
    <t>40569980.0</t>
  </si>
  <si>
    <t>142020.0</t>
  </si>
  <si>
    <t>148.199</t>
  </si>
  <si>
    <t>189002.0</t>
  </si>
  <si>
    <t>926.5</t>
  </si>
  <si>
    <t>258955775.0</t>
  </si>
  <si>
    <t>151775597.0</t>
  </si>
  <si>
    <t>107180178.0</t>
  </si>
  <si>
    <t>486334.0</t>
  </si>
  <si>
    <t>1282994.0</t>
  </si>
  <si>
    <t>699948.0</t>
  </si>
  <si>
    <t>40792526.0</t>
  </si>
  <si>
    <t>222546.0</t>
  </si>
  <si>
    <t>149.012</t>
  </si>
  <si>
    <t>191667.0</t>
  </si>
  <si>
    <t>922.7</t>
  </si>
  <si>
    <t>260302530.0</t>
  </si>
  <si>
    <t>152596517.0</t>
  </si>
  <si>
    <t>107706013.0</t>
  </si>
  <si>
    <t>1346755.0</t>
  </si>
  <si>
    <t>1313688.0</t>
  </si>
  <si>
    <t>732589.0</t>
  </si>
  <si>
    <t>41007921.0</t>
  </si>
  <si>
    <t>215395.0</t>
  </si>
  <si>
    <t>149.799</t>
  </si>
  <si>
    <t>191886.0</t>
  </si>
  <si>
    <t>940.6</t>
  </si>
  <si>
    <t>262043740.0</t>
  </si>
  <si>
    <t>153503685.0</t>
  </si>
  <si>
    <t>108540055.0</t>
  </si>
  <si>
    <t>1741210.0</t>
  </si>
  <si>
    <t>1311053.0</t>
  </si>
  <si>
    <t>737067.0</t>
  </si>
  <si>
    <t>41215358.0</t>
  </si>
  <si>
    <t>207437.0</t>
  </si>
  <si>
    <t>150.557</t>
  </si>
  <si>
    <t>191362.0</t>
  </si>
  <si>
    <t>991.5</t>
  </si>
  <si>
    <t>263751186.0</t>
  </si>
  <si>
    <t>154494115.0</t>
  </si>
  <si>
    <t>109257071.0</t>
  </si>
  <si>
    <t>1707446.0</t>
  </si>
  <si>
    <t>1329642.0</t>
  </si>
  <si>
    <t>95.73</t>
  </si>
  <si>
    <t>755506.0</t>
  </si>
  <si>
    <t>41399910.0</t>
  </si>
  <si>
    <t>184552.0</t>
  </si>
  <si>
    <t>187117.0</t>
  </si>
  <si>
    <t>1036.3</t>
  </si>
  <si>
    <t>265370276.0</t>
  </si>
  <si>
    <t>155414524.0</t>
  </si>
  <si>
    <t>109955752.0</t>
  </si>
  <si>
    <t>1619090.0</t>
  </si>
  <si>
    <t>1300034.0</t>
  </si>
  <si>
    <t>737861.0</t>
  </si>
  <si>
    <t>41549195.0</t>
  </si>
  <si>
    <t>149285.0</t>
  </si>
  <si>
    <t>151.776</t>
  </si>
  <si>
    <t>177528.0</t>
  </si>
  <si>
    <t>965.6</t>
  </si>
  <si>
    <t>266589872.0</t>
  </si>
  <si>
    <t>156182585.0</t>
  </si>
  <si>
    <t>110407287.0</t>
  </si>
  <si>
    <t>1219596.0</t>
  </si>
  <si>
    <t>1243915.0</t>
  </si>
  <si>
    <t>705184.0</t>
  </si>
  <si>
    <t>41668987.0</t>
  </si>
  <si>
    <t>152.214</t>
  </si>
  <si>
    <t>177290.0</t>
  </si>
  <si>
    <t>1105.1</t>
  </si>
  <si>
    <t>267262585.0</t>
  </si>
  <si>
    <t>156641778.0</t>
  </si>
  <si>
    <t>110620807.0</t>
  </si>
  <si>
    <t>672713.0</t>
  </si>
  <si>
    <t>1256163.0</t>
  </si>
  <si>
    <t>97.01</t>
  </si>
  <si>
    <t>746271.0</t>
  </si>
  <si>
    <t>41832992.0</t>
  </si>
  <si>
    <t>164005.0</t>
  </si>
  <si>
    <t>180430.0</t>
  </si>
  <si>
    <t>1050.8</t>
  </si>
  <si>
    <t>267807642.0</t>
  </si>
  <si>
    <t>156994786.0</t>
  </si>
  <si>
    <t>110812856.0</t>
  </si>
  <si>
    <t>545057.0</t>
  </si>
  <si>
    <t>1264552.0</t>
  </si>
  <si>
    <t>97.21</t>
  </si>
  <si>
    <t>745598.0</t>
  </si>
  <si>
    <t>42009846.0</t>
  </si>
  <si>
    <t>176854.0</t>
  </si>
  <si>
    <t>153.459</t>
  </si>
  <si>
    <t>173903.0</t>
  </si>
  <si>
    <t>269370107.0</t>
  </si>
  <si>
    <t>157804805.0</t>
  </si>
  <si>
    <t>111565302.0</t>
  </si>
  <si>
    <t>1562465.0</t>
  </si>
  <si>
    <t>1295368.0</t>
  </si>
  <si>
    <t>744041.0</t>
  </si>
  <si>
    <t>42173457.0</t>
  </si>
  <si>
    <t>154.056</t>
  </si>
  <si>
    <t>166505.0</t>
  </si>
  <si>
    <t>911.3</t>
  </si>
  <si>
    <t>271240030.0</t>
  </si>
  <si>
    <t>158962242.0</t>
  </si>
  <si>
    <t>112277788.0</t>
  </si>
  <si>
    <t>1869923.0</t>
  </si>
  <si>
    <t>1313756.0</t>
  </si>
  <si>
    <t>779794.0</t>
  </si>
  <si>
    <t>42336492.0</t>
  </si>
  <si>
    <t>154.652</t>
  </si>
  <si>
    <t>160162.0</t>
  </si>
  <si>
    <t>273016811.0</t>
  </si>
  <si>
    <t>160012443.0</t>
  </si>
  <si>
    <t>113004368.0</t>
  </si>
  <si>
    <t>1776781.0</t>
  </si>
  <si>
    <t>1323661.0</t>
  </si>
  <si>
    <t>788333.0</t>
  </si>
  <si>
    <t>42486162.0</t>
  </si>
  <si>
    <t>149670.0</t>
  </si>
  <si>
    <t>155.199</t>
  </si>
  <si>
    <t>155179.0</t>
  </si>
  <si>
    <t>830.5</t>
  </si>
  <si>
    <t>274749184.0</t>
  </si>
  <si>
    <t>161082857.0</t>
  </si>
  <si>
    <t>113666327.0</t>
  </si>
  <si>
    <t>1732373.0</t>
  </si>
  <si>
    <t>1339844.0</t>
  </si>
  <si>
    <t>809762.0</t>
  </si>
  <si>
    <t>42614359.0</t>
  </si>
  <si>
    <t>128197.0</t>
  </si>
  <si>
    <t>155.667</t>
  </si>
  <si>
    <t>152166.0</t>
  </si>
  <si>
    <t>802.7</t>
  </si>
  <si>
    <t>161861222.0</t>
  </si>
  <si>
    <t>114030438.0</t>
  </si>
  <si>
    <t>1353346.0</t>
  </si>
  <si>
    <t>811234.0</t>
  </si>
  <si>
    <t>42756169.0</t>
  </si>
  <si>
    <t>156.185</t>
  </si>
  <si>
    <t>165900887.0</t>
  </si>
  <si>
    <t>114103362.0</t>
  </si>
  <si>
    <t>1444974.0</t>
  </si>
  <si>
    <t>1322730.0</t>
  </si>
  <si>
    <t>42965736.0</t>
  </si>
  <si>
    <t>209567.0</t>
  </si>
  <si>
    <t>156.951</t>
  </si>
  <si>
    <t>161821.0</t>
  </si>
  <si>
    <t>728.9</t>
  </si>
  <si>
    <t>166104331.0</t>
  </si>
  <si>
    <t>114196339.0</t>
  </si>
  <si>
    <t>1554839.0</t>
  </si>
  <si>
    <t>1301364.0</t>
  </si>
  <si>
    <t>43198482.0</t>
  </si>
  <si>
    <t>232746.0</t>
  </si>
  <si>
    <t>157.801</t>
  </si>
  <si>
    <t>169805.0</t>
  </si>
  <si>
    <t>754.7</t>
  </si>
  <si>
    <t>166653867.0</t>
  </si>
  <si>
    <t>114565936.0</t>
  </si>
  <si>
    <t>1519359.0</t>
  </si>
  <si>
    <t>1264152.0</t>
  </si>
  <si>
    <t>43415786.0</t>
  </si>
  <si>
    <t>217304.0</t>
  </si>
  <si>
    <t>158.595</t>
  </si>
  <si>
    <t>177476.0</t>
  </si>
  <si>
    <t>167226243.0</t>
  </si>
  <si>
    <t>114822604.0</t>
  </si>
  <si>
    <t>1439958.0</t>
  </si>
  <si>
    <t>1180572.0</t>
  </si>
  <si>
    <t>43624574.0</t>
  </si>
  <si>
    <t>208788.0</t>
  </si>
  <si>
    <t>159.357</t>
  </si>
  <si>
    <t>184012.0</t>
  </si>
  <si>
    <t>167999777.0</t>
  </si>
  <si>
    <t>115554584.0</t>
  </si>
  <si>
    <t>1373862.0</t>
  </si>
  <si>
    <t>1141048.0</t>
  </si>
  <si>
    <t>43823061.0</t>
  </si>
  <si>
    <t>198487.0</t>
  </si>
  <si>
    <t>160.082</t>
  </si>
  <si>
    <t>190986.0</t>
  </si>
  <si>
    <t>541.9</t>
  </si>
  <si>
    <t>168819593.0</t>
  </si>
  <si>
    <t>116114884.0</t>
  </si>
  <si>
    <t>1314110.0</t>
  </si>
  <si>
    <t>1105248.0</t>
  </si>
  <si>
    <t>44000762.0</t>
  </si>
  <si>
    <t>177701.0</t>
  </si>
  <si>
    <t>160.732</t>
  </si>
  <si>
    <t>198058.0</t>
  </si>
  <si>
    <t>518.9</t>
  </si>
  <si>
    <t>169580225.0</t>
  </si>
  <si>
    <t>116569908.0</t>
  </si>
  <si>
    <t>1102715.0</t>
  </si>
  <si>
    <t>44177975.0</t>
  </si>
  <si>
    <t>177213.0</t>
  </si>
  <si>
    <t>161.379</t>
  </si>
  <si>
    <t>203115.0</t>
  </si>
  <si>
    <t>469.7</t>
  </si>
  <si>
    <t>170143626.0</t>
  </si>
  <si>
    <t>116819952.0</t>
  </si>
  <si>
    <t>606106.0</t>
  </si>
  <si>
    <t>44359401.0</t>
  </si>
  <si>
    <t>181426.0</t>
  </si>
  <si>
    <t>162.042</t>
  </si>
  <si>
    <t>199095.0</t>
  </si>
  <si>
    <t>433.4</t>
  </si>
  <si>
    <t>170536338.0</t>
  </si>
  <si>
    <t>116999284.0</t>
  </si>
  <si>
    <t>633144.0</t>
  </si>
  <si>
    <t>44563107.0</t>
  </si>
  <si>
    <t>203706.0</t>
  </si>
  <si>
    <t>162.786</t>
  </si>
  <si>
    <t>194946.0</t>
  </si>
  <si>
    <t>171056204.0</t>
  </si>
  <si>
    <t>117333660.0</t>
  </si>
  <si>
    <t>628905.0</t>
  </si>
  <si>
    <t>44761743.0</t>
  </si>
  <si>
    <t>163.511</t>
  </si>
  <si>
    <t>192280.0</t>
  </si>
  <si>
    <t>339.8</t>
  </si>
  <si>
    <t>172155594.0</t>
  </si>
  <si>
    <t>117947474.0</t>
  </si>
  <si>
    <t>704193.0</t>
  </si>
  <si>
    <t>44957270.0</t>
  </si>
  <si>
    <t>195527.0</t>
  </si>
  <si>
    <t>190385.0</t>
  </si>
  <si>
    <t>315.7</t>
  </si>
  <si>
    <t>173248256.0</t>
  </si>
  <si>
    <t>118488929.0</t>
  </si>
  <si>
    <t>749783.0</t>
  </si>
  <si>
    <t>45155645.0</t>
  </si>
  <si>
    <t>198375.0</t>
  </si>
  <si>
    <t>164.95</t>
  </si>
  <si>
    <t>190369.0</t>
  </si>
  <si>
    <t>292.7</t>
  </si>
  <si>
    <t>174291585.0</t>
  </si>
  <si>
    <t>118952014.0</t>
  </si>
  <si>
    <t>781713.0</t>
  </si>
  <si>
    <t>45352065.0</t>
  </si>
  <si>
    <t>196420.0</t>
  </si>
  <si>
    <t>165.668</t>
  </si>
  <si>
    <t>193043.0</t>
  </si>
  <si>
    <t>263.5</t>
  </si>
  <si>
    <t>175645471.0</t>
  </si>
  <si>
    <t>119424581.0</t>
  </si>
  <si>
    <t>866464.0</t>
  </si>
  <si>
    <t>45518570.0</t>
  </si>
  <si>
    <t>166.276</t>
  </si>
  <si>
    <t>191514.0</t>
  </si>
  <si>
    <t>176301989.0</t>
  </si>
  <si>
    <t>119746532.0</t>
  </si>
  <si>
    <t>879766.0</t>
  </si>
  <si>
    <t>45696853.0</t>
  </si>
  <si>
    <t>178283.0</t>
  </si>
  <si>
    <t>166.927</t>
  </si>
  <si>
    <t>191065.0</t>
  </si>
  <si>
    <t>231.7</t>
  </si>
  <si>
    <t>176629941.0</t>
  </si>
  <si>
    <t>119992852.0</t>
  </si>
  <si>
    <t>870515.0</t>
  </si>
  <si>
    <t>45891161.0</t>
  </si>
  <si>
    <t>194308.0</t>
  </si>
  <si>
    <t>167.637</t>
  </si>
  <si>
    <t>189722.0</t>
  </si>
  <si>
    <t>209.7</t>
  </si>
  <si>
    <t>177259377.0</t>
  </si>
  <si>
    <t>120621088.0</t>
  </si>
  <si>
    <t>886168.0</t>
  </si>
  <si>
    <t>46043177.0</t>
  </si>
  <si>
    <t>152016.0</t>
  </si>
  <si>
    <t>168.192</t>
  </si>
  <si>
    <t>183062.0</t>
  </si>
  <si>
    <t>178261136.0</t>
  </si>
  <si>
    <t>121566591.0</t>
  </si>
  <si>
    <t>872220.0</t>
  </si>
  <si>
    <t>46226708.0</t>
  </si>
  <si>
    <t>183531.0</t>
  </si>
  <si>
    <t>168.863</t>
  </si>
  <si>
    <t>181348.0</t>
  </si>
  <si>
    <t>179153744.0</t>
  </si>
  <si>
    <t>122378266.0</t>
  </si>
  <si>
    <t>843641.0</t>
  </si>
  <si>
    <t>46426888.0</t>
  </si>
  <si>
    <t>200180.0</t>
  </si>
  <si>
    <t>169.594</t>
  </si>
  <si>
    <t>181606.0</t>
  </si>
  <si>
    <t>180021654.0</t>
  </si>
  <si>
    <t>123167273.0</t>
  </si>
  <si>
    <t>818581.0</t>
  </si>
  <si>
    <t>46621388.0</t>
  </si>
  <si>
    <t>194500.0</t>
  </si>
  <si>
    <t>170.304</t>
  </si>
  <si>
    <t>181332.0</t>
  </si>
  <si>
    <t>180714550.0</t>
  </si>
  <si>
    <t>123782386.0</t>
  </si>
  <si>
    <t>724154.0</t>
  </si>
  <si>
    <t>46785214.0</t>
  </si>
  <si>
    <t>163826.0</t>
  </si>
  <si>
    <t>170.903</t>
  </si>
  <si>
    <t>180949.0</t>
  </si>
  <si>
    <t>181131333.0</t>
  </si>
  <si>
    <t>124080794.0</t>
  </si>
  <si>
    <t>689906.0</t>
  </si>
  <si>
    <t>46960977.0</t>
  </si>
  <si>
    <t>175763.0</t>
  </si>
  <si>
    <t>171.545</t>
  </si>
  <si>
    <t>180589.0</t>
  </si>
  <si>
    <t>181377519.0</t>
  </si>
  <si>
    <t>124334472.0</t>
  </si>
  <si>
    <t>678225.0</t>
  </si>
  <si>
    <t>47137384.0</t>
  </si>
  <si>
    <t>172.189</t>
  </si>
  <si>
    <t>178032.0</t>
  </si>
  <si>
    <t>182024020.0</t>
  </si>
  <si>
    <t>125106842.0</t>
  </si>
  <si>
    <t>680663.0</t>
  </si>
  <si>
    <t>47381797.0</t>
  </si>
  <si>
    <t>244413.0</t>
  </si>
  <si>
    <t>173.082</t>
  </si>
  <si>
    <t>191231.0</t>
  </si>
  <si>
    <t>182500827.0</t>
  </si>
  <si>
    <t>125673513.0</t>
  </si>
  <si>
    <t>605670.0</t>
  </si>
  <si>
    <t>47618448.0</t>
  </si>
  <si>
    <t>236651.0</t>
  </si>
  <si>
    <t>173.947</t>
  </si>
  <si>
    <t>198820.0</t>
  </si>
  <si>
    <t>183060035.0</t>
  </si>
  <si>
    <t>126413464.0</t>
  </si>
  <si>
    <t>558042.0</t>
  </si>
  <si>
    <t>47876593.0</t>
  </si>
  <si>
    <t>258145.0</t>
  </si>
  <si>
    <t>174.89</t>
  </si>
  <si>
    <t>207101.0</t>
  </si>
  <si>
    <t>183677032.0</t>
  </si>
  <si>
    <t>127164526.0</t>
  </si>
  <si>
    <t>522197.0</t>
  </si>
  <si>
    <t>48137643.0</t>
  </si>
  <si>
    <t>261050.0</t>
  </si>
  <si>
    <t>175.843</t>
  </si>
  <si>
    <t>216608.0</t>
  </si>
  <si>
    <t>184187038.0</t>
  </si>
  <si>
    <t>127727473.0</t>
  </si>
  <si>
    <t>496070.0</t>
  </si>
  <si>
    <t>48343446.0</t>
  </si>
  <si>
    <t>205803.0</t>
  </si>
  <si>
    <t>176.595</t>
  </si>
  <si>
    <t>222605.0</t>
  </si>
  <si>
    <t>184557715.0</t>
  </si>
  <si>
    <t>128005763.0</t>
  </si>
  <si>
    <t>489483.0</t>
  </si>
  <si>
    <t>48545839.0</t>
  </si>
  <si>
    <t>202393.0</t>
  </si>
  <si>
    <t>177.334</t>
  </si>
  <si>
    <t>226409.0</t>
  </si>
  <si>
    <t>184680997.0</t>
  </si>
  <si>
    <t>128028074.0</t>
  </si>
  <si>
    <t>471925.0</t>
  </si>
  <si>
    <t>48781744.0</t>
  </si>
  <si>
    <t>235905.0</t>
  </si>
  <si>
    <t>234909.0</t>
  </si>
  <si>
    <t>185121652.0</t>
  </si>
  <si>
    <t>128655689.0</t>
  </si>
  <si>
    <t>442519.0</t>
  </si>
  <si>
    <t>49008702.0</t>
  </si>
  <si>
    <t>226958.0</t>
  </si>
  <si>
    <t>179.025</t>
  </si>
  <si>
    <t>185237546.0</t>
  </si>
  <si>
    <t>128737666.0</t>
  </si>
  <si>
    <t>390960.0</t>
  </si>
  <si>
    <t>49316689.0</t>
  </si>
  <si>
    <t>307987.0</t>
  </si>
  <si>
    <t>242606.0</t>
  </si>
  <si>
    <t>185622566.0</t>
  </si>
  <si>
    <t>129405527.0</t>
  </si>
  <si>
    <t>49629666.0</t>
  </si>
  <si>
    <t>312977.0</t>
  </si>
  <si>
    <t>181.293</t>
  </si>
  <si>
    <t>250439.0</t>
  </si>
  <si>
    <t>186019239.0</t>
  </si>
  <si>
    <t>130122520.0</t>
  </si>
  <si>
    <t>334601.0</t>
  </si>
  <si>
    <t>49935908.0</t>
  </si>
  <si>
    <t>306242.0</t>
  </si>
  <si>
    <t>182.412</t>
  </si>
  <si>
    <t>186388071.0</t>
  </si>
  <si>
    <t>130784199.0</t>
  </si>
  <si>
    <t>314433.0</t>
  </si>
  <si>
    <t>50201467.0</t>
  </si>
  <si>
    <t>265559.0</t>
  </si>
  <si>
    <t>183.382</t>
  </si>
  <si>
    <t>265432.0</t>
  </si>
  <si>
    <t>323371246.0</t>
  </si>
  <si>
    <t>186589750.0</t>
  </si>
  <si>
    <t>131080731.0</t>
  </si>
  <si>
    <t>5548431.0</t>
  </si>
  <si>
    <t>290291.0</t>
  </si>
  <si>
    <t>50382434.0</t>
  </si>
  <si>
    <t>180967.0</t>
  </si>
  <si>
    <t>184.043</t>
  </si>
  <si>
    <t>325015898.0</t>
  </si>
  <si>
    <t>186703390.0</t>
  </si>
  <si>
    <t>131119425.0</t>
  </si>
  <si>
    <t>5878217.0</t>
  </si>
  <si>
    <t>1644652.0</t>
  </si>
  <si>
    <t>1361330.0</t>
  </si>
  <si>
    <t>288913.0</t>
  </si>
  <si>
    <t>50667072.0</t>
  </si>
  <si>
    <t>284638.0</t>
  </si>
  <si>
    <t>185.083</t>
  </si>
  <si>
    <t>269333.0</t>
  </si>
  <si>
    <t>325992890.0</t>
  </si>
  <si>
    <t>187047562.0</t>
  </si>
  <si>
    <t>132090119.0</t>
  </si>
  <si>
    <t>6034892.0</t>
  </si>
  <si>
    <t>976992.0</t>
  </si>
  <si>
    <t>1313170.0</t>
  </si>
  <si>
    <t>275130.0</t>
  </si>
  <si>
    <t>50912897.0</t>
  </si>
  <si>
    <t>245825.0</t>
  </si>
  <si>
    <t>185.981</t>
  </si>
  <si>
    <t>272028.0</t>
  </si>
  <si>
    <t>327792245.0</t>
  </si>
  <si>
    <t>187290007.0</t>
  </si>
  <si>
    <t>132667991.0</t>
  </si>
  <si>
    <t>6391787.0</t>
  </si>
  <si>
    <t>1799355.0</t>
  </si>
  <si>
    <t>1382491.0</t>
  </si>
  <si>
    <t>118.98</t>
  </si>
  <si>
    <t>293209.0</t>
  </si>
  <si>
    <t>51151585.0</t>
  </si>
  <si>
    <t>238688.0</t>
  </si>
  <si>
    <t>186.853</t>
  </si>
  <si>
    <t>262128.0</t>
  </si>
  <si>
    <t>328946156.0</t>
  </si>
  <si>
    <t>187696710.0</t>
  </si>
  <si>
    <t>133703748.0</t>
  </si>
  <si>
    <t>6623413.0</t>
  </si>
  <si>
    <t>1153911.0</t>
  </si>
  <si>
    <t>1359606.0</t>
  </si>
  <si>
    <t>296306.0</t>
  </si>
  <si>
    <t>51378087.0</t>
  </si>
  <si>
    <t>226502.0</t>
  </si>
  <si>
    <t>187.68</t>
  </si>
  <si>
    <t>249774.0</t>
  </si>
  <si>
    <t>187918754.0</t>
  </si>
  <si>
    <t>134403989.0</t>
  </si>
  <si>
    <t>1325597.0</t>
  </si>
  <si>
    <t>271359.0</t>
  </si>
  <si>
    <t>51699232.0</t>
  </si>
  <si>
    <t>321145.0</t>
  </si>
  <si>
    <t>188.853</t>
  </si>
  <si>
    <t>251903.0</t>
  </si>
  <si>
    <t>331098258.0</t>
  </si>
  <si>
    <t>188060706.0</t>
  </si>
  <si>
    <t>135209233.0</t>
  </si>
  <si>
    <t>7048731.0</t>
  </si>
  <si>
    <t>1291589.0</t>
  </si>
  <si>
    <t>238948.0</t>
  </si>
  <si>
    <t>51971725.0</t>
  </si>
  <si>
    <t>272493.0</t>
  </si>
  <si>
    <t>189.849</t>
  </si>
  <si>
    <t>252894.0</t>
  </si>
  <si>
    <t>331211718.0</t>
  </si>
  <si>
    <t>188282851.0</t>
  </si>
  <si>
    <t>135766676.0</t>
  </si>
  <si>
    <t>7059145.0</t>
  </si>
  <si>
    <t>113460.0</t>
  </si>
  <si>
    <t>1120067.0</t>
  </si>
  <si>
    <t>241872.0</t>
  </si>
  <si>
    <t>52245639.0</t>
  </si>
  <si>
    <t>273914.0</t>
  </si>
  <si>
    <t>190.849</t>
  </si>
  <si>
    <t>266172.0</t>
  </si>
  <si>
    <t>332515995.0</t>
  </si>
  <si>
    <t>188338544.0</t>
  </si>
  <si>
    <t>135814029.0</t>
  </si>
  <si>
    <t>7277382.0</t>
  </si>
  <si>
    <t>1304277.0</t>
  </si>
  <si>
    <t>1071442.0</t>
  </si>
  <si>
    <t>233593.0</t>
  </si>
  <si>
    <t>52603909.0</t>
  </si>
  <si>
    <t>358270.0</t>
  </si>
  <si>
    <t>192.158</t>
  </si>
  <si>
    <t>276691.0</t>
  </si>
  <si>
    <t>333824000.0</t>
  </si>
  <si>
    <t>188590685.0</t>
  </si>
  <si>
    <t>136647928.0</t>
  </si>
  <si>
    <t>7505145.0</t>
  </si>
  <si>
    <t>1308005.0</t>
  </si>
  <si>
    <t>1118730.0</t>
  </si>
  <si>
    <t>220446.0</t>
  </si>
  <si>
    <t>52951989.0</t>
  </si>
  <si>
    <t>348080.0</t>
  </si>
  <si>
    <t>291299.0</t>
  </si>
  <si>
    <t>335078861.0</t>
  </si>
  <si>
    <t>188833480.0</t>
  </si>
  <si>
    <t>137485375.0</t>
  </si>
  <si>
    <t>7730486.0</t>
  </si>
  <si>
    <t>1254861.0</t>
  </si>
  <si>
    <t>1040945.0</t>
  </si>
  <si>
    <t>121.63</t>
  </si>
  <si>
    <t>220496.0</t>
  </si>
  <si>
    <t>53296382.0</t>
  </si>
  <si>
    <t>344393.0</t>
  </si>
  <si>
    <t>194.688</t>
  </si>
  <si>
    <t>306400.0</t>
  </si>
  <si>
    <t>336459621.0</t>
  </si>
  <si>
    <t>189067416.0</t>
  </si>
  <si>
    <t>138280959.0</t>
  </si>
  <si>
    <t>8011770.0</t>
  </si>
  <si>
    <t>1380760.0</t>
  </si>
  <si>
    <t>1073352.0</t>
  </si>
  <si>
    <t>195815.0</t>
  </si>
  <si>
    <t>53603989.0</t>
  </si>
  <si>
    <t>307607.0</t>
  </si>
  <si>
    <t>195.811</t>
  </si>
  <si>
    <t>317986.0</t>
  </si>
  <si>
    <t>337806448.0</t>
  </si>
  <si>
    <t>189307384.0</t>
  </si>
  <si>
    <t>139140467.0</t>
  </si>
  <si>
    <t>8326622.0</t>
  </si>
  <si>
    <t>1346827.0</t>
  </si>
  <si>
    <t>1112034.0</t>
  </si>
  <si>
    <t>122.62</t>
  </si>
  <si>
    <t>198376.0</t>
  </si>
  <si>
    <t>53913144.0</t>
  </si>
  <si>
    <t>309155.0</t>
  </si>
  <si>
    <t>196.941</t>
  </si>
  <si>
    <t>316273.0</t>
  </si>
  <si>
    <t>338404616.0</t>
  </si>
  <si>
    <t>189533698.0</t>
  </si>
  <si>
    <t>139946128.0</t>
  </si>
  <si>
    <t>8456612.0</t>
  </si>
  <si>
    <t>598168.0</t>
  </si>
  <si>
    <t>1043765.0</t>
  </si>
  <si>
    <t>210427.0</t>
  </si>
  <si>
    <t>54178913.0</t>
  </si>
  <si>
    <t>265769.0</t>
  </si>
  <si>
    <t>197.912</t>
  </si>
  <si>
    <t>315313.0</t>
  </si>
  <si>
    <t>338608177.0</t>
  </si>
  <si>
    <t>189646917.0</t>
  </si>
  <si>
    <t>140301087.0</t>
  </si>
  <si>
    <t>8493624.0</t>
  </si>
  <si>
    <t>1056637.0</t>
  </si>
  <si>
    <t>122.91</t>
  </si>
  <si>
    <t>194867.0</t>
  </si>
  <si>
    <t>54422139.0</t>
  </si>
  <si>
    <t>243226.0</t>
  </si>
  <si>
    <t>310929.0</t>
  </si>
  <si>
    <t>339640533.0</t>
  </si>
  <si>
    <t>189694082.0</t>
  </si>
  <si>
    <t>140420471.0</t>
  </si>
  <si>
    <t>8712274.0</t>
  </si>
  <si>
    <t>1032356.0</t>
  </si>
  <si>
    <t>1017791.0</t>
  </si>
  <si>
    <t>193648.0</t>
  </si>
  <si>
    <t>54748561.0</t>
  </si>
  <si>
    <t>326422.0</t>
  </si>
  <si>
    <t>199.992</t>
  </si>
  <si>
    <t>306379.0</t>
  </si>
  <si>
    <t>340874189.0</t>
  </si>
  <si>
    <t>189885858.0</t>
  </si>
  <si>
    <t>141042401.0</t>
  </si>
  <si>
    <t>8974957.0</t>
  </si>
  <si>
    <t>1233656.0</t>
  </si>
  <si>
    <t>185025.0</t>
  </si>
  <si>
    <t>55058049.0</t>
  </si>
  <si>
    <t>309488.0</t>
  </si>
  <si>
    <t>201.123</t>
  </si>
  <si>
    <t>342063844.0</t>
  </si>
  <si>
    <t>190092902.0</t>
  </si>
  <si>
    <t>141806330.0</t>
  </si>
  <si>
    <t>9236089.0</t>
  </si>
  <si>
    <t>1189655.0</t>
  </si>
  <si>
    <t>997855.0</t>
  </si>
  <si>
    <t>179917.0</t>
  </si>
  <si>
    <t>55346076.0</t>
  </si>
  <si>
    <t>288027.0</t>
  </si>
  <si>
    <t>202.175</t>
  </si>
  <si>
    <t>292813.0</t>
  </si>
  <si>
    <t>343353574.0</t>
  </si>
  <si>
    <t>190310509.0</t>
  </si>
  <si>
    <t>142517246.0</t>
  </si>
  <si>
    <t>9542165.0</t>
  </si>
  <si>
    <t>1289730.0</t>
  </si>
  <si>
    <t>984850.0</t>
  </si>
  <si>
    <t>124.63</t>
  </si>
  <si>
    <t>177585.0</t>
  </si>
  <si>
    <t>55621829.0</t>
  </si>
  <si>
    <t>275753.0</t>
  </si>
  <si>
    <t>203.182</t>
  </si>
  <si>
    <t>288263.0</t>
  </si>
  <si>
    <t>344256469.0</t>
  </si>
  <si>
    <t>190531114.0</t>
  </si>
  <si>
    <t>143280295.0</t>
  </si>
  <si>
    <t>9809490.0</t>
  </si>
  <si>
    <t>902895.0</t>
  </si>
  <si>
    <t>921432.0</t>
  </si>
  <si>
    <t>124.96</t>
  </si>
  <si>
    <t>174819.0</t>
  </si>
  <si>
    <t>55915015.0</t>
  </si>
  <si>
    <t>293186.0</t>
  </si>
  <si>
    <t>204.253</t>
  </si>
  <si>
    <t>285982.0</t>
  </si>
  <si>
    <t>344260964.0</t>
  </si>
  <si>
    <t>190672288.0</t>
  </si>
  <si>
    <t>143774691.0</t>
  </si>
  <si>
    <t>9809784.0</t>
  </si>
  <si>
    <t>836621.0</t>
  </si>
  <si>
    <t>162656.0</t>
  </si>
  <si>
    <t>56109746.0</t>
  </si>
  <si>
    <t>194731.0</t>
  </si>
  <si>
    <t>204.965</t>
  </si>
  <si>
    <t>344263603.0</t>
  </si>
  <si>
    <t>190672557.0</t>
  </si>
  <si>
    <t>143778623.0</t>
  </si>
  <si>
    <t>9812596.0</t>
  </si>
  <si>
    <t>807918.0</t>
  </si>
  <si>
    <t>146520.0</t>
  </si>
  <si>
    <t>56247315.0</t>
  </si>
  <si>
    <t>137569.0</t>
  </si>
  <si>
    <t>205.467</t>
  </si>
  <si>
    <t>260739.0</t>
  </si>
  <si>
    <t>345697245.0</t>
  </si>
  <si>
    <t>190969599.0</t>
  </si>
  <si>
    <t>144458756.0</t>
  </si>
  <si>
    <t>10214605.0</t>
  </si>
  <si>
    <t>1433642.0</t>
  </si>
  <si>
    <t>865245.0</t>
  </si>
  <si>
    <t>182217.0</t>
  </si>
  <si>
    <t>56449320.0</t>
  </si>
  <si>
    <t>202005.0</t>
  </si>
  <si>
    <t>206.205</t>
  </si>
  <si>
    <t>242966.0</t>
  </si>
  <si>
    <t>345700796.0</t>
  </si>
  <si>
    <t>190976834.0</t>
  </si>
  <si>
    <t>144505806.0</t>
  </si>
  <si>
    <t>10216285.0</t>
  </si>
  <si>
    <t>689515.0</t>
  </si>
  <si>
    <t>155854.0</t>
  </si>
  <si>
    <t>56709394.0</t>
  </si>
  <si>
    <t>260074.0</t>
  </si>
  <si>
    <t>207.155</t>
  </si>
  <si>
    <t>235906.0</t>
  </si>
  <si>
    <t>348638823.0</t>
  </si>
  <si>
    <t>190977514.0</t>
  </si>
  <si>
    <t>144506997.0</t>
  </si>
  <si>
    <t>11324273.0</t>
  </si>
  <si>
    <t>2938027.0</t>
  </si>
  <si>
    <t>939283.0</t>
  </si>
  <si>
    <t>126373.0</t>
  </si>
  <si>
    <t>56923159.0</t>
  </si>
  <si>
    <t>213765.0</t>
  </si>
  <si>
    <t>207.936</t>
  </si>
  <si>
    <t>225298.0</t>
  </si>
  <si>
    <t>349644040.0</t>
  </si>
  <si>
    <t>191110409.0</t>
  </si>
  <si>
    <t>146204141.0</t>
  </si>
  <si>
    <t>11457714.0</t>
  </si>
  <si>
    <t>1005217.0</t>
  </si>
  <si>
    <t>898638.0</t>
  </si>
  <si>
    <t>126.91</t>
  </si>
  <si>
    <t>114271.0</t>
  </si>
  <si>
    <t>57117140.0</t>
  </si>
  <si>
    <t>193981.0</t>
  </si>
  <si>
    <t>208.645</t>
  </si>
  <si>
    <t>351058900.0</t>
  </si>
  <si>
    <t>191631442.0</t>
  </si>
  <si>
    <t>146554884.0</t>
  </si>
  <si>
    <t>11942963.0</t>
  </si>
  <si>
    <t>1414860.0</t>
  </si>
  <si>
    <t>971776.0</t>
  </si>
  <si>
    <t>157190.0</t>
  </si>
  <si>
    <t>57333578.0</t>
  </si>
  <si>
    <t>216438.0</t>
  </si>
  <si>
    <t>209.435</t>
  </si>
  <si>
    <t>202652.0</t>
  </si>
  <si>
    <t>352266904.0</t>
  </si>
  <si>
    <t>191835428.0</t>
  </si>
  <si>
    <t>147280509.0</t>
  </si>
  <si>
    <t>12405103.0</t>
  </si>
  <si>
    <t>1208004.0</t>
  </si>
  <si>
    <t>1143706.0</t>
  </si>
  <si>
    <t>166163.0</t>
  </si>
  <si>
    <t>57539120.0</t>
  </si>
  <si>
    <t>205542.0</t>
  </si>
  <si>
    <t>210.186</t>
  </si>
  <si>
    <t>204196.0</t>
  </si>
  <si>
    <t>192003490.0</t>
  </si>
  <si>
    <t>147858311.0</t>
  </si>
  <si>
    <t>1245602.0</t>
  </si>
  <si>
    <t>190133.0</t>
  </si>
  <si>
    <t>57754516.0</t>
  </si>
  <si>
    <t>215396.0</t>
  </si>
  <si>
    <t>215314.0</t>
  </si>
  <si>
    <t>353698734.0</t>
  </si>
  <si>
    <t>192068763.0</t>
  </si>
  <si>
    <t>148021351.0</t>
  </si>
  <si>
    <t>12847312.0</t>
  </si>
  <si>
    <t>1143070.0</t>
  </si>
  <si>
    <t>157023.0</t>
  </si>
  <si>
    <t>57981772.0</t>
  </si>
  <si>
    <t>227256.0</t>
  </si>
  <si>
    <t>211.803</t>
  </si>
  <si>
    <t>218922.0</t>
  </si>
  <si>
    <t>354566415.0</t>
  </si>
  <si>
    <t>192263704.0</t>
  </si>
  <si>
    <t>148587718.0</t>
  </si>
  <si>
    <t>13163845.0</t>
  </si>
  <si>
    <t>867681.0</t>
  </si>
  <si>
    <t>1266517.0</t>
  </si>
  <si>
    <t>183839.0</t>
  </si>
  <si>
    <t>58166096.0</t>
  </si>
  <si>
    <t>184324.0</t>
  </si>
  <si>
    <t>212.476</t>
  </si>
  <si>
    <t>208100.0</t>
  </si>
  <si>
    <t>356256648.0</t>
  </si>
  <si>
    <t>192412648.0</t>
  </si>
  <si>
    <t>148989922.0</t>
  </si>
  <si>
    <t>13686156.0</t>
  </si>
  <si>
    <t>1690233.0</t>
  </si>
  <si>
    <t>1088261.0</t>
  </si>
  <si>
    <t>205019.0</t>
  </si>
  <si>
    <t>58303860.0</t>
  </si>
  <si>
    <t>137764.0</t>
  </si>
  <si>
    <t>197243.0</t>
  </si>
  <si>
    <t>357308080.0</t>
  </si>
  <si>
    <t>192776961.0</t>
  </si>
  <si>
    <t>149793531.0</t>
  </si>
  <si>
    <t>14013132.0</t>
  </si>
  <si>
    <t>1051432.0</t>
  </si>
  <si>
    <t>1094863.0</t>
  </si>
  <si>
    <t>238079.0</t>
  </si>
  <si>
    <t>58383641.0</t>
  </si>
  <si>
    <t>79781.0</t>
  </si>
  <si>
    <t>213.271</t>
  </si>
  <si>
    <t>180929.0</t>
  </si>
  <si>
    <t>358354805.0</t>
  </si>
  <si>
    <t>193014314.0</t>
  </si>
  <si>
    <t>150280634.0</t>
  </si>
  <si>
    <t>14351546.0</t>
  </si>
  <si>
    <t>1046725.0</t>
  </si>
  <si>
    <t>1042272.0</t>
  </si>
  <si>
    <t>197553.0</t>
  </si>
  <si>
    <t>58482859.0</t>
  </si>
  <si>
    <t>99218.0</t>
  </si>
  <si>
    <t>164183.0</t>
  </si>
  <si>
    <t>359380001.0</t>
  </si>
  <si>
    <t>193229478.0</t>
  </si>
  <si>
    <t>150773781.0</t>
  </si>
  <si>
    <t>14600781.0</t>
  </si>
  <si>
    <t>1025196.0</t>
  </si>
  <si>
    <t>1016157.0</t>
  </si>
  <si>
    <t>199150.0</t>
  </si>
  <si>
    <t>58583037.0</t>
  </si>
  <si>
    <t>100178.0</t>
  </si>
  <si>
    <t>213.999</t>
  </si>
  <si>
    <t>149131.0</t>
  </si>
  <si>
    <t>193400494.0</t>
  </si>
  <si>
    <t>151378726.0</t>
  </si>
  <si>
    <t>976086.0</t>
  </si>
  <si>
    <t>199572.0</t>
  </si>
  <si>
    <t>58702844.0</t>
  </si>
  <si>
    <t>214.437</t>
  </si>
  <si>
    <t>135475.0</t>
  </si>
  <si>
    <t>360250837.0</t>
  </si>
  <si>
    <t>193474037.0</t>
  </si>
  <si>
    <t>151486424.0</t>
  </si>
  <si>
    <t>14770130.0</t>
  </si>
  <si>
    <t>936015.0</t>
  </si>
  <si>
    <t>200753.0</t>
  </si>
  <si>
    <t>58850880.0</t>
  </si>
  <si>
    <t>148036.0</t>
  </si>
  <si>
    <t>214.978</t>
  </si>
  <si>
    <t>124158.0</t>
  </si>
  <si>
    <t>193658864.0</t>
  </si>
  <si>
    <t>151821843.0</t>
  </si>
  <si>
    <t>961310.0</t>
  </si>
  <si>
    <t>199309.0</t>
  </si>
  <si>
    <t>58983039.0</t>
  </si>
  <si>
    <t>132159.0</t>
  </si>
  <si>
    <t>215.461</t>
  </si>
  <si>
    <t>116706.0</t>
  </si>
  <si>
    <t>362340334.0</t>
  </si>
  <si>
    <t>193903477.0</t>
  </si>
  <si>
    <t>152405191.0</t>
  </si>
  <si>
    <t>15474618.0</t>
  </si>
  <si>
    <t>869098.0</t>
  </si>
  <si>
    <t>59108042.0</t>
  </si>
  <si>
    <t>125003.0</t>
  </si>
  <si>
    <t>215.917</t>
  </si>
  <si>
    <t>114883.0</t>
  </si>
  <si>
    <t>363890835.0</t>
  </si>
  <si>
    <t>194136128.0</t>
  </si>
  <si>
    <t>152729588.0</t>
  </si>
  <si>
    <t>16005165.0</t>
  </si>
  <si>
    <t>1550501.0</t>
  </si>
  <si>
    <t>940394.0</t>
  </si>
  <si>
    <t>194167.0</t>
  </si>
  <si>
    <t>59223545.0</t>
  </si>
  <si>
    <t>115503.0</t>
  </si>
  <si>
    <t>216.339</t>
  </si>
  <si>
    <t>119986.0</t>
  </si>
  <si>
    <t>194437519.0</t>
  </si>
  <si>
    <t>153448151.0</t>
  </si>
  <si>
    <t>820480.0</t>
  </si>
  <si>
    <t>203315.0</t>
  </si>
  <si>
    <t>59323266.0</t>
  </si>
  <si>
    <t>99721.0</t>
  </si>
  <si>
    <t>216.703</t>
  </si>
  <si>
    <t>120058.0</t>
  </si>
  <si>
    <t>364305498.0</t>
  </si>
  <si>
    <t>194559612.0</t>
  </si>
  <si>
    <t>153649398.0</t>
  </si>
  <si>
    <t>16096488.0</t>
  </si>
  <si>
    <t>703642.0</t>
  </si>
  <si>
    <t>190019.0</t>
  </si>
  <si>
    <t>59400556.0</t>
  </si>
  <si>
    <t>77290.0</t>
  </si>
  <si>
    <t>216.986</t>
  </si>
  <si>
    <t>116788.0</t>
  </si>
  <si>
    <t>364931091.0</t>
  </si>
  <si>
    <t>154267349.0</t>
  </si>
  <si>
    <t>16278674.0</t>
  </si>
  <si>
    <t>625593.0</t>
  </si>
  <si>
    <t>730810.0</t>
  </si>
  <si>
    <t>165588.0</t>
  </si>
  <si>
    <t>59503735.0</t>
  </si>
  <si>
    <t>103179.0</t>
  </si>
  <si>
    <t>217.363</t>
  </si>
  <si>
    <t>114413.0</t>
  </si>
  <si>
    <t>365473877.0</t>
  </si>
  <si>
    <t>194785493.0</t>
  </si>
  <si>
    <t>154370080.0</t>
  </si>
  <si>
    <t>16318304.0</t>
  </si>
  <si>
    <t>542786.0</t>
  </si>
  <si>
    <t>746149.0</t>
  </si>
  <si>
    <t>187351.0</t>
  </si>
  <si>
    <t>368133995.0</t>
  </si>
  <si>
    <t>194906900.0</t>
  </si>
  <si>
    <t>155391750.0</t>
  </si>
  <si>
    <t>17624402.0</t>
  </si>
  <si>
    <t>2660118.0</t>
  </si>
  <si>
    <t>976916.0</t>
  </si>
  <si>
    <t>178291.0</t>
  </si>
  <si>
    <t>369859000.0</t>
  </si>
  <si>
    <t>195229531.0</t>
  </si>
  <si>
    <t>156139516.0</t>
  </si>
  <si>
    <t>18155763.0</t>
  </si>
  <si>
    <t>1725005.0</t>
  </si>
  <si>
    <t>1074095.0</t>
  </si>
  <si>
    <t>189436.0</t>
  </si>
  <si>
    <t>370188943.0</t>
  </si>
  <si>
    <t>195366825.0</t>
  </si>
  <si>
    <t>156336412.0</t>
  </si>
  <si>
    <t>18273009.0</t>
  </si>
  <si>
    <t>329943.0</t>
  </si>
  <si>
    <t>899730.0</t>
  </si>
  <si>
    <t>175814.0</t>
  </si>
  <si>
    <t>195533337.0</t>
  </si>
  <si>
    <t>156636335.0</t>
  </si>
  <si>
    <t>1074470.0</t>
  </si>
  <si>
    <t>156545.0</t>
  </si>
  <si>
    <t>195719065.0</t>
  </si>
  <si>
    <t>157569955.0</t>
  </si>
  <si>
    <t>1249211.0</t>
  </si>
  <si>
    <t>165636.0</t>
  </si>
  <si>
    <t>195889215.0</t>
  </si>
  <si>
    <t>157840758.0</t>
  </si>
  <si>
    <t>1364200.0</t>
  </si>
  <si>
    <t>189943.0</t>
  </si>
  <si>
    <t>375911010.0</t>
  </si>
  <si>
    <t>195958039.0</t>
  </si>
  <si>
    <t>157974507.0</t>
  </si>
  <si>
    <t>21125889.0</t>
  </si>
  <si>
    <t>1491019.0</t>
  </si>
  <si>
    <t>167507.0</t>
  </si>
  <si>
    <t>377108938.0</t>
  </si>
  <si>
    <t>196240871.0</t>
  </si>
  <si>
    <t>158830466.0</t>
  </si>
  <si>
    <t>21728296.0</t>
  </si>
  <si>
    <t>1197928.0</t>
  </si>
  <si>
    <t>1282135.0</t>
  </si>
  <si>
    <t>190567.0</t>
  </si>
  <si>
    <t>378074903.0</t>
  </si>
  <si>
    <t>196354667.0</t>
  </si>
  <si>
    <t>159025975.0</t>
  </si>
  <si>
    <t>22215377.0</t>
  </si>
  <si>
    <t>965965.0</t>
  </si>
  <si>
    <t>1173700.0</t>
  </si>
  <si>
    <t>379419843.0</t>
  </si>
  <si>
    <t>196534266.0</t>
  </si>
  <si>
    <t>159325260.0</t>
  </si>
  <si>
    <t>23014251.0</t>
  </si>
  <si>
    <t>1344940.0</t>
  </si>
  <si>
    <t>1318700.0</t>
  </si>
  <si>
    <t>196719100.0</t>
  </si>
  <si>
    <t>159686492.0</t>
  </si>
  <si>
    <t>1171978.0</t>
  </si>
  <si>
    <t>169395.0</t>
  </si>
  <si>
    <t>196850337.0</t>
  </si>
  <si>
    <t>159950991.0</t>
  </si>
  <si>
    <t>1025257.0</t>
  </si>
  <si>
    <t>161610.0</t>
  </si>
  <si>
    <t>196872209.0</t>
  </si>
  <si>
    <t>159988167.0</t>
  </si>
  <si>
    <t>878535.0</t>
  </si>
  <si>
    <t>140428.0</t>
  </si>
  <si>
    <t>381033706.0</t>
  </si>
  <si>
    <t>196880116.0</t>
  </si>
  <si>
    <t>160107111.0</t>
  </si>
  <si>
    <t>24046339.0</t>
  </si>
  <si>
    <t>731814.0</t>
  </si>
  <si>
    <t>138.31</t>
  </si>
  <si>
    <t>131725.0</t>
  </si>
  <si>
    <t>383146112.0</t>
  </si>
  <si>
    <t>196880155.0</t>
  </si>
  <si>
    <t>160107212.0</t>
  </si>
  <si>
    <t>25296816.0</t>
  </si>
  <si>
    <t>2112406.0</t>
  </si>
  <si>
    <t>862453.0</t>
  </si>
  <si>
    <t>91326.0</t>
  </si>
  <si>
    <t>383759338.0</t>
  </si>
  <si>
    <t>197107907.0</t>
  </si>
  <si>
    <t>160741389.0</t>
  </si>
  <si>
    <t>25606528.0</t>
  </si>
  <si>
    <t>613226.0</t>
  </si>
  <si>
    <t>812062.0</t>
  </si>
  <si>
    <t>384378545.0</t>
  </si>
  <si>
    <t>197216895.0</t>
  </si>
  <si>
    <t>160935915.0</t>
  </si>
  <si>
    <t>25945875.0</t>
  </si>
  <si>
    <t>619207.0</t>
  </si>
  <si>
    <t>708386.0</t>
  </si>
  <si>
    <t>97518.0</t>
  </si>
  <si>
    <t>385170969.0</t>
  </si>
  <si>
    <t>197313563.0</t>
  </si>
  <si>
    <t>161119107.0</t>
  </si>
  <si>
    <t>26433539.0</t>
  </si>
  <si>
    <t>792424.0</t>
  </si>
  <si>
    <t>763951.0</t>
  </si>
  <si>
    <t>385925688.0</t>
  </si>
  <si>
    <t>197404392.0</t>
  </si>
  <si>
    <t>161333038.0</t>
  </si>
  <si>
    <t>27008873.0</t>
  </si>
  <si>
    <t>754719.0</t>
  </si>
  <si>
    <t>814130.0</t>
  </si>
  <si>
    <t>79151.0</t>
  </si>
  <si>
    <t>386366209.0</t>
  </si>
  <si>
    <t>197493411.0</t>
  </si>
  <si>
    <t>161423404.0</t>
  </si>
  <si>
    <t>27291778.0</t>
  </si>
  <si>
    <t>440521.0</t>
  </si>
  <si>
    <t>819424.0</t>
  </si>
  <si>
    <t>88743.0</t>
  </si>
  <si>
    <t>387382886.0</t>
  </si>
  <si>
    <t>197540442.0</t>
  </si>
  <si>
    <t>161533989.0</t>
  </si>
  <si>
    <t>27960917.0</t>
  </si>
  <si>
    <t>1016677.0</t>
  </si>
  <si>
    <t>907026.0</t>
  </si>
  <si>
    <t>388048499.0</t>
  </si>
  <si>
    <t>197660336.0</t>
  </si>
  <si>
    <t>161761633.0</t>
  </si>
  <si>
    <t>28400442.0</t>
  </si>
  <si>
    <t>665613.0</t>
  </si>
  <si>
    <t>700341.0</t>
  </si>
  <si>
    <t>111454.0</t>
  </si>
  <si>
    <t>389329305.0</t>
  </si>
  <si>
    <t>197715552.0</t>
  </si>
  <si>
    <t>161932505.0</t>
  </si>
  <si>
    <t>29213567.0</t>
  </si>
  <si>
    <t>1280806.0</t>
  </si>
  <si>
    <t>795710.0</t>
  </si>
  <si>
    <t>86806.0</t>
  </si>
  <si>
    <t>390071682.0</t>
  </si>
  <si>
    <t>197910765.0</t>
  </si>
  <si>
    <t>162204973.0</t>
  </si>
  <si>
    <t>29687453.0</t>
  </si>
  <si>
    <t>742377.0</t>
  </si>
  <si>
    <t>813305.0</t>
  </si>
  <si>
    <t>99124.0</t>
  </si>
  <si>
    <t>198012119.0</t>
  </si>
  <si>
    <t>162372110.0</t>
  </si>
  <si>
    <t>814595.0</t>
  </si>
  <si>
    <t>99794.0</t>
  </si>
  <si>
    <t>198100009.0</t>
  </si>
  <si>
    <t>162560631.0</t>
  </si>
  <si>
    <t>821271.0</t>
  </si>
  <si>
    <t>99374.0</t>
  </si>
  <si>
    <t>392476033.0</t>
  </si>
  <si>
    <t>198191838.0</t>
  </si>
  <si>
    <t>162750057.0</t>
  </si>
  <si>
    <t>31348872.0</t>
  </si>
  <si>
    <t>872832.0</t>
  </si>
  <si>
    <t>393248891.0</t>
  </si>
  <si>
    <t>198248066.0</t>
  </si>
  <si>
    <t>162879095.0</t>
  </si>
  <si>
    <t>31860639.0</t>
  </si>
  <si>
    <t>772858.0</t>
  </si>
  <si>
    <t>838001.0</t>
  </si>
  <si>
    <t>101089.0</t>
  </si>
  <si>
    <t>394736427.0</t>
  </si>
  <si>
    <t>198351438.0</t>
  </si>
  <si>
    <t>163036814.0</t>
  </si>
  <si>
    <t>32780775.0</t>
  </si>
  <si>
    <t>1487536.0</t>
  </si>
  <si>
    <t>955418.0</t>
  </si>
  <si>
    <t>143.28</t>
  </si>
  <si>
    <t>98729.0</t>
  </si>
  <si>
    <t>198478663.0</t>
  </si>
  <si>
    <t>163180128.0</t>
  </si>
  <si>
    <t>914851.0</t>
  </si>
  <si>
    <t>109016.0</t>
  </si>
  <si>
    <t>396730099.0</t>
  </si>
  <si>
    <t>198597005.0</t>
  </si>
  <si>
    <t>163358647.0</t>
  </si>
  <si>
    <t>34280741.0</t>
  </si>
  <si>
    <t>951202.0</t>
  </si>
  <si>
    <t>198739666.0</t>
  </si>
  <si>
    <t>163709692.0</t>
  </si>
  <si>
    <t>917405.0</t>
  </si>
  <si>
    <t>103935.0</t>
  </si>
  <si>
    <t>397859834.0</t>
  </si>
  <si>
    <t>198831114.0</t>
  </si>
  <si>
    <t>163874842.0</t>
  </si>
  <si>
    <t>35005482.0</t>
  </si>
  <si>
    <t>883607.0</t>
  </si>
  <si>
    <t>104444.0</t>
  </si>
  <si>
    <t>398135514.0</t>
  </si>
  <si>
    <t>198900322.0</t>
  </si>
  <si>
    <t>163954030.0</t>
  </si>
  <si>
    <t>35165470.0</t>
  </si>
  <si>
    <t>275680.0</t>
  </si>
  <si>
    <t>808497.0</t>
  </si>
  <si>
    <t>144.51</t>
  </si>
  <si>
    <t>101212.0</t>
  </si>
  <si>
    <t>398738106.0</t>
  </si>
  <si>
    <t>198946361.0</t>
  </si>
  <si>
    <t>164023683.0</t>
  </si>
  <si>
    <t>35518317.0</t>
  </si>
  <si>
    <t>602592.0</t>
  </si>
  <si>
    <t>784174.0</t>
  </si>
  <si>
    <t>99756.0</t>
  </si>
  <si>
    <t>399513940.0</t>
  </si>
  <si>
    <t>199039633.0</t>
  </si>
  <si>
    <t>164180156.0</t>
  </si>
  <si>
    <t>36061373.0</t>
  </si>
  <si>
    <t>775834.0</t>
  </si>
  <si>
    <t>682502.0</t>
  </si>
  <si>
    <t>145.01</t>
  </si>
  <si>
    <t>98314.0</t>
  </si>
  <si>
    <t>401308016.0</t>
  </si>
  <si>
    <t>199113714.0</t>
  </si>
  <si>
    <t>164338853.0</t>
  </si>
  <si>
    <t>37458813.0</t>
  </si>
  <si>
    <t>1794076.0</t>
  </si>
  <si>
    <t>796393.0</t>
  </si>
  <si>
    <t>90722.0</t>
  </si>
  <si>
    <t>199191893.0</t>
  </si>
  <si>
    <t>164657310.0</t>
  </si>
  <si>
    <t>653988.0</t>
  </si>
  <si>
    <t>84984.0</t>
  </si>
  <si>
    <t>199296158.0</t>
  </si>
  <si>
    <t>165052289.0</t>
  </si>
  <si>
    <t>573293.0</t>
  </si>
  <si>
    <t>79499.0</t>
  </si>
  <si>
    <t>199346528.0</t>
  </si>
  <si>
    <t>165134259.0</t>
  </si>
  <si>
    <t>165230060.0</t>
  </si>
  <si>
    <t>453215.0</t>
  </si>
  <si>
    <t>63744.0</t>
  </si>
  <si>
    <t>165376991.0</t>
  </si>
  <si>
    <t>367130.0</t>
  </si>
  <si>
    <t>57167.0</t>
  </si>
  <si>
    <t>165425255.0</t>
  </si>
  <si>
    <t>256297.0</t>
  </si>
  <si>
    <t>43842.0</t>
  </si>
  <si>
    <t>165600933.0</t>
  </si>
  <si>
    <t>22091.0</t>
  </si>
  <si>
    <t>165613761.0</t>
  </si>
  <si>
    <t>165632168.0</t>
  </si>
  <si>
    <t>165641991.0</t>
  </si>
  <si>
    <t>165656103.0</t>
  </si>
  <si>
    <t>199352565.0</t>
  </si>
  <si>
    <t>165707687.0</t>
  </si>
  <si>
    <t>199395854.0</t>
  </si>
  <si>
    <t>165839856.0</t>
  </si>
  <si>
    <t>199450667.0</t>
  </si>
  <si>
    <t>165969135.0</t>
  </si>
  <si>
    <t>199513545.0</t>
  </si>
  <si>
    <t>166080531.0</t>
  </si>
  <si>
    <t>199556458.0</t>
  </si>
  <si>
    <t>166160498.0</t>
  </si>
  <si>
    <t>199604493.0</t>
  </si>
  <si>
    <t>166252348.0</t>
  </si>
  <si>
    <t>36852.0</t>
  </si>
  <si>
    <t>199625406.0</t>
  </si>
  <si>
    <t>166273179.0</t>
  </si>
  <si>
    <t>199644471.0</t>
  </si>
  <si>
    <t>166290758.0</t>
  </si>
  <si>
    <t>199715445.0</t>
  </si>
  <si>
    <t>166406981.0</t>
  </si>
  <si>
    <t>45656.0</t>
  </si>
  <si>
    <t>199741802.0</t>
  </si>
  <si>
    <t>166492274.0</t>
  </si>
  <si>
    <t>41591.0</t>
  </si>
  <si>
    <t>199798711.0</t>
  </si>
  <si>
    <t>166632702.0</t>
  </si>
  <si>
    <t>199844276.0</t>
  </si>
  <si>
    <t>166764720.0</t>
  </si>
  <si>
    <t>199883553.0</t>
  </si>
  <si>
    <t>166837615.0</t>
  </si>
  <si>
    <t>199917330.0</t>
  </si>
  <si>
    <t>166911457.0</t>
  </si>
  <si>
    <t>199955070.0</t>
  </si>
  <si>
    <t>166971873.0</t>
  </si>
  <si>
    <t>44371.0</t>
  </si>
  <si>
    <t>200015745.0</t>
  </si>
  <si>
    <t>167068380.0</t>
  </si>
  <si>
    <t>200084080.0</t>
  </si>
  <si>
    <t>167156856.0</t>
  </si>
  <si>
    <t>200112862.0</t>
  </si>
  <si>
    <t>167198137.0</t>
  </si>
  <si>
    <t>44879.0</t>
  </si>
  <si>
    <t>200163526.0</t>
  </si>
  <si>
    <t>167264389.0</t>
  </si>
  <si>
    <t>45607.0</t>
  </si>
  <si>
    <t>200198188.0</t>
  </si>
  <si>
    <t>167325130.0</t>
  </si>
  <si>
    <t>44948.0</t>
  </si>
  <si>
    <t>200202182.0</t>
  </si>
  <si>
    <t>167330132.0</t>
  </si>
  <si>
    <t>40693.0</t>
  </si>
  <si>
    <t>200267408.0</t>
  </si>
  <si>
    <t>167420810.0</t>
  </si>
  <si>
    <t>44620.0</t>
  </si>
  <si>
    <t>200327825.0</t>
  </si>
  <si>
    <t>167507245.0</t>
  </si>
  <si>
    <t>39604.0</t>
  </si>
  <si>
    <t>200394788.0</t>
  </si>
  <si>
    <t>167598405.0</t>
  </si>
  <si>
    <t>502770.0</t>
  </si>
  <si>
    <t>1005541.0</t>
  </si>
  <si>
    <t>1508311.0</t>
  </si>
  <si>
    <t>55078.0</t>
  </si>
  <si>
    <t>415385585.0</t>
  </si>
  <si>
    <t>200652038.0</t>
  </si>
  <si>
    <t>167822664.0</t>
  </si>
  <si>
    <t>46910883.0</t>
  </si>
  <si>
    <t>2011081.0</t>
  </si>
  <si>
    <t>54947.0</t>
  </si>
  <si>
    <t>2049238.0</t>
  </si>
  <si>
    <t>52540.0</t>
  </si>
  <si>
    <t>2087394.0</t>
  </si>
  <si>
    <t>53980.0</t>
  </si>
  <si>
    <t>2125551.0</t>
  </si>
  <si>
    <t>55421.0</t>
  </si>
  <si>
    <t>1660937.0</t>
  </si>
  <si>
    <t>52457.0</t>
  </si>
  <si>
    <t>1196323.0</t>
  </si>
  <si>
    <t>49493.0</t>
  </si>
  <si>
    <t>731709.0</t>
  </si>
  <si>
    <t>267095.0</t>
  </si>
  <si>
    <t>417522347.0</t>
  </si>
  <si>
    <t>201000560.0</t>
  </si>
  <si>
    <t>168251795.0</t>
  </si>
  <si>
    <t>48269992.0</t>
  </si>
  <si>
    <t>263590.0</t>
  </si>
  <si>
    <t>42643.0</t>
  </si>
  <si>
    <t>260085.0</t>
  </si>
  <si>
    <t>41721.0</t>
  </si>
  <si>
    <t>256579.0</t>
  </si>
  <si>
    <t>249569.0</t>
  </si>
  <si>
    <t>38956.0</t>
  </si>
  <si>
    <t>418977695.0</t>
  </si>
  <si>
    <t>201223231.0</t>
  </si>
  <si>
    <t>168544951.0</t>
  </si>
  <si>
    <t>49209513.0</t>
  </si>
  <si>
    <t>246063.0</t>
  </si>
  <si>
    <t>152.08</t>
  </si>
  <si>
    <t>38034.0</t>
  </si>
  <si>
    <t>237249.0</t>
  </si>
  <si>
    <t>231941.0</t>
  </si>
  <si>
    <t>34396.0</t>
  </si>
  <si>
    <t>226632.0</t>
  </si>
  <si>
    <t>33038.0</t>
  </si>
  <si>
    <t>221323.0</t>
  </si>
  <si>
    <t>216014.0</t>
  </si>
  <si>
    <t>30322.0</t>
  </si>
  <si>
    <t>28964.0</t>
  </si>
  <si>
    <t>205397.0</t>
  </si>
  <si>
    <t>27606.0</t>
  </si>
  <si>
    <t>423291029.0</t>
  </si>
  <si>
    <t>201802967.0</t>
  </si>
  <si>
    <t>169392315.0</t>
  </si>
  <si>
    <t>52095747.0</t>
  </si>
  <si>
    <t>211027.0</t>
  </si>
  <si>
    <t>216657.0</t>
  </si>
  <si>
    <t>28404.0</t>
  </si>
  <si>
    <t>222287.0</t>
  </si>
  <si>
    <t>227918.0</t>
  </si>
  <si>
    <t>233548.0</t>
  </si>
  <si>
    <t>239178.0</t>
  </si>
  <si>
    <t>29998.0</t>
  </si>
  <si>
    <t>425004686.0</t>
  </si>
  <si>
    <t>202015743.0</t>
  </si>
  <si>
    <t>169625747.0</t>
  </si>
  <si>
    <t>53363196.0</t>
  </si>
  <si>
    <t>244808.0</t>
  </si>
  <si>
    <t>252455.0</t>
  </si>
  <si>
    <t>260103.0</t>
  </si>
  <si>
    <t>267750.0</t>
  </si>
  <si>
    <t>32858.0</t>
  </si>
  <si>
    <t>275397.0</t>
  </si>
  <si>
    <t>283044.0</t>
  </si>
  <si>
    <t>34500.0</t>
  </si>
  <si>
    <t>290691.0</t>
  </si>
  <si>
    <t>35320.0</t>
  </si>
  <si>
    <t>427093056.0</t>
  </si>
  <si>
    <t>202268728.0</t>
  </si>
  <si>
    <t>169882385.0</t>
  </si>
  <si>
    <t>54941943.0</t>
  </si>
  <si>
    <t>36991.0</t>
  </si>
  <si>
    <t>297310.0</t>
  </si>
  <si>
    <t>296796.0</t>
  </si>
  <si>
    <t>38692.0</t>
  </si>
  <si>
    <t>296282.0</t>
  </si>
  <si>
    <t>39543.0</t>
  </si>
  <si>
    <t>295768.0</t>
  </si>
  <si>
    <t>295254.0</t>
  </si>
  <si>
    <t>429156238.0</t>
  </si>
  <si>
    <t>202563389.0</t>
  </si>
  <si>
    <t>170143379.0</t>
  </si>
  <si>
    <t>56449470.0</t>
  </si>
  <si>
    <t>294740.0</t>
  </si>
  <si>
    <t>155.77</t>
  </si>
  <si>
    <t>42094.0</t>
  </si>
  <si>
    <t>288529.0</t>
  </si>
  <si>
    <t>41181.0</t>
  </si>
  <si>
    <t>282318.0</t>
  </si>
  <si>
    <t>40269.0</t>
  </si>
  <si>
    <t>276107.0</t>
  </si>
  <si>
    <t>39356.0</t>
  </si>
  <si>
    <t>269896.0</t>
  </si>
  <si>
    <t>37530.0</t>
  </si>
  <si>
    <t>257475.0</t>
  </si>
  <si>
    <t>36617.0</t>
  </si>
  <si>
    <t>430915083.0</t>
  </si>
  <si>
    <t>202813315.0</t>
  </si>
  <si>
    <t>170356449.0</t>
  </si>
  <si>
    <t>57745319.0</t>
  </si>
  <si>
    <t>251264.0</t>
  </si>
  <si>
    <t>35704.0</t>
  </si>
  <si>
    <t>34613.0</t>
  </si>
  <si>
    <t>236977.0</t>
  </si>
  <si>
    <t>33523.0</t>
  </si>
  <si>
    <t>229834.0</t>
  </si>
  <si>
    <t>222691.0</t>
  </si>
  <si>
    <t>31342.0</t>
  </si>
  <si>
    <t>215548.0</t>
  </si>
  <si>
    <t>208405.0</t>
  </si>
  <si>
    <t>29161.0</t>
  </si>
  <si>
    <t>201262.0</t>
  </si>
  <si>
    <t>28071.0</t>
  </si>
  <si>
    <t>432525181.0</t>
  </si>
  <si>
    <t>203037880.0</t>
  </si>
  <si>
    <t>58929057.0</t>
  </si>
  <si>
    <t>213523.0</t>
  </si>
  <si>
    <t>29223.0</t>
  </si>
  <si>
    <t>225784.0</t>
  </si>
  <si>
    <t>238044.0</t>
  </si>
  <si>
    <t>250305.0</t>
  </si>
  <si>
    <t>262566.0</t>
  </si>
  <si>
    <t>274826.0</t>
  </si>
  <si>
    <t>34984.0</t>
  </si>
  <si>
    <t>287087.0</t>
  </si>
  <si>
    <t>36136.0</t>
  </si>
  <si>
    <t>435683139.0</t>
  </si>
  <si>
    <t>203435374.0</t>
  </si>
  <si>
    <t>61135788.0</t>
  </si>
  <si>
    <t>158.14</t>
  </si>
  <si>
    <t>216391.0</t>
  </si>
  <si>
    <t>181043.0</t>
  </si>
  <si>
    <t>145695.0</t>
  </si>
  <si>
    <t>110347.0</t>
  </si>
  <si>
    <t>39651.0</t>
  </si>
  <si>
    <t>436317555.0</t>
  </si>
  <si>
    <t>170498655.0</t>
  </si>
  <si>
    <t>61936549.0</t>
  </si>
  <si>
    <t>68580.0</t>
  </si>
  <si>
    <t>83044.0</t>
  </si>
  <si>
    <t>437022061.0</t>
  </si>
  <si>
    <t>170603677.0</t>
  </si>
  <si>
    <t>62453196.0</t>
  </si>
  <si>
    <t>121408.0</t>
  </si>
  <si>
    <t>130844.0</t>
  </si>
  <si>
    <t>125815.0</t>
  </si>
  <si>
    <t>120787.0</t>
  </si>
  <si>
    <t>115758.0</t>
  </si>
  <si>
    <t>110730.0</t>
  </si>
  <si>
    <t>437867669.0</t>
  </si>
  <si>
    <t>170706806.0</t>
  </si>
  <si>
    <t>63046128.0</t>
  </si>
  <si>
    <t>102332.0</t>
  </si>
  <si>
    <t>98962.0</t>
  </si>
  <si>
    <t>95593.0</t>
  </si>
  <si>
    <t>88854.0</t>
  </si>
  <si>
    <t>438360363.0</t>
  </si>
  <si>
    <t>170774653.0</t>
  </si>
  <si>
    <t>63398160.0</t>
  </si>
  <si>
    <t>85485.0</t>
  </si>
  <si>
    <t>159.11</t>
  </si>
  <si>
    <t>77412.0</t>
  </si>
  <si>
    <t>75060.0</t>
  </si>
  <si>
    <t>70357.0</t>
  </si>
  <si>
    <t>68005.0</t>
  </si>
  <si>
    <t>438885586.0</t>
  </si>
  <si>
    <t>170841144.0</t>
  </si>
  <si>
    <t>63783243.0</t>
  </si>
  <si>
    <t>54703.0</t>
  </si>
  <si>
    <t>439211020.0</t>
  </si>
  <si>
    <t>170893574.0</t>
  </si>
  <si>
    <t>64026609.0</t>
  </si>
  <si>
    <t>43901.0</t>
  </si>
  <si>
    <t>42607.0</t>
  </si>
  <si>
    <t>40017.0</t>
  </si>
  <si>
    <t>439473016.0</t>
  </si>
  <si>
    <t>170944185.0</t>
  </si>
  <si>
    <t>64222678.0</t>
  </si>
  <si>
    <t>36407.0</t>
  </si>
  <si>
    <t>33344.0</t>
  </si>
  <si>
    <t>439654699.0</t>
  </si>
  <si>
    <t>170975417.0</t>
  </si>
  <si>
    <t>64363636.0</t>
  </si>
  <si>
    <t>54542.0</t>
  </si>
  <si>
    <t>59394.0</t>
  </si>
  <si>
    <t>64246.0</t>
  </si>
  <si>
    <t>440232913.0</t>
  </si>
  <si>
    <t>171068403.0</t>
  </si>
  <si>
    <t>64814582.0</t>
  </si>
  <si>
    <t>64248.0</t>
  </si>
  <si>
    <t>64249.0</t>
  </si>
  <si>
    <t>64250.0</t>
  </si>
  <si>
    <t>64251.0</t>
  </si>
  <si>
    <t>64254.0</t>
  </si>
  <si>
    <t>441132462.0</t>
  </si>
  <si>
    <t>171229637.0</t>
  </si>
  <si>
    <t>65483431.0</t>
  </si>
  <si>
    <t>64062.0</t>
  </si>
  <si>
    <t>63679.0</t>
  </si>
  <si>
    <t>63297.0</t>
  </si>
  <si>
    <t>63105.0</t>
  </si>
  <si>
    <t>442013256.0</t>
  </si>
  <si>
    <t>203453456.0</t>
  </si>
  <si>
    <t>172298515.0</t>
  </si>
  <si>
    <t>66261285.0</t>
  </si>
  <si>
    <t>160.44</t>
  </si>
  <si>
    <t>65770.0</t>
  </si>
  <si>
    <t>71481.0</t>
  </si>
  <si>
    <t>77193.0</t>
  </si>
  <si>
    <t>443173913.0</t>
  </si>
  <si>
    <t>203575051.0</t>
  </si>
  <si>
    <t>172533762.0</t>
  </si>
  <si>
    <t>67065100.0</t>
  </si>
  <si>
    <t>160.86</t>
  </si>
  <si>
    <t>OWID_INT</t>
  </si>
  <si>
    <t>International</t>
  </si>
  <si>
    <t>IRN</t>
  </si>
  <si>
    <t>Iran</t>
  </si>
  <si>
    <t>-2658.0</t>
  </si>
  <si>
    <t>-30.0167470410805</t>
  </si>
  <si>
    <t>-2459.5</t>
  </si>
  <si>
    <t>-27.7750900479825</t>
  </si>
  <si>
    <t>-1414.9</t>
  </si>
  <si>
    <t>-1.78</t>
  </si>
  <si>
    <t>-15.9784407029439</t>
  </si>
  <si>
    <t>1316.2</t>
  </si>
  <si>
    <t>14.863823346678</t>
  </si>
  <si>
    <t>5853.1</t>
  </si>
  <si>
    <t>66.0989548932086</t>
  </si>
  <si>
    <t>6848.2</t>
  </si>
  <si>
    <t>77.3366016127644</t>
  </si>
  <si>
    <t>189790.0</t>
  </si>
  <si>
    <t>7831.7</t>
  </si>
  <si>
    <t>88.4432497372575</t>
  </si>
  <si>
    <t>220975.0</t>
  </si>
  <si>
    <t>231393.0</t>
  </si>
  <si>
    <t>242568.0</t>
  </si>
  <si>
    <t>251703.0</t>
  </si>
  <si>
    <t>263388.0</t>
  </si>
  <si>
    <t>10123.8</t>
  </si>
  <si>
    <t>29.26</t>
  </si>
  <si>
    <t>114.327894542698</t>
  </si>
  <si>
    <t>287359.0</t>
  </si>
  <si>
    <t>299204.0</t>
  </si>
  <si>
    <t>3.403</t>
  </si>
  <si>
    <t>310340.0</t>
  </si>
  <si>
    <t>319879.0</t>
  </si>
  <si>
    <t>9539.0</t>
  </si>
  <si>
    <t>330137.0</t>
  </si>
  <si>
    <t>341662.0</t>
  </si>
  <si>
    <t>136.475691494153</t>
  </si>
  <si>
    <t>353012.0</t>
  </si>
  <si>
    <t>4.015</t>
  </si>
  <si>
    <t>365723.0</t>
  </si>
  <si>
    <t>389507.0</t>
  </si>
  <si>
    <t>399927.0</t>
  </si>
  <si>
    <t>4.549</t>
  </si>
  <si>
    <t>410075.0</t>
  </si>
  <si>
    <t>421313.0</t>
  </si>
  <si>
    <t>13033.9</t>
  </si>
  <si>
    <t>147.191602429925</t>
  </si>
  <si>
    <t>432329.0</t>
  </si>
  <si>
    <t>11019.0</t>
  </si>
  <si>
    <t>453386.0</t>
  </si>
  <si>
    <t>463295.0</t>
  </si>
  <si>
    <t>475023.0</t>
  </si>
  <si>
    <t>484541.0</t>
  </si>
  <si>
    <t>496273.0</t>
  </si>
  <si>
    <t>159.061656160128</t>
  </si>
  <si>
    <t>508288.0</t>
  </si>
  <si>
    <t>5.781</t>
  </si>
  <si>
    <t>10851.0</t>
  </si>
  <si>
    <t>519543.0</t>
  </si>
  <si>
    <t>531275.0</t>
  </si>
  <si>
    <t>544792.0</t>
  </si>
  <si>
    <t>558899.0</t>
  </si>
  <si>
    <t>586699.0</t>
  </si>
  <si>
    <t>14491.2</t>
  </si>
  <si>
    <t>163.648865583787</t>
  </si>
  <si>
    <t>615477.0</t>
  </si>
  <si>
    <t>629534.0</t>
  </si>
  <si>
    <t>643772.0</t>
  </si>
  <si>
    <t>658604.0</t>
  </si>
  <si>
    <t>14832.0</t>
  </si>
  <si>
    <t>672679.0</t>
  </si>
  <si>
    <t>686935.0</t>
  </si>
  <si>
    <t>14812.1</t>
  </si>
  <si>
    <t>167.272783614443</t>
  </si>
  <si>
    <t>701640.0</t>
  </si>
  <si>
    <t>716176.0</t>
  </si>
  <si>
    <t>14386.0</t>
  </si>
  <si>
    <t>731213.0</t>
  </si>
  <si>
    <t>746045.0</t>
  </si>
  <si>
    <t>763913.0</t>
  </si>
  <si>
    <t>8.688</t>
  </si>
  <si>
    <t>781286.0</t>
  </si>
  <si>
    <t>8.886</t>
  </si>
  <si>
    <t>800519.0</t>
  </si>
  <si>
    <t>19233.0</t>
  </si>
  <si>
    <t>9.105</t>
  </si>
  <si>
    <t>15232.5</t>
  </si>
  <si>
    <t>172.020353387231</t>
  </si>
  <si>
    <t>18398.0</t>
  </si>
  <si>
    <t>9.314</t>
  </si>
  <si>
    <t>837090.0</t>
  </si>
  <si>
    <t>856546.0</t>
  </si>
  <si>
    <t>896571.0</t>
  </si>
  <si>
    <t>915998.0</t>
  </si>
  <si>
    <t>935894.0</t>
  </si>
  <si>
    <t>19896.0</t>
  </si>
  <si>
    <t>10.644</t>
  </si>
  <si>
    <t>15344.9</t>
  </si>
  <si>
    <t>173.289684601458</t>
  </si>
  <si>
    <t>955865.0</t>
  </si>
  <si>
    <t>19971.0</t>
  </si>
  <si>
    <t>975936.0</t>
  </si>
  <si>
    <t>997009.0</t>
  </si>
  <si>
    <t>1019362.0</t>
  </si>
  <si>
    <t>22353.0</t>
  </si>
  <si>
    <t>11.594</t>
  </si>
  <si>
    <t>1040289.0</t>
  </si>
  <si>
    <t>1060126.0</t>
  </si>
  <si>
    <t>19837.0</t>
  </si>
  <si>
    <t>1084857.0</t>
  </si>
  <si>
    <t>24731.0</t>
  </si>
  <si>
    <t>21280.0</t>
  </si>
  <si>
    <t>16848.8</t>
  </si>
  <si>
    <t>190.273200732038</t>
  </si>
  <si>
    <t>1128601.0</t>
  </si>
  <si>
    <t>12.836</t>
  </si>
  <si>
    <t>21809.0</t>
  </si>
  <si>
    <t>1151032.0</t>
  </si>
  <si>
    <t>13.091</t>
  </si>
  <si>
    <t>1196947.0</t>
  </si>
  <si>
    <t>1219400.0</t>
  </si>
  <si>
    <t>1244074.0</t>
  </si>
  <si>
    <t>22745.0</t>
  </si>
  <si>
    <t>18786.8</t>
  </si>
  <si>
    <t>212.159000493368</t>
  </si>
  <si>
    <t>1269194.0</t>
  </si>
  <si>
    <t>14.435</t>
  </si>
  <si>
    <t>1293609.0</t>
  </si>
  <si>
    <t>14.713</t>
  </si>
  <si>
    <t>1319920.0</t>
  </si>
  <si>
    <t>26311.0</t>
  </si>
  <si>
    <t>1344599.0</t>
  </si>
  <si>
    <t>24679.0</t>
  </si>
  <si>
    <t>15.293</t>
  </si>
  <si>
    <t>24373.0</t>
  </si>
  <si>
    <t>1370718.0</t>
  </si>
  <si>
    <t>24824.0</t>
  </si>
  <si>
    <t>1395675.0</t>
  </si>
  <si>
    <t>15.874</t>
  </si>
  <si>
    <t>25182.0</t>
  </si>
  <si>
    <t>1422407.0</t>
  </si>
  <si>
    <t>26732.0</t>
  </si>
  <si>
    <t>16.178</t>
  </si>
  <si>
    <t>20177.4</t>
  </si>
  <si>
    <t>227.86302172562</t>
  </si>
  <si>
    <t>1449420.0</t>
  </si>
  <si>
    <t>16.485</t>
  </si>
  <si>
    <t>25747.0</t>
  </si>
  <si>
    <t>1475331.0</t>
  </si>
  <si>
    <t>25911.0</t>
  </si>
  <si>
    <t>25960.0</t>
  </si>
  <si>
    <t>1502525.0</t>
  </si>
  <si>
    <t>27194.0</t>
  </si>
  <si>
    <t>1530437.0</t>
  </si>
  <si>
    <t>17.406</t>
  </si>
  <si>
    <t>1557872.0</t>
  </si>
  <si>
    <t>27435.0</t>
  </si>
  <si>
    <t>17.719</t>
  </si>
  <si>
    <t>1583542.0</t>
  </si>
  <si>
    <t>1610869.0</t>
  </si>
  <si>
    <t>18.321</t>
  </si>
  <si>
    <t>22995.7</t>
  </si>
  <si>
    <t>259.690033834679</t>
  </si>
  <si>
    <t>1639078.0</t>
  </si>
  <si>
    <t>18.642</t>
  </si>
  <si>
    <t>27261.0</t>
  </si>
  <si>
    <t>1693242.0</t>
  </si>
  <si>
    <t>19.258</t>
  </si>
  <si>
    <t>27245.0</t>
  </si>
  <si>
    <t>26952.0</t>
  </si>
  <si>
    <t>1744958.0</t>
  </si>
  <si>
    <t>19.846</t>
  </si>
  <si>
    <t>1769520.0</t>
  </si>
  <si>
    <t>20.126</t>
  </si>
  <si>
    <t>1794727.0</t>
  </si>
  <si>
    <t>20.412</t>
  </si>
  <si>
    <t>26265.0</t>
  </si>
  <si>
    <t>25350.7</t>
  </si>
  <si>
    <t>286.285007228864</t>
  </si>
  <si>
    <t>1820003.0</t>
  </si>
  <si>
    <t>25276.0</t>
  </si>
  <si>
    <t>1846793.0</t>
  </si>
  <si>
    <t>1872391.0</t>
  </si>
  <si>
    <t>21.296</t>
  </si>
  <si>
    <t>1897803.0</t>
  </si>
  <si>
    <t>21.585</t>
  </si>
  <si>
    <t>25529.0</t>
  </si>
  <si>
    <t>1922501.0</t>
  </si>
  <si>
    <t>21.866</t>
  </si>
  <si>
    <t>25363.0</t>
  </si>
  <si>
    <t>1947114.0</t>
  </si>
  <si>
    <t>25371.0</t>
  </si>
  <si>
    <t>1972207.0</t>
  </si>
  <si>
    <t>25093.0</t>
  </si>
  <si>
    <t>22.431</t>
  </si>
  <si>
    <t>27927.6</t>
  </si>
  <si>
    <t>315.385893402739</t>
  </si>
  <si>
    <t>1997967.0</t>
  </si>
  <si>
    <t>25760.0</t>
  </si>
  <si>
    <t>2023079.0</t>
  </si>
  <si>
    <t>2048049.0</t>
  </si>
  <si>
    <t>24970.0</t>
  </si>
  <si>
    <t>23.294</t>
  </si>
  <si>
    <t>2073791.0</t>
  </si>
  <si>
    <t>23.586</t>
  </si>
  <si>
    <t>2098985.0</t>
  </si>
  <si>
    <t>25194.0</t>
  </si>
  <si>
    <t>2123518.0</t>
  </si>
  <si>
    <t>24.152</t>
  </si>
  <si>
    <t>2148999.0</t>
  </si>
  <si>
    <t>24.442</t>
  </si>
  <si>
    <t>30928.1</t>
  </si>
  <si>
    <t>349.270486892868</t>
  </si>
  <si>
    <t>2175217.0</t>
  </si>
  <si>
    <t>2201958.0</t>
  </si>
  <si>
    <t>2228277.0</t>
  </si>
  <si>
    <t>2254123.0</t>
  </si>
  <si>
    <t>25.637</t>
  </si>
  <si>
    <t>2278384.0</t>
  </si>
  <si>
    <t>25628.0</t>
  </si>
  <si>
    <t>34097.8</t>
  </si>
  <si>
    <t>385.065852993738</t>
  </si>
  <si>
    <t>2380122.0</t>
  </si>
  <si>
    <t>2405862.0</t>
  </si>
  <si>
    <t>27.363</t>
  </si>
  <si>
    <t>25369.0</t>
  </si>
  <si>
    <t>2456909.0</t>
  </si>
  <si>
    <t>27.944</t>
  </si>
  <si>
    <t>2482553.0</t>
  </si>
  <si>
    <t>25644.0</t>
  </si>
  <si>
    <t>28.235</t>
  </si>
  <si>
    <t>2508418.0</t>
  </si>
  <si>
    <t>25865.0</t>
  </si>
  <si>
    <t>25595.0</t>
  </si>
  <si>
    <t>38154.5</t>
  </si>
  <si>
    <t>430.878094423968</t>
  </si>
  <si>
    <t>2534658.0</t>
  </si>
  <si>
    <t>26240.0</t>
  </si>
  <si>
    <t>28.828</t>
  </si>
  <si>
    <t>2560374.0</t>
  </si>
  <si>
    <t>25716.0</t>
  </si>
  <si>
    <t>25750.0</t>
  </si>
  <si>
    <t>2587083.0</t>
  </si>
  <si>
    <t>26709.0</t>
  </si>
  <si>
    <t>29.424</t>
  </si>
  <si>
    <t>25889.0</t>
  </si>
  <si>
    <t>25849.0</t>
  </si>
  <si>
    <t>2637575.0</t>
  </si>
  <si>
    <t>29.999</t>
  </si>
  <si>
    <t>2661965.0</t>
  </si>
  <si>
    <t>30.276</t>
  </si>
  <si>
    <t>25630.0</t>
  </si>
  <si>
    <t>2686498.0</t>
  </si>
  <si>
    <t>25440.0</t>
  </si>
  <si>
    <t>41706.8</t>
  </si>
  <si>
    <t>470.994155565439</t>
  </si>
  <si>
    <t>2711817.0</t>
  </si>
  <si>
    <t>2736514.0</t>
  </si>
  <si>
    <t>2763225.0</t>
  </si>
  <si>
    <t>26711.0</t>
  </si>
  <si>
    <t>31.428</t>
  </si>
  <si>
    <t>25075.0</t>
  </si>
  <si>
    <t>2812488.0</t>
  </si>
  <si>
    <t>2836252.0</t>
  </si>
  <si>
    <t>23764.0</t>
  </si>
  <si>
    <t>2861825.0</t>
  </si>
  <si>
    <t>25573.0</t>
  </si>
  <si>
    <t>44397.1</t>
  </si>
  <si>
    <t>501.375665935875</t>
  </si>
  <si>
    <t>2887938.0</t>
  </si>
  <si>
    <t>26113.0</t>
  </si>
  <si>
    <t>32.846</t>
  </si>
  <si>
    <t>25160.0</t>
  </si>
  <si>
    <t>2914049.0</t>
  </si>
  <si>
    <t>33.143</t>
  </si>
  <si>
    <t>25362.0</t>
  </si>
  <si>
    <t>2939840.0</t>
  </si>
  <si>
    <t>33.436</t>
  </si>
  <si>
    <t>25231.0</t>
  </si>
  <si>
    <t>2963741.0</t>
  </si>
  <si>
    <t>33.708</t>
  </si>
  <si>
    <t>25126.0</t>
  </si>
  <si>
    <t>3011310.0</t>
  </si>
  <si>
    <t>34.249</t>
  </si>
  <si>
    <t>3036711.0</t>
  </si>
  <si>
    <t>25401.0</t>
  </si>
  <si>
    <t>34.538</t>
  </si>
  <si>
    <t>24984.0</t>
  </si>
  <si>
    <t>47109.8</t>
  </si>
  <si>
    <t>532.01013911057</t>
  </si>
  <si>
    <t>3062422.0</t>
  </si>
  <si>
    <t>34.831</t>
  </si>
  <si>
    <t>3088313.0</t>
  </si>
  <si>
    <t>35.125</t>
  </si>
  <si>
    <t>3113806.0</t>
  </si>
  <si>
    <t>35.415</t>
  </si>
  <si>
    <t>3138782.0</t>
  </si>
  <si>
    <t>24976.0</t>
  </si>
  <si>
    <t>35.699</t>
  </si>
  <si>
    <t>25006.0</t>
  </si>
  <si>
    <t>3161894.0</t>
  </si>
  <si>
    <t>35.962</t>
  </si>
  <si>
    <t>3207269.0</t>
  </si>
  <si>
    <t>36.478</t>
  </si>
  <si>
    <t>49254.9</t>
  </si>
  <si>
    <t>556.234715513061</t>
  </si>
  <si>
    <t>3231110.0</t>
  </si>
  <si>
    <t>36.749</t>
  </si>
  <si>
    <t>24098.0</t>
  </si>
  <si>
    <t>3256122.0</t>
  </si>
  <si>
    <t>3281961.0</t>
  </si>
  <si>
    <t>25839.0</t>
  </si>
  <si>
    <t>37.327</t>
  </si>
  <si>
    <t>24022.0</t>
  </si>
  <si>
    <t>3307383.0</t>
  </si>
  <si>
    <t>25422.0</t>
  </si>
  <si>
    <t>37.617</t>
  </si>
  <si>
    <t>3355152.0</t>
  </si>
  <si>
    <t>50497.7</t>
  </si>
  <si>
    <t>570.269633956498</t>
  </si>
  <si>
    <t>3406055.0</t>
  </si>
  <si>
    <t>38.739</t>
  </si>
  <si>
    <t>24992.0</t>
  </si>
  <si>
    <t>3431646.0</t>
  </si>
  <si>
    <t>3457743.0</t>
  </si>
  <si>
    <t>3507938.0</t>
  </si>
  <si>
    <t>39.898</t>
  </si>
  <si>
    <t>3532874.0</t>
  </si>
  <si>
    <t>40.181</t>
  </si>
  <si>
    <t>3559565.0</t>
  </si>
  <si>
    <t>26691.0</t>
  </si>
  <si>
    <t>40.485</t>
  </si>
  <si>
    <t>53007.6</t>
  </si>
  <si>
    <t>598.613890314063</t>
  </si>
  <si>
    <t>3586848.0</t>
  </si>
  <si>
    <t>40.795</t>
  </si>
  <si>
    <t>3641581.0</t>
  </si>
  <si>
    <t>41.418</t>
  </si>
  <si>
    <t>26263.0</t>
  </si>
  <si>
    <t>26485.0</t>
  </si>
  <si>
    <t>3719210.0</t>
  </si>
  <si>
    <t>42.301</t>
  </si>
  <si>
    <t>26619.0</t>
  </si>
  <si>
    <t>55131.8</t>
  </si>
  <si>
    <t>622.602443385795</t>
  </si>
  <si>
    <t>3773300.0</t>
  </si>
  <si>
    <t>42.916</t>
  </si>
  <si>
    <t>26636.0</t>
  </si>
  <si>
    <t>3800619.0</t>
  </si>
  <si>
    <t>43.226</t>
  </si>
  <si>
    <t>26629.0</t>
  </si>
  <si>
    <t>3828330.0</t>
  </si>
  <si>
    <t>43.542</t>
  </si>
  <si>
    <t>26678.0</t>
  </si>
  <si>
    <t>25425.0</t>
  </si>
  <si>
    <t>3879640.0</t>
  </si>
  <si>
    <t>44.125</t>
  </si>
  <si>
    <t>57189.2</t>
  </si>
  <si>
    <t>645.836625237684</t>
  </si>
  <si>
    <t>3959783.0</t>
  </si>
  <si>
    <t>26640.0</t>
  </si>
  <si>
    <t>3986720.0</t>
  </si>
  <si>
    <t>45.343</t>
  </si>
  <si>
    <t>4014821.0</t>
  </si>
  <si>
    <t>28101.0</t>
  </si>
  <si>
    <t>45.663</t>
  </si>
  <si>
    <t>26642.0</t>
  </si>
  <si>
    <t>4067861.0</t>
  </si>
  <si>
    <t>46.266</t>
  </si>
  <si>
    <t>28588.0</t>
  </si>
  <si>
    <t>24563.0</t>
  </si>
  <si>
    <t>60053.5</t>
  </si>
  <si>
    <t>678.183114534059</t>
  </si>
  <si>
    <t>4115445.0</t>
  </si>
  <si>
    <t>46.807</t>
  </si>
  <si>
    <t>4207631.0</t>
  </si>
  <si>
    <t>92186.0</t>
  </si>
  <si>
    <t>27544.0</t>
  </si>
  <si>
    <t>27459.0</t>
  </si>
  <si>
    <t>4312514.0</t>
  </si>
  <si>
    <t>49.049</t>
  </si>
  <si>
    <t>31552.0</t>
  </si>
  <si>
    <t>63110.2</t>
  </si>
  <si>
    <t>712.702373631302</t>
  </si>
  <si>
    <t>4340831.0</t>
  </si>
  <si>
    <t>49.371</t>
  </si>
  <si>
    <t>4369622.0</t>
  </si>
  <si>
    <t>28791.0</t>
  </si>
  <si>
    <t>49.698</t>
  </si>
  <si>
    <t>4398723.0</t>
  </si>
  <si>
    <t>4426779.0</t>
  </si>
  <si>
    <t>28105.0</t>
  </si>
  <si>
    <t>4511154.0</t>
  </si>
  <si>
    <t>51.308</t>
  </si>
  <si>
    <t>28377.0</t>
  </si>
  <si>
    <t>67422.2</t>
  </si>
  <si>
    <t>761.397713451144</t>
  </si>
  <si>
    <t>4540455.0</t>
  </si>
  <si>
    <t>51.641</t>
  </si>
  <si>
    <t>28518.0</t>
  </si>
  <si>
    <t>4570243.0</t>
  </si>
  <si>
    <t>28660.0</t>
  </si>
  <si>
    <t>4599554.0</t>
  </si>
  <si>
    <t>29311.0</t>
  </si>
  <si>
    <t>52.313</t>
  </si>
  <si>
    <t>28690.0</t>
  </si>
  <si>
    <t>4628866.0</t>
  </si>
  <si>
    <t>4658727.0</t>
  </si>
  <si>
    <t>52.986</t>
  </si>
  <si>
    <t>29118.0</t>
  </si>
  <si>
    <t>71576.7</t>
  </si>
  <si>
    <t>808.31440855354</t>
  </si>
  <si>
    <t>4719597.0</t>
  </si>
  <si>
    <t>53.678</t>
  </si>
  <si>
    <t>0.2245</t>
  </si>
  <si>
    <t>4786769.0</t>
  </si>
  <si>
    <t>54.442</t>
  </si>
  <si>
    <t>4821681.0</t>
  </si>
  <si>
    <t>30096.0</t>
  </si>
  <si>
    <t>4857392.0</t>
  </si>
  <si>
    <t>55.246</t>
  </si>
  <si>
    <t>4929005.0</t>
  </si>
  <si>
    <t>71613.0</t>
  </si>
  <si>
    <t>4965326.0</t>
  </si>
  <si>
    <t>36321.0</t>
  </si>
  <si>
    <t>38003.0</t>
  </si>
  <si>
    <t>77387.9</t>
  </si>
  <si>
    <t>873.940187486996</t>
  </si>
  <si>
    <t>5001422.0</t>
  </si>
  <si>
    <t>56.884</t>
  </si>
  <si>
    <t>5073034.0</t>
  </si>
  <si>
    <t>71612.0</t>
  </si>
  <si>
    <t>57.698</t>
  </si>
  <si>
    <t>35908.0</t>
  </si>
  <si>
    <t>5110752.0</t>
  </si>
  <si>
    <t>58.127</t>
  </si>
  <si>
    <t>5185361.0</t>
  </si>
  <si>
    <t>58.976</t>
  </si>
  <si>
    <t>5224252.0</t>
  </si>
  <si>
    <t>59.418</t>
  </si>
  <si>
    <t>83893.4</t>
  </si>
  <si>
    <t>947.406684054246</t>
  </si>
  <si>
    <t>5263173.0</t>
  </si>
  <si>
    <t>39971.0</t>
  </si>
  <si>
    <t>5302200.0</t>
  </si>
  <si>
    <t>39027.0</t>
  </si>
  <si>
    <t>60.305</t>
  </si>
  <si>
    <t>42968.0</t>
  </si>
  <si>
    <t>38523.0</t>
  </si>
  <si>
    <t>38920.0</t>
  </si>
  <si>
    <t>39377.0</t>
  </si>
  <si>
    <t>5464191.0</t>
  </si>
  <si>
    <t>62.147</t>
  </si>
  <si>
    <t>39833.0</t>
  </si>
  <si>
    <t>5505088.0</t>
  </si>
  <si>
    <t>40897.0</t>
  </si>
  <si>
    <t>62.612</t>
  </si>
  <si>
    <t>40119.0</t>
  </si>
  <si>
    <t>91533.8</t>
  </si>
  <si>
    <t>95.89</t>
  </si>
  <si>
    <t>1033.6895862712</t>
  </si>
  <si>
    <t>5545444.0</t>
  </si>
  <si>
    <t>40324.0</t>
  </si>
  <si>
    <t>5586141.0</t>
  </si>
  <si>
    <t>40563.0</t>
  </si>
  <si>
    <t>5626631.0</t>
  </si>
  <si>
    <t>40490.0</t>
  </si>
  <si>
    <t>63.995</t>
  </si>
  <si>
    <t>40562.0</t>
  </si>
  <si>
    <t>5667538.0</t>
  </si>
  <si>
    <t>40907.0</t>
  </si>
  <si>
    <t>5747325.0</t>
  </si>
  <si>
    <t>65.367</t>
  </si>
  <si>
    <t>0.3242</t>
  </si>
  <si>
    <t>40390.0</t>
  </si>
  <si>
    <t>98200.9</t>
  </si>
  <si>
    <t>1108.98102878346</t>
  </si>
  <si>
    <t>5828307.0</t>
  </si>
  <si>
    <t>66.288</t>
  </si>
  <si>
    <t>5871098.0</t>
  </si>
  <si>
    <t>66.775</t>
  </si>
  <si>
    <t>0.3231</t>
  </si>
  <si>
    <t>5913229.0</t>
  </si>
  <si>
    <t>42131.0</t>
  </si>
  <si>
    <t>67.254</t>
  </si>
  <si>
    <t>5955724.0</t>
  </si>
  <si>
    <t>42495.0</t>
  </si>
  <si>
    <t>67.738</t>
  </si>
  <si>
    <t>0.3235</t>
  </si>
  <si>
    <t>6038556.0</t>
  </si>
  <si>
    <t>42019.0</t>
  </si>
  <si>
    <t>103966.3</t>
  </si>
  <si>
    <t>1174.08958912607</t>
  </si>
  <si>
    <t>6125348.0</t>
  </si>
  <si>
    <t>69.667</t>
  </si>
  <si>
    <t>42434.0</t>
  </si>
  <si>
    <t>6168637.0</t>
  </si>
  <si>
    <t>43289.0</t>
  </si>
  <si>
    <t>70.159</t>
  </si>
  <si>
    <t>42778.0</t>
  </si>
  <si>
    <t>0.3177</t>
  </si>
  <si>
    <t>6298438.0</t>
  </si>
  <si>
    <t>71.635</t>
  </si>
  <si>
    <t>0.3134</t>
  </si>
  <si>
    <t>6342628.0</t>
  </si>
  <si>
    <t>72.138</t>
  </si>
  <si>
    <t>6387019.0</t>
  </si>
  <si>
    <t>72.643</t>
  </si>
  <si>
    <t>43581.0</t>
  </si>
  <si>
    <t>107944.2</t>
  </si>
  <si>
    <t>1219.01194354846</t>
  </si>
  <si>
    <t>6432228.0</t>
  </si>
  <si>
    <t>45209.0</t>
  </si>
  <si>
    <t>43840.0</t>
  </si>
  <si>
    <t>44169.0</t>
  </si>
  <si>
    <t>6523409.0</t>
  </si>
  <si>
    <t>6568742.0</t>
  </si>
  <si>
    <t>44796.0</t>
  </si>
  <si>
    <t>0.2536</t>
  </si>
  <si>
    <t>6657974.0</t>
  </si>
  <si>
    <t>75.725</t>
  </si>
  <si>
    <t>43690.0</t>
  </si>
  <si>
    <t>0.2214</t>
  </si>
  <si>
    <t>110928.5</t>
  </si>
  <si>
    <t>1252.71359072479</t>
  </si>
  <si>
    <t>6797469.0</t>
  </si>
  <si>
    <t>77.311</t>
  </si>
  <si>
    <t>39151.0</t>
  </si>
  <si>
    <t>6944462.0</t>
  </si>
  <si>
    <t>7046447.0</t>
  </si>
  <si>
    <t>80.143</t>
  </si>
  <si>
    <t>50514.0</t>
  </si>
  <si>
    <t>113301.4</t>
  </si>
  <si>
    <t>1279.51070850274</t>
  </si>
  <si>
    <t>7097556.0</t>
  </si>
  <si>
    <t>51109.0</t>
  </si>
  <si>
    <t>80.724</t>
  </si>
  <si>
    <t>55281.0</t>
  </si>
  <si>
    <t>7201567.0</t>
  </si>
  <si>
    <t>54580.0</t>
  </si>
  <si>
    <t>51432.0</t>
  </si>
  <si>
    <t>7407400.0</t>
  </si>
  <si>
    <t>84.248</t>
  </si>
  <si>
    <t>51565.0</t>
  </si>
  <si>
    <t>114480.1</t>
  </si>
  <si>
    <t>1292.82174677863</t>
  </si>
  <si>
    <t>7513534.0</t>
  </si>
  <si>
    <t>85.455</t>
  </si>
  <si>
    <t>51996.0</t>
  </si>
  <si>
    <t>7566946.0</t>
  </si>
  <si>
    <t>53412.0</t>
  </si>
  <si>
    <t>86.063</t>
  </si>
  <si>
    <t>7620667.0</t>
  </si>
  <si>
    <t>53721.0</t>
  </si>
  <si>
    <t>86.674</t>
  </si>
  <si>
    <t>7670268.0</t>
  </si>
  <si>
    <t>52255.0</t>
  </si>
  <si>
    <t>7777488.0</t>
  </si>
  <si>
    <t>88.458</t>
  </si>
  <si>
    <t>115210.5</t>
  </si>
  <si>
    <t>1301.07014107465</t>
  </si>
  <si>
    <t>52998.0</t>
  </si>
  <si>
    <t>7885416.0</t>
  </si>
  <si>
    <t>89.685</t>
  </si>
  <si>
    <t>53126.0</t>
  </si>
  <si>
    <t>7939633.0</t>
  </si>
  <si>
    <t>90.302</t>
  </si>
  <si>
    <t>7993502.0</t>
  </si>
  <si>
    <t>53869.0</t>
  </si>
  <si>
    <t>90.914</t>
  </si>
  <si>
    <t>53836.0</t>
  </si>
  <si>
    <t>53837.0</t>
  </si>
  <si>
    <t>53838.0</t>
  </si>
  <si>
    <t>115610.4</t>
  </si>
  <si>
    <t>1305.58620470961</t>
  </si>
  <si>
    <t>8207975.0</t>
  </si>
  <si>
    <t>93.354</t>
  </si>
  <si>
    <t>53789.0</t>
  </si>
  <si>
    <t>8262166.0</t>
  </si>
  <si>
    <t>54191.0</t>
  </si>
  <si>
    <t>93.97</t>
  </si>
  <si>
    <t>53821.0</t>
  </si>
  <si>
    <t>53652.0</t>
  </si>
  <si>
    <t>53447.0</t>
  </si>
  <si>
    <t>53363.0</t>
  </si>
  <si>
    <t>8527307.0</t>
  </si>
  <si>
    <t>96.986</t>
  </si>
  <si>
    <t>116003.6</t>
  </si>
  <si>
    <t>1310.02660536294</t>
  </si>
  <si>
    <t>8580126.0</t>
  </si>
  <si>
    <t>52819.0</t>
  </si>
  <si>
    <t>97.586</t>
  </si>
  <si>
    <t>53164.0</t>
  </si>
  <si>
    <t>8634553.0</t>
  </si>
  <si>
    <t>54427.0</t>
  </si>
  <si>
    <t>98.205</t>
  </si>
  <si>
    <t>53198.0</t>
  </si>
  <si>
    <t>8688732.0</t>
  </si>
  <si>
    <t>98.822</t>
  </si>
  <si>
    <t>8743951.0</t>
  </si>
  <si>
    <t>55219.0</t>
  </si>
  <si>
    <t>8796864.0</t>
  </si>
  <si>
    <t>100.051</t>
  </si>
  <si>
    <t>53659.0</t>
  </si>
  <si>
    <t>8850281.0</t>
  </si>
  <si>
    <t>53417.0</t>
  </si>
  <si>
    <t>100.659</t>
  </si>
  <si>
    <t>8905093.0</t>
  </si>
  <si>
    <t>54812.0</t>
  </si>
  <si>
    <t>101.282</t>
  </si>
  <si>
    <t>53969.0</t>
  </si>
  <si>
    <t>116320.5</t>
  </si>
  <si>
    <t>1313.60535146426</t>
  </si>
  <si>
    <t>8960186.0</t>
  </si>
  <si>
    <t>101.909</t>
  </si>
  <si>
    <t>9015376.0</t>
  </si>
  <si>
    <t>55190.0</t>
  </si>
  <si>
    <t>102.537</t>
  </si>
  <si>
    <t>54499.0</t>
  </si>
  <si>
    <t>9125076.0</t>
  </si>
  <si>
    <t>103.784</t>
  </si>
  <si>
    <t>54446.0</t>
  </si>
  <si>
    <t>54517.0</t>
  </si>
  <si>
    <t>54515.0</t>
  </si>
  <si>
    <t>9285288.0</t>
  </si>
  <si>
    <t>105.607</t>
  </si>
  <si>
    <t>116955.7</t>
  </si>
  <si>
    <t>1320.77865384217</t>
  </si>
  <si>
    <t>9340259.0</t>
  </si>
  <si>
    <t>106.232</t>
  </si>
  <si>
    <t>9394967.0</t>
  </si>
  <si>
    <t>54708.0</t>
  </si>
  <si>
    <t>106.854</t>
  </si>
  <si>
    <t>54227.0</t>
  </si>
  <si>
    <t>9449658.0</t>
  </si>
  <si>
    <t>107.476</t>
  </si>
  <si>
    <t>9504930.0</t>
  </si>
  <si>
    <t>55272.0</t>
  </si>
  <si>
    <t>108.105</t>
  </si>
  <si>
    <t>54265.0</t>
  </si>
  <si>
    <t>54366.0</t>
  </si>
  <si>
    <t>54467.0</t>
  </si>
  <si>
    <t>9667260.0</t>
  </si>
  <si>
    <t>109.951</t>
  </si>
  <si>
    <t>54567.0</t>
  </si>
  <si>
    <t>117247.5</t>
  </si>
  <si>
    <t>1324.07394608694</t>
  </si>
  <si>
    <t>9779202.0</t>
  </si>
  <si>
    <t>111.224</t>
  </si>
  <si>
    <t>54891.0</t>
  </si>
  <si>
    <t>54700.0</t>
  </si>
  <si>
    <t>9885913.0</t>
  </si>
  <si>
    <t>112.438</t>
  </si>
  <si>
    <t>54426.0</t>
  </si>
  <si>
    <t>54456.0</t>
  </si>
  <si>
    <t>54486.0</t>
  </si>
  <si>
    <t>10048871.0</t>
  </si>
  <si>
    <t>114.291</t>
  </si>
  <si>
    <t>117225.1</t>
  </si>
  <si>
    <t>1323.82098328268</t>
  </si>
  <si>
    <t>10105080.0</t>
  </si>
  <si>
    <t>56209.0</t>
  </si>
  <si>
    <t>114.93</t>
  </si>
  <si>
    <t>54550.0</t>
  </si>
  <si>
    <t>54619.0</t>
  </si>
  <si>
    <t>55062.0</t>
  </si>
  <si>
    <t>55504.0</t>
  </si>
  <si>
    <t>10330898.0</t>
  </si>
  <si>
    <t>117.499</t>
  </si>
  <si>
    <t>55809.0</t>
  </si>
  <si>
    <t>10444695.0</t>
  </si>
  <si>
    <t>118.793</t>
  </si>
  <si>
    <t>56546.0</t>
  </si>
  <si>
    <t>117975.0</t>
  </si>
  <si>
    <t>1332.28959073419</t>
  </si>
  <si>
    <t>56688.0</t>
  </si>
  <si>
    <t>10559096.0</t>
  </si>
  <si>
    <t>120.094</t>
  </si>
  <si>
    <t>56794.0</t>
  </si>
  <si>
    <t>57358.0</t>
  </si>
  <si>
    <t>10734379.0</t>
  </si>
  <si>
    <t>122.088</t>
  </si>
  <si>
    <t>57640.0</t>
  </si>
  <si>
    <t>58024.0</t>
  </si>
  <si>
    <t>58408.0</t>
  </si>
  <si>
    <t>118220.6</t>
  </si>
  <si>
    <t>1335.06314719517</t>
  </si>
  <si>
    <t>58749.0</t>
  </si>
  <si>
    <t>59090.0</t>
  </si>
  <si>
    <t>11032310.0</t>
  </si>
  <si>
    <t>125.476</t>
  </si>
  <si>
    <t>59509.0</t>
  </si>
  <si>
    <t>11212921.0</t>
  </si>
  <si>
    <t>127.531</t>
  </si>
  <si>
    <t>59851.0</t>
  </si>
  <si>
    <t>60350.0</t>
  </si>
  <si>
    <t>119067.0</t>
  </si>
  <si>
    <t>1344.62152744181</t>
  </si>
  <si>
    <t>60849.0</t>
  </si>
  <si>
    <t>11402162.0</t>
  </si>
  <si>
    <t>129.683</t>
  </si>
  <si>
    <t>61864.0</t>
  </si>
  <si>
    <t>62291.0</t>
  </si>
  <si>
    <t>62719.0</t>
  </si>
  <si>
    <t>63146.0</t>
  </si>
  <si>
    <t>63162.0</t>
  </si>
  <si>
    <t>119743.0</t>
  </si>
  <si>
    <t>1352.25558349891</t>
  </si>
  <si>
    <t>63179.0</t>
  </si>
  <si>
    <t>11844528.0</t>
  </si>
  <si>
    <t>134.714</t>
  </si>
  <si>
    <t>63329.0</t>
  </si>
  <si>
    <t>63463.0</t>
  </si>
  <si>
    <t>124193.0</t>
  </si>
  <si>
    <t>63732.0</t>
  </si>
  <si>
    <t>121127.8</t>
  </si>
  <si>
    <t>1367.89410543363</t>
  </si>
  <si>
    <t>64134.0</t>
  </si>
  <si>
    <t>12550000.0</t>
  </si>
  <si>
    <t>142.738</t>
  </si>
  <si>
    <t>319890.0</t>
  </si>
  <si>
    <t>12618420.0</t>
  </si>
  <si>
    <t>68420.0</t>
  </si>
  <si>
    <t>143.516</t>
  </si>
  <si>
    <t>64746.0</t>
  </si>
  <si>
    <t>120596.8</t>
  </si>
  <si>
    <t>1361.89753181482</t>
  </si>
  <si>
    <t>12682968.0</t>
  </si>
  <si>
    <t>64548.0</t>
  </si>
  <si>
    <t>144.25</t>
  </si>
  <si>
    <t>12751397.0</t>
  </si>
  <si>
    <t>68429.0</t>
  </si>
  <si>
    <t>145.028</t>
  </si>
  <si>
    <t>65419.0</t>
  </si>
  <si>
    <t>12821847.0</t>
  </si>
  <si>
    <t>12893317.0</t>
  </si>
  <si>
    <t>146.643</t>
  </si>
  <si>
    <t>67369.0</t>
  </si>
  <si>
    <t>12963778.0</t>
  </si>
  <si>
    <t>70461.0</t>
  </si>
  <si>
    <t>147.444</t>
  </si>
  <si>
    <t>68273.0</t>
  </si>
  <si>
    <t>13038709.0</t>
  </si>
  <si>
    <t>74931.0</t>
  </si>
  <si>
    <t>148.296</t>
  </si>
  <si>
    <t>69816.0</t>
  </si>
  <si>
    <t>13111118.0</t>
  </si>
  <si>
    <t>72409.0</t>
  </si>
  <si>
    <t>149.12</t>
  </si>
  <si>
    <t>70385.0</t>
  </si>
  <si>
    <t>122521.2</t>
  </si>
  <si>
    <t>1383.62974701642</t>
  </si>
  <si>
    <t>13183709.0</t>
  </si>
  <si>
    <t>149.945</t>
  </si>
  <si>
    <t>71534.0</t>
  </si>
  <si>
    <t>72296.0</t>
  </si>
  <si>
    <t>13331229.0</t>
  </si>
  <si>
    <t>151.623</t>
  </si>
  <si>
    <t>72769.0</t>
  </si>
  <si>
    <t>75484.0</t>
  </si>
  <si>
    <t>80565.0</t>
  </si>
  <si>
    <t>83146.0</t>
  </si>
  <si>
    <t>125952.0</t>
  </si>
  <si>
    <t>1422.37371080443</t>
  </si>
  <si>
    <t>88089.0</t>
  </si>
  <si>
    <t>13964570.0</t>
  </si>
  <si>
    <t>158.826</t>
  </si>
  <si>
    <t>90477.0</t>
  </si>
  <si>
    <t>462642.0</t>
  </si>
  <si>
    <t>361951.0</t>
  </si>
  <si>
    <t>100691.0</t>
  </si>
  <si>
    <t>0.2488</t>
  </si>
  <si>
    <t>0.2425</t>
  </si>
  <si>
    <t>100532.0</t>
  </si>
  <si>
    <t>128986.8</t>
  </si>
  <si>
    <t>1456.64565358858</t>
  </si>
  <si>
    <t>103046.0</t>
  </si>
  <si>
    <t>550131.0</t>
  </si>
  <si>
    <t>416084.0</t>
  </si>
  <si>
    <t>14764.0</t>
  </si>
  <si>
    <t>14613010.0</t>
  </si>
  <si>
    <t>166.202</t>
  </si>
  <si>
    <t>105560.0</t>
  </si>
  <si>
    <t>621822.0</t>
  </si>
  <si>
    <t>480646.0</t>
  </si>
  <si>
    <t>141176.0</t>
  </si>
  <si>
    <t>23873.0</t>
  </si>
  <si>
    <t>14854140.0</t>
  </si>
  <si>
    <t>168.944</t>
  </si>
  <si>
    <t>667202.0</t>
  </si>
  <si>
    <t>518904.0</t>
  </si>
  <si>
    <t>148298.0</t>
  </si>
  <si>
    <t>112615.0</t>
  </si>
  <si>
    <t>30689.0</t>
  </si>
  <si>
    <t>24710.0</t>
  </si>
  <si>
    <t>113587.0</t>
  </si>
  <si>
    <t>0.2032</t>
  </si>
  <si>
    <t>32379.0</t>
  </si>
  <si>
    <t>133699.8</t>
  </si>
  <si>
    <t>1509.86947932395</t>
  </si>
  <si>
    <t>15313657.0</t>
  </si>
  <si>
    <t>115531.0</t>
  </si>
  <si>
    <t>42587.0</t>
  </si>
  <si>
    <t>15435147.0</t>
  </si>
  <si>
    <t>121490.0</t>
  </si>
  <si>
    <t>175.552</t>
  </si>
  <si>
    <t>117448.0</t>
  </si>
  <si>
    <t>32371.0</t>
  </si>
  <si>
    <t>118705.0</t>
  </si>
  <si>
    <t>938754.0</t>
  </si>
  <si>
    <t>744914.0</t>
  </si>
  <si>
    <t>193840.0</t>
  </si>
  <si>
    <t>15693870.0</t>
  </si>
  <si>
    <t>119961.0</t>
  </si>
  <si>
    <t>1002591.0</t>
  </si>
  <si>
    <t>798465.0</t>
  </si>
  <si>
    <t>204126.0</t>
  </si>
  <si>
    <t>123135.0</t>
  </si>
  <si>
    <t>1068123.0</t>
  </si>
  <si>
    <t>858296.0</t>
  </si>
  <si>
    <t>209827.0</t>
  </si>
  <si>
    <t>65532.0</t>
  </si>
  <si>
    <t>126309.0</t>
  </si>
  <si>
    <t>53148.0</t>
  </si>
  <si>
    <t>45752.0</t>
  </si>
  <si>
    <t>55486.0</t>
  </si>
  <si>
    <t>48401.0</t>
  </si>
  <si>
    <t>138511.8</t>
  </si>
  <si>
    <t>1564.21131031028</t>
  </si>
  <si>
    <t>132658.0</t>
  </si>
  <si>
    <t>57825.0</t>
  </si>
  <si>
    <t>51050.0</t>
  </si>
  <si>
    <t>16379357.0</t>
  </si>
  <si>
    <t>186.291</t>
  </si>
  <si>
    <t>134887.0</t>
  </si>
  <si>
    <t>1314641.0</t>
  </si>
  <si>
    <t>1083138.0</t>
  </si>
  <si>
    <t>231503.0</t>
  </si>
  <si>
    <t>60164.0</t>
  </si>
  <si>
    <t>53699.0</t>
  </si>
  <si>
    <t>135930.0</t>
  </si>
  <si>
    <t>61824.0</t>
  </si>
  <si>
    <t>55390.0</t>
  </si>
  <si>
    <t>136973.0</t>
  </si>
  <si>
    <t>60831.0</t>
  </si>
  <si>
    <t>16789338.0</t>
  </si>
  <si>
    <t>190.954</t>
  </si>
  <si>
    <t>136910.0</t>
  </si>
  <si>
    <t>1485287.0</t>
  </si>
  <si>
    <t>1231652.0</t>
  </si>
  <si>
    <t>253635.0</t>
  </si>
  <si>
    <t>59595.0</t>
  </si>
  <si>
    <t>137201.0</t>
  </si>
  <si>
    <t>64233.0</t>
  </si>
  <si>
    <t>137491.0</t>
  </si>
  <si>
    <t>68871.0</t>
  </si>
  <si>
    <t>142204.3</t>
  </si>
  <si>
    <t>1605.91064757484</t>
  </si>
  <si>
    <t>17206735.0</t>
  </si>
  <si>
    <t>195.701</t>
  </si>
  <si>
    <t>137782.0</t>
  </si>
  <si>
    <t>1767570.0</t>
  </si>
  <si>
    <t>1475436.0</t>
  </si>
  <si>
    <t>292134.0</t>
  </si>
  <si>
    <t>73508.0</t>
  </si>
  <si>
    <t>64073.0</t>
  </si>
  <si>
    <t>137707.0</t>
  </si>
  <si>
    <t>76170.0</t>
  </si>
  <si>
    <t>137694.0</t>
  </si>
  <si>
    <t>79509.0</t>
  </si>
  <si>
    <t>69531.0</t>
  </si>
  <si>
    <t>17616446.0</t>
  </si>
  <si>
    <t>200.361</t>
  </si>
  <si>
    <t>137681.0</t>
  </si>
  <si>
    <t>72739.0</t>
  </si>
  <si>
    <t>137267.0</t>
  </si>
  <si>
    <t>75947.0</t>
  </si>
  <si>
    <t>136499.0</t>
  </si>
  <si>
    <t>84212.0</t>
  </si>
  <si>
    <t>74619.0</t>
  </si>
  <si>
    <t>135732.0</t>
  </si>
  <si>
    <t>82235.0</t>
  </si>
  <si>
    <t>145704.3</t>
  </si>
  <si>
    <t>1645.4360857403</t>
  </si>
  <si>
    <t>18151487.0</t>
  </si>
  <si>
    <t>206.447</t>
  </si>
  <si>
    <t>134965.0</t>
  </si>
  <si>
    <t>2329379.0</t>
  </si>
  <si>
    <t>1979167.0</t>
  </si>
  <si>
    <t>350212.0</t>
  </si>
  <si>
    <t>71962.0</t>
  </si>
  <si>
    <t>134466.0</t>
  </si>
  <si>
    <t>90478.0</t>
  </si>
  <si>
    <t>82394.0</t>
  </si>
  <si>
    <t>133469.0</t>
  </si>
  <si>
    <t>95588.0</t>
  </si>
  <si>
    <t>87611.0</t>
  </si>
  <si>
    <t>18683814.0</t>
  </si>
  <si>
    <t>212.501</t>
  </si>
  <si>
    <t>133373.0</t>
  </si>
  <si>
    <t>131917.0</t>
  </si>
  <si>
    <t>105808.0</t>
  </si>
  <si>
    <t>98044.0</t>
  </si>
  <si>
    <t>130461.0</t>
  </si>
  <si>
    <t>149588.9</t>
  </si>
  <si>
    <t>1689.30480491102</t>
  </si>
  <si>
    <t>19054521.0</t>
  </si>
  <si>
    <t>216.717</t>
  </si>
  <si>
    <t>129005.0</t>
  </si>
  <si>
    <t>3141577.0</t>
  </si>
  <si>
    <t>2738504.0</t>
  </si>
  <si>
    <t>403073.0</t>
  </si>
  <si>
    <t>116028.0</t>
  </si>
  <si>
    <t>108477.0</t>
  </si>
  <si>
    <t>128066.0</t>
  </si>
  <si>
    <t>112901.0</t>
  </si>
  <si>
    <t>104192.0</t>
  </si>
  <si>
    <t>19307544.0</t>
  </si>
  <si>
    <t>219.595</t>
  </si>
  <si>
    <t>127128.0</t>
  </si>
  <si>
    <t>109774.0</t>
  </si>
  <si>
    <t>99908.0</t>
  </si>
  <si>
    <t>125474.0</t>
  </si>
  <si>
    <t>19550558.0</t>
  </si>
  <si>
    <t>222.359</t>
  </si>
  <si>
    <t>123821.0</t>
  </si>
  <si>
    <t>103520.0</t>
  </si>
  <si>
    <t>91339.0</t>
  </si>
  <si>
    <t>124548.0</t>
  </si>
  <si>
    <t>100393.0</t>
  </si>
  <si>
    <t>87054.0</t>
  </si>
  <si>
    <t>125276.0</t>
  </si>
  <si>
    <t>97266.0</t>
  </si>
  <si>
    <t>82770.0</t>
  </si>
  <si>
    <t>152611.8</t>
  </si>
  <si>
    <t>1723.44236120541</t>
  </si>
  <si>
    <t>19936548.0</t>
  </si>
  <si>
    <t>226.749</t>
  </si>
  <si>
    <t>126004.0</t>
  </si>
  <si>
    <t>94138.0</t>
  </si>
  <si>
    <t>20183510.0</t>
  </si>
  <si>
    <t>229.558</t>
  </si>
  <si>
    <t>125138.0</t>
  </si>
  <si>
    <t>125760.0</t>
  </si>
  <si>
    <t>126382.0</t>
  </si>
  <si>
    <t>125982.0</t>
  </si>
  <si>
    <t>125582.0</t>
  </si>
  <si>
    <t>155013.7</t>
  </si>
  <si>
    <t>1750.56697547101</t>
  </si>
  <si>
    <t>20812819.0</t>
  </si>
  <si>
    <t>236.715</t>
  </si>
  <si>
    <t>125182.0</t>
  </si>
  <si>
    <t>125587.0</t>
  </si>
  <si>
    <t>4553653.0</t>
  </si>
  <si>
    <t>3915783.0</t>
  </si>
  <si>
    <t>637870.0</t>
  </si>
  <si>
    <t>21065451.0</t>
  </si>
  <si>
    <t>239.589</t>
  </si>
  <si>
    <t>125992.0</t>
  </si>
  <si>
    <t>68900.0</t>
  </si>
  <si>
    <t>125923.0</t>
  </si>
  <si>
    <t>125855.0</t>
  </si>
  <si>
    <t>70881.0</t>
  </si>
  <si>
    <t>125786.0</t>
  </si>
  <si>
    <t>40142.0</t>
  </si>
  <si>
    <t>125718.0</t>
  </si>
  <si>
    <t>55376.0</t>
  </si>
  <si>
    <t>157700.0</t>
  </si>
  <si>
    <t>1780.90331391211</t>
  </si>
  <si>
    <t>125649.0</t>
  </si>
  <si>
    <t>4792881.0</t>
  </si>
  <si>
    <t>3984095.0</t>
  </si>
  <si>
    <t>808786.0</t>
  </si>
  <si>
    <t>21817747.0</t>
  </si>
  <si>
    <t>248.145</t>
  </si>
  <si>
    <t>125516.0</t>
  </si>
  <si>
    <t>37762.0</t>
  </si>
  <si>
    <t>21941648.0</t>
  </si>
  <si>
    <t>249.554</t>
  </si>
  <si>
    <t>125171.0</t>
  </si>
  <si>
    <t>125606.0</t>
  </si>
  <si>
    <t>29327.0</t>
  </si>
  <si>
    <t>27218.0</t>
  </si>
  <si>
    <t>159336.8</t>
  </si>
  <si>
    <t>1799.38766739475</t>
  </si>
  <si>
    <t>22573637.0</t>
  </si>
  <si>
    <t>256.742</t>
  </si>
  <si>
    <t>125896.0</t>
  </si>
  <si>
    <t>4968642.0</t>
  </si>
  <si>
    <t>4013642.0</t>
  </si>
  <si>
    <t>955000.0</t>
  </si>
  <si>
    <t>125612.0</t>
  </si>
  <si>
    <t>34902.0</t>
  </si>
  <si>
    <t>125539.0</t>
  </si>
  <si>
    <t>44695.0</t>
  </si>
  <si>
    <t>125110.0</t>
  </si>
  <si>
    <t>54487.0</t>
  </si>
  <si>
    <t>23067205.0</t>
  </si>
  <si>
    <t>262.356</t>
  </si>
  <si>
    <t>124680.0</t>
  </si>
  <si>
    <t>123481.0</t>
  </si>
  <si>
    <t>74073.0</t>
  </si>
  <si>
    <t>122282.0</t>
  </si>
  <si>
    <t>83866.0</t>
  </si>
  <si>
    <t>160803.4</t>
  </si>
  <si>
    <t>1815.94995528431</t>
  </si>
  <si>
    <t>23421222.0</t>
  </si>
  <si>
    <t>266.382</t>
  </si>
  <si>
    <t>121084.0</t>
  </si>
  <si>
    <t>117214.0</t>
  </si>
  <si>
    <t>5717914.0</t>
  </si>
  <si>
    <t>4076904.0</t>
  </si>
  <si>
    <t>1641010.0</t>
  </si>
  <si>
    <t>113345.0</t>
  </si>
  <si>
    <t>88567.0</t>
  </si>
  <si>
    <t>109476.0</t>
  </si>
  <si>
    <t>23806452.0</t>
  </si>
  <si>
    <t>270.763</t>
  </si>
  <si>
    <t>105607.0</t>
  </si>
  <si>
    <t>78383.0</t>
  </si>
  <si>
    <t>100019.0</t>
  </si>
  <si>
    <t>73291.0</t>
  </si>
  <si>
    <t>68199.0</t>
  </si>
  <si>
    <t>162599.2</t>
  </si>
  <si>
    <t>1836.22989295789</t>
  </si>
  <si>
    <t>24043129.0</t>
  </si>
  <si>
    <t>273.455</t>
  </si>
  <si>
    <t>20320.0</t>
  </si>
  <si>
    <t>24119858.0</t>
  </si>
  <si>
    <t>274.328</t>
  </si>
  <si>
    <t>22388.0</t>
  </si>
  <si>
    <t>81129.0</t>
  </si>
  <si>
    <t>78670.0</t>
  </si>
  <si>
    <t>78698.0</t>
  </si>
  <si>
    <t>0.2083</t>
  </si>
  <si>
    <t>78727.0</t>
  </si>
  <si>
    <t>164055.9</t>
  </si>
  <si>
    <t>1852.68038032235</t>
  </si>
  <si>
    <t>24594420.0</t>
  </si>
  <si>
    <t>279.725</t>
  </si>
  <si>
    <t>78756.0</t>
  </si>
  <si>
    <t>78593.0</t>
  </si>
  <si>
    <t>0.2365</t>
  </si>
  <si>
    <t>6530124.0</t>
  </si>
  <si>
    <t>4390342.0</t>
  </si>
  <si>
    <t>2139782.0</t>
  </si>
  <si>
    <t>24745601.0</t>
  </si>
  <si>
    <t>281.445</t>
  </si>
  <si>
    <t>78093.0</t>
  </si>
  <si>
    <t>54332.0</t>
  </si>
  <si>
    <t>77405.0</t>
  </si>
  <si>
    <t>118834.0</t>
  </si>
  <si>
    <t>86276.0</t>
  </si>
  <si>
    <t>76718.0</t>
  </si>
  <si>
    <t>149243.0</t>
  </si>
  <si>
    <t>118220.0</t>
  </si>
  <si>
    <t>24968443.0</t>
  </si>
  <si>
    <t>283.979</t>
  </si>
  <si>
    <t>179653.0</t>
  </si>
  <si>
    <t>150164.0</t>
  </si>
  <si>
    <t>0.2845</t>
  </si>
  <si>
    <t>210062.0</t>
  </si>
  <si>
    <t>182108.0</t>
  </si>
  <si>
    <t>166266.4</t>
  </si>
  <si>
    <t>1877.64351776942</t>
  </si>
  <si>
    <t>8155411.0</t>
  </si>
  <si>
    <t>5866316.0</t>
  </si>
  <si>
    <t>2289095.0</t>
  </si>
  <si>
    <t>240472.0</t>
  </si>
  <si>
    <t>214052.0</t>
  </si>
  <si>
    <t>74123.0</t>
  </si>
  <si>
    <t>0.3067</t>
  </si>
  <si>
    <t>273271.0</t>
  </si>
  <si>
    <t>249131.0</t>
  </si>
  <si>
    <t>25262349.0</t>
  </si>
  <si>
    <t>287.322</t>
  </si>
  <si>
    <t>252267.0</t>
  </si>
  <si>
    <t>72892.0</t>
  </si>
  <si>
    <t>278050.0</t>
  </si>
  <si>
    <t>255403.0</t>
  </si>
  <si>
    <t>280440.0</t>
  </si>
  <si>
    <t>258539.0</t>
  </si>
  <si>
    <t>71033.0</t>
  </si>
  <si>
    <t>282830.0</t>
  </si>
  <si>
    <t>261674.0</t>
  </si>
  <si>
    <t>70218.0</t>
  </si>
  <si>
    <t>285219.0</t>
  </si>
  <si>
    <t>264810.0</t>
  </si>
  <si>
    <t>168133.4</t>
  </si>
  <si>
    <t>1898.7275157851</t>
  </si>
  <si>
    <t>25601224.0</t>
  </si>
  <si>
    <t>69404.0</t>
  </si>
  <si>
    <t>10168674.0</t>
  </si>
  <si>
    <t>7741936.0</t>
  </si>
  <si>
    <t>2426738.0</t>
  </si>
  <si>
    <t>267946.0</t>
  </si>
  <si>
    <t>291834.0</t>
  </si>
  <si>
    <t>267912.0</t>
  </si>
  <si>
    <t>0.4026</t>
  </si>
  <si>
    <t>296059.0</t>
  </si>
  <si>
    <t>267879.0</t>
  </si>
  <si>
    <t>25795151.0</t>
  </si>
  <si>
    <t>293.382</t>
  </si>
  <si>
    <t>300285.0</t>
  </si>
  <si>
    <t>267845.0</t>
  </si>
  <si>
    <t>65475.0</t>
  </si>
  <si>
    <t>0.4484</t>
  </si>
  <si>
    <t>304510.0</t>
  </si>
  <si>
    <t>267812.0</t>
  </si>
  <si>
    <t>64518.0</t>
  </si>
  <si>
    <t>0.4577</t>
  </si>
  <si>
    <t>308735.0</t>
  </si>
  <si>
    <t>267778.0</t>
  </si>
  <si>
    <t>63561.0</t>
  </si>
  <si>
    <t>0.4767</t>
  </si>
  <si>
    <t>312960.0</t>
  </si>
  <si>
    <t>267745.0</t>
  </si>
  <si>
    <t>172226.0</t>
  </si>
  <si>
    <t>1944.94517528109</t>
  </si>
  <si>
    <t>26039450.0</t>
  </si>
  <si>
    <t>296.161</t>
  </si>
  <si>
    <t>12388974.0</t>
  </si>
  <si>
    <t>9615913.0</t>
  </si>
  <si>
    <t>2773061.0</t>
  </si>
  <si>
    <t>317186.0</t>
  </si>
  <si>
    <t>267711.0</t>
  </si>
  <si>
    <t>62761.0</t>
  </si>
  <si>
    <t>0.5042</t>
  </si>
  <si>
    <t>349929.0</t>
  </si>
  <si>
    <t>62918.0</t>
  </si>
  <si>
    <t>0.5156</t>
  </si>
  <si>
    <t>382673.0</t>
  </si>
  <si>
    <t>331864.0</t>
  </si>
  <si>
    <t>26236676.0</t>
  </si>
  <si>
    <t>298.404</t>
  </si>
  <si>
    <t>63075.0</t>
  </si>
  <si>
    <t>0.5239</t>
  </si>
  <si>
    <t>415417.0</t>
  </si>
  <si>
    <t>363941.0</t>
  </si>
  <si>
    <t>26305528.0</t>
  </si>
  <si>
    <t>299.187</t>
  </si>
  <si>
    <t>448160.0</t>
  </si>
  <si>
    <t>396017.0</t>
  </si>
  <si>
    <t>26399374.0</t>
  </si>
  <si>
    <t>93846.0</t>
  </si>
  <si>
    <t>300.254</t>
  </si>
  <si>
    <t>68868.0</t>
  </si>
  <si>
    <t>0.5147</t>
  </si>
  <si>
    <t>480904.0</t>
  </si>
  <si>
    <t>73531.0</t>
  </si>
  <si>
    <t>513648.0</t>
  </si>
  <si>
    <t>460170.0</t>
  </si>
  <si>
    <t>177834.1</t>
  </si>
  <si>
    <t>2008.27734950272</t>
  </si>
  <si>
    <t>26586805.0</t>
  </si>
  <si>
    <t>302.386</t>
  </si>
  <si>
    <t>78194.0</t>
  </si>
  <si>
    <t>16213714.0</t>
  </si>
  <si>
    <t>13061640.0</t>
  </si>
  <si>
    <t>3152074.0</t>
  </si>
  <si>
    <t>546391.0</t>
  </si>
  <si>
    <t>492247.0</t>
  </si>
  <si>
    <t>83326.0</t>
  </si>
  <si>
    <t>543454.0</t>
  </si>
  <si>
    <t>471963.0</t>
  </si>
  <si>
    <t>26790150.0</t>
  </si>
  <si>
    <t>304.699</t>
  </si>
  <si>
    <t>88459.0</t>
  </si>
  <si>
    <t>540517.0</t>
  </si>
  <si>
    <t>451679.0</t>
  </si>
  <si>
    <t>26889997.0</t>
  </si>
  <si>
    <t>305.834</t>
  </si>
  <si>
    <t>93332.0</t>
  </si>
  <si>
    <t>0.4018</t>
  </si>
  <si>
    <t>537579.0</t>
  </si>
  <si>
    <t>431395.0</t>
  </si>
  <si>
    <t>26984630.0</t>
  </si>
  <si>
    <t>306.911</t>
  </si>
  <si>
    <t>97015.0</t>
  </si>
  <si>
    <t>0.3927</t>
  </si>
  <si>
    <t>534642.0</t>
  </si>
  <si>
    <t>411111.0</t>
  </si>
  <si>
    <t>27078261.0</t>
  </si>
  <si>
    <t>93631.0</t>
  </si>
  <si>
    <t>307.975</t>
  </si>
  <si>
    <t>96984.0</t>
  </si>
  <si>
    <t>0.3977</t>
  </si>
  <si>
    <t>531705.0</t>
  </si>
  <si>
    <t>390828.0</t>
  </si>
  <si>
    <t>97997.0</t>
  </si>
  <si>
    <t>528767.0</t>
  </si>
  <si>
    <t>370544.0</t>
  </si>
  <si>
    <t>183269.1</t>
  </si>
  <si>
    <t>2069.6547084825</t>
  </si>
  <si>
    <t>19894523.0</t>
  </si>
  <si>
    <t>15513459.0</t>
  </si>
  <si>
    <t>4381064.0</t>
  </si>
  <si>
    <t>525830.0</t>
  </si>
  <si>
    <t>350260.0</t>
  </si>
  <si>
    <t>27380677.0</t>
  </si>
  <si>
    <t>311.415</t>
  </si>
  <si>
    <t>508625.0</t>
  </si>
  <si>
    <t>27485096.0</t>
  </si>
  <si>
    <t>104419.0</t>
  </si>
  <si>
    <t>312.603</t>
  </si>
  <si>
    <t>491420.0</t>
  </si>
  <si>
    <t>27579653.0</t>
  </si>
  <si>
    <t>94557.0</t>
  </si>
  <si>
    <t>313.678</t>
  </si>
  <si>
    <t>98522.0</t>
  </si>
  <si>
    <t>474216.0</t>
  </si>
  <si>
    <t>279082.0</t>
  </si>
  <si>
    <t>27666082.0</t>
  </si>
  <si>
    <t>86429.0</t>
  </si>
  <si>
    <t>314.661</t>
  </si>
  <si>
    <t>0.3773</t>
  </si>
  <si>
    <t>457011.0</t>
  </si>
  <si>
    <t>98682.0</t>
  </si>
  <si>
    <t>0.3642</t>
  </si>
  <si>
    <t>439806.0</t>
  </si>
  <si>
    <t>231630.0</t>
  </si>
  <si>
    <t>98990.0</t>
  </si>
  <si>
    <t>422602.0</t>
  </si>
  <si>
    <t>207904.0</t>
  </si>
  <si>
    <t>190707.0</t>
  </si>
  <si>
    <t>106.43</t>
  </si>
  <si>
    <t>2153.65078177703</t>
  </si>
  <si>
    <t>27974949.0</t>
  </si>
  <si>
    <t>318.174</t>
  </si>
  <si>
    <t>405397.0</t>
  </si>
  <si>
    <t>184178.0</t>
  </si>
  <si>
    <t>28093587.0</t>
  </si>
  <si>
    <t>118638.0</t>
  </si>
  <si>
    <t>319.523</t>
  </si>
  <si>
    <t>0.3355</t>
  </si>
  <si>
    <t>23137699.0</t>
  </si>
  <si>
    <t>16986882.0</t>
  </si>
  <si>
    <t>6150817.0</t>
  </si>
  <si>
    <t>28213229.0</t>
  </si>
  <si>
    <t>119642.0</t>
  </si>
  <si>
    <t>320.884</t>
  </si>
  <si>
    <t>104019.0</t>
  </si>
  <si>
    <t>434295.0</t>
  </si>
  <si>
    <t>194277.0</t>
  </si>
  <si>
    <t>28330070.0</t>
  </si>
  <si>
    <t>116841.0</t>
  </si>
  <si>
    <t>322.213</t>
  </si>
  <si>
    <t>107202.0</t>
  </si>
  <si>
    <t>463194.0</t>
  </si>
  <si>
    <t>204376.0</t>
  </si>
  <si>
    <t>28438161.0</t>
  </si>
  <si>
    <t>108091.0</t>
  </si>
  <si>
    <t>323.442</t>
  </si>
  <si>
    <t>110297.0</t>
  </si>
  <si>
    <t>492092.0</t>
  </si>
  <si>
    <t>214476.0</t>
  </si>
  <si>
    <t>111822.0</t>
  </si>
  <si>
    <t>520990.0</t>
  </si>
  <si>
    <t>224575.0</t>
  </si>
  <si>
    <t>113347.0</t>
  </si>
  <si>
    <t>26176126.0</t>
  </si>
  <si>
    <t>18261245.0</t>
  </si>
  <si>
    <t>7914881.0</t>
  </si>
  <si>
    <t>549889.0</t>
  </si>
  <si>
    <t>202062.4</t>
  </si>
  <si>
    <t>158.99</t>
  </si>
  <si>
    <t>2281.88711336103</t>
  </si>
  <si>
    <t>27057253.0</t>
  </si>
  <si>
    <t>18611135.0</t>
  </si>
  <si>
    <t>8446118.0</t>
  </si>
  <si>
    <t>881127.0</t>
  </si>
  <si>
    <t>617850.0</t>
  </si>
  <si>
    <t>258347.0</t>
  </si>
  <si>
    <t>28892685.0</t>
  </si>
  <si>
    <t>328.612</t>
  </si>
  <si>
    <t>0.2949</t>
  </si>
  <si>
    <t>609824.0</t>
  </si>
  <si>
    <t>252434.0</t>
  </si>
  <si>
    <t>29006289.0</t>
  </si>
  <si>
    <t>113604.0</t>
  </si>
  <si>
    <t>329.904</t>
  </si>
  <si>
    <t>113294.0</t>
  </si>
  <si>
    <t>0.2886</t>
  </si>
  <si>
    <t>572899.0</t>
  </si>
  <si>
    <t>236422.0</t>
  </si>
  <si>
    <t>29119568.0</t>
  </si>
  <si>
    <t>113279.0</t>
  </si>
  <si>
    <t>331.192</t>
  </si>
  <si>
    <t>112785.0</t>
  </si>
  <si>
    <t>535974.0</t>
  </si>
  <si>
    <t>220410.0</t>
  </si>
  <si>
    <t>29227907.0</t>
  </si>
  <si>
    <t>332.425</t>
  </si>
  <si>
    <t>112821.0</t>
  </si>
  <si>
    <t>499050.0</t>
  </si>
  <si>
    <t>204398.0</t>
  </si>
  <si>
    <t>29335572.0</t>
  </si>
  <si>
    <t>107665.0</t>
  </si>
  <si>
    <t>333.649</t>
  </si>
  <si>
    <t>111969.0</t>
  </si>
  <si>
    <t>462125.0</t>
  </si>
  <si>
    <t>188385.0</t>
  </si>
  <si>
    <t>29452322.0</t>
  </si>
  <si>
    <t>116750.0</t>
  </si>
  <si>
    <t>334.977</t>
  </si>
  <si>
    <t>112414.0</t>
  </si>
  <si>
    <t>29152527.0</t>
  </si>
  <si>
    <t>19467858.0</t>
  </si>
  <si>
    <t>9684669.0</t>
  </si>
  <si>
    <t>425200.0</t>
  </si>
  <si>
    <t>172373.0</t>
  </si>
  <si>
    <t>210923.0</t>
  </si>
  <si>
    <t>2381.9497126207</t>
  </si>
  <si>
    <t>29568864.0</t>
  </si>
  <si>
    <t>116542.0</t>
  </si>
  <si>
    <t>336.302</t>
  </si>
  <si>
    <t>112830.0</t>
  </si>
  <si>
    <t>0.2485</t>
  </si>
  <si>
    <t>419623.0</t>
  </si>
  <si>
    <t>193313.0</t>
  </si>
  <si>
    <t>29677880.0</t>
  </si>
  <si>
    <t>337.542</t>
  </si>
  <si>
    <t>490034.0</t>
  </si>
  <si>
    <t>243839.0</t>
  </si>
  <si>
    <t>29791562.0</t>
  </si>
  <si>
    <t>338.835</t>
  </si>
  <si>
    <t>112182.0</t>
  </si>
  <si>
    <t>560445.0</t>
  </si>
  <si>
    <t>29904111.0</t>
  </si>
  <si>
    <t>112549.0</t>
  </si>
  <si>
    <t>340.115</t>
  </si>
  <si>
    <t>112078.0</t>
  </si>
  <si>
    <t>630856.0</t>
  </si>
  <si>
    <t>344891.0</t>
  </si>
  <si>
    <t>30017378.0</t>
  </si>
  <si>
    <t>341.404</t>
  </si>
  <si>
    <t>112782.0</t>
  </si>
  <si>
    <t>701266.0</t>
  </si>
  <si>
    <t>395417.0</t>
  </si>
  <si>
    <t>112439.0</t>
  </si>
  <si>
    <t>771677.0</t>
  </si>
  <si>
    <t>445943.0</t>
  </si>
  <si>
    <t>30227916.0</t>
  </si>
  <si>
    <t>343.798</t>
  </si>
  <si>
    <t>110799.0</t>
  </si>
  <si>
    <t>35047143.0</t>
  </si>
  <si>
    <t>22943141.0</t>
  </si>
  <si>
    <t>12104002.0</t>
  </si>
  <si>
    <t>842088.0</t>
  </si>
  <si>
    <t>9510.0</t>
  </si>
  <si>
    <t>496469.0</t>
  </si>
  <si>
    <t>218980.5</t>
  </si>
  <si>
    <t>2472.94291776875</t>
  </si>
  <si>
    <t>30337329.0</t>
  </si>
  <si>
    <t>109413.0</t>
  </si>
  <si>
    <t>345.043</t>
  </si>
  <si>
    <t>109781.0</t>
  </si>
  <si>
    <t>36753231.0</t>
  </si>
  <si>
    <t>12549387.0</t>
  </si>
  <si>
    <t>1706088.0</t>
  </si>
  <si>
    <t>965517.0</t>
  </si>
  <si>
    <t>425545.0</t>
  </si>
  <si>
    <t>30445641.0</t>
  </si>
  <si>
    <t>108312.0</t>
  </si>
  <si>
    <t>346.274</t>
  </si>
  <si>
    <t>109680.0</t>
  </si>
  <si>
    <t>995236.0</t>
  </si>
  <si>
    <t>510045.0</t>
  </si>
  <si>
    <t>30557737.0</t>
  </si>
  <si>
    <t>112096.0</t>
  </si>
  <si>
    <t>347.549</t>
  </si>
  <si>
    <t>1024956.0</t>
  </si>
  <si>
    <t>30672916.0</t>
  </si>
  <si>
    <t>348.859</t>
  </si>
  <si>
    <t>109829.0</t>
  </si>
  <si>
    <t>1054676.0</t>
  </si>
  <si>
    <t>11910.0</t>
  </si>
  <si>
    <t>679046.0</t>
  </si>
  <si>
    <t>30782338.0</t>
  </si>
  <si>
    <t>109422.0</t>
  </si>
  <si>
    <t>350.104</t>
  </si>
  <si>
    <t>1084396.0</t>
  </si>
  <si>
    <t>763546.0</t>
  </si>
  <si>
    <t>30893103.0</t>
  </si>
  <si>
    <t>110765.0</t>
  </si>
  <si>
    <t>351.364</t>
  </si>
  <si>
    <t>110065.0</t>
  </si>
  <si>
    <t>42003863.0</t>
  </si>
  <si>
    <t>28382995.0</t>
  </si>
  <si>
    <t>13620868.0</t>
  </si>
  <si>
    <t>1114115.0</t>
  </si>
  <si>
    <t>848046.0</t>
  </si>
  <si>
    <t>31007134.0</t>
  </si>
  <si>
    <t>114031.0</t>
  </si>
  <si>
    <t>352.661</t>
  </si>
  <si>
    <t>111317.0</t>
  </si>
  <si>
    <t>1091560.0</t>
  </si>
  <si>
    <t>858812.0</t>
  </si>
  <si>
    <t>225378.7</t>
  </si>
  <si>
    <t>94.12</t>
  </si>
  <si>
    <t>2545.19767733167</t>
  </si>
  <si>
    <t>31113929.0</t>
  </si>
  <si>
    <t>106795.0</t>
  </si>
  <si>
    <t>353.875</t>
  </si>
  <si>
    <t>110943.0</t>
  </si>
  <si>
    <t>43372270.0</t>
  </si>
  <si>
    <t>29526662.0</t>
  </si>
  <si>
    <t>13961491.0</t>
  </si>
  <si>
    <t>945577.0</t>
  </si>
  <si>
    <t>940503.0</t>
  </si>
  <si>
    <t>31223048.0</t>
  </si>
  <si>
    <t>109119.0</t>
  </si>
  <si>
    <t>355.116</t>
  </si>
  <si>
    <t>970631.0</t>
  </si>
  <si>
    <t>923388.0</t>
  </si>
  <si>
    <t>31331261.0</t>
  </si>
  <si>
    <t>108213.0</t>
  </si>
  <si>
    <t>356.347</t>
  </si>
  <si>
    <t>110503.0</t>
  </si>
  <si>
    <t>906273.0</t>
  </si>
  <si>
    <t>31437588.0</t>
  </si>
  <si>
    <t>106327.0</t>
  </si>
  <si>
    <t>357.556</t>
  </si>
  <si>
    <t>109239.0</t>
  </si>
  <si>
    <t>1020738.0</t>
  </si>
  <si>
    <t>31545337.0</t>
  </si>
  <si>
    <t>107749.0</t>
  </si>
  <si>
    <t>358.782</t>
  </si>
  <si>
    <t>1045792.0</t>
  </si>
  <si>
    <t>872043.0</t>
  </si>
  <si>
    <t>1070845.0</t>
  </si>
  <si>
    <t>854928.0</t>
  </si>
  <si>
    <t>31756999.0</t>
  </si>
  <si>
    <t>361.189</t>
  </si>
  <si>
    <t>107124.0</t>
  </si>
  <si>
    <t>1148174.0</t>
  </si>
  <si>
    <t>911547.0</t>
  </si>
  <si>
    <t>230300.4</t>
  </si>
  <si>
    <t>2600.77834847993</t>
  </si>
  <si>
    <t>31868828.0</t>
  </si>
  <si>
    <t>111829.0</t>
  </si>
  <si>
    <t>362.461</t>
  </si>
  <si>
    <t>107843.0</t>
  </si>
  <si>
    <t>51950783.0</t>
  </si>
  <si>
    <t>36303822.0</t>
  </si>
  <si>
    <t>15646961.0</t>
  </si>
  <si>
    <t>968166.0</t>
  </si>
  <si>
    <t>31976745.0</t>
  </si>
  <si>
    <t>107917.0</t>
  </si>
  <si>
    <t>363.689</t>
  </si>
  <si>
    <t>107671.0</t>
  </si>
  <si>
    <t>1186758.0</t>
  </si>
  <si>
    <t>940745.0</t>
  </si>
  <si>
    <t>32087135.0</t>
  </si>
  <si>
    <t>110390.0</t>
  </si>
  <si>
    <t>364.944</t>
  </si>
  <si>
    <t>1148014.0</t>
  </si>
  <si>
    <t>913325.0</t>
  </si>
  <si>
    <t>32196441.0</t>
  </si>
  <si>
    <t>109306.0</t>
  </si>
  <si>
    <t>366.187</t>
  </si>
  <si>
    <t>108408.0</t>
  </si>
  <si>
    <t>1109269.0</t>
  </si>
  <si>
    <t>885904.0</t>
  </si>
  <si>
    <t>108341.0</t>
  </si>
  <si>
    <t>1070525.0</t>
  </si>
  <si>
    <t>858483.0</t>
  </si>
  <si>
    <t>32411004.0</t>
  </si>
  <si>
    <t>368.628</t>
  </si>
  <si>
    <t>1031781.0</t>
  </si>
  <si>
    <t>831063.0</t>
  </si>
  <si>
    <t>57676540.0</t>
  </si>
  <si>
    <t>40961153.0</t>
  </si>
  <si>
    <t>16715387.0</t>
  </si>
  <si>
    <t>993037.0</t>
  </si>
  <si>
    <t>803642.0</t>
  </si>
  <si>
    <t>233612.4</t>
  </si>
  <si>
    <t>2638.18070596679</t>
  </si>
  <si>
    <t>32619228.0</t>
  </si>
  <si>
    <t>370.996</t>
  </si>
  <si>
    <t>107200.0</t>
  </si>
  <si>
    <t>955209.0</t>
  </si>
  <si>
    <t>749295.0</t>
  </si>
  <si>
    <t>32723597.0</t>
  </si>
  <si>
    <t>372.183</t>
  </si>
  <si>
    <t>106693.0</t>
  </si>
  <si>
    <t>956125.0</t>
  </si>
  <si>
    <t>722367.0</t>
  </si>
  <si>
    <t>32829944.0</t>
  </si>
  <si>
    <t>106347.0</t>
  </si>
  <si>
    <t>373.392</t>
  </si>
  <si>
    <t>106116.0</t>
  </si>
  <si>
    <t>957041.0</t>
  </si>
  <si>
    <t>695440.0</t>
  </si>
  <si>
    <t>105482.0</t>
  </si>
  <si>
    <t>957957.0</t>
  </si>
  <si>
    <t>668513.0</t>
  </si>
  <si>
    <t>105137.0</t>
  </si>
  <si>
    <t>958873.0</t>
  </si>
  <si>
    <t>641586.0</t>
  </si>
  <si>
    <t>33144555.0</t>
  </si>
  <si>
    <t>376.971</t>
  </si>
  <si>
    <t>959788.0</t>
  </si>
  <si>
    <t>614658.0</t>
  </si>
  <si>
    <t>33246447.0</t>
  </si>
  <si>
    <t>101892.0</t>
  </si>
  <si>
    <t>104476.0</t>
  </si>
  <si>
    <t>64401471.0</t>
  </si>
  <si>
    <t>45075271.0</t>
  </si>
  <si>
    <t>19326200.0</t>
  </si>
  <si>
    <t>960704.0</t>
  </si>
  <si>
    <t>587731.0</t>
  </si>
  <si>
    <t>236074.4</t>
  </si>
  <si>
    <t>2665.9840284706</t>
  </si>
  <si>
    <t>33350660.0</t>
  </si>
  <si>
    <t>104213.0</t>
  </si>
  <si>
    <t>379.315</t>
  </si>
  <si>
    <t>104490.0</t>
  </si>
  <si>
    <t>996893.0</t>
  </si>
  <si>
    <t>11258.0</t>
  </si>
  <si>
    <t>573081.0</t>
  </si>
  <si>
    <t>33453877.0</t>
  </si>
  <si>
    <t>103217.0</t>
  </si>
  <si>
    <t>380.489</t>
  </si>
  <si>
    <t>104326.0</t>
  </si>
  <si>
    <t>1033082.0</t>
  </si>
  <si>
    <t>558430.0</t>
  </si>
  <si>
    <t>33563390.0</t>
  </si>
  <si>
    <t>109513.0</t>
  </si>
  <si>
    <t>381.734</t>
  </si>
  <si>
    <t>1069271.0</t>
  </si>
  <si>
    <t>543780.0</t>
  </si>
  <si>
    <t>33674304.0</t>
  </si>
  <si>
    <t>110914.0</t>
  </si>
  <si>
    <t>382.996</t>
  </si>
  <si>
    <t>105641.0</t>
  </si>
  <si>
    <t>1105460.0</t>
  </si>
  <si>
    <t>529129.0</t>
  </si>
  <si>
    <t>106580.0</t>
  </si>
  <si>
    <t>1141648.0</t>
  </si>
  <si>
    <t>514479.0</t>
  </si>
  <si>
    <t>107520.0</t>
  </si>
  <si>
    <t>1177837.0</t>
  </si>
  <si>
    <t>499828.0</t>
  </si>
  <si>
    <t>34008636.0</t>
  </si>
  <si>
    <t>386.798</t>
  </si>
  <si>
    <t>1214026.0</t>
  </si>
  <si>
    <t>485178.0</t>
  </si>
  <si>
    <t>239994.5</t>
  </si>
  <si>
    <t>2710.25364851415</t>
  </si>
  <si>
    <t>74113680.0</t>
  </si>
  <si>
    <t>48956693.0</t>
  </si>
  <si>
    <t>25156987.0</t>
  </si>
  <si>
    <t>34224823.0</t>
  </si>
  <si>
    <t>389.257</t>
  </si>
  <si>
    <t>110135.0</t>
  </si>
  <si>
    <t>1208578.0</t>
  </si>
  <si>
    <t>13648.0</t>
  </si>
  <si>
    <t>467282.0</t>
  </si>
  <si>
    <t>34333516.0</t>
  </si>
  <si>
    <t>108693.0</t>
  </si>
  <si>
    <t>390.493</t>
  </si>
  <si>
    <t>110018.0</t>
  </si>
  <si>
    <t>1203130.0</t>
  </si>
  <si>
    <t>13587.0</t>
  </si>
  <si>
    <t>449386.0</t>
  </si>
  <si>
    <t>34443370.0</t>
  </si>
  <si>
    <t>109854.0</t>
  </si>
  <si>
    <t>391.743</t>
  </si>
  <si>
    <t>109867.0</t>
  </si>
  <si>
    <t>77641350.0</t>
  </si>
  <si>
    <t>50036416.0</t>
  </si>
  <si>
    <t>27604934.0</t>
  </si>
  <si>
    <t>1197682.0</t>
  </si>
  <si>
    <t>431491.0</t>
  </si>
  <si>
    <t>109334.0</t>
  </si>
  <si>
    <t>1159426.0</t>
  </si>
  <si>
    <t>402744.0</t>
  </si>
  <si>
    <t>34658805.0</t>
  </si>
  <si>
    <t>394.193</t>
  </si>
  <si>
    <t>108802.0</t>
  </si>
  <si>
    <t>79533819.0</t>
  </si>
  <si>
    <t>50604321.0</t>
  </si>
  <si>
    <t>28872959.0</t>
  </si>
  <si>
    <t>56539.0</t>
  </si>
  <si>
    <t>1121170.0</t>
  </si>
  <si>
    <t>373998.0</t>
  </si>
  <si>
    <t>107763.0</t>
  </si>
  <si>
    <t>1078235.0</t>
  </si>
  <si>
    <t>344296.0</t>
  </si>
  <si>
    <t>242766.6</t>
  </si>
  <si>
    <t>2741.55892483942</t>
  </si>
  <si>
    <t>34867146.0</t>
  </si>
  <si>
    <t>396.563</t>
  </si>
  <si>
    <t>81360772.0</t>
  </si>
  <si>
    <t>51158858.0</t>
  </si>
  <si>
    <t>30139400.0</t>
  </si>
  <si>
    <t>62514.0</t>
  </si>
  <si>
    <t>1035299.0</t>
  </si>
  <si>
    <t>314595.0</t>
  </si>
  <si>
    <t>34970103.0</t>
  </si>
  <si>
    <t>397.734</t>
  </si>
  <si>
    <t>106469.0</t>
  </si>
  <si>
    <t>1010498.0</t>
  </si>
  <si>
    <t>300343.0</t>
  </si>
  <si>
    <t>35079339.0</t>
  </si>
  <si>
    <t>109236.0</t>
  </si>
  <si>
    <t>398.976</t>
  </si>
  <si>
    <t>106546.0</t>
  </si>
  <si>
    <t>985698.0</t>
  </si>
  <si>
    <t>286092.0</t>
  </si>
  <si>
    <t>35187615.0</t>
  </si>
  <si>
    <t>108276.0</t>
  </si>
  <si>
    <t>400.207</t>
  </si>
  <si>
    <t>106321.0</t>
  </si>
  <si>
    <t>960897.0</t>
  </si>
  <si>
    <t>271840.0</t>
  </si>
  <si>
    <t>35298571.0</t>
  </si>
  <si>
    <t>110956.0</t>
  </si>
  <si>
    <t>401.469</t>
  </si>
  <si>
    <t>106783.0</t>
  </si>
  <si>
    <t>85369917.0</t>
  </si>
  <si>
    <t>52199440.0</t>
  </si>
  <si>
    <t>33088940.0</t>
  </si>
  <si>
    <t>968905.0</t>
  </si>
  <si>
    <t>268439.0</t>
  </si>
  <si>
    <t>106719.0</t>
  </si>
  <si>
    <t>972489.0</t>
  </si>
  <si>
    <t>260138.0</t>
  </si>
  <si>
    <t>107162.0</t>
  </si>
  <si>
    <t>980753.0</t>
  </si>
  <si>
    <t>11076.0</t>
  </si>
  <si>
    <t>244941.7</t>
  </si>
  <si>
    <t>2766.1222907119</t>
  </si>
  <si>
    <t>35620381.0</t>
  </si>
  <si>
    <t>405.13</t>
  </si>
  <si>
    <t>107605.0</t>
  </si>
  <si>
    <t>989016.0</t>
  </si>
  <si>
    <t>245447.0</t>
  </si>
  <si>
    <t>89255211.0</t>
  </si>
  <si>
    <t>53102837.0</t>
  </si>
  <si>
    <t>36054893.0</t>
  </si>
  <si>
    <t>984593.0</t>
  </si>
  <si>
    <t>35834817.0</t>
  </si>
  <si>
    <t>407.568</t>
  </si>
  <si>
    <t>107925.0</t>
  </si>
  <si>
    <t>1004387.0</t>
  </si>
  <si>
    <t>282490.0</t>
  </si>
  <si>
    <t>35946879.0</t>
  </si>
  <si>
    <t>112062.0</t>
  </si>
  <si>
    <t>408.843</t>
  </si>
  <si>
    <t>108466.0</t>
  </si>
  <si>
    <t>1024181.0</t>
  </si>
  <si>
    <t>324433.0</t>
  </si>
  <si>
    <t>36057315.0</t>
  </si>
  <si>
    <t>110436.0</t>
  </si>
  <si>
    <t>410.099</t>
  </si>
  <si>
    <t>108392.0</t>
  </si>
  <si>
    <t>92677737.0</t>
  </si>
  <si>
    <t>54764071.0</t>
  </si>
  <si>
    <t>37784542.0</t>
  </si>
  <si>
    <t>129124.0</t>
  </si>
  <si>
    <t>1043974.0</t>
  </si>
  <si>
    <t>366376.0</t>
  </si>
  <si>
    <t>36167151.0</t>
  </si>
  <si>
    <t>109836.0</t>
  </si>
  <si>
    <t>411.348</t>
  </si>
  <si>
    <t>108759.0</t>
  </si>
  <si>
    <t>1019116.0</t>
  </si>
  <si>
    <t>36278187.0</t>
  </si>
  <si>
    <t>111036.0</t>
  </si>
  <si>
    <t>412.611</t>
  </si>
  <si>
    <t>994257.0</t>
  </si>
  <si>
    <t>247254.0</t>
  </si>
  <si>
    <t>2792.23505376047</t>
  </si>
  <si>
    <t>36391778.0</t>
  </si>
  <si>
    <t>113591.0</t>
  </si>
  <si>
    <t>413.903</t>
  </si>
  <si>
    <t>110200.0</t>
  </si>
  <si>
    <t>969398.0</t>
  </si>
  <si>
    <t>338271.0</t>
  </si>
  <si>
    <t>36502080.0</t>
  </si>
  <si>
    <t>110302.0</t>
  </si>
  <si>
    <t>415.158</t>
  </si>
  <si>
    <t>110640.0</t>
  </si>
  <si>
    <t>95866990.0</t>
  </si>
  <si>
    <t>55405154.0</t>
  </si>
  <si>
    <t>40193198.0</t>
  </si>
  <si>
    <t>268638.0</t>
  </si>
  <si>
    <t>944540.0</t>
  </si>
  <si>
    <t>108.26</t>
  </si>
  <si>
    <t>36611398.0</t>
  </si>
  <si>
    <t>109318.0</t>
  </si>
  <si>
    <t>416.401</t>
  </si>
  <si>
    <t>110940.0</t>
  </si>
  <si>
    <t>864220.0</t>
  </si>
  <si>
    <t>255917.0</t>
  </si>
  <si>
    <t>110484.0</t>
  </si>
  <si>
    <t>783900.0</t>
  </si>
  <si>
    <t>182931.0</t>
  </si>
  <si>
    <t>36829133.0</t>
  </si>
  <si>
    <t>418.877</t>
  </si>
  <si>
    <t>110260.0</t>
  </si>
  <si>
    <t>703580.0</t>
  </si>
  <si>
    <t>109945.0</t>
  </si>
  <si>
    <t>109662.0</t>
  </si>
  <si>
    <t>98181400.0</t>
  </si>
  <si>
    <t>55576533.0</t>
  </si>
  <si>
    <t>42183468.0</t>
  </si>
  <si>
    <t>421399.0</t>
  </si>
  <si>
    <t>672336.0</t>
  </si>
  <si>
    <t>93170.0</t>
  </si>
  <si>
    <t>108892.0</t>
  </si>
  <si>
    <t>629216.0</t>
  </si>
  <si>
    <t>89514.0</t>
  </si>
  <si>
    <t>248830.6</t>
  </si>
  <si>
    <t>2810.03956970666</t>
  </si>
  <si>
    <t>37146083.0</t>
  </si>
  <si>
    <t>422.482</t>
  </si>
  <si>
    <t>107758.0</t>
  </si>
  <si>
    <t>85858.0</t>
  </si>
  <si>
    <t>37254424.0</t>
  </si>
  <si>
    <t>423.714</t>
  </si>
  <si>
    <t>107478.0</t>
  </si>
  <si>
    <t>542978.0</t>
  </si>
  <si>
    <t>82201.0</t>
  </si>
  <si>
    <t>531103.0</t>
  </si>
  <si>
    <t>37359561.0</t>
  </si>
  <si>
    <t>424.91</t>
  </si>
  <si>
    <t>91328.0</t>
  </si>
  <si>
    <t>519228.0</t>
  </si>
  <si>
    <t>108439.0</t>
  </si>
  <si>
    <t>37574663.0</t>
  </si>
  <si>
    <t>215102.0</t>
  </si>
  <si>
    <t>427.357</t>
  </si>
  <si>
    <t>106504.0</t>
  </si>
  <si>
    <t>507353.0</t>
  </si>
  <si>
    <t>121558.0</t>
  </si>
  <si>
    <t>106159.0</t>
  </si>
  <si>
    <t>495479.0</t>
  </si>
  <si>
    <t>134677.0</t>
  </si>
  <si>
    <t>37781134.0</t>
  </si>
  <si>
    <t>429.705</t>
  </si>
  <si>
    <t>105814.0</t>
  </si>
  <si>
    <t>102145229.0</t>
  </si>
  <si>
    <t>56653947.0</t>
  </si>
  <si>
    <t>44726047.0</t>
  </si>
  <si>
    <t>765235.0</t>
  </si>
  <si>
    <t>249665.3</t>
  </si>
  <si>
    <t>2819.46582206</t>
  </si>
  <si>
    <t>106134.0</t>
  </si>
  <si>
    <t>483366.0</t>
  </si>
  <si>
    <t>131602.0</t>
  </si>
  <si>
    <t>37996904.0</t>
  </si>
  <si>
    <t>432.159</t>
  </si>
  <si>
    <t>106069.0</t>
  </si>
  <si>
    <t>471253.0</t>
  </si>
  <si>
    <t>128527.0</t>
  </si>
  <si>
    <t>38107951.0</t>
  </si>
  <si>
    <t>433.422</t>
  </si>
  <si>
    <t>114423.0</t>
  </si>
  <si>
    <t>459140.0</t>
  </si>
  <si>
    <t>125451.0</t>
  </si>
  <si>
    <t>38219247.0</t>
  </si>
  <si>
    <t>434.688</t>
  </si>
  <si>
    <t>122812.0</t>
  </si>
  <si>
    <t>447027.0</t>
  </si>
  <si>
    <t>122376.0</t>
  </si>
  <si>
    <t>38331546.0</t>
  </si>
  <si>
    <t>112299.0</t>
  </si>
  <si>
    <t>435.965</t>
  </si>
  <si>
    <t>108126.0</t>
  </si>
  <si>
    <t>434914.0</t>
  </si>
  <si>
    <t>119301.0</t>
  </si>
  <si>
    <t>38439240.0</t>
  </si>
  <si>
    <t>107694.0</t>
  </si>
  <si>
    <t>437.19</t>
  </si>
  <si>
    <t>108763.0</t>
  </si>
  <si>
    <t>104609358.0</t>
  </si>
  <si>
    <t>57332853.0</t>
  </si>
  <si>
    <t>46328337.0</t>
  </si>
  <si>
    <t>948168.0</t>
  </si>
  <si>
    <t>422801.0</t>
  </si>
  <si>
    <t>118.14</t>
  </si>
  <si>
    <t>116226.0</t>
  </si>
  <si>
    <t>109396.0</t>
  </si>
  <si>
    <t>104781077.0</t>
  </si>
  <si>
    <t>57385036.0</t>
  </si>
  <si>
    <t>46522058.0</t>
  </si>
  <si>
    <t>171719.0</t>
  </si>
  <si>
    <t>376550.0</t>
  </si>
  <si>
    <t>104441.0</t>
  </si>
  <si>
    <t>250805.2</t>
  </si>
  <si>
    <t>2832.33869262137</t>
  </si>
  <si>
    <t>38654574.0</t>
  </si>
  <si>
    <t>439.639</t>
  </si>
  <si>
    <t>109365.0</t>
  </si>
  <si>
    <t>374017.0</t>
  </si>
  <si>
    <t>38763945.0</t>
  </si>
  <si>
    <t>109371.0</t>
  </si>
  <si>
    <t>440.883</t>
  </si>
  <si>
    <t>109577.0</t>
  </si>
  <si>
    <t>371483.0</t>
  </si>
  <si>
    <t>101057.0</t>
  </si>
  <si>
    <t>38873156.0</t>
  </si>
  <si>
    <t>109211.0</t>
  </si>
  <si>
    <t>442.125</t>
  </si>
  <si>
    <t>109315.0</t>
  </si>
  <si>
    <t>368950.0</t>
  </si>
  <si>
    <t>38983629.0</t>
  </si>
  <si>
    <t>110473.0</t>
  </si>
  <si>
    <t>443.382</t>
  </si>
  <si>
    <t>109197.0</t>
  </si>
  <si>
    <t>366417.0</t>
  </si>
  <si>
    <t>97672.0</t>
  </si>
  <si>
    <t>39093355.0</t>
  </si>
  <si>
    <t>109726.0</t>
  </si>
  <si>
    <t>444.63</t>
  </si>
  <si>
    <t>363884.0</t>
  </si>
  <si>
    <t>95980.0</t>
  </si>
  <si>
    <t>108854.0</t>
  </si>
  <si>
    <t>361351.0</t>
  </si>
  <si>
    <t>94287.0</t>
  </si>
  <si>
    <t>39309087.0</t>
  </si>
  <si>
    <t>447.083</t>
  </si>
  <si>
    <t>107531771.0</t>
  </si>
  <si>
    <t>58094169.0</t>
  </si>
  <si>
    <t>48149791.0</t>
  </si>
  <si>
    <t>1287811.0</t>
  </si>
  <si>
    <t>392956.0</t>
  </si>
  <si>
    <t>101305.0</t>
  </si>
  <si>
    <t>251622.4</t>
  </si>
  <si>
    <t>2841.56731778389</t>
  </si>
  <si>
    <t>39415479.0</t>
  </si>
  <si>
    <t>108701.0</t>
  </si>
  <si>
    <t>383268.0</t>
  </si>
  <si>
    <t>96524.0</t>
  </si>
  <si>
    <t>39523748.0</t>
  </si>
  <si>
    <t>108269.0</t>
  </si>
  <si>
    <t>449.525</t>
  </si>
  <si>
    <t>373580.0</t>
  </si>
  <si>
    <t>91743.0</t>
  </si>
  <si>
    <t>39632983.0</t>
  </si>
  <si>
    <t>109235.0</t>
  </si>
  <si>
    <t>450.767</t>
  </si>
  <si>
    <t>108547.0</t>
  </si>
  <si>
    <t>363892.0</t>
  </si>
  <si>
    <t>86963.0</t>
  </si>
  <si>
    <t>107986.0</t>
  </si>
  <si>
    <t>354203.0</t>
  </si>
  <si>
    <t>82182.0</t>
  </si>
  <si>
    <t>39846085.0</t>
  </si>
  <si>
    <t>453.191</t>
  </si>
  <si>
    <t>107533.0</t>
  </si>
  <si>
    <t>344515.0</t>
  </si>
  <si>
    <t>39951481.0</t>
  </si>
  <si>
    <t>454.389</t>
  </si>
  <si>
    <t>107180.0</t>
  </si>
  <si>
    <t>334827.0</t>
  </si>
  <si>
    <t>72620.0</t>
  </si>
  <si>
    <t>106457.0</t>
  </si>
  <si>
    <t>109807742.0</t>
  </si>
  <si>
    <t>58569046.0</t>
  </si>
  <si>
    <t>49150330.0</t>
  </si>
  <si>
    <t>325139.0</t>
  </si>
  <si>
    <t>67840.0</t>
  </si>
  <si>
    <t>251753.1</t>
  </si>
  <si>
    <t>2843.04331057481</t>
  </si>
  <si>
    <t>40157086.0</t>
  </si>
  <si>
    <t>456.728</t>
  </si>
  <si>
    <t>105944.0</t>
  </si>
  <si>
    <t>348735.0</t>
  </si>
  <si>
    <t>69530.0</t>
  </si>
  <si>
    <t>105133.0</t>
  </si>
  <si>
    <t>372332.0</t>
  </si>
  <si>
    <t>40362269.0</t>
  </si>
  <si>
    <t>459.062</t>
  </si>
  <si>
    <t>104184.0</t>
  </si>
  <si>
    <t>395928.0</t>
  </si>
  <si>
    <t>40463565.0</t>
  </si>
  <si>
    <t>101296.0</t>
  </si>
  <si>
    <t>460.214</t>
  </si>
  <si>
    <t>103433.0</t>
  </si>
  <si>
    <t>74602.0</t>
  </si>
  <si>
    <t>40569784.0</t>
  </si>
  <si>
    <t>106219.0</t>
  </si>
  <si>
    <t>461.422</t>
  </si>
  <si>
    <t>103386.0</t>
  </si>
  <si>
    <t>76293.0</t>
  </si>
  <si>
    <t>40671057.0</t>
  </si>
  <si>
    <t>101273.0</t>
  </si>
  <si>
    <t>462.574</t>
  </si>
  <si>
    <t>102797.0</t>
  </si>
  <si>
    <t>466718.0</t>
  </si>
  <si>
    <t>77983.0</t>
  </si>
  <si>
    <t>40774033.0</t>
  </si>
  <si>
    <t>102976.0</t>
  </si>
  <si>
    <t>463.745</t>
  </si>
  <si>
    <t>102821.0</t>
  </si>
  <si>
    <t>113239941.0</t>
  </si>
  <si>
    <t>59126764.0</t>
  </si>
  <si>
    <t>50340978.0</t>
  </si>
  <si>
    <t>3772199.0</t>
  </si>
  <si>
    <t>490314.0</t>
  </si>
  <si>
    <t>79674.0</t>
  </si>
  <si>
    <t>251673.0</t>
  </si>
  <si>
    <t>2842.13874268994</t>
  </si>
  <si>
    <t>40880338.0</t>
  </si>
  <si>
    <t>106305.0</t>
  </si>
  <si>
    <t>464.954</t>
  </si>
  <si>
    <t>103322.0</t>
  </si>
  <si>
    <t>480897.0</t>
  </si>
  <si>
    <t>40981684.0</t>
  </si>
  <si>
    <t>101346.0</t>
  </si>
  <si>
    <t>466.107</t>
  </si>
  <si>
    <t>103144.0</t>
  </si>
  <si>
    <t>471480.0</t>
  </si>
  <si>
    <t>72098.0</t>
  </si>
  <si>
    <t>41082066.0</t>
  </si>
  <si>
    <t>100382.0</t>
  </si>
  <si>
    <t>467.248</t>
  </si>
  <si>
    <t>102828.0</t>
  </si>
  <si>
    <t>462063.0</t>
  </si>
  <si>
    <t>68310.0</t>
  </si>
  <si>
    <t>41183363.0</t>
  </si>
  <si>
    <t>468.4</t>
  </si>
  <si>
    <t>452645.0</t>
  </si>
  <si>
    <t>64522.0</t>
  </si>
  <si>
    <t>41286279.0</t>
  </si>
  <si>
    <t>102916.0</t>
  </si>
  <si>
    <t>469.571</t>
  </si>
  <si>
    <t>102356.0</t>
  </si>
  <si>
    <t>443228.0</t>
  </si>
  <si>
    <t>60734.0</t>
  </si>
  <si>
    <t>102549.0</t>
  </si>
  <si>
    <t>433811.0</t>
  </si>
  <si>
    <t>56946.0</t>
  </si>
  <si>
    <t>41491521.0</t>
  </si>
  <si>
    <t>471.905</t>
  </si>
  <si>
    <t>116210697.0</t>
  </si>
  <si>
    <t>59498870.0</t>
  </si>
  <si>
    <t>51194091.0</t>
  </si>
  <si>
    <t>424394.0</t>
  </si>
  <si>
    <t>251655.0</t>
  </si>
  <si>
    <t>2841.93546900795</t>
  </si>
  <si>
    <t>41592984.0</t>
  </si>
  <si>
    <t>101463.0</t>
  </si>
  <si>
    <t>473.059</t>
  </si>
  <si>
    <t>101807.0</t>
  </si>
  <si>
    <t>419391.0</t>
  </si>
  <si>
    <t>41693121.0</t>
  </si>
  <si>
    <t>100137.0</t>
  </si>
  <si>
    <t>474.198</t>
  </si>
  <si>
    <t>101634.0</t>
  </si>
  <si>
    <t>414389.0</t>
  </si>
  <si>
    <t>49476.0</t>
  </si>
  <si>
    <t>41791485.0</t>
  </si>
  <si>
    <t>98364.0</t>
  </si>
  <si>
    <t>475.317</t>
  </si>
  <si>
    <t>409387.0</t>
  </si>
  <si>
    <t>41887743.0</t>
  </si>
  <si>
    <t>96258.0</t>
  </si>
  <si>
    <t>476.412</t>
  </si>
  <si>
    <t>100626.0</t>
  </si>
  <si>
    <t>404385.0</t>
  </si>
  <si>
    <t>41982912.0</t>
  </si>
  <si>
    <t>95169.0</t>
  </si>
  <si>
    <t>477.494</t>
  </si>
  <si>
    <t>99519.0</t>
  </si>
  <si>
    <t>399382.0</t>
  </si>
  <si>
    <t>42078937.0</t>
  </si>
  <si>
    <t>478.586</t>
  </si>
  <si>
    <t>98577.0</t>
  </si>
  <si>
    <t>394380.0</t>
  </si>
  <si>
    <t>42111.0</t>
  </si>
  <si>
    <t>42180249.0</t>
  </si>
  <si>
    <t>479.738</t>
  </si>
  <si>
    <t>98390.0</t>
  </si>
  <si>
    <t>389378.0</t>
  </si>
  <si>
    <t>251134.9</t>
  </si>
  <si>
    <t>2836.06198889656</t>
  </si>
  <si>
    <t>42281617.0</t>
  </si>
  <si>
    <t>101368.0</t>
  </si>
  <si>
    <t>480.891</t>
  </si>
  <si>
    <t>119325720.0</t>
  </si>
  <si>
    <t>59821029.0</t>
  </si>
  <si>
    <t>51938622.0</t>
  </si>
  <si>
    <t>42382230.0</t>
  </si>
  <si>
    <t>100613.0</t>
  </si>
  <si>
    <t>482.036</t>
  </si>
  <si>
    <t>98444.0</t>
  </si>
  <si>
    <t>401075.0</t>
  </si>
  <si>
    <t>40260.0</t>
  </si>
  <si>
    <t>42484271.0</t>
  </si>
  <si>
    <t>102041.0</t>
  </si>
  <si>
    <t>483.196</t>
  </si>
  <si>
    <t>98969.0</t>
  </si>
  <si>
    <t>412771.0</t>
  </si>
  <si>
    <t>40251.0</t>
  </si>
  <si>
    <t>42577332.0</t>
  </si>
  <si>
    <t>93061.0</t>
  </si>
  <si>
    <t>484.255</t>
  </si>
  <si>
    <t>98513.0</t>
  </si>
  <si>
    <t>424468.0</t>
  </si>
  <si>
    <t>40241.0</t>
  </si>
  <si>
    <t>436165.0</t>
  </si>
  <si>
    <t>42742805.0</t>
  </si>
  <si>
    <t>486.137</t>
  </si>
  <si>
    <t>447861.0</t>
  </si>
  <si>
    <t>42826837.0</t>
  </si>
  <si>
    <t>84032.0</t>
  </si>
  <si>
    <t>487.092</t>
  </si>
  <si>
    <t>92370.0</t>
  </si>
  <si>
    <t>122153249.0</t>
  </si>
  <si>
    <t>60062247.0</t>
  </si>
  <si>
    <t>52530978.0</t>
  </si>
  <si>
    <t>459558.0</t>
  </si>
  <si>
    <t>137.95</t>
  </si>
  <si>
    <t>250553.8</t>
  </si>
  <si>
    <t>2829.49963686286</t>
  </si>
  <si>
    <t>42908102.0</t>
  </si>
  <si>
    <t>81265.0</t>
  </si>
  <si>
    <t>488.017</t>
  </si>
  <si>
    <t>89498.0</t>
  </si>
  <si>
    <t>504556.0</t>
  </si>
  <si>
    <t>41209.0</t>
  </si>
  <si>
    <t>42988265.0</t>
  </si>
  <si>
    <t>488.928</t>
  </si>
  <si>
    <t>537857.0</t>
  </si>
  <si>
    <t>43069904.0</t>
  </si>
  <si>
    <t>81639.0</t>
  </si>
  <si>
    <t>489.857</t>
  </si>
  <si>
    <t>571158.0</t>
  </si>
  <si>
    <t>43220.0</t>
  </si>
  <si>
    <t>82900.0</t>
  </si>
  <si>
    <t>124970698.0</t>
  </si>
  <si>
    <t>60251217.0</t>
  </si>
  <si>
    <t>52974192.0</t>
  </si>
  <si>
    <t>11745289.0</t>
  </si>
  <si>
    <t>604459.0</t>
  </si>
  <si>
    <t>43245362.0</t>
  </si>
  <si>
    <t>491.853</t>
  </si>
  <si>
    <t>83613.0</t>
  </si>
  <si>
    <t>125262221.0</t>
  </si>
  <si>
    <t>60269896.0</t>
  </si>
  <si>
    <t>53018325.0</t>
  </si>
  <si>
    <t>11974000.0</t>
  </si>
  <si>
    <t>291523.0</t>
  </si>
  <si>
    <t>578783.0</t>
  </si>
  <si>
    <t>43326629.0</t>
  </si>
  <si>
    <t>81267.0</t>
  </si>
  <si>
    <t>492.777</t>
  </si>
  <si>
    <t>125560035.0</t>
  </si>
  <si>
    <t>60289939.0</t>
  </si>
  <si>
    <t>53064275.0</t>
  </si>
  <si>
    <t>12205821.0</t>
  </si>
  <si>
    <t>297814.0</t>
  </si>
  <si>
    <t>554006.0</t>
  </si>
  <si>
    <t>38271.0</t>
  </si>
  <si>
    <t>43410121.0</t>
  </si>
  <si>
    <t>493.726</t>
  </si>
  <si>
    <t>125973179.0</t>
  </si>
  <si>
    <t>60321108.0</t>
  </si>
  <si>
    <t>53130215.0</t>
  </si>
  <si>
    <t>12521856.0</t>
  </si>
  <si>
    <t>413144.0</t>
  </si>
  <si>
    <t>545704.0</t>
  </si>
  <si>
    <t>36980.0</t>
  </si>
  <si>
    <t>250693.8</t>
  </si>
  <si>
    <t>2831.08065438948</t>
  </si>
  <si>
    <t>43499337.0</t>
  </si>
  <si>
    <t>89216.0</t>
  </si>
  <si>
    <t>494.741</t>
  </si>
  <si>
    <t>84462.0</t>
  </si>
  <si>
    <t>126401975.0</t>
  </si>
  <si>
    <t>60350685.0</t>
  </si>
  <si>
    <t>53195312.0</t>
  </si>
  <si>
    <t>12855978.0</t>
  </si>
  <si>
    <t>428796.0</t>
  </si>
  <si>
    <t>506338.0</t>
  </si>
  <si>
    <t>43589571.0</t>
  </si>
  <si>
    <t>495.767</t>
  </si>
  <si>
    <t>85901.0</t>
  </si>
  <si>
    <t>126779652.0</t>
  </si>
  <si>
    <t>60376526.0</t>
  </si>
  <si>
    <t>53258700.0</t>
  </si>
  <si>
    <t>13144426.0</t>
  </si>
  <si>
    <t>377677.0</t>
  </si>
  <si>
    <t>459668.0</t>
  </si>
  <si>
    <t>31399.0</t>
  </si>
  <si>
    <t>43680828.0</t>
  </si>
  <si>
    <t>91257.0</t>
  </si>
  <si>
    <t>496.805</t>
  </si>
  <si>
    <t>87275.0</t>
  </si>
  <si>
    <t>127216770.0</t>
  </si>
  <si>
    <t>60404946.0</t>
  </si>
  <si>
    <t>53334908.0</t>
  </si>
  <si>
    <t>13476916.0</t>
  </si>
  <si>
    <t>437118.0</t>
  </si>
  <si>
    <t>421491.0</t>
  </si>
  <si>
    <t>87926.0</t>
  </si>
  <si>
    <t>127687808.0</t>
  </si>
  <si>
    <t>60435003.0</t>
  </si>
  <si>
    <t>53420305.0</t>
  </si>
  <si>
    <t>13832500.0</t>
  </si>
  <si>
    <t>471038.0</t>
  </si>
  <si>
    <t>388159.0</t>
  </si>
  <si>
    <t>26255.0</t>
  </si>
  <si>
    <t>43865395.0</t>
  </si>
  <si>
    <t>498.904</t>
  </si>
  <si>
    <t>88576.0</t>
  </si>
  <si>
    <t>386871.0</t>
  </si>
  <si>
    <t>43953611.0</t>
  </si>
  <si>
    <t>499.908</t>
  </si>
  <si>
    <t>128252824.0</t>
  </si>
  <si>
    <t>60465452.0</t>
  </si>
  <si>
    <t>53517573.0</t>
  </si>
  <si>
    <t>14269799.0</t>
  </si>
  <si>
    <t>384684.0</t>
  </si>
  <si>
    <t>90821.0</t>
  </si>
  <si>
    <t>128640395.0</t>
  </si>
  <si>
    <t>60490309.0</t>
  </si>
  <si>
    <t>53586646.0</t>
  </si>
  <si>
    <t>14563440.0</t>
  </si>
  <si>
    <t>387571.0</t>
  </si>
  <si>
    <t>381031.0</t>
  </si>
  <si>
    <t>145.27</t>
  </si>
  <si>
    <t>250188.4</t>
  </si>
  <si>
    <t>2825.37318111839</t>
  </si>
  <si>
    <t>44138128.0</t>
  </si>
  <si>
    <t>502.006</t>
  </si>
  <si>
    <t>91256.0</t>
  </si>
  <si>
    <t>129022276.0</t>
  </si>
  <si>
    <t>60513855.0</t>
  </si>
  <si>
    <t>53651657.0</t>
  </si>
  <si>
    <t>14856764.0</t>
  </si>
  <si>
    <t>381881.0</t>
  </si>
  <si>
    <t>374329.0</t>
  </si>
  <si>
    <t>384011.0</t>
  </si>
  <si>
    <t>44323800.0</t>
  </si>
  <si>
    <t>504.118</t>
  </si>
  <si>
    <t>91853.0</t>
  </si>
  <si>
    <t>129913186.0</t>
  </si>
  <si>
    <t>60568566.0</t>
  </si>
  <si>
    <t>53796203.0</t>
  </si>
  <si>
    <t>15548417.0</t>
  </si>
  <si>
    <t>146.71</t>
  </si>
  <si>
    <t>23374.0</t>
  </si>
  <si>
    <t>91904.0</t>
  </si>
  <si>
    <t>374925.0</t>
  </si>
  <si>
    <t>91954.0</t>
  </si>
  <si>
    <t>130711386.0</t>
  </si>
  <si>
    <t>60618612.0</t>
  </si>
  <si>
    <t>53917006.0</t>
  </si>
  <si>
    <t>16175768.0</t>
  </si>
  <si>
    <t>391581.0</t>
  </si>
  <si>
    <t>92585.0</t>
  </si>
  <si>
    <t>131044477.0</t>
  </si>
  <si>
    <t>60640498.0</t>
  </si>
  <si>
    <t>53961998.0</t>
  </si>
  <si>
    <t>16441981.0</t>
  </si>
  <si>
    <t>333091.0</t>
  </si>
  <si>
    <t>398808.0</t>
  </si>
  <si>
    <t>25007.0</t>
  </si>
  <si>
    <t>44694344.0</t>
  </si>
  <si>
    <t>508.333</t>
  </si>
  <si>
    <t>92639.0</t>
  </si>
  <si>
    <t>131617252.0</t>
  </si>
  <si>
    <t>60699381.0</t>
  </si>
  <si>
    <t>54040089.0</t>
  </si>
  <si>
    <t>16877782.0</t>
  </si>
  <si>
    <t>425265.0</t>
  </si>
  <si>
    <t>148.64</t>
  </si>
  <si>
    <t>250309.8</t>
  </si>
  <si>
    <t>2826.74414917361</t>
  </si>
  <si>
    <t>44789471.0</t>
  </si>
  <si>
    <t>509.414</t>
  </si>
  <si>
    <t>93049.0</t>
  </si>
  <si>
    <t>132202293.0</t>
  </si>
  <si>
    <t>60770435.0</t>
  </si>
  <si>
    <t>54116027.0</t>
  </si>
  <si>
    <t>17315831.0</t>
  </si>
  <si>
    <t>585041.0</t>
  </si>
  <si>
    <t>454288.0</t>
  </si>
  <si>
    <t>149.3</t>
  </si>
  <si>
    <t>36654.0</t>
  </si>
  <si>
    <t>44886634.0</t>
  </si>
  <si>
    <t>510.52</t>
  </si>
  <si>
    <t>93667.0</t>
  </si>
  <si>
    <t>132725305.0</t>
  </si>
  <si>
    <t>60838106.0</t>
  </si>
  <si>
    <t>54189193.0</t>
  </si>
  <si>
    <t>17698006.0</t>
  </si>
  <si>
    <t>523012.0</t>
  </si>
  <si>
    <t>465368.0</t>
  </si>
  <si>
    <t>44988940.0</t>
  </si>
  <si>
    <t>102306.0</t>
  </si>
  <si>
    <t>511.683</t>
  </si>
  <si>
    <t>133346414.0</t>
  </si>
  <si>
    <t>60905266.0</t>
  </si>
  <si>
    <t>54277761.0</t>
  </si>
  <si>
    <t>18163387.0</t>
  </si>
  <si>
    <t>621109.0</t>
  </si>
  <si>
    <t>150.59</t>
  </si>
  <si>
    <t>48100.0</t>
  </si>
  <si>
    <t>45095250.0</t>
  </si>
  <si>
    <t>106310.0</t>
  </si>
  <si>
    <t>512.892</t>
  </si>
  <si>
    <t>96973.0</t>
  </si>
  <si>
    <t>134137258.0</t>
  </si>
  <si>
    <t>60992230.0</t>
  </si>
  <si>
    <t>54370250.0</t>
  </si>
  <si>
    <t>18774778.0</t>
  </si>
  <si>
    <t>790844.0</t>
  </si>
  <si>
    <t>546425.0</t>
  </si>
  <si>
    <t>56949.0</t>
  </si>
  <si>
    <t>98403.0</t>
  </si>
  <si>
    <t>134449270.0</t>
  </si>
  <si>
    <t>61020487.0</t>
  </si>
  <si>
    <t>54405243.0</t>
  </si>
  <si>
    <t>19023540.0</t>
  </si>
  <si>
    <t>312012.0</t>
  </si>
  <si>
    <t>533983.0</t>
  </si>
  <si>
    <t>57411.0</t>
  </si>
  <si>
    <t>0.3172</t>
  </si>
  <si>
    <t>134804696.0</t>
  </si>
  <si>
    <t>61056612.0</t>
  </si>
  <si>
    <t>54447739.0</t>
  </si>
  <si>
    <t>19300345.0</t>
  </si>
  <si>
    <t>355426.0</t>
  </si>
  <si>
    <t>537174.0</t>
  </si>
  <si>
    <t>152.23</t>
  </si>
  <si>
    <t>101264.0</t>
  </si>
  <si>
    <t>0.3316</t>
  </si>
  <si>
    <t>135264672.0</t>
  </si>
  <si>
    <t>61112617.0</t>
  </si>
  <si>
    <t>54505698.0</t>
  </si>
  <si>
    <t>19646357.0</t>
  </si>
  <si>
    <t>459976.0</t>
  </si>
  <si>
    <t>521060.0</t>
  </si>
  <si>
    <t>59034.0</t>
  </si>
  <si>
    <t>250656.5</t>
  </si>
  <si>
    <t>2830.65942614846</t>
  </si>
  <si>
    <t>45505835.0</t>
  </si>
  <si>
    <t>517.562</t>
  </si>
  <si>
    <t>102338.0</t>
  </si>
  <si>
    <t>0.3433</t>
  </si>
  <si>
    <t>135705646.0</t>
  </si>
  <si>
    <t>61170578.0</t>
  </si>
  <si>
    <t>54561630.0</t>
  </si>
  <si>
    <t>19973438.0</t>
  </si>
  <si>
    <t>500479.0</t>
  </si>
  <si>
    <t>57163.0</t>
  </si>
  <si>
    <t>136080644.0</t>
  </si>
  <si>
    <t>61223353.0</t>
  </si>
  <si>
    <t>54611857.0</t>
  </si>
  <si>
    <t>20245434.0</t>
  </si>
  <si>
    <t>374998.0</t>
  </si>
  <si>
    <t>479334.0</t>
  </si>
  <si>
    <t>153.68</t>
  </si>
  <si>
    <t>55035.0</t>
  </si>
  <si>
    <t>136475508.0</t>
  </si>
  <si>
    <t>61292771.0</t>
  </si>
  <si>
    <t>54666259.0</t>
  </si>
  <si>
    <t>20516478.0</t>
  </si>
  <si>
    <t>394864.0</t>
  </si>
  <si>
    <t>447013.0</t>
  </si>
  <si>
    <t>55358.0</t>
  </si>
  <si>
    <t>45806771.0</t>
  </si>
  <si>
    <t>520.985</t>
  </si>
  <si>
    <t>101646.0</t>
  </si>
  <si>
    <t>136862214.0</t>
  </si>
  <si>
    <t>61373600.0</t>
  </si>
  <si>
    <t>54715414.0</t>
  </si>
  <si>
    <t>20773200.0</t>
  </si>
  <si>
    <t>386706.0</t>
  </si>
  <si>
    <t>389279.0</t>
  </si>
  <si>
    <t>54481.0</t>
  </si>
  <si>
    <t>137110534.0</t>
  </si>
  <si>
    <t>61428247.0</t>
  </si>
  <si>
    <t>54745040.0</t>
  </si>
  <si>
    <t>20937247.0</t>
  </si>
  <si>
    <t>248320.0</t>
  </si>
  <si>
    <t>380181.0</t>
  </si>
  <si>
    <t>154.84</t>
  </si>
  <si>
    <t>58251.0</t>
  </si>
  <si>
    <t>96468.0</t>
  </si>
  <si>
    <t>137334302.0</t>
  </si>
  <si>
    <t>61477263.0</t>
  </si>
  <si>
    <t>54772244.0</t>
  </si>
  <si>
    <t>21084795.0</t>
  </si>
  <si>
    <t>223768.0</t>
  </si>
  <si>
    <t>361372.0</t>
  </si>
  <si>
    <t>60093.0</t>
  </si>
  <si>
    <t>93879.0</t>
  </si>
  <si>
    <t>0.3454</t>
  </si>
  <si>
    <t>137659890.0</t>
  </si>
  <si>
    <t>61568128.0</t>
  </si>
  <si>
    <t>54812067.0</t>
  </si>
  <si>
    <t>21279695.0</t>
  </si>
  <si>
    <t>325588.0</t>
  </si>
  <si>
    <t>342174.0</t>
  </si>
  <si>
    <t>155.46</t>
  </si>
  <si>
    <t>251709.5</t>
  </si>
  <si>
    <t>2842.55093654509</t>
  </si>
  <si>
    <t>46144867.0</t>
  </si>
  <si>
    <t>524.83</t>
  </si>
  <si>
    <t>91290.0</t>
  </si>
  <si>
    <t>0.3382</t>
  </si>
  <si>
    <t>137986813.0</t>
  </si>
  <si>
    <t>61664949.0</t>
  </si>
  <si>
    <t>54851145.0</t>
  </si>
  <si>
    <t>21470719.0</t>
  </si>
  <si>
    <t>326923.0</t>
  </si>
  <si>
    <t>325881.0</t>
  </si>
  <si>
    <t>155.83</t>
  </si>
  <si>
    <t>70624.0</t>
  </si>
  <si>
    <t>88588.0</t>
  </si>
  <si>
    <t>138197905.0</t>
  </si>
  <si>
    <t>61727179.0</t>
  </si>
  <si>
    <t>54877715.0</t>
  </si>
  <si>
    <t>21593011.0</t>
  </si>
  <si>
    <t>211092.0</t>
  </si>
  <si>
    <t>302466.0</t>
  </si>
  <si>
    <t>46307661.0</t>
  </si>
  <si>
    <t>526.682</t>
  </si>
  <si>
    <t>138357387.0</t>
  </si>
  <si>
    <t>61770138.0</t>
  </si>
  <si>
    <t>54897594.0</t>
  </si>
  <si>
    <t>21689655.0</t>
  </si>
  <si>
    <t>159482.0</t>
  </si>
  <si>
    <t>268840.0</t>
  </si>
  <si>
    <t>68195.0</t>
  </si>
  <si>
    <t>82876.0</t>
  </si>
  <si>
    <t>0.2818</t>
  </si>
  <si>
    <t>251148.0</t>
  </si>
  <si>
    <t>46466138.0</t>
  </si>
  <si>
    <t>528.484</t>
  </si>
  <si>
    <t>82120.0</t>
  </si>
  <si>
    <t>138883111.0</t>
  </si>
  <si>
    <t>61949008.0</t>
  </si>
  <si>
    <t>54988930.0</t>
  </si>
  <si>
    <t>21945173.0</t>
  </si>
  <si>
    <t>253225.0</t>
  </si>
  <si>
    <t>74394.0</t>
  </si>
  <si>
    <t>81254.0</t>
  </si>
  <si>
    <t>139147658.0</t>
  </si>
  <si>
    <t>62037154.0</t>
  </si>
  <si>
    <t>55042390.0</t>
  </si>
  <si>
    <t>22068114.0</t>
  </si>
  <si>
    <t>264547.0</t>
  </si>
  <si>
    <t>79984.0</t>
  </si>
  <si>
    <t>80388.0</t>
  </si>
  <si>
    <t>139467036.0</t>
  </si>
  <si>
    <t>62151678.0</t>
  </si>
  <si>
    <t>55100679.0</t>
  </si>
  <si>
    <t>22214679.0</t>
  </si>
  <si>
    <t>319378.0</t>
  </si>
  <si>
    <t>258164.0</t>
  </si>
  <si>
    <t>253678.8</t>
  </si>
  <si>
    <t>2864.79020665345</t>
  </si>
  <si>
    <t>46701520.0</t>
  </si>
  <si>
    <t>531.161</t>
  </si>
  <si>
    <t>79522.0</t>
  </si>
  <si>
    <t>139778863.0</t>
  </si>
  <si>
    <t>62261396.0</t>
  </si>
  <si>
    <t>55157584.0</t>
  </si>
  <si>
    <t>22359883.0</t>
  </si>
  <si>
    <t>311827.0</t>
  </si>
  <si>
    <t>256007.0</t>
  </si>
  <si>
    <t>85207.0</t>
  </si>
  <si>
    <t>46780865.0</t>
  </si>
  <si>
    <t>532.064</t>
  </si>
  <si>
    <t>140067676.0</t>
  </si>
  <si>
    <t>62362851.0</t>
  </si>
  <si>
    <t>55214782.0</t>
  </si>
  <si>
    <t>22490043.0</t>
  </si>
  <si>
    <t>288813.0</t>
  </si>
  <si>
    <t>267110.0</t>
  </si>
  <si>
    <t>90810.0</t>
  </si>
  <si>
    <t>46862129.0</t>
  </si>
  <si>
    <t>81264.0</t>
  </si>
  <si>
    <t>532.988</t>
  </si>
  <si>
    <t>79210.0</t>
  </si>
  <si>
    <t>140520797.0</t>
  </si>
  <si>
    <t>62640464.0</t>
  </si>
  <si>
    <t>55262698.0</t>
  </si>
  <si>
    <t>22617635.0</t>
  </si>
  <si>
    <t>453121.0</t>
  </si>
  <si>
    <t>309059.0</t>
  </si>
  <si>
    <t>158.69</t>
  </si>
  <si>
    <t>294126.0</t>
  </si>
  <si>
    <t>47014581.0</t>
  </si>
  <si>
    <t>534.722</t>
  </si>
  <si>
    <t>78349.0</t>
  </si>
  <si>
    <t>140837463.0</t>
  </si>
  <si>
    <t>62674913.0</t>
  </si>
  <si>
    <t>55324216.0</t>
  </si>
  <si>
    <t>22838334.0</t>
  </si>
  <si>
    <t>279193.0</t>
  </si>
  <si>
    <t>47087743.0</t>
  </si>
  <si>
    <t>535.554</t>
  </si>
  <si>
    <t>77592.0</t>
  </si>
  <si>
    <t>141006000.0</t>
  </si>
  <si>
    <t>62692766.0</t>
  </si>
  <si>
    <t>55390361.0</t>
  </si>
  <si>
    <t>22922873.0</t>
  </si>
  <si>
    <t>168537.0</t>
  </si>
  <si>
    <t>265477.0</t>
  </si>
  <si>
    <t>47168989.0</t>
  </si>
  <si>
    <t>536.478</t>
  </si>
  <si>
    <t>77990.0</t>
  </si>
  <si>
    <t>141150412.0</t>
  </si>
  <si>
    <t>62739635.0</t>
  </si>
  <si>
    <t>55418020.0</t>
  </si>
  <si>
    <t>22992757.0</t>
  </si>
  <si>
    <t>144412.0</t>
  </si>
  <si>
    <t>240482.0</t>
  </si>
  <si>
    <t>256635.5</t>
  </si>
  <si>
    <t>2898.18016751739</t>
  </si>
  <si>
    <t>47252235.0</t>
  </si>
  <si>
    <t>83246.0</t>
  </si>
  <si>
    <t>537.425</t>
  </si>
  <si>
    <t>141526830.0</t>
  </si>
  <si>
    <t>62844117.0</t>
  </si>
  <si>
    <t>55486457.0</t>
  </si>
  <si>
    <t>23196256.0</t>
  </si>
  <si>
    <t>376418.0</t>
  </si>
  <si>
    <t>249710.0</t>
  </si>
  <si>
    <t>47335696.0</t>
  </si>
  <si>
    <t>83461.0</t>
  </si>
  <si>
    <t>538.374</t>
  </si>
  <si>
    <t>141724717.0</t>
  </si>
  <si>
    <t>62903145.0</t>
  </si>
  <si>
    <t>55529712.0</t>
  </si>
  <si>
    <t>23291860.0</t>
  </si>
  <si>
    <t>197887.0</t>
  </si>
  <si>
    <t>236720.0</t>
  </si>
  <si>
    <t>47415942.0</t>
  </si>
  <si>
    <t>80246.0</t>
  </si>
  <si>
    <t>539.287</t>
  </si>
  <si>
    <t>79116.0</t>
  </si>
  <si>
    <t>141839666.0</t>
  </si>
  <si>
    <t>62930147.0</t>
  </si>
  <si>
    <t>55553147.0</t>
  </si>
  <si>
    <t>23356372.0</t>
  </si>
  <si>
    <t>114949.0</t>
  </si>
  <si>
    <t>188410.0</t>
  </si>
  <si>
    <t>160.18</t>
  </si>
  <si>
    <t>47494176.0</t>
  </si>
  <si>
    <t>78234.0</t>
  </si>
  <si>
    <t>540.177</t>
  </si>
  <si>
    <t>79403.0</t>
  </si>
  <si>
    <t>142015103.0</t>
  </si>
  <si>
    <t>62973345.0</t>
  </si>
  <si>
    <t>55589789.0</t>
  </si>
  <si>
    <t>23451969.0</t>
  </si>
  <si>
    <t>175437.0</t>
  </si>
  <si>
    <t>190853.0</t>
  </si>
  <si>
    <t>45094.0</t>
  </si>
  <si>
    <t>79468.0</t>
  </si>
  <si>
    <t>205526.0</t>
  </si>
  <si>
    <t>47647542.0</t>
  </si>
  <si>
    <t>541.921</t>
  </si>
  <si>
    <t>79971.0</t>
  </si>
  <si>
    <t>142537180.0</t>
  </si>
  <si>
    <t>63077531.0</t>
  </si>
  <si>
    <t>55685708.0</t>
  </si>
  <si>
    <t>23773941.0</t>
  </si>
  <si>
    <t>218740.0</t>
  </si>
  <si>
    <t>160.97</t>
  </si>
  <si>
    <t>47726758.0</t>
  </si>
  <si>
    <t>79216.0</t>
  </si>
  <si>
    <t>542.822</t>
  </si>
  <si>
    <t>79681.0</t>
  </si>
  <si>
    <t>142884337.0</t>
  </si>
  <si>
    <t>63149233.0</t>
  </si>
  <si>
    <t>55753546.0</t>
  </si>
  <si>
    <t>23981558.0</t>
  </si>
  <si>
    <t>347157.0</t>
  </si>
  <si>
    <t>247704.0</t>
  </si>
  <si>
    <t>161.36</t>
  </si>
  <si>
    <t>58514.0</t>
  </si>
  <si>
    <t>258836.5</t>
  </si>
  <si>
    <t>2923.0360216323</t>
  </si>
  <si>
    <t>47808284.0</t>
  </si>
  <si>
    <t>543.749</t>
  </si>
  <si>
    <t>79436.0</t>
  </si>
  <si>
    <t>143232107.0</t>
  </si>
  <si>
    <t>63221401.0</t>
  </si>
  <si>
    <t>55822245.0</t>
  </si>
  <si>
    <t>24188461.0</t>
  </si>
  <si>
    <t>347770.0</t>
  </si>
  <si>
    <t>243611.0</t>
  </si>
  <si>
    <t>47884518.0</t>
  </si>
  <si>
    <t>76234.0</t>
  </si>
  <si>
    <t>544.616</t>
  </si>
  <si>
    <t>78403.0</t>
  </si>
  <si>
    <t>143490366.0</t>
  </si>
  <si>
    <t>63274619.0</t>
  </si>
  <si>
    <t>55873542.0</t>
  </si>
  <si>
    <t>24342205.0</t>
  </si>
  <si>
    <t>258259.0</t>
  </si>
  <si>
    <t>252236.0</t>
  </si>
  <si>
    <t>77760.0</t>
  </si>
  <si>
    <t>143791282.0</t>
  </si>
  <si>
    <t>63338092.0</t>
  </si>
  <si>
    <t>55935842.0</t>
  </si>
  <si>
    <t>24517348.0</t>
  </si>
  <si>
    <t>300916.0</t>
  </si>
  <si>
    <t>278802.0</t>
  </si>
  <si>
    <t>48036013.0</t>
  </si>
  <si>
    <t>546.339</t>
  </si>
  <si>
    <t>144079994.0</t>
  </si>
  <si>
    <t>63397770.0</t>
  </si>
  <si>
    <t>55999931.0</t>
  </si>
  <si>
    <t>24682293.0</t>
  </si>
  <si>
    <t>288712.0</t>
  </si>
  <si>
    <t>294984.0</t>
  </si>
  <si>
    <t>162.71</t>
  </si>
  <si>
    <t>60632.0</t>
  </si>
  <si>
    <t>76686.0</t>
  </si>
  <si>
    <t>291109.0</t>
  </si>
  <si>
    <t>62965.0</t>
  </si>
  <si>
    <t>48179304.0</t>
  </si>
  <si>
    <t>547.969</t>
  </si>
  <si>
    <t>144547815.0</t>
  </si>
  <si>
    <t>63534619.0</t>
  </si>
  <si>
    <t>56132599.0</t>
  </si>
  <si>
    <t>24880597.0</t>
  </si>
  <si>
    <t>287234.0</t>
  </si>
  <si>
    <t>65298.0</t>
  </si>
  <si>
    <t>272886.0</t>
  </si>
  <si>
    <t>58950.0</t>
  </si>
  <si>
    <t>261045.6</t>
  </si>
  <si>
    <t>2947.9833489041</t>
  </si>
  <si>
    <t>48323110.0</t>
  </si>
  <si>
    <t>549.604</t>
  </si>
  <si>
    <t>145041265.0</t>
  </si>
  <si>
    <t>63589153.0</t>
  </si>
  <si>
    <t>56247745.0</t>
  </si>
  <si>
    <t>25204367.0</t>
  </si>
  <si>
    <t>258451.0</t>
  </si>
  <si>
    <t>72482.0</t>
  </si>
  <si>
    <t>254171.0</t>
  </si>
  <si>
    <t>50718.0</t>
  </si>
  <si>
    <t>71488.0</t>
  </si>
  <si>
    <t>243797.0</t>
  </si>
  <si>
    <t>47434.0</t>
  </si>
  <si>
    <t>70493.0</t>
  </si>
  <si>
    <t>145726159.0</t>
  </si>
  <si>
    <t>63710622.0</t>
  </si>
  <si>
    <t>56452606.0</t>
  </si>
  <si>
    <t>25562931.0</t>
  </si>
  <si>
    <t>235166.0</t>
  </si>
  <si>
    <t>70085.0</t>
  </si>
  <si>
    <t>216685.0</t>
  </si>
  <si>
    <t>69676.0</t>
  </si>
  <si>
    <t>145935239.0</t>
  </si>
  <si>
    <t>63743044.0</t>
  </si>
  <si>
    <t>56522644.0</t>
  </si>
  <si>
    <t>25669551.0</t>
  </si>
  <si>
    <t>164.8</t>
  </si>
  <si>
    <t>48735823.0</t>
  </si>
  <si>
    <t>554.298</t>
  </si>
  <si>
    <t>69231.0</t>
  </si>
  <si>
    <t>146046396.0</t>
  </si>
  <si>
    <t>63759258.0</t>
  </si>
  <si>
    <t>56562086.0</t>
  </si>
  <si>
    <t>25725052.0</t>
  </si>
  <si>
    <t>111157.0</t>
  </si>
  <si>
    <t>178837.0</t>
  </si>
  <si>
    <t>28196.0</t>
  </si>
  <si>
    <t>68073.0</t>
  </si>
  <si>
    <t>148087.0</t>
  </si>
  <si>
    <t>67360.0</t>
  </si>
  <si>
    <t>146109352.0</t>
  </si>
  <si>
    <t>63769136.0</t>
  </si>
  <si>
    <t>56584066.0</t>
  </si>
  <si>
    <t>25756150.0</t>
  </si>
  <si>
    <t>119970.0</t>
  </si>
  <si>
    <t>66647.0</t>
  </si>
  <si>
    <t>90650.0</t>
  </si>
  <si>
    <t>48991010.0</t>
  </si>
  <si>
    <t>557.201</t>
  </si>
  <si>
    <t>63777112.0</t>
  </si>
  <si>
    <t>56601281.0</t>
  </si>
  <si>
    <t>61331.0</t>
  </si>
  <si>
    <t>64873.0</t>
  </si>
  <si>
    <t>146178539.0</t>
  </si>
  <si>
    <t>63780020.0</t>
  </si>
  <si>
    <t>56607849.0</t>
  </si>
  <si>
    <t>25790670.0</t>
  </si>
  <si>
    <t>63812.0</t>
  </si>
  <si>
    <t>43584.0</t>
  </si>
  <si>
    <t>62750.0</t>
  </si>
  <si>
    <t>146302121.0</t>
  </si>
  <si>
    <t>63800645.0</t>
  </si>
  <si>
    <t>56655572.0</t>
  </si>
  <si>
    <t>25845904.0</t>
  </si>
  <si>
    <t>-17.31</t>
  </si>
  <si>
    <t>49236429.0</t>
  </si>
  <si>
    <t>559.992</t>
  </si>
  <si>
    <t>62401.0</t>
  </si>
  <si>
    <t>146655682.0</t>
  </si>
  <si>
    <t>63847113.0</t>
  </si>
  <si>
    <t>56771574.0</t>
  </si>
  <si>
    <t>26036995.0</t>
  </si>
  <si>
    <t>353561.0</t>
  </si>
  <si>
    <t>82544.0</t>
  </si>
  <si>
    <t>146792557.0</t>
  </si>
  <si>
    <t>63872818.0</t>
  </si>
  <si>
    <t>56810058.0</t>
  </si>
  <si>
    <t>26109681.0</t>
  </si>
  <si>
    <t>136875.0</t>
  </si>
  <si>
    <t>146884643.0</t>
  </si>
  <si>
    <t>63890778.0</t>
  </si>
  <si>
    <t>56842387.0</t>
  </si>
  <si>
    <t>26151478.0</t>
  </si>
  <si>
    <t>92086.0</t>
  </si>
  <si>
    <t>107461.0</t>
  </si>
  <si>
    <t>60992.0</t>
  </si>
  <si>
    <t>113612.0</t>
  </si>
  <si>
    <t>49478466.0</t>
  </si>
  <si>
    <t>562.745</t>
  </si>
  <si>
    <t>60872.0</t>
  </si>
  <si>
    <t>120381.0</t>
  </si>
  <si>
    <t>60529.0</t>
  </si>
  <si>
    <t>147149111.0</t>
  </si>
  <si>
    <t>63946854.0</t>
  </si>
  <si>
    <t>56924402.0</t>
  </si>
  <si>
    <t>26277855.0</t>
  </si>
  <si>
    <t>120999.0</t>
  </si>
  <si>
    <t>20887.0</t>
  </si>
  <si>
    <t>147235430.0</t>
  </si>
  <si>
    <t>63965637.0</t>
  </si>
  <si>
    <t>56954468.0</t>
  </si>
  <si>
    <t>26315325.0</t>
  </si>
  <si>
    <t>86319.0</t>
  </si>
  <si>
    <t>166.27</t>
  </si>
  <si>
    <t>16932.0</t>
  </si>
  <si>
    <t>60307.0</t>
  </si>
  <si>
    <t>147353682.0</t>
  </si>
  <si>
    <t>63988853.0</t>
  </si>
  <si>
    <t>56997317.0</t>
  </si>
  <si>
    <t>26367512.0</t>
  </si>
  <si>
    <t>118252.0</t>
  </si>
  <si>
    <t>80161.0</t>
  </si>
  <si>
    <t>16576.0</t>
  </si>
  <si>
    <t>49779243.0</t>
  </si>
  <si>
    <t>566.166</t>
  </si>
  <si>
    <t>147435574.0</t>
  </si>
  <si>
    <t>64005098.0</t>
  </si>
  <si>
    <t>57027341.0</t>
  </si>
  <si>
    <t>26403135.0</t>
  </si>
  <si>
    <t>81892.0</t>
  </si>
  <si>
    <t>78704.0</t>
  </si>
  <si>
    <t>16331.0</t>
  </si>
  <si>
    <t>60205.0</t>
  </si>
  <si>
    <t>82353.0</t>
  </si>
  <si>
    <t>147618887.0</t>
  </si>
  <si>
    <t>64047355.0</t>
  </si>
  <si>
    <t>57101072.0</t>
  </si>
  <si>
    <t>26470460.0</t>
  </si>
  <si>
    <t>86001.0</t>
  </si>
  <si>
    <t>166.71</t>
  </si>
  <si>
    <t>18363.0</t>
  </si>
  <si>
    <t>147673092.0</t>
  </si>
  <si>
    <t>64058452.0</t>
  </si>
  <si>
    <t>57120485.0</t>
  </si>
  <si>
    <t>26494155.0</t>
  </si>
  <si>
    <t>17945.0</t>
  </si>
  <si>
    <t>147767297.0</t>
  </si>
  <si>
    <t>64077522.0</t>
  </si>
  <si>
    <t>57156201.0</t>
  </si>
  <si>
    <t>26533574.0</t>
  </si>
  <si>
    <t>88312.0</t>
  </si>
  <si>
    <t>166.87</t>
  </si>
  <si>
    <t>50079995.0</t>
  </si>
  <si>
    <t>569.586</t>
  </si>
  <si>
    <t>60152.0</t>
  </si>
  <si>
    <t>147858838.0</t>
  </si>
  <si>
    <t>64096175.0</t>
  </si>
  <si>
    <t>57190725.0</t>
  </si>
  <si>
    <t>26571938.0</t>
  </si>
  <si>
    <t>89058.0</t>
  </si>
  <si>
    <t>59818.0</t>
  </si>
  <si>
    <t>147955947.0</t>
  </si>
  <si>
    <t>64116410.0</t>
  </si>
  <si>
    <t>57227374.0</t>
  </si>
  <si>
    <t>26612163.0</t>
  </si>
  <si>
    <t>86038.0</t>
  </si>
  <si>
    <t>50195632.0</t>
  </si>
  <si>
    <t>570.902</t>
  </si>
  <si>
    <t>59484.0</t>
  </si>
  <si>
    <t>148013217.0</t>
  </si>
  <si>
    <t>64128824.0</t>
  </si>
  <si>
    <t>57247858.0</t>
  </si>
  <si>
    <t>26636535.0</t>
  </si>
  <si>
    <t>57270.0</t>
  </si>
  <si>
    <t>167.15</t>
  </si>
  <si>
    <t>79298.0</t>
  </si>
  <si>
    <t>58778.0</t>
  </si>
  <si>
    <t>76077.0</t>
  </si>
  <si>
    <t>78205.0</t>
  </si>
  <si>
    <t>58072.0</t>
  </si>
  <si>
    <t>148289629.0</t>
  </si>
  <si>
    <t>64188241.0</t>
  </si>
  <si>
    <t>57350435.0</t>
  </si>
  <si>
    <t>26750953.0</t>
  </si>
  <si>
    <t>167.46</t>
  </si>
  <si>
    <t>50484026.0</t>
  </si>
  <si>
    <t>574.182</t>
  </si>
  <si>
    <t>57719.0</t>
  </si>
  <si>
    <t>148361446.0</t>
  </si>
  <si>
    <t>64203988.0</t>
  </si>
  <si>
    <t>57374503.0</t>
  </si>
  <si>
    <t>26782955.0</t>
  </si>
  <si>
    <t>71817.0</t>
  </si>
  <si>
    <t>71801.0</t>
  </si>
  <si>
    <t>167.54</t>
  </si>
  <si>
    <t>57858.0</t>
  </si>
  <si>
    <t>67493.0</t>
  </si>
  <si>
    <t>50601607.0</t>
  </si>
  <si>
    <t>575.519</t>
  </si>
  <si>
    <t>57996.0</t>
  </si>
  <si>
    <t>148495353.0</t>
  </si>
  <si>
    <t>64233661.0</t>
  </si>
  <si>
    <t>57416962.0</t>
  </si>
  <si>
    <t>26844730.0</t>
  </si>
  <si>
    <t>68877.0</t>
  </si>
  <si>
    <t>57203.0</t>
  </si>
  <si>
    <t>65824.0</t>
  </si>
  <si>
    <t>56410.0</t>
  </si>
  <si>
    <t>148590823.0</t>
  </si>
  <si>
    <t>64257430.0</t>
  </si>
  <si>
    <t>57449467.0</t>
  </si>
  <si>
    <t>26883926.0</t>
  </si>
  <si>
    <t>148600690.0</t>
  </si>
  <si>
    <t>64259733.0</t>
  </si>
  <si>
    <t>57452050.0</t>
  </si>
  <si>
    <t>26888907.0</t>
  </si>
  <si>
    <t>148631915.0</t>
  </si>
  <si>
    <t>64266837.0</t>
  </si>
  <si>
    <t>57461194.0</t>
  </si>
  <si>
    <t>26903884.0</t>
  </si>
  <si>
    <t>31225.0</t>
  </si>
  <si>
    <t>167.85</t>
  </si>
  <si>
    <t>50862245.0</t>
  </si>
  <si>
    <t>578.483</t>
  </si>
  <si>
    <t>148688755.0</t>
  </si>
  <si>
    <t>64280163.0</t>
  </si>
  <si>
    <t>57478369.0</t>
  </si>
  <si>
    <t>26930223.0</t>
  </si>
  <si>
    <t>46758.0</t>
  </si>
  <si>
    <t>167.91</t>
  </si>
  <si>
    <t>52961.0</t>
  </si>
  <si>
    <t>148734814.0</t>
  </si>
  <si>
    <t>64291183.0</t>
  </si>
  <si>
    <t>57491956.0</t>
  </si>
  <si>
    <t>26951675.0</t>
  </si>
  <si>
    <t>167.97</t>
  </si>
  <si>
    <t>51890.0</t>
  </si>
  <si>
    <t>42354.0</t>
  </si>
  <si>
    <t>51016132.0</t>
  </si>
  <si>
    <t>580.234</t>
  </si>
  <si>
    <t>51771.0</t>
  </si>
  <si>
    <t>148848846.0</t>
  </si>
  <si>
    <t>64317217.0</t>
  </si>
  <si>
    <t>57527932.0</t>
  </si>
  <si>
    <t>27003697.0</t>
  </si>
  <si>
    <t>43680.0</t>
  </si>
  <si>
    <t>51116782.0</t>
  </si>
  <si>
    <t>581.378</t>
  </si>
  <si>
    <t>148902851.0</t>
  </si>
  <si>
    <t>64328567.0</t>
  </si>
  <si>
    <t>57544801.0</t>
  </si>
  <si>
    <t>27029483.0</t>
  </si>
  <si>
    <t>168.16</t>
  </si>
  <si>
    <t>50637.0</t>
  </si>
  <si>
    <t>44547.0</t>
  </si>
  <si>
    <t>-8.76</t>
  </si>
  <si>
    <t>50017.0</t>
  </si>
  <si>
    <t>148984641.0</t>
  </si>
  <si>
    <t>64345832.0</t>
  </si>
  <si>
    <t>57569769.0</t>
  </si>
  <si>
    <t>27069040.0</t>
  </si>
  <si>
    <t>42269.0</t>
  </si>
  <si>
    <t>149007608.0</t>
  </si>
  <si>
    <t>64350307.0</t>
  </si>
  <si>
    <t>57576453.0</t>
  </si>
  <si>
    <t>27080848.0</t>
  </si>
  <si>
    <t>38971.0</t>
  </si>
  <si>
    <t>51307950.0</t>
  </si>
  <si>
    <t>583.553</t>
  </si>
  <si>
    <t>49016.0</t>
  </si>
  <si>
    <t>149013240.0</t>
  </si>
  <si>
    <t>64351403.0</t>
  </si>
  <si>
    <t>57578196.0</t>
  </si>
  <si>
    <t>27083641.0</t>
  </si>
  <si>
    <t>31630.0</t>
  </si>
  <si>
    <t>48300.0</t>
  </si>
  <si>
    <t>149057825.0</t>
  </si>
  <si>
    <t>64359564.0</t>
  </si>
  <si>
    <t>57592580.0</t>
  </si>
  <si>
    <t>27105681.0</t>
  </si>
  <si>
    <t>47146.0</t>
  </si>
  <si>
    <t>149091235.0</t>
  </si>
  <si>
    <t>64366106.0</t>
  </si>
  <si>
    <t>57601746.0</t>
  </si>
  <si>
    <t>27123383.0</t>
  </si>
  <si>
    <t>26912.0</t>
  </si>
  <si>
    <t>46931.0</t>
  </si>
  <si>
    <t>149153878.0</t>
  </si>
  <si>
    <t>64378545.0</t>
  </si>
  <si>
    <t>57619890.0</t>
  </si>
  <si>
    <t>27155443.0</t>
  </si>
  <si>
    <t>62643.0</t>
  </si>
  <si>
    <t>168.44</t>
  </si>
  <si>
    <t>-14.93</t>
  </si>
  <si>
    <t>51539372.0</t>
  </si>
  <si>
    <t>586.185</t>
  </si>
  <si>
    <t>46715.0</t>
  </si>
  <si>
    <t>149198213.0</t>
  </si>
  <si>
    <t>64387668.0</t>
  </si>
  <si>
    <t>57633026.0</t>
  </si>
  <si>
    <t>27177519.0</t>
  </si>
  <si>
    <t>44335.0</t>
  </si>
  <si>
    <t>30510.0</t>
  </si>
  <si>
    <t>45815.0</t>
  </si>
  <si>
    <t>149263275.0</t>
  </si>
  <si>
    <t>64398577.0</t>
  </si>
  <si>
    <t>57648380.0</t>
  </si>
  <si>
    <t>27216318.0</t>
  </si>
  <si>
    <t>65062.0</t>
  </si>
  <si>
    <t>51622353.0</t>
  </si>
  <si>
    <t>587.129</t>
  </si>
  <si>
    <t>44915.0</t>
  </si>
  <si>
    <t>149328963.0</t>
  </si>
  <si>
    <t>64410331.0</t>
  </si>
  <si>
    <t>57663884.0</t>
  </si>
  <si>
    <t>27254748.0</t>
  </si>
  <si>
    <t>168.64</t>
  </si>
  <si>
    <t>42359.0</t>
  </si>
  <si>
    <t>41082.0</t>
  </si>
  <si>
    <t>149438470.0</t>
  </si>
  <si>
    <t>64432272.0</t>
  </si>
  <si>
    <t>57700360.0</t>
  </si>
  <si>
    <t>27305838.0</t>
  </si>
  <si>
    <t>49605.0</t>
  </si>
  <si>
    <t>168.76</t>
  </si>
  <si>
    <t>51771715.0</t>
  </si>
  <si>
    <t>588.827</t>
  </si>
  <si>
    <t>149475105.0</t>
  </si>
  <si>
    <t>64440065.0</t>
  </si>
  <si>
    <t>57711964.0</t>
  </si>
  <si>
    <t>27323076.0</t>
  </si>
  <si>
    <t>41098.0</t>
  </si>
  <si>
    <t>51877878.0</t>
  </si>
  <si>
    <t>590.035</t>
  </si>
  <si>
    <t>36504.0</t>
  </si>
  <si>
    <t>149588884.0</t>
  </si>
  <si>
    <t>64464445.0</t>
  </si>
  <si>
    <t>57747257.0</t>
  </si>
  <si>
    <t>27377182.0</t>
  </si>
  <si>
    <t>149619024.0</t>
  </si>
  <si>
    <t>64473721.0</t>
  </si>
  <si>
    <t>57762530.0</t>
  </si>
  <si>
    <t>27382773.0</t>
  </si>
  <si>
    <t>30140.0</t>
  </si>
  <si>
    <t>36223.0</t>
  </si>
  <si>
    <t>168.96</t>
  </si>
  <si>
    <t>149627521.0</t>
  </si>
  <si>
    <t>64475292.0</t>
  </si>
  <si>
    <t>57766011.0</t>
  </si>
  <si>
    <t>27386218.0</t>
  </si>
  <si>
    <t>32222.0</t>
  </si>
  <si>
    <t>149661505.0</t>
  </si>
  <si>
    <t>64479119.0</t>
  </si>
  <si>
    <t>57770615.0</t>
  </si>
  <si>
    <t>27411771.0</t>
  </si>
  <si>
    <t>31862.0</t>
  </si>
  <si>
    <t>149698995.0</t>
  </si>
  <si>
    <t>64487631.0</t>
  </si>
  <si>
    <t>57781757.0</t>
  </si>
  <si>
    <t>27429607.0</t>
  </si>
  <si>
    <t>31984.0</t>
  </si>
  <si>
    <t>52031785.0</t>
  </si>
  <si>
    <t>591.785</t>
  </si>
  <si>
    <t>149729751.0</t>
  </si>
  <si>
    <t>64494842.0</t>
  </si>
  <si>
    <t>57790865.0</t>
  </si>
  <si>
    <t>27444044.0</t>
  </si>
  <si>
    <t>30960.0</t>
  </si>
  <si>
    <t>169.09</t>
  </si>
  <si>
    <t>149765193.0</t>
  </si>
  <si>
    <t>64502622.0</t>
  </si>
  <si>
    <t>57801487.0</t>
  </si>
  <si>
    <t>27461084.0</t>
  </si>
  <si>
    <t>52090424.0</t>
  </si>
  <si>
    <t>592.452</t>
  </si>
  <si>
    <t>149796958.0</t>
  </si>
  <si>
    <t>64509636.0</t>
  </si>
  <si>
    <t>57810690.0</t>
  </si>
  <si>
    <t>27476632.0</t>
  </si>
  <si>
    <t>29725.0</t>
  </si>
  <si>
    <t>29765.0</t>
  </si>
  <si>
    <t>29166.0</t>
  </si>
  <si>
    <t>149839257.0</t>
  </si>
  <si>
    <t>64518897.0</t>
  </si>
  <si>
    <t>57824686.0</t>
  </si>
  <si>
    <t>27495674.0</t>
  </si>
  <si>
    <t>27967.0</t>
  </si>
  <si>
    <t>24626.0</t>
  </si>
  <si>
    <t>52223364.0</t>
  </si>
  <si>
    <t>593.964</t>
  </si>
  <si>
    <t>27368.0</t>
  </si>
  <si>
    <t>149903496.0</t>
  </si>
  <si>
    <t>64533076.0</t>
  </si>
  <si>
    <t>57843962.0</t>
  </si>
  <si>
    <t>27526458.0</t>
  </si>
  <si>
    <t>24821.0</t>
  </si>
  <si>
    <t>169.29</t>
  </si>
  <si>
    <t>52269202.0</t>
  </si>
  <si>
    <t>594.485</t>
  </si>
  <si>
    <t>25540.0</t>
  </si>
  <si>
    <t>149957751.0</t>
  </si>
  <si>
    <t>64545209.0</t>
  </si>
  <si>
    <t>57860379.0</t>
  </si>
  <si>
    <t>27552163.0</t>
  </si>
  <si>
    <t>169.35</t>
  </si>
  <si>
    <t>25609.0</t>
  </si>
  <si>
    <t>23877.0</t>
  </si>
  <si>
    <t>150984487.0</t>
  </si>
  <si>
    <t>64698435.0</t>
  </si>
  <si>
    <t>58058144.0</t>
  </si>
  <si>
    <t>28227908.0</t>
  </si>
  <si>
    <t>34543.0</t>
  </si>
  <si>
    <t>40146.0</t>
  </si>
  <si>
    <t>51354.0</t>
  </si>
  <si>
    <t>56958.0</t>
  </si>
  <si>
    <t>153299262.0</t>
  </si>
  <si>
    <t>64862632.0</t>
  </si>
  <si>
    <t>58234857.0</t>
  </si>
  <si>
    <t>30201773.0</t>
  </si>
  <si>
    <t>173.12</t>
  </si>
  <si>
    <t>59688.0</t>
  </si>
  <si>
    <t>56814.0</t>
  </si>
  <si>
    <t>55377.0</t>
  </si>
  <si>
    <t>53940.0</t>
  </si>
  <si>
    <t>153666785.0</t>
  </si>
  <si>
    <t>64935971.0</t>
  </si>
  <si>
    <t>58311579.0</t>
  </si>
  <si>
    <t>30419235.0</t>
  </si>
  <si>
    <t>52503.0</t>
  </si>
  <si>
    <t>173.54</t>
  </si>
  <si>
    <t>49313.0</t>
  </si>
  <si>
    <t>44527.0</t>
  </si>
  <si>
    <t>153956137.0</t>
  </si>
  <si>
    <t>64978822.0</t>
  </si>
  <si>
    <t>58354106.0</t>
  </si>
  <si>
    <t>30623209.0</t>
  </si>
  <si>
    <t>173.86</t>
  </si>
  <si>
    <t>37154.0</t>
  </si>
  <si>
    <t>30880.0</t>
  </si>
  <si>
    <t>28789.0</t>
  </si>
  <si>
    <t>26698.0</t>
  </si>
  <si>
    <t>154329909.0</t>
  </si>
  <si>
    <t>65029508.0</t>
  </si>
  <si>
    <t>58413678.0</t>
  </si>
  <si>
    <t>30886723.0</t>
  </si>
  <si>
    <t>154418093.0</t>
  </si>
  <si>
    <t>65043431.0</t>
  </si>
  <si>
    <t>58431299.0</t>
  </si>
  <si>
    <t>30943363.0</t>
  </si>
  <si>
    <t>154472443.0</t>
  </si>
  <si>
    <t>65053044.0</t>
  </si>
  <si>
    <t>58442592.0</t>
  </si>
  <si>
    <t>14063.0</t>
  </si>
  <si>
    <t>11087.0</t>
  </si>
  <si>
    <t>-7.95</t>
  </si>
  <si>
    <t>65063096.0</t>
  </si>
  <si>
    <t>58454446.0</t>
  </si>
  <si>
    <t>58464156.0</t>
  </si>
  <si>
    <t>154491250.0</t>
  </si>
  <si>
    <t>65064570.0</t>
  </si>
  <si>
    <t>58465011.0</t>
  </si>
  <si>
    <t>30961669.0</t>
  </si>
  <si>
    <t>154521421.0</t>
  </si>
  <si>
    <t>65070315.0</t>
  </si>
  <si>
    <t>58472263.0</t>
  </si>
  <si>
    <t>30978843.0</t>
  </si>
  <si>
    <t>13005.0</t>
  </si>
  <si>
    <t>18801.0</t>
  </si>
  <si>
    <t>154693602.0</t>
  </si>
  <si>
    <t>65095073.0</t>
  </si>
  <si>
    <t>58492038.0</t>
  </si>
  <si>
    <t>31106491.0</t>
  </si>
  <si>
    <t>24597.0</t>
  </si>
  <si>
    <t>18400.0</t>
  </si>
  <si>
    <t>154713943.0</t>
  </si>
  <si>
    <t>65100058.0</t>
  </si>
  <si>
    <t>58497683.0</t>
  </si>
  <si>
    <t>31116202.0</t>
  </si>
  <si>
    <t>174.72</t>
  </si>
  <si>
    <t>154729353.0</t>
  </si>
  <si>
    <t>65103298.0</t>
  </si>
  <si>
    <t>58502096.0</t>
  </si>
  <si>
    <t>31123959.0</t>
  </si>
  <si>
    <t>154742051.0</t>
  </si>
  <si>
    <t>65106089.0</t>
  </si>
  <si>
    <t>58505737.0</t>
  </si>
  <si>
    <t>31130225.0</t>
  </si>
  <si>
    <t>154753596.0</t>
  </si>
  <si>
    <t>65108742.0</t>
  </si>
  <si>
    <t>58508959.0</t>
  </si>
  <si>
    <t>31135895.0</t>
  </si>
  <si>
    <t>174.76</t>
  </si>
  <si>
    <t>154773070.0</t>
  </si>
  <si>
    <t>65113292.0</t>
  </si>
  <si>
    <t>58514580.0</t>
  </si>
  <si>
    <t>31145198.0</t>
  </si>
  <si>
    <t>IRQ</t>
  </si>
  <si>
    <t>Iraq</t>
  </si>
  <si>
    <t>35415.0</t>
  </si>
  <si>
    <t>46135.0</t>
  </si>
  <si>
    <t>56147.0</t>
  </si>
  <si>
    <t>59055.0</t>
  </si>
  <si>
    <t>62880.0</t>
  </si>
  <si>
    <t>67293.0</t>
  </si>
  <si>
    <t>68224.0</t>
  </si>
  <si>
    <t>71471.0</t>
  </si>
  <si>
    <t>73782.0</t>
  </si>
  <si>
    <t>78430.0</t>
  </si>
  <si>
    <t>86708.0</t>
  </si>
  <si>
    <t>92061.0</t>
  </si>
  <si>
    <t>95399.0</t>
  </si>
  <si>
    <t>98253.0</t>
  </si>
  <si>
    <t>113484.0</t>
  </si>
  <si>
    <t>117726.0</t>
  </si>
  <si>
    <t>120604.0</t>
  </si>
  <si>
    <t>122941.0</t>
  </si>
  <si>
    <t>124920.0</t>
  </si>
  <si>
    <t>127153.0</t>
  </si>
  <si>
    <t>129701.0</t>
  </si>
  <si>
    <t>132457.0</t>
  </si>
  <si>
    <t>136640.0</t>
  </si>
  <si>
    <t>140573.0</t>
  </si>
  <si>
    <t>143494.0</t>
  </si>
  <si>
    <t>146594.0</t>
  </si>
  <si>
    <t>149701.0</t>
  </si>
  <si>
    <t>163609.0</t>
  </si>
  <si>
    <t>227756.0</t>
  </si>
  <si>
    <t>238251.0</t>
  </si>
  <si>
    <t>251714.0</t>
  </si>
  <si>
    <t>260299.0</t>
  </si>
  <si>
    <t>272259.0</t>
  </si>
  <si>
    <t>6.254</t>
  </si>
  <si>
    <t>281901.0</t>
  </si>
  <si>
    <t>294444.0</t>
  </si>
  <si>
    <t>6.764</t>
  </si>
  <si>
    <t>303053.0</t>
  </si>
  <si>
    <t>311980.0</t>
  </si>
  <si>
    <t>7.166</t>
  </si>
  <si>
    <t>10533.0</t>
  </si>
  <si>
    <t>330526.0</t>
  </si>
  <si>
    <t>339868.0</t>
  </si>
  <si>
    <t>349625.0</t>
  </si>
  <si>
    <t>8.031</t>
  </si>
  <si>
    <t>359950.0</t>
  </si>
  <si>
    <t>369870.0</t>
  </si>
  <si>
    <t>380005.0</t>
  </si>
  <si>
    <t>390335.0</t>
  </si>
  <si>
    <t>403388.0</t>
  </si>
  <si>
    <t>413966.0</t>
  </si>
  <si>
    <t>9.767</t>
  </si>
  <si>
    <t>435214.0</t>
  </si>
  <si>
    <t>445241.0</t>
  </si>
  <si>
    <t>10.228</t>
  </si>
  <si>
    <t>455316.0</t>
  </si>
  <si>
    <t>465988.0</t>
  </si>
  <si>
    <t>477433.0</t>
  </si>
  <si>
    <t>488803.0</t>
  </si>
  <si>
    <t>11370.0</t>
  </si>
  <si>
    <t>11.228</t>
  </si>
  <si>
    <t>500723.0</t>
  </si>
  <si>
    <t>510353.0</t>
  </si>
  <si>
    <t>520948.0</t>
  </si>
  <si>
    <t>532120.0</t>
  </si>
  <si>
    <t>12.223</t>
  </si>
  <si>
    <t>544545.0</t>
  </si>
  <si>
    <t>12.509</t>
  </si>
  <si>
    <t>555923.0</t>
  </si>
  <si>
    <t>567685.0</t>
  </si>
  <si>
    <t>579861.0</t>
  </si>
  <si>
    <t>601088.0</t>
  </si>
  <si>
    <t>13.807</t>
  </si>
  <si>
    <t>0.1881</t>
  </si>
  <si>
    <t>612607.0</t>
  </si>
  <si>
    <t>624420.0</t>
  </si>
  <si>
    <t>14.343</t>
  </si>
  <si>
    <t>637227.0</t>
  </si>
  <si>
    <t>14.638</t>
  </si>
  <si>
    <t>649036.0</t>
  </si>
  <si>
    <t>661090.0</t>
  </si>
  <si>
    <t>15.186</t>
  </si>
  <si>
    <t>671478.0</t>
  </si>
  <si>
    <t>15.424</t>
  </si>
  <si>
    <t>682632.0</t>
  </si>
  <si>
    <t>698012.0</t>
  </si>
  <si>
    <t>13258.0</t>
  </si>
  <si>
    <t>762058.0</t>
  </si>
  <si>
    <t>17.505</t>
  </si>
  <si>
    <t>777287.0</t>
  </si>
  <si>
    <t>17.855</t>
  </si>
  <si>
    <t>793024.0</t>
  </si>
  <si>
    <t>18.216</t>
  </si>
  <si>
    <t>15770.0</t>
  </si>
  <si>
    <t>809522.0</t>
  </si>
  <si>
    <t>18.595</t>
  </si>
  <si>
    <t>15930.0</t>
  </si>
  <si>
    <t>825802.0</t>
  </si>
  <si>
    <t>18.969</t>
  </si>
  <si>
    <t>844218.0</t>
  </si>
  <si>
    <t>18416.0</t>
  </si>
  <si>
    <t>19.392</t>
  </si>
  <si>
    <t>861165.0</t>
  </si>
  <si>
    <t>19.782</t>
  </si>
  <si>
    <t>16446.0</t>
  </si>
  <si>
    <t>912698.0</t>
  </si>
  <si>
    <t>929839.0</t>
  </si>
  <si>
    <t>21.359</t>
  </si>
  <si>
    <t>946761.0</t>
  </si>
  <si>
    <t>21.748</t>
  </si>
  <si>
    <t>18556.0</t>
  </si>
  <si>
    <t>983335.0</t>
  </si>
  <si>
    <t>1000969.0</t>
  </si>
  <si>
    <t>1014760.0</t>
  </si>
  <si>
    <t>1029159.0</t>
  </si>
  <si>
    <t>16637.0</t>
  </si>
  <si>
    <t>1042806.0</t>
  </si>
  <si>
    <t>23.954</t>
  </si>
  <si>
    <t>1059619.0</t>
  </si>
  <si>
    <t>16813.0</t>
  </si>
  <si>
    <t>1076150.0</t>
  </si>
  <si>
    <t>1092741.0</t>
  </si>
  <si>
    <t>25.101</t>
  </si>
  <si>
    <t>1110258.0</t>
  </si>
  <si>
    <t>1127383.0</t>
  </si>
  <si>
    <t>25.897</t>
  </si>
  <si>
    <t>18003.0</t>
  </si>
  <si>
    <t>1165049.0</t>
  </si>
  <si>
    <t>19663.0</t>
  </si>
  <si>
    <t>26.762</t>
  </si>
  <si>
    <t>1183950.0</t>
  </si>
  <si>
    <t>27.196</t>
  </si>
  <si>
    <t>1203883.0</t>
  </si>
  <si>
    <t>19933.0</t>
  </si>
  <si>
    <t>27.654</t>
  </si>
  <si>
    <t>1224909.0</t>
  </si>
  <si>
    <t>28.137</t>
  </si>
  <si>
    <t>1245355.0</t>
  </si>
  <si>
    <t>20446.0</t>
  </si>
  <si>
    <t>28.607</t>
  </si>
  <si>
    <t>19300.0</t>
  </si>
  <si>
    <t>1263650.0</t>
  </si>
  <si>
    <t>19467.0</t>
  </si>
  <si>
    <t>1282928.0</t>
  </si>
  <si>
    <t>1304331.0</t>
  </si>
  <si>
    <t>29.961</t>
  </si>
  <si>
    <t>1325103.0</t>
  </si>
  <si>
    <t>30.439</t>
  </si>
  <si>
    <t>1345459.0</t>
  </si>
  <si>
    <t>1413947.0</t>
  </si>
  <si>
    <t>32.479</t>
  </si>
  <si>
    <t>1433626.0</t>
  </si>
  <si>
    <t>32.931</t>
  </si>
  <si>
    <t>21528.0</t>
  </si>
  <si>
    <t>1482187.0</t>
  </si>
  <si>
    <t>1502546.0</t>
  </si>
  <si>
    <t>20359.0</t>
  </si>
  <si>
    <t>34.515</t>
  </si>
  <si>
    <t>21741.0</t>
  </si>
  <si>
    <t>1587326.0</t>
  </si>
  <si>
    <t>1605904.0</t>
  </si>
  <si>
    <t>18578.0</t>
  </si>
  <si>
    <t>0.1821</t>
  </si>
  <si>
    <t>1624331.0</t>
  </si>
  <si>
    <t>37.312</t>
  </si>
  <si>
    <t>20306.0</t>
  </si>
  <si>
    <t>1647454.0</t>
  </si>
  <si>
    <t>37.843</t>
  </si>
  <si>
    <t>1670483.0</t>
  </si>
  <si>
    <t>23029.0</t>
  </si>
  <si>
    <t>38.372</t>
  </si>
  <si>
    <t>21341.0</t>
  </si>
  <si>
    <t>1718157.0</t>
  </si>
  <si>
    <t>39.467</t>
  </si>
  <si>
    <t>21718.0</t>
  </si>
  <si>
    <t>1740929.0</t>
  </si>
  <si>
    <t>22772.0</t>
  </si>
  <si>
    <t>1765247.0</t>
  </si>
  <si>
    <t>24318.0</t>
  </si>
  <si>
    <t>40.549</t>
  </si>
  <si>
    <t>1840913.0</t>
  </si>
  <si>
    <t>42.287</t>
  </si>
  <si>
    <t>24347.0</t>
  </si>
  <si>
    <t>1864099.0</t>
  </si>
  <si>
    <t>1883048.0</t>
  </si>
  <si>
    <t>43.255</t>
  </si>
  <si>
    <t>23556.0</t>
  </si>
  <si>
    <t>1902401.0</t>
  </si>
  <si>
    <t>1926390.0</t>
  </si>
  <si>
    <t>44.251</t>
  </si>
  <si>
    <t>1973089.0</t>
  </si>
  <si>
    <t>24558.0</t>
  </si>
  <si>
    <t>0.1858</t>
  </si>
  <si>
    <t>1998295.0</t>
  </si>
  <si>
    <t>45.902</t>
  </si>
  <si>
    <t>2021586.0</t>
  </si>
  <si>
    <t>46.437</t>
  </si>
  <si>
    <t>2039024.0</t>
  </si>
  <si>
    <t>46.838</t>
  </si>
  <si>
    <t>47.253</t>
  </si>
  <si>
    <t>2076844.0</t>
  </si>
  <si>
    <t>21493.0</t>
  </si>
  <si>
    <t>2098488.0</t>
  </si>
  <si>
    <t>21644.0</t>
  </si>
  <si>
    <t>48.204</t>
  </si>
  <si>
    <t>2121304.0</t>
  </si>
  <si>
    <t>22816.0</t>
  </si>
  <si>
    <t>48.728</t>
  </si>
  <si>
    <t>21174.0</t>
  </si>
  <si>
    <t>2141885.0</t>
  </si>
  <si>
    <t>49.201</t>
  </si>
  <si>
    <t>2162547.0</t>
  </si>
  <si>
    <t>49.675</t>
  </si>
  <si>
    <t>2180316.0</t>
  </si>
  <si>
    <t>50.084</t>
  </si>
  <si>
    <t>20185.0</t>
  </si>
  <si>
    <t>2198859.0</t>
  </si>
  <si>
    <t>2220913.0</t>
  </si>
  <si>
    <t>2244081.0</t>
  </si>
  <si>
    <t>23168.0</t>
  </si>
  <si>
    <t>51.548</t>
  </si>
  <si>
    <t>2266355.0</t>
  </si>
  <si>
    <t>2289877.0</t>
  </si>
  <si>
    <t>23522.0</t>
  </si>
  <si>
    <t>2311962.0</t>
  </si>
  <si>
    <t>53.108</t>
  </si>
  <si>
    <t>2330386.0</t>
  </si>
  <si>
    <t>53.531</t>
  </si>
  <si>
    <t>2349433.0</t>
  </si>
  <si>
    <t>53.968</t>
  </si>
  <si>
    <t>2371348.0</t>
  </si>
  <si>
    <t>54.472</t>
  </si>
  <si>
    <t>2395387.0</t>
  </si>
  <si>
    <t>55.024</t>
  </si>
  <si>
    <t>21615.0</t>
  </si>
  <si>
    <t>2419252.0</t>
  </si>
  <si>
    <t>23865.0</t>
  </si>
  <si>
    <t>55.572</t>
  </si>
  <si>
    <t>2439828.0</t>
  </si>
  <si>
    <t>56.045</t>
  </si>
  <si>
    <t>2456782.0</t>
  </si>
  <si>
    <t>56.434</t>
  </si>
  <si>
    <t>2470645.0</t>
  </si>
  <si>
    <t>56.753</t>
  </si>
  <si>
    <t>2487183.0</t>
  </si>
  <si>
    <t>57.133</t>
  </si>
  <si>
    <t>2507551.0</t>
  </si>
  <si>
    <t>19458.0</t>
  </si>
  <si>
    <t>2528214.0</t>
  </si>
  <si>
    <t>20663.0</t>
  </si>
  <si>
    <t>58.075</t>
  </si>
  <si>
    <t>2548753.0</t>
  </si>
  <si>
    <t>58.547</t>
  </si>
  <si>
    <t>2568776.0</t>
  </si>
  <si>
    <t>59.007</t>
  </si>
  <si>
    <t>2588780.0</t>
  </si>
  <si>
    <t>20004.0</t>
  </si>
  <si>
    <t>59.466</t>
  </si>
  <si>
    <t>2605466.0</t>
  </si>
  <si>
    <t>2624351.0</t>
  </si>
  <si>
    <t>60.283</t>
  </si>
  <si>
    <t>19595.0</t>
  </si>
  <si>
    <t>2644770.0</t>
  </si>
  <si>
    <t>60.752</t>
  </si>
  <si>
    <t>19603.0</t>
  </si>
  <si>
    <t>2665530.0</t>
  </si>
  <si>
    <t>61.229</t>
  </si>
  <si>
    <t>19617.0</t>
  </si>
  <si>
    <t>2685744.0</t>
  </si>
  <si>
    <t>61.694</t>
  </si>
  <si>
    <t>2705941.0</t>
  </si>
  <si>
    <t>62.158</t>
  </si>
  <si>
    <t>2724328.0</t>
  </si>
  <si>
    <t>18387.0</t>
  </si>
  <si>
    <t>2739678.0</t>
  </si>
  <si>
    <t>62.933</t>
  </si>
  <si>
    <t>2756365.0</t>
  </si>
  <si>
    <t>16687.0</t>
  </si>
  <si>
    <t>63.316</t>
  </si>
  <si>
    <t>2775402.0</t>
  </si>
  <si>
    <t>19037.0</t>
  </si>
  <si>
    <t>63.753</t>
  </si>
  <si>
    <t>2794774.0</t>
  </si>
  <si>
    <t>64.198</t>
  </si>
  <si>
    <t>2814495.0</t>
  </si>
  <si>
    <t>64.651</t>
  </si>
  <si>
    <t>2833070.0</t>
  </si>
  <si>
    <t>65.078</t>
  </si>
  <si>
    <t>2849335.0</t>
  </si>
  <si>
    <t>65.451</t>
  </si>
  <si>
    <t>2862007.0</t>
  </si>
  <si>
    <t>65.742</t>
  </si>
  <si>
    <t>17476.0</t>
  </si>
  <si>
    <t>2877217.0</t>
  </si>
  <si>
    <t>15210.0</t>
  </si>
  <si>
    <t>66.092</t>
  </si>
  <si>
    <t>2894127.0</t>
  </si>
  <si>
    <t>2912818.0</t>
  </si>
  <si>
    <t>18691.0</t>
  </si>
  <si>
    <t>16863.0</t>
  </si>
  <si>
    <t>2931341.0</t>
  </si>
  <si>
    <t>67.335</t>
  </si>
  <si>
    <t>2950888.0</t>
  </si>
  <si>
    <t>67.784</t>
  </si>
  <si>
    <t>16831.0</t>
  </si>
  <si>
    <t>2970814.0</t>
  </si>
  <si>
    <t>19926.0</t>
  </si>
  <si>
    <t>68.242</t>
  </si>
  <si>
    <t>2986621.0</t>
  </si>
  <si>
    <t>15807.0</t>
  </si>
  <si>
    <t>68.605</t>
  </si>
  <si>
    <t>3002586.0</t>
  </si>
  <si>
    <t>68.972</t>
  </si>
  <si>
    <t>3019706.0</t>
  </si>
  <si>
    <t>69.365</t>
  </si>
  <si>
    <t>3038467.0</t>
  </si>
  <si>
    <t>18761.0</t>
  </si>
  <si>
    <t>69.796</t>
  </si>
  <si>
    <t>17950.0</t>
  </si>
  <si>
    <t>3055845.0</t>
  </si>
  <si>
    <t>17378.0</t>
  </si>
  <si>
    <t>70.195</t>
  </si>
  <si>
    <t>3076646.0</t>
  </si>
  <si>
    <t>20801.0</t>
  </si>
  <si>
    <t>70.673</t>
  </si>
  <si>
    <t>3095079.0</t>
  </si>
  <si>
    <t>71.096</t>
  </si>
  <si>
    <t>3111672.0</t>
  </si>
  <si>
    <t>71.477</t>
  </si>
  <si>
    <t>3128402.0</t>
  </si>
  <si>
    <t>71.862</t>
  </si>
  <si>
    <t>3146289.0</t>
  </si>
  <si>
    <t>72.273</t>
  </si>
  <si>
    <t>3164903.0</t>
  </si>
  <si>
    <t>18062.0</t>
  </si>
  <si>
    <t>3182819.0</t>
  </si>
  <si>
    <t>73.112</t>
  </si>
  <si>
    <t>3224305.0</t>
  </si>
  <si>
    <t>74.065</t>
  </si>
  <si>
    <t>3244188.0</t>
  </si>
  <si>
    <t>74.521</t>
  </si>
  <si>
    <t>3268102.0</t>
  </si>
  <si>
    <t>75.071</t>
  </si>
  <si>
    <t>3293010.0</t>
  </si>
  <si>
    <t>24908.0</t>
  </si>
  <si>
    <t>75.643</t>
  </si>
  <si>
    <t>3319514.0</t>
  </si>
  <si>
    <t>76.252</t>
  </si>
  <si>
    <t>3347344.0</t>
  </si>
  <si>
    <t>27830.0</t>
  </si>
  <si>
    <t>76.891</t>
  </si>
  <si>
    <t>3378165.0</t>
  </si>
  <si>
    <t>30821.0</t>
  </si>
  <si>
    <t>77.599</t>
  </si>
  <si>
    <t>3407922.0</t>
  </si>
  <si>
    <t>78.283</t>
  </si>
  <si>
    <t>3431953.0</t>
  </si>
  <si>
    <t>24031.0</t>
  </si>
  <si>
    <t>78.835</t>
  </si>
  <si>
    <t>26824.0</t>
  </si>
  <si>
    <t>3456825.0</t>
  </si>
  <si>
    <t>79.406</t>
  </si>
  <si>
    <t>26960.0</t>
  </si>
  <si>
    <t>3483319.0</t>
  </si>
  <si>
    <t>80.015</t>
  </si>
  <si>
    <t>3512920.0</t>
  </si>
  <si>
    <t>29601.0</t>
  </si>
  <si>
    <t>80.694</t>
  </si>
  <si>
    <t>27629.0</t>
  </si>
  <si>
    <t>3543722.0</t>
  </si>
  <si>
    <t>81.402</t>
  </si>
  <si>
    <t>3576592.0</t>
  </si>
  <si>
    <t>82.157</t>
  </si>
  <si>
    <t>3609466.0</t>
  </si>
  <si>
    <t>82.912</t>
  </si>
  <si>
    <t>28792.0</t>
  </si>
  <si>
    <t>3639831.0</t>
  </si>
  <si>
    <t>3671654.0</t>
  </si>
  <si>
    <t>30690.0</t>
  </si>
  <si>
    <t>3705069.0</t>
  </si>
  <si>
    <t>33415.0</t>
  </si>
  <si>
    <t>85.108</t>
  </si>
  <si>
    <t>31679.0</t>
  </si>
  <si>
    <t>3736860.0</t>
  </si>
  <si>
    <t>31791.0</t>
  </si>
  <si>
    <t>85.839</t>
  </si>
  <si>
    <t>3769232.0</t>
  </si>
  <si>
    <t>86.582</t>
  </si>
  <si>
    <t>32216.0</t>
  </si>
  <si>
    <t>3803674.0</t>
  </si>
  <si>
    <t>3837024.0</t>
  </si>
  <si>
    <t>33350.0</t>
  </si>
  <si>
    <t>88.139</t>
  </si>
  <si>
    <t>3867170.0</t>
  </si>
  <si>
    <t>88.832</t>
  </si>
  <si>
    <t>3898480.0</t>
  </si>
  <si>
    <t>31310.0</t>
  </si>
  <si>
    <t>89.551</t>
  </si>
  <si>
    <t>32404.0</t>
  </si>
  <si>
    <t>3933815.0</t>
  </si>
  <si>
    <t>35335.0</t>
  </si>
  <si>
    <t>90.363</t>
  </si>
  <si>
    <t>32678.0</t>
  </si>
  <si>
    <t>3969282.0</t>
  </si>
  <si>
    <t>33203.0</t>
  </si>
  <si>
    <t>4006138.0</t>
  </si>
  <si>
    <t>33844.0</t>
  </si>
  <si>
    <t>4046571.0</t>
  </si>
  <si>
    <t>92.953</t>
  </si>
  <si>
    <t>4081241.0</t>
  </si>
  <si>
    <t>34670.0</t>
  </si>
  <si>
    <t>4112751.0</t>
  </si>
  <si>
    <t>31510.0</t>
  </si>
  <si>
    <t>94.473</t>
  </si>
  <si>
    <t>35083.0</t>
  </si>
  <si>
    <t>35590.0</t>
  </si>
  <si>
    <t>4182466.0</t>
  </si>
  <si>
    <t>96.074</t>
  </si>
  <si>
    <t>35522.0</t>
  </si>
  <si>
    <t>4221416.0</t>
  </si>
  <si>
    <t>96.969</t>
  </si>
  <si>
    <t>36019.0</t>
  </si>
  <si>
    <t>4257654.0</t>
  </si>
  <si>
    <t>36238.0</t>
  </si>
  <si>
    <t>35931.0</t>
  </si>
  <si>
    <t>4294885.0</t>
  </si>
  <si>
    <t>4369122.0</t>
  </si>
  <si>
    <t>100.362</t>
  </si>
  <si>
    <t>4403180.0</t>
  </si>
  <si>
    <t>101.144</t>
  </si>
  <si>
    <t>4474689.0</t>
  </si>
  <si>
    <t>4511833.0</t>
  </si>
  <si>
    <t>37144.0</t>
  </si>
  <si>
    <t>36076.0</t>
  </si>
  <si>
    <t>4618587.0</t>
  </si>
  <si>
    <t>106.092</t>
  </si>
  <si>
    <t>4650187.0</t>
  </si>
  <si>
    <t>106.818</t>
  </si>
  <si>
    <t>34617.0</t>
  </si>
  <si>
    <t>31787.0</t>
  </si>
  <si>
    <t>4867637.0</t>
  </si>
  <si>
    <t>111.813</t>
  </si>
  <si>
    <t>4898139.0</t>
  </si>
  <si>
    <t>30502.0</t>
  </si>
  <si>
    <t>112.514</t>
  </si>
  <si>
    <t>4932392.0</t>
  </si>
  <si>
    <t>113.301</t>
  </si>
  <si>
    <t>33708.0</t>
  </si>
  <si>
    <t>5049407.0</t>
  </si>
  <si>
    <t>115.989</t>
  </si>
  <si>
    <t>5082996.0</t>
  </si>
  <si>
    <t>33589.0</t>
  </si>
  <si>
    <t>35203.0</t>
  </si>
  <si>
    <t>5119479.0</t>
  </si>
  <si>
    <t>36483.0</t>
  </si>
  <si>
    <t>117.598</t>
  </si>
  <si>
    <t>35977.0</t>
  </si>
  <si>
    <t>5154751.0</t>
  </si>
  <si>
    <t>118.409</t>
  </si>
  <si>
    <t>5191443.0</t>
  </si>
  <si>
    <t>119.251</t>
  </si>
  <si>
    <t>35759.0</t>
  </si>
  <si>
    <t>5342787.0</t>
  </si>
  <si>
    <t>31901.0</t>
  </si>
  <si>
    <t>5377694.0</t>
  </si>
  <si>
    <t>31849.0</t>
  </si>
  <si>
    <t>33386.0</t>
  </si>
  <si>
    <t>5520056.0</t>
  </si>
  <si>
    <t>38296.0</t>
  </si>
  <si>
    <t>5558817.0</t>
  </si>
  <si>
    <t>5586638.0</t>
  </si>
  <si>
    <t>128.329</t>
  </si>
  <si>
    <t>39160.0</t>
  </si>
  <si>
    <t>5622543.0</t>
  </si>
  <si>
    <t>35905.0</t>
  </si>
  <si>
    <t>129.154</t>
  </si>
  <si>
    <t>39965.0</t>
  </si>
  <si>
    <t>5661047.0</t>
  </si>
  <si>
    <t>38504.0</t>
  </si>
  <si>
    <t>130.039</t>
  </si>
  <si>
    <t>5706337.0</t>
  </si>
  <si>
    <t>45290.0</t>
  </si>
  <si>
    <t>131.079</t>
  </si>
  <si>
    <t>5752920.0</t>
  </si>
  <si>
    <t>132.149</t>
  </si>
  <si>
    <t>5803603.0</t>
  </si>
  <si>
    <t>50683.0</t>
  </si>
  <si>
    <t>133.313</t>
  </si>
  <si>
    <t>40507.0</t>
  </si>
  <si>
    <t>5852224.0</t>
  </si>
  <si>
    <t>48621.0</t>
  </si>
  <si>
    <t>5892705.0</t>
  </si>
  <si>
    <t>5931926.0</t>
  </si>
  <si>
    <t>39221.0</t>
  </si>
  <si>
    <t>136.261</t>
  </si>
  <si>
    <t>44198.0</t>
  </si>
  <si>
    <t>5974504.0</t>
  </si>
  <si>
    <t>42578.0</t>
  </si>
  <si>
    <t>6016017.0</t>
  </si>
  <si>
    <t>41513.0</t>
  </si>
  <si>
    <t>138.193</t>
  </si>
  <si>
    <t>6060817.0</t>
  </si>
  <si>
    <t>139.222</t>
  </si>
  <si>
    <t>6108475.0</t>
  </si>
  <si>
    <t>47658.0</t>
  </si>
  <si>
    <t>140.316</t>
  </si>
  <si>
    <t>43553.0</t>
  </si>
  <si>
    <t>6153665.0</t>
  </si>
  <si>
    <t>45190.0</t>
  </si>
  <si>
    <t>141.354</t>
  </si>
  <si>
    <t>43063.0</t>
  </si>
  <si>
    <t>6192076.0</t>
  </si>
  <si>
    <t>38411.0</t>
  </si>
  <si>
    <t>142.237</t>
  </si>
  <si>
    <t>42767.0</t>
  </si>
  <si>
    <t>6231015.0</t>
  </si>
  <si>
    <t>6278144.0</t>
  </si>
  <si>
    <t>144.214</t>
  </si>
  <si>
    <t>6321995.0</t>
  </si>
  <si>
    <t>145.221</t>
  </si>
  <si>
    <t>43711.0</t>
  </si>
  <si>
    <t>6368835.0</t>
  </si>
  <si>
    <t>146.297</t>
  </si>
  <si>
    <t>6421856.0</t>
  </si>
  <si>
    <t>147.515</t>
  </si>
  <si>
    <t>44769.0</t>
  </si>
  <si>
    <t>6470846.0</t>
  </si>
  <si>
    <t>48990.0</t>
  </si>
  <si>
    <t>45312.0</t>
  </si>
  <si>
    <t>6512743.0</t>
  </si>
  <si>
    <t>149.603</t>
  </si>
  <si>
    <t>46275.0</t>
  </si>
  <si>
    <t>6597133.0</t>
  </si>
  <si>
    <t>151.541</t>
  </si>
  <si>
    <t>6640509.0</t>
  </si>
  <si>
    <t>152.538</t>
  </si>
  <si>
    <t>45502.0</t>
  </si>
  <si>
    <t>6685474.0</t>
  </si>
  <si>
    <t>45234.0</t>
  </si>
  <si>
    <t>6728075.0</t>
  </si>
  <si>
    <t>154.549</t>
  </si>
  <si>
    <t>6773982.0</t>
  </si>
  <si>
    <t>155.604</t>
  </si>
  <si>
    <t>6810718.0</t>
  </si>
  <si>
    <t>36736.0</t>
  </si>
  <si>
    <t>156.447</t>
  </si>
  <si>
    <t>42568.0</t>
  </si>
  <si>
    <t>6846243.0</t>
  </si>
  <si>
    <t>157.263</t>
  </si>
  <si>
    <t>6881821.0</t>
  </si>
  <si>
    <t>158.081</t>
  </si>
  <si>
    <t>6920965.0</t>
  </si>
  <si>
    <t>158.98</t>
  </si>
  <si>
    <t>7156783.0</t>
  </si>
  <si>
    <t>164.397</t>
  </si>
  <si>
    <t>7194244.0</t>
  </si>
  <si>
    <t>165.257</t>
  </si>
  <si>
    <t>7235035.0</t>
  </si>
  <si>
    <t>40791.0</t>
  </si>
  <si>
    <t>166.194</t>
  </si>
  <si>
    <t>7278544.0</t>
  </si>
  <si>
    <t>167.194</t>
  </si>
  <si>
    <t>39853.0</t>
  </si>
  <si>
    <t>7322053.0</t>
  </si>
  <si>
    <t>168.193</t>
  </si>
  <si>
    <t>7353052.0</t>
  </si>
  <si>
    <t>168.905</t>
  </si>
  <si>
    <t>7386457.0</t>
  </si>
  <si>
    <t>33405.0</t>
  </si>
  <si>
    <t>169.673</t>
  </si>
  <si>
    <t>7419942.0</t>
  </si>
  <si>
    <t>170.442</t>
  </si>
  <si>
    <t>37594.0</t>
  </si>
  <si>
    <t>7459431.0</t>
  </si>
  <si>
    <t>39489.0</t>
  </si>
  <si>
    <t>171.349</t>
  </si>
  <si>
    <t>7498360.0</t>
  </si>
  <si>
    <t>38929.0</t>
  </si>
  <si>
    <t>172.243</t>
  </si>
  <si>
    <t>37618.0</t>
  </si>
  <si>
    <t>7540606.0</t>
  </si>
  <si>
    <t>42246.0</t>
  </si>
  <si>
    <t>173.214</t>
  </si>
  <si>
    <t>7582401.0</t>
  </si>
  <si>
    <t>174.174</t>
  </si>
  <si>
    <t>7619313.0</t>
  </si>
  <si>
    <t>175.021</t>
  </si>
  <si>
    <t>7654329.0</t>
  </si>
  <si>
    <t>35016.0</t>
  </si>
  <si>
    <t>175.826</t>
  </si>
  <si>
    <t>7681424.0</t>
  </si>
  <si>
    <t>27095.0</t>
  </si>
  <si>
    <t>176.448</t>
  </si>
  <si>
    <t>37355.0</t>
  </si>
  <si>
    <t>7711323.0</t>
  </si>
  <si>
    <t>177.135</t>
  </si>
  <si>
    <t>35985.0</t>
  </si>
  <si>
    <t>7750389.0</t>
  </si>
  <si>
    <t>39066.0</t>
  </si>
  <si>
    <t>178.032</t>
  </si>
  <si>
    <t>36004.0</t>
  </si>
  <si>
    <t>7793654.0</t>
  </si>
  <si>
    <t>43265.0</t>
  </si>
  <si>
    <t>179.026</t>
  </si>
  <si>
    <t>36150.0</t>
  </si>
  <si>
    <t>35642.0</t>
  </si>
  <si>
    <t>7908378.0</t>
  </si>
  <si>
    <t>7950275.0</t>
  </si>
  <si>
    <t>182.624</t>
  </si>
  <si>
    <t>38407.0</t>
  </si>
  <si>
    <t>40049.0</t>
  </si>
  <si>
    <t>40382.0</t>
  </si>
  <si>
    <t>41466.0</t>
  </si>
  <si>
    <t>93021.0</t>
  </si>
  <si>
    <t>41394.0</t>
  </si>
  <si>
    <t>103006.0</t>
  </si>
  <si>
    <t>8281425.0</t>
  </si>
  <si>
    <t>190.231</t>
  </si>
  <si>
    <t>8331013.0</t>
  </si>
  <si>
    <t>8380401.0</t>
  </si>
  <si>
    <t>192.504</t>
  </si>
  <si>
    <t>8428859.0</t>
  </si>
  <si>
    <t>193.617</t>
  </si>
  <si>
    <t>8469899.0</t>
  </si>
  <si>
    <t>194.56</t>
  </si>
  <si>
    <t>44665.0</t>
  </si>
  <si>
    <t>8508732.0</t>
  </si>
  <si>
    <t>195.452</t>
  </si>
  <si>
    <t>44901.0</t>
  </si>
  <si>
    <t>152962.0</t>
  </si>
  <si>
    <t>8599946.0</t>
  </si>
  <si>
    <t>197.547</t>
  </si>
  <si>
    <t>8644228.0</t>
  </si>
  <si>
    <t>198.565</t>
  </si>
  <si>
    <t>44745.0</t>
  </si>
  <si>
    <t>8690527.0</t>
  </si>
  <si>
    <t>46299.0</t>
  </si>
  <si>
    <t>199.628</t>
  </si>
  <si>
    <t>8732638.0</t>
  </si>
  <si>
    <t>200.595</t>
  </si>
  <si>
    <t>43397.0</t>
  </si>
  <si>
    <t>197914.0</t>
  </si>
  <si>
    <t>8767925.0</t>
  </si>
  <si>
    <t>201.406</t>
  </si>
  <si>
    <t>42575.0</t>
  </si>
  <si>
    <t>8805486.0</t>
  </si>
  <si>
    <t>202.269</t>
  </si>
  <si>
    <t>42393.0</t>
  </si>
  <si>
    <t>8847336.0</t>
  </si>
  <si>
    <t>203.23</t>
  </si>
  <si>
    <t>41857.0</t>
  </si>
  <si>
    <t>8891116.0</t>
  </si>
  <si>
    <t>204.236</t>
  </si>
  <si>
    <t>41596.0</t>
  </si>
  <si>
    <t>8938639.0</t>
  </si>
  <si>
    <t>205.327</t>
  </si>
  <si>
    <t>42059.0</t>
  </si>
  <si>
    <t>8989021.0</t>
  </si>
  <si>
    <t>50382.0</t>
  </si>
  <si>
    <t>206.485</t>
  </si>
  <si>
    <t>9035177.0</t>
  </si>
  <si>
    <t>46156.0</t>
  </si>
  <si>
    <t>207.545</t>
  </si>
  <si>
    <t>298377.0</t>
  </si>
  <si>
    <t>9076934.0</t>
  </si>
  <si>
    <t>41757.0</t>
  </si>
  <si>
    <t>208.504</t>
  </si>
  <si>
    <t>44144.0</t>
  </si>
  <si>
    <t>9116609.0</t>
  </si>
  <si>
    <t>39675.0</t>
  </si>
  <si>
    <t>209.416</t>
  </si>
  <si>
    <t>9155729.0</t>
  </si>
  <si>
    <t>39120.0</t>
  </si>
  <si>
    <t>210.314</t>
  </si>
  <si>
    <t>44056.0</t>
  </si>
  <si>
    <t>9198959.0</t>
  </si>
  <si>
    <t>9244746.0</t>
  </si>
  <si>
    <t>45787.0</t>
  </si>
  <si>
    <t>212.359</t>
  </si>
  <si>
    <t>9292052.0</t>
  </si>
  <si>
    <t>213.446</t>
  </si>
  <si>
    <t>9338101.0</t>
  </si>
  <si>
    <t>214.503</t>
  </si>
  <si>
    <t>43275.0</t>
  </si>
  <si>
    <t>9376388.0</t>
  </si>
  <si>
    <t>38287.0</t>
  </si>
  <si>
    <t>215.383</t>
  </si>
  <si>
    <t>42779.0</t>
  </si>
  <si>
    <t>9408134.0</t>
  </si>
  <si>
    <t>216.112</t>
  </si>
  <si>
    <t>41646.0</t>
  </si>
  <si>
    <t>0.1496</t>
  </si>
  <si>
    <t>9445914.0</t>
  </si>
  <si>
    <t>41455.0</t>
  </si>
  <si>
    <t>9484523.0</t>
  </si>
  <si>
    <t>38609.0</t>
  </si>
  <si>
    <t>217.867</t>
  </si>
  <si>
    <t>9524638.0</t>
  </si>
  <si>
    <t>218.788</t>
  </si>
  <si>
    <t>9565625.0</t>
  </si>
  <si>
    <t>40987.0</t>
  </si>
  <si>
    <t>39082.0</t>
  </si>
  <si>
    <t>9606567.0</t>
  </si>
  <si>
    <t>40942.0</t>
  </si>
  <si>
    <t>9639337.0</t>
  </si>
  <si>
    <t>32770.0</t>
  </si>
  <si>
    <t>221.423</t>
  </si>
  <si>
    <t>37564.0</t>
  </si>
  <si>
    <t>9673212.0</t>
  </si>
  <si>
    <t>222.201</t>
  </si>
  <si>
    <t>37868.0</t>
  </si>
  <si>
    <t>9707527.0</t>
  </si>
  <si>
    <t>34315.0</t>
  </si>
  <si>
    <t>222.989</t>
  </si>
  <si>
    <t>37373.0</t>
  </si>
  <si>
    <t>9745496.0</t>
  </si>
  <si>
    <t>223.862</t>
  </si>
  <si>
    <t>37282.0</t>
  </si>
  <si>
    <t>453361.0</t>
  </si>
  <si>
    <t>9840649.0</t>
  </si>
  <si>
    <t>226.047</t>
  </si>
  <si>
    <t>9855685.0</t>
  </si>
  <si>
    <t>226.393</t>
  </si>
  <si>
    <t>30907.0</t>
  </si>
  <si>
    <t>9872873.0</t>
  </si>
  <si>
    <t>226.787</t>
  </si>
  <si>
    <t>28523.0</t>
  </si>
  <si>
    <t>9897459.0</t>
  </si>
  <si>
    <t>227.352</t>
  </si>
  <si>
    <t>27133.0</t>
  </si>
  <si>
    <t>9929858.0</t>
  </si>
  <si>
    <t>228.096</t>
  </si>
  <si>
    <t>26337.0</t>
  </si>
  <si>
    <t>9970564.0</t>
  </si>
  <si>
    <t>229.032</t>
  </si>
  <si>
    <t>10014057.0</t>
  </si>
  <si>
    <t>230.031</t>
  </si>
  <si>
    <t>29304.0</t>
  </si>
  <si>
    <t>10056011.0</t>
  </si>
  <si>
    <t>41954.0</t>
  </si>
  <si>
    <t>230.994</t>
  </si>
  <si>
    <t>30766.0</t>
  </si>
  <si>
    <t>520491.0</t>
  </si>
  <si>
    <t>10121408.0</t>
  </si>
  <si>
    <t>232.497</t>
  </si>
  <si>
    <t>35505.0</t>
  </si>
  <si>
    <t>10161013.0</t>
  </si>
  <si>
    <t>39605.0</t>
  </si>
  <si>
    <t>233.406</t>
  </si>
  <si>
    <t>37651.0</t>
  </si>
  <si>
    <t>10206732.0</t>
  </si>
  <si>
    <t>234.456</t>
  </si>
  <si>
    <t>549969.0</t>
  </si>
  <si>
    <t>10250984.0</t>
  </si>
  <si>
    <t>44252.0</t>
  </si>
  <si>
    <t>235.473</t>
  </si>
  <si>
    <t>10295303.0</t>
  </si>
  <si>
    <t>44319.0</t>
  </si>
  <si>
    <t>236.491</t>
  </si>
  <si>
    <t>10338737.0</t>
  </si>
  <si>
    <t>43434.0</t>
  </si>
  <si>
    <t>237.489</t>
  </si>
  <si>
    <t>40389.0</t>
  </si>
  <si>
    <t>582537.0</t>
  </si>
  <si>
    <t>10371421.0</t>
  </si>
  <si>
    <t>238.239</t>
  </si>
  <si>
    <t>10403611.0</t>
  </si>
  <si>
    <t>32190.0</t>
  </si>
  <si>
    <t>238.979</t>
  </si>
  <si>
    <t>40315.0</t>
  </si>
  <si>
    <t>10442991.0</t>
  </si>
  <si>
    <t>39380.0</t>
  </si>
  <si>
    <t>239.884</t>
  </si>
  <si>
    <t>10483971.0</t>
  </si>
  <si>
    <t>240.825</t>
  </si>
  <si>
    <t>39606.0</t>
  </si>
  <si>
    <t>10530876.0</t>
  </si>
  <si>
    <t>241.902</t>
  </si>
  <si>
    <t>10573355.0</t>
  </si>
  <si>
    <t>242.878</t>
  </si>
  <si>
    <t>10615360.0</t>
  </si>
  <si>
    <t>243.843</t>
  </si>
  <si>
    <t>10646529.0</t>
  </si>
  <si>
    <t>31169.0</t>
  </si>
  <si>
    <t>244.559</t>
  </si>
  <si>
    <t>39301.0</t>
  </si>
  <si>
    <t>10679333.0</t>
  </si>
  <si>
    <t>245.312</t>
  </si>
  <si>
    <t>10719740.0</t>
  </si>
  <si>
    <t>40407.0</t>
  </si>
  <si>
    <t>246.241</t>
  </si>
  <si>
    <t>39536.0</t>
  </si>
  <si>
    <t>10762364.0</t>
  </si>
  <si>
    <t>247.22</t>
  </si>
  <si>
    <t>613840.0</t>
  </si>
  <si>
    <t>447321.0</t>
  </si>
  <si>
    <t>10807363.0</t>
  </si>
  <si>
    <t>44999.0</t>
  </si>
  <si>
    <t>248.253</t>
  </si>
  <si>
    <t>39498.0</t>
  </si>
  <si>
    <t>10851837.0</t>
  </si>
  <si>
    <t>249.275</t>
  </si>
  <si>
    <t>10897905.0</t>
  </si>
  <si>
    <t>250.333</t>
  </si>
  <si>
    <t>40364.0</t>
  </si>
  <si>
    <t>10933655.0</t>
  </si>
  <si>
    <t>251.154</t>
  </si>
  <si>
    <t>41018.0</t>
  </si>
  <si>
    <t>10970128.0</t>
  </si>
  <si>
    <t>251.992</t>
  </si>
  <si>
    <t>11014936.0</t>
  </si>
  <si>
    <t>44808.0</t>
  </si>
  <si>
    <t>253.022</t>
  </si>
  <si>
    <t>42171.0</t>
  </si>
  <si>
    <t>703820.0</t>
  </si>
  <si>
    <t>494524.0</t>
  </si>
  <si>
    <t>209296.0</t>
  </si>
  <si>
    <t>11109563.0</t>
  </si>
  <si>
    <t>255.195</t>
  </si>
  <si>
    <t>11154463.0</t>
  </si>
  <si>
    <t>44900.0</t>
  </si>
  <si>
    <t>256.227</t>
  </si>
  <si>
    <t>43232.0</t>
  </si>
  <si>
    <t>42229.0</t>
  </si>
  <si>
    <t>11232559.0</t>
  </si>
  <si>
    <t>258.02</t>
  </si>
  <si>
    <t>42701.0</t>
  </si>
  <si>
    <t>11269612.0</t>
  </si>
  <si>
    <t>37053.0</t>
  </si>
  <si>
    <t>258.872</t>
  </si>
  <si>
    <t>42783.0</t>
  </si>
  <si>
    <t>805363.0</t>
  </si>
  <si>
    <t>548696.0</t>
  </si>
  <si>
    <t>256667.0</t>
  </si>
  <si>
    <t>11315464.0</t>
  </si>
  <si>
    <t>45852.0</t>
  </si>
  <si>
    <t>259.925</t>
  </si>
  <si>
    <t>42933.0</t>
  </si>
  <si>
    <t>11364729.0</t>
  </si>
  <si>
    <t>261.057</t>
  </si>
  <si>
    <t>11414059.0</t>
  </si>
  <si>
    <t>49330.0</t>
  </si>
  <si>
    <t>262.19</t>
  </si>
  <si>
    <t>43213.0</t>
  </si>
  <si>
    <t>11577950.0</t>
  </si>
  <si>
    <t>265.954</t>
  </si>
  <si>
    <t>44048.0</t>
  </si>
  <si>
    <t>11622420.0</t>
  </si>
  <si>
    <t>44470.0</t>
  </si>
  <si>
    <t>11671869.0</t>
  </si>
  <si>
    <t>49449.0</t>
  </si>
  <si>
    <t>268.112</t>
  </si>
  <si>
    <t>43877.0</t>
  </si>
  <si>
    <t>11722771.0</t>
  </si>
  <si>
    <t>269.281</t>
  </si>
  <si>
    <t>44102.0</t>
  </si>
  <si>
    <t>11771294.0</t>
  </si>
  <si>
    <t>270.396</t>
  </si>
  <si>
    <t>11816691.0</t>
  </si>
  <si>
    <t>271.438</t>
  </si>
  <si>
    <t>45812.0</t>
  </si>
  <si>
    <t>11850977.0</t>
  </si>
  <si>
    <t>272.226</t>
  </si>
  <si>
    <t>44857.0</t>
  </si>
  <si>
    <t>11890105.0</t>
  </si>
  <si>
    <t>273.125</t>
  </si>
  <si>
    <t>11935519.0</t>
  </si>
  <si>
    <t>45414.0</t>
  </si>
  <si>
    <t>274.168</t>
  </si>
  <si>
    <t>44728.0</t>
  </si>
  <si>
    <t>1087866.0</t>
  </si>
  <si>
    <t>699325.0</t>
  </si>
  <si>
    <t>388541.0</t>
  </si>
  <si>
    <t>11988129.0</t>
  </si>
  <si>
    <t>52610.0</t>
  </si>
  <si>
    <t>275.377</t>
  </si>
  <si>
    <t>12039580.0</t>
  </si>
  <si>
    <t>276.558</t>
  </si>
  <si>
    <t>45258.0</t>
  </si>
  <si>
    <t>12088184.0</t>
  </si>
  <si>
    <t>48604.0</t>
  </si>
  <si>
    <t>277.675</t>
  </si>
  <si>
    <t>45270.0</t>
  </si>
  <si>
    <t>12133671.0</t>
  </si>
  <si>
    <t>278.72</t>
  </si>
  <si>
    <t>45283.0</t>
  </si>
  <si>
    <t>12170342.0</t>
  </si>
  <si>
    <t>36671.0</t>
  </si>
  <si>
    <t>279.562</t>
  </si>
  <si>
    <t>45624.0</t>
  </si>
  <si>
    <t>12211053.0</t>
  </si>
  <si>
    <t>280.497</t>
  </si>
  <si>
    <t>1330393.0</t>
  </si>
  <si>
    <t>826007.0</t>
  </si>
  <si>
    <t>494900.0</t>
  </si>
  <si>
    <t>12253725.0</t>
  </si>
  <si>
    <t>281.477</t>
  </si>
  <si>
    <t>45458.0</t>
  </si>
  <si>
    <t>25019.0</t>
  </si>
  <si>
    <t>12297478.0</t>
  </si>
  <si>
    <t>43753.0</t>
  </si>
  <si>
    <t>282.483</t>
  </si>
  <si>
    <t>44193.0</t>
  </si>
  <si>
    <t>28924.0</t>
  </si>
  <si>
    <t>12343068.0</t>
  </si>
  <si>
    <t>45590.0</t>
  </si>
  <si>
    <t>283.53</t>
  </si>
  <si>
    <t>32829.0</t>
  </si>
  <si>
    <t>42728.0</t>
  </si>
  <si>
    <t>36734.0</t>
  </si>
  <si>
    <t>12431498.0</t>
  </si>
  <si>
    <t>285.561</t>
  </si>
  <si>
    <t>40639.0</t>
  </si>
  <si>
    <t>42699.0</t>
  </si>
  <si>
    <t>44545.0</t>
  </si>
  <si>
    <t>12506968.0</t>
  </si>
  <si>
    <t>287.295</t>
  </si>
  <si>
    <t>48450.0</t>
  </si>
  <si>
    <t>12547843.0</t>
  </si>
  <si>
    <t>288.234</t>
  </si>
  <si>
    <t>12587768.0</t>
  </si>
  <si>
    <t>39925.0</t>
  </si>
  <si>
    <t>289.151</t>
  </si>
  <si>
    <t>12620851.0</t>
  </si>
  <si>
    <t>289.911</t>
  </si>
  <si>
    <t>38078.0</t>
  </si>
  <si>
    <t>12686807.0</t>
  </si>
  <si>
    <t>291.426</t>
  </si>
  <si>
    <t>12715078.0</t>
  </si>
  <si>
    <t>292.075</t>
  </si>
  <si>
    <t>35121.0</t>
  </si>
  <si>
    <t>12753275.0</t>
  </si>
  <si>
    <t>292.953</t>
  </si>
  <si>
    <t>12804155.0</t>
  </si>
  <si>
    <t>294.121</t>
  </si>
  <si>
    <t>12856522.0</t>
  </si>
  <si>
    <t>52367.0</t>
  </si>
  <si>
    <t>295.324</t>
  </si>
  <si>
    <t>12914493.0</t>
  </si>
  <si>
    <t>57971.0</t>
  </si>
  <si>
    <t>296.656</t>
  </si>
  <si>
    <t>12973393.0</t>
  </si>
  <si>
    <t>58900.0</t>
  </si>
  <si>
    <t>298.009</t>
  </si>
  <si>
    <t>13033819.0</t>
  </si>
  <si>
    <t>60426.0</t>
  </si>
  <si>
    <t>299.397</t>
  </si>
  <si>
    <t>49573.0</t>
  </si>
  <si>
    <t>13076929.0</t>
  </si>
  <si>
    <t>300.387</t>
  </si>
  <si>
    <t>13122716.0</t>
  </si>
  <si>
    <t>301.439</t>
  </si>
  <si>
    <t>52777.0</t>
  </si>
  <si>
    <t>13176183.0</t>
  </si>
  <si>
    <t>53467.0</t>
  </si>
  <si>
    <t>302.667</t>
  </si>
  <si>
    <t>53147.0</t>
  </si>
  <si>
    <t>13228019.0</t>
  </si>
  <si>
    <t>51836.0</t>
  </si>
  <si>
    <t>13279918.0</t>
  </si>
  <si>
    <t>305.05</t>
  </si>
  <si>
    <t>52204.0</t>
  </si>
  <si>
    <t>13330624.0</t>
  </si>
  <si>
    <t>50706.0</t>
  </si>
  <si>
    <t>306.215</t>
  </si>
  <si>
    <t>13382440.0</t>
  </si>
  <si>
    <t>51816.0</t>
  </si>
  <si>
    <t>307.405</t>
  </si>
  <si>
    <t>49803.0</t>
  </si>
  <si>
    <t>2102550.0</t>
  </si>
  <si>
    <t>13417517.0</t>
  </si>
  <si>
    <t>35077.0</t>
  </si>
  <si>
    <t>308.211</t>
  </si>
  <si>
    <t>48655.0</t>
  </si>
  <si>
    <t>13459280.0</t>
  </si>
  <si>
    <t>309.17</t>
  </si>
  <si>
    <t>48081.0</t>
  </si>
  <si>
    <t>39885.0</t>
  </si>
  <si>
    <t>13545244.0</t>
  </si>
  <si>
    <t>311.145</t>
  </si>
  <si>
    <t>45318.0</t>
  </si>
  <si>
    <t>13586857.0</t>
  </si>
  <si>
    <t>312.101</t>
  </si>
  <si>
    <t>46676.0</t>
  </si>
  <si>
    <t>43100.0</t>
  </si>
  <si>
    <t>13677793.0</t>
  </si>
  <si>
    <t>314.189</t>
  </si>
  <si>
    <t>53466.0</t>
  </si>
  <si>
    <t>13712059.0</t>
  </si>
  <si>
    <t>34266.0</t>
  </si>
  <si>
    <t>314.977</t>
  </si>
  <si>
    <t>42077.0</t>
  </si>
  <si>
    <t>41601.0</t>
  </si>
  <si>
    <t>13788911.0</t>
  </si>
  <si>
    <t>316.742</t>
  </si>
  <si>
    <t>40950.0</t>
  </si>
  <si>
    <t>13831134.0</t>
  </si>
  <si>
    <t>42223.0</t>
  </si>
  <si>
    <t>317.712</t>
  </si>
  <si>
    <t>40841.0</t>
  </si>
  <si>
    <t>13872209.0</t>
  </si>
  <si>
    <t>318.655</t>
  </si>
  <si>
    <t>40765.0</t>
  </si>
  <si>
    <t>0.2118</t>
  </si>
  <si>
    <t>13912862.0</t>
  </si>
  <si>
    <t>319.589</t>
  </si>
  <si>
    <t>40077.0</t>
  </si>
  <si>
    <t>13943297.0</t>
  </si>
  <si>
    <t>320.288</t>
  </si>
  <si>
    <t>13966576.0</t>
  </si>
  <si>
    <t>320.823</t>
  </si>
  <si>
    <t>13998326.0</t>
  </si>
  <si>
    <t>321.552</t>
  </si>
  <si>
    <t>14037868.0</t>
  </si>
  <si>
    <t>322.461</t>
  </si>
  <si>
    <t>14080332.0</t>
  </si>
  <si>
    <t>323.436</t>
  </si>
  <si>
    <t>14124087.0</t>
  </si>
  <si>
    <t>324.441</t>
  </si>
  <si>
    <t>3118411.0</t>
  </si>
  <si>
    <t>14168599.0</t>
  </si>
  <si>
    <t>325.464</t>
  </si>
  <si>
    <t>14210495.0</t>
  </si>
  <si>
    <t>326.426</t>
  </si>
  <si>
    <t>52501.0</t>
  </si>
  <si>
    <t>14240478.0</t>
  </si>
  <si>
    <t>327.115</t>
  </si>
  <si>
    <t>52018.0</t>
  </si>
  <si>
    <t>14272791.0</t>
  </si>
  <si>
    <t>327.857</t>
  </si>
  <si>
    <t>14311905.0</t>
  </si>
  <si>
    <t>328.755</t>
  </si>
  <si>
    <t>3368843.0</t>
  </si>
  <si>
    <t>51052.0</t>
  </si>
  <si>
    <t>14352095.0</t>
  </si>
  <si>
    <t>40190.0</t>
  </si>
  <si>
    <t>329.679</t>
  </si>
  <si>
    <t>38823.0</t>
  </si>
  <si>
    <t>14393597.0</t>
  </si>
  <si>
    <t>41502.0</t>
  </si>
  <si>
    <t>330.632</t>
  </si>
  <si>
    <t>38501.0</t>
  </si>
  <si>
    <t>3504509.0</t>
  </si>
  <si>
    <t>14432571.0</t>
  </si>
  <si>
    <t>331.527</t>
  </si>
  <si>
    <t>55135.0</t>
  </si>
  <si>
    <t>14470680.0</t>
  </si>
  <si>
    <t>332.403</t>
  </si>
  <si>
    <t>37169.0</t>
  </si>
  <si>
    <t>14499552.0</t>
  </si>
  <si>
    <t>28872.0</t>
  </si>
  <si>
    <t>333.066</t>
  </si>
  <si>
    <t>14530450.0</t>
  </si>
  <si>
    <t>30898.0</t>
  </si>
  <si>
    <t>333.776</t>
  </si>
  <si>
    <t>55069.0</t>
  </si>
  <si>
    <t>14564847.0</t>
  </si>
  <si>
    <t>334.566</t>
  </si>
  <si>
    <t>3754174.0</t>
  </si>
  <si>
    <t>55047.0</t>
  </si>
  <si>
    <t>14602636.0</t>
  </si>
  <si>
    <t>335.434</t>
  </si>
  <si>
    <t>35792.0</t>
  </si>
  <si>
    <t>187192.0</t>
  </si>
  <si>
    <t>35132.0</t>
  </si>
  <si>
    <t>5739867.0</t>
  </si>
  <si>
    <t>3684546.0</t>
  </si>
  <si>
    <t>2055321.0</t>
  </si>
  <si>
    <t>319337.0</t>
  </si>
  <si>
    <t>14676410.0</t>
  </si>
  <si>
    <t>337.128</t>
  </si>
  <si>
    <t>356600.0</t>
  </si>
  <si>
    <t>66244.0</t>
  </si>
  <si>
    <t>14712587.0</t>
  </si>
  <si>
    <t>36177.0</t>
  </si>
  <si>
    <t>337.959</t>
  </si>
  <si>
    <t>393862.0</t>
  </si>
  <si>
    <t>84039.0</t>
  </si>
  <si>
    <t>14735225.0</t>
  </si>
  <si>
    <t>33668.0</t>
  </si>
  <si>
    <t>6672182.0</t>
  </si>
  <si>
    <t>4203578.0</t>
  </si>
  <si>
    <t>2468604.0</t>
  </si>
  <si>
    <t>431125.0</t>
  </si>
  <si>
    <t>101833.0</t>
  </si>
  <si>
    <t>14763329.0</t>
  </si>
  <si>
    <t>339.125</t>
  </si>
  <si>
    <t>433231.0</t>
  </si>
  <si>
    <t>99454.0</t>
  </si>
  <si>
    <t>33129.0</t>
  </si>
  <si>
    <t>435337.0</t>
  </si>
  <si>
    <t>97074.0</t>
  </si>
  <si>
    <t>14830169.0</t>
  </si>
  <si>
    <t>340.66</t>
  </si>
  <si>
    <t>302742.0</t>
  </si>
  <si>
    <t>94694.0</t>
  </si>
  <si>
    <t>14863362.0</t>
  </si>
  <si>
    <t>341.423</t>
  </si>
  <si>
    <t>170146.0</t>
  </si>
  <si>
    <t>92315.0</t>
  </si>
  <si>
    <t>14895398.0</t>
  </si>
  <si>
    <t>342.159</t>
  </si>
  <si>
    <t>72141.0</t>
  </si>
  <si>
    <t>14926666.0</t>
  </si>
  <si>
    <t>31268.0</t>
  </si>
  <si>
    <t>342.877</t>
  </si>
  <si>
    <t>99833.0</t>
  </si>
  <si>
    <t>14946506.0</t>
  </si>
  <si>
    <t>343.333</t>
  </si>
  <si>
    <t>30183.0</t>
  </si>
  <si>
    <t>64676.0</t>
  </si>
  <si>
    <t>31793.0</t>
  </si>
  <si>
    <t>14996224.0</t>
  </si>
  <si>
    <t>344.475</t>
  </si>
  <si>
    <t>27553.0</t>
  </si>
  <si>
    <t>15049850.0</t>
  </si>
  <si>
    <t>345.707</t>
  </si>
  <si>
    <t>26641.0</t>
  </si>
  <si>
    <t>15075045.0</t>
  </si>
  <si>
    <t>346.285</t>
  </si>
  <si>
    <t>7448300.0</t>
  </si>
  <si>
    <t>4585095.0</t>
  </si>
  <si>
    <t>2486604.0</t>
  </si>
  <si>
    <t>15100057.0</t>
  </si>
  <si>
    <t>346.86</t>
  </si>
  <si>
    <t>63066.0</t>
  </si>
  <si>
    <t>15116604.0</t>
  </si>
  <si>
    <t>347.24</t>
  </si>
  <si>
    <t>24300.0</t>
  </si>
  <si>
    <t>61455.0</t>
  </si>
  <si>
    <t>15133910.0</t>
  </si>
  <si>
    <t>347.638</t>
  </si>
  <si>
    <t>23221.0</t>
  </si>
  <si>
    <t>7608508.0</t>
  </si>
  <si>
    <t>4676216.0</t>
  </si>
  <si>
    <t>2932292.0</t>
  </si>
  <si>
    <t>31185.0</t>
  </si>
  <si>
    <t>15154796.0</t>
  </si>
  <si>
    <t>20886.0</t>
  </si>
  <si>
    <t>348.117</t>
  </si>
  <si>
    <t>56966.0</t>
  </si>
  <si>
    <t>30475.0</t>
  </si>
  <si>
    <t>15173926.0</t>
  </si>
  <si>
    <t>348.557</t>
  </si>
  <si>
    <t>54087.0</t>
  </si>
  <si>
    <t>29766.0</t>
  </si>
  <si>
    <t>15191078.0</t>
  </si>
  <si>
    <t>348.951</t>
  </si>
  <si>
    <t>51207.0</t>
  </si>
  <si>
    <t>29056.0</t>
  </si>
  <si>
    <t>15211577.0</t>
  </si>
  <si>
    <t>349.422</t>
  </si>
  <si>
    <t>15237498.0</t>
  </si>
  <si>
    <t>350.017</t>
  </si>
  <si>
    <t>47060.0</t>
  </si>
  <si>
    <t>15254306.0</t>
  </si>
  <si>
    <t>350.403</t>
  </si>
  <si>
    <t>45791.0</t>
  </si>
  <si>
    <t>27333.0</t>
  </si>
  <si>
    <t>15274322.0</t>
  </si>
  <si>
    <t>350.863</t>
  </si>
  <si>
    <t>15291079.0</t>
  </si>
  <si>
    <t>351.248</t>
  </si>
  <si>
    <t>15313653.0</t>
  </si>
  <si>
    <t>22574.0</t>
  </si>
  <si>
    <t>351.766</t>
  </si>
  <si>
    <t>15338457.0</t>
  </si>
  <si>
    <t>352.336</t>
  </si>
  <si>
    <t>21054.0</t>
  </si>
  <si>
    <t>15359518.0</t>
  </si>
  <si>
    <t>352.82</t>
  </si>
  <si>
    <t>15381835.0</t>
  </si>
  <si>
    <t>353.333</t>
  </si>
  <si>
    <t>15395889.0</t>
  </si>
  <si>
    <t>353.655</t>
  </si>
  <si>
    <t>8187299.0</t>
  </si>
  <si>
    <t>5024958.0</t>
  </si>
  <si>
    <t>3162341.0</t>
  </si>
  <si>
    <t>15409353.0</t>
  </si>
  <si>
    <t>353.965</t>
  </si>
  <si>
    <t>27203.0</t>
  </si>
  <si>
    <t>15418867.0</t>
  </si>
  <si>
    <t>354.183</t>
  </si>
  <si>
    <t>18255.0</t>
  </si>
  <si>
    <t>42565.0</t>
  </si>
  <si>
    <t>15453389.0</t>
  </si>
  <si>
    <t>354.976</t>
  </si>
  <si>
    <t>15479855.0</t>
  </si>
  <si>
    <t>26466.0</t>
  </si>
  <si>
    <t>355.584</t>
  </si>
  <si>
    <t>28711.0</t>
  </si>
  <si>
    <t>15504972.0</t>
  </si>
  <si>
    <t>356.161</t>
  </si>
  <si>
    <t>40607.0</t>
  </si>
  <si>
    <t>15521023.0</t>
  </si>
  <si>
    <t>356.53</t>
  </si>
  <si>
    <t>39954.0</t>
  </si>
  <si>
    <t>29465.0</t>
  </si>
  <si>
    <t>8506934.0</t>
  </si>
  <si>
    <t>5260678.0</t>
  </si>
  <si>
    <t>3246256.0</t>
  </si>
  <si>
    <t>15561904.0</t>
  </si>
  <si>
    <t>357.469</t>
  </si>
  <si>
    <t>43739.0</t>
  </si>
  <si>
    <t>32610.0</t>
  </si>
  <si>
    <t>35755.0</t>
  </si>
  <si>
    <t>15599082.0</t>
  </si>
  <si>
    <t>358.323</t>
  </si>
  <si>
    <t>51307.0</t>
  </si>
  <si>
    <t>38899.0</t>
  </si>
  <si>
    <t>15622446.0</t>
  </si>
  <si>
    <t>23364.0</t>
  </si>
  <si>
    <t>358.86</t>
  </si>
  <si>
    <t>15645551.0</t>
  </si>
  <si>
    <t>359.39</t>
  </si>
  <si>
    <t>58875.0</t>
  </si>
  <si>
    <t>45189.0</t>
  </si>
  <si>
    <t>15660404.0</t>
  </si>
  <si>
    <t>14853.0</t>
  </si>
  <si>
    <t>359.731</t>
  </si>
  <si>
    <t>19912.0</t>
  </si>
  <si>
    <t>62660.0</t>
  </si>
  <si>
    <t>360.111</t>
  </si>
  <si>
    <t>8972041.0</t>
  </si>
  <si>
    <t>5621027.0</t>
  </si>
  <si>
    <t>3351014.0</t>
  </si>
  <si>
    <t>66444.0</t>
  </si>
  <si>
    <t>51478.0</t>
  </si>
  <si>
    <t>15697977.0</t>
  </si>
  <si>
    <t>21068.0</t>
  </si>
  <si>
    <t>360.595</t>
  </si>
  <si>
    <t>66447.0</t>
  </si>
  <si>
    <t>50675.0</t>
  </si>
  <si>
    <t>15718588.0</t>
  </si>
  <si>
    <t>361.068</t>
  </si>
  <si>
    <t>66450.0</t>
  </si>
  <si>
    <t>49871.0</t>
  </si>
  <si>
    <t>15739606.0</t>
  </si>
  <si>
    <t>361.551</t>
  </si>
  <si>
    <t>66453.0</t>
  </si>
  <si>
    <t>15760869.0</t>
  </si>
  <si>
    <t>362.039</t>
  </si>
  <si>
    <t>66455.0</t>
  </si>
  <si>
    <t>15782442.0</t>
  </si>
  <si>
    <t>362.535</t>
  </si>
  <si>
    <t>47461.0</t>
  </si>
  <si>
    <t>15795760.0</t>
  </si>
  <si>
    <t>362.841</t>
  </si>
  <si>
    <t>9370826.0</t>
  </si>
  <si>
    <t>5896149.0</t>
  </si>
  <si>
    <t>3474677.0</t>
  </si>
  <si>
    <t>66461.0</t>
  </si>
  <si>
    <t>15812758.0</t>
  </si>
  <si>
    <t>16998.0</t>
  </si>
  <si>
    <t>363.231</t>
  </si>
  <si>
    <t>15831552.0</t>
  </si>
  <si>
    <t>363.663</t>
  </si>
  <si>
    <t>19082.0</t>
  </si>
  <si>
    <t>66189.0</t>
  </si>
  <si>
    <t>44034.0</t>
  </si>
  <si>
    <t>15870722.0</t>
  </si>
  <si>
    <t>364.563</t>
  </si>
  <si>
    <t>9632835.0</t>
  </si>
  <si>
    <t>6062577.0</t>
  </si>
  <si>
    <t>3570258.0</t>
  </si>
  <si>
    <t>18167.0</t>
  </si>
  <si>
    <t>70386.0</t>
  </si>
  <si>
    <t>74858.0</t>
  </si>
  <si>
    <t>15922665.0</t>
  </si>
  <si>
    <t>365.756</t>
  </si>
  <si>
    <t>79329.0</t>
  </si>
  <si>
    <t>47703.0</t>
  </si>
  <si>
    <t>15937990.0</t>
  </si>
  <si>
    <t>366.108</t>
  </si>
  <si>
    <t>83938.0</t>
  </si>
  <si>
    <t>49735.0</t>
  </si>
  <si>
    <t>15956845.0</t>
  </si>
  <si>
    <t>88547.0</t>
  </si>
  <si>
    <t>15977538.0</t>
  </si>
  <si>
    <t>367.016</t>
  </si>
  <si>
    <t>93156.0</t>
  </si>
  <si>
    <t>53798.0</t>
  </si>
  <si>
    <t>97766.0</t>
  </si>
  <si>
    <t>55830.0</t>
  </si>
  <si>
    <t>16014876.0</t>
  </si>
  <si>
    <t>367.874</t>
  </si>
  <si>
    <t>16033442.0</t>
  </si>
  <si>
    <t>16046391.0</t>
  </si>
  <si>
    <t>368.598</t>
  </si>
  <si>
    <t>16060644.0</t>
  </si>
  <si>
    <t>368.925</t>
  </si>
  <si>
    <t>17522.0</t>
  </si>
  <si>
    <t>16078752.0</t>
  </si>
  <si>
    <t>18108.0</t>
  </si>
  <si>
    <t>369.341</t>
  </si>
  <si>
    <t>10806021.0</t>
  </si>
  <si>
    <t>6732542.0</t>
  </si>
  <si>
    <t>4073479.0</t>
  </si>
  <si>
    <t>55538.0</t>
  </si>
  <si>
    <t>16116757.0</t>
  </si>
  <si>
    <t>370.214</t>
  </si>
  <si>
    <t>97212.0</t>
  </si>
  <si>
    <t>55245.0</t>
  </si>
  <si>
    <t>96935.0</t>
  </si>
  <si>
    <t>54952.0</t>
  </si>
  <si>
    <t>16152057.0</t>
  </si>
  <si>
    <t>371.025</t>
  </si>
  <si>
    <t>16945.0</t>
  </si>
  <si>
    <t>16178153.0</t>
  </si>
  <si>
    <t>11380981.0</t>
  </si>
  <si>
    <t>7055224.0</t>
  </si>
  <si>
    <t>4325757.0</t>
  </si>
  <si>
    <t>96104.0</t>
  </si>
  <si>
    <t>16196368.0</t>
  </si>
  <si>
    <t>372.043</t>
  </si>
  <si>
    <t>16802.0</t>
  </si>
  <si>
    <t>98060.0</t>
  </si>
  <si>
    <t>16798.0</t>
  </si>
  <si>
    <t>56631.0</t>
  </si>
  <si>
    <t>16234312.0</t>
  </si>
  <si>
    <t>372.915</t>
  </si>
  <si>
    <t>11715365.0</t>
  </si>
  <si>
    <t>7246498.0</t>
  </si>
  <si>
    <t>4468867.0</t>
  </si>
  <si>
    <t>102527.0</t>
  </si>
  <si>
    <t>58056.0</t>
  </si>
  <si>
    <t>100738.0</t>
  </si>
  <si>
    <t>56717.0</t>
  </si>
  <si>
    <t>98949.0</t>
  </si>
  <si>
    <t>16287958.0</t>
  </si>
  <si>
    <t>374.147</t>
  </si>
  <si>
    <t>97161.0</t>
  </si>
  <si>
    <t>16302398.0</t>
  </si>
  <si>
    <t>374.479</t>
  </si>
  <si>
    <t>12048583.0</t>
  </si>
  <si>
    <t>7424101.0</t>
  </si>
  <si>
    <t>4624482.0</t>
  </si>
  <si>
    <t>95372.0</t>
  </si>
  <si>
    <t>52697.0</t>
  </si>
  <si>
    <t>16320352.0</t>
  </si>
  <si>
    <t>374.891</t>
  </si>
  <si>
    <t>52262.0</t>
  </si>
  <si>
    <t>16341046.0</t>
  </si>
  <si>
    <t>375.366</t>
  </si>
  <si>
    <t>12268675.0</t>
  </si>
  <si>
    <t>7545538.0</t>
  </si>
  <si>
    <t>4723137.0</t>
  </si>
  <si>
    <t>94967.0</t>
  </si>
  <si>
    <t>51828.0</t>
  </si>
  <si>
    <t>16363328.0</t>
  </si>
  <si>
    <t>375.878</t>
  </si>
  <si>
    <t>18431.0</t>
  </si>
  <si>
    <t>89109.0</t>
  </si>
  <si>
    <t>47918.0</t>
  </si>
  <si>
    <t>16384117.0</t>
  </si>
  <si>
    <t>376.356</t>
  </si>
  <si>
    <t>46772.0</t>
  </si>
  <si>
    <t>16405036.0</t>
  </si>
  <si>
    <t>376.836</t>
  </si>
  <si>
    <t>85437.0</t>
  </si>
  <si>
    <t>45627.0</t>
  </si>
  <si>
    <t>16417858.0</t>
  </si>
  <si>
    <t>377.131</t>
  </si>
  <si>
    <t>18557.0</t>
  </si>
  <si>
    <t>12550487.0</t>
  </si>
  <si>
    <t>7691071.0</t>
  </si>
  <si>
    <t>4858405.0</t>
  </si>
  <si>
    <t>16431593.0</t>
  </si>
  <si>
    <t>13735.0</t>
  </si>
  <si>
    <t>377.446</t>
  </si>
  <si>
    <t>81846.0</t>
  </si>
  <si>
    <t>16469999.0</t>
  </si>
  <si>
    <t>378.329</t>
  </si>
  <si>
    <t>79058.0</t>
  </si>
  <si>
    <t>41135.0</t>
  </si>
  <si>
    <t>12912613.0</t>
  </si>
  <si>
    <t>7880958.0</t>
  </si>
  <si>
    <t>5028072.0</t>
  </si>
  <si>
    <t>16507647.0</t>
  </si>
  <si>
    <t>379.193</t>
  </si>
  <si>
    <t>17647.0</t>
  </si>
  <si>
    <t>81218.0</t>
  </si>
  <si>
    <t>16539839.0</t>
  </si>
  <si>
    <t>379.933</t>
  </si>
  <si>
    <t>17426.0</t>
  </si>
  <si>
    <t>79800.0</t>
  </si>
  <si>
    <t>16553566.0</t>
  </si>
  <si>
    <t>380.248</t>
  </si>
  <si>
    <t>13174583.0</t>
  </si>
  <si>
    <t>8009447.0</t>
  </si>
  <si>
    <t>5158731.0</t>
  </si>
  <si>
    <t>76224.0</t>
  </si>
  <si>
    <t>17277.0</t>
  </si>
  <si>
    <t>76569.0</t>
  </si>
  <si>
    <t>39208.0</t>
  </si>
  <si>
    <t>16589899.0</t>
  </si>
  <si>
    <t>381.083</t>
  </si>
  <si>
    <t>13360483.0</t>
  </si>
  <si>
    <t>8111496.0</t>
  </si>
  <si>
    <t>5241122.0</t>
  </si>
  <si>
    <t>76914.0</t>
  </si>
  <si>
    <t>16981.0</t>
  </si>
  <si>
    <t>73254.0</t>
  </si>
  <si>
    <t>16625478.0</t>
  </si>
  <si>
    <t>381.9</t>
  </si>
  <si>
    <t>16833.0</t>
  </si>
  <si>
    <t>73170.0</t>
  </si>
  <si>
    <t>37468.0</t>
  </si>
  <si>
    <t>16643095.0</t>
  </si>
  <si>
    <t>17617.0</t>
  </si>
  <si>
    <t>382.305</t>
  </si>
  <si>
    <t>73086.0</t>
  </si>
  <si>
    <t>37441.0</t>
  </si>
  <si>
    <t>16654158.0</t>
  </si>
  <si>
    <t>382.559</t>
  </si>
  <si>
    <t>73002.0</t>
  </si>
  <si>
    <t>16667670.0</t>
  </si>
  <si>
    <t>13512.0</t>
  </si>
  <si>
    <t>382.869</t>
  </si>
  <si>
    <t>13685013.0</t>
  </si>
  <si>
    <t>8271151.0</t>
  </si>
  <si>
    <t>5402359.0</t>
  </si>
  <si>
    <t>72919.0</t>
  </si>
  <si>
    <t>37386.0</t>
  </si>
  <si>
    <t>16683065.0</t>
  </si>
  <si>
    <t>383.223</t>
  </si>
  <si>
    <t>71246.0</t>
  </si>
  <si>
    <t>35778.0</t>
  </si>
  <si>
    <t>16699283.0</t>
  </si>
  <si>
    <t>383.595</t>
  </si>
  <si>
    <t>69574.0</t>
  </si>
  <si>
    <t>16714393.0</t>
  </si>
  <si>
    <t>383.942</t>
  </si>
  <si>
    <t>15244.0</t>
  </si>
  <si>
    <t>13928740.0</t>
  </si>
  <si>
    <t>8390446.0</t>
  </si>
  <si>
    <t>5523839.0</t>
  </si>
  <si>
    <t>16729836.0</t>
  </si>
  <si>
    <t>384.297</t>
  </si>
  <si>
    <t>14908.0</t>
  </si>
  <si>
    <t>68688.0</t>
  </si>
  <si>
    <t>16745526.0</t>
  </si>
  <si>
    <t>384.658</t>
  </si>
  <si>
    <t>65468.0</t>
  </si>
  <si>
    <t>16766798.0</t>
  </si>
  <si>
    <t>385.146</t>
  </si>
  <si>
    <t>59028.0</t>
  </si>
  <si>
    <t>16776813.0</t>
  </si>
  <si>
    <t>385.376</t>
  </si>
  <si>
    <t>14140578.0</t>
  </si>
  <si>
    <t>8482581.0</t>
  </si>
  <si>
    <t>5639110.0</t>
  </si>
  <si>
    <t>24524.0</t>
  </si>
  <si>
    <t>16789447.0</t>
  </si>
  <si>
    <t>385.666</t>
  </si>
  <si>
    <t>40540.0</t>
  </si>
  <si>
    <t>15880.0</t>
  </si>
  <si>
    <t>14428341.0</t>
  </si>
  <si>
    <t>8601468.0</t>
  </si>
  <si>
    <t>5801589.0</t>
  </si>
  <si>
    <t>36148.0</t>
  </si>
  <si>
    <t>16902317.0</t>
  </si>
  <si>
    <t>388.259</t>
  </si>
  <si>
    <t>16910240.0</t>
  </si>
  <si>
    <t>388.441</t>
  </si>
  <si>
    <t>14577185.0</t>
  </si>
  <si>
    <t>8667646.0</t>
  </si>
  <si>
    <t>5879971.0</t>
  </si>
  <si>
    <t>41350.0</t>
  </si>
  <si>
    <t>14714511.0</t>
  </si>
  <si>
    <t>8735048.0</t>
  </si>
  <si>
    <t>5945854.0</t>
  </si>
  <si>
    <t>14846973.0</t>
  </si>
  <si>
    <t>8801367.0</t>
  </si>
  <si>
    <t>6007244.0</t>
  </si>
  <si>
    <t>16989616.0</t>
  </si>
  <si>
    <t>390.265</t>
  </si>
  <si>
    <t>14084.0</t>
  </si>
  <si>
    <t>28406.0</t>
  </si>
  <si>
    <t>58760.0</t>
  </si>
  <si>
    <t>15035683.0</t>
  </si>
  <si>
    <t>8898519.0</t>
  </si>
  <si>
    <t>6089527.0</t>
  </si>
  <si>
    <t>55691.0</t>
  </si>
  <si>
    <t>19131.0</t>
  </si>
  <si>
    <t>15157561.0</t>
  </si>
  <si>
    <t>8969746.0</t>
  </si>
  <si>
    <t>6135948.0</t>
  </si>
  <si>
    <t>53831.0</t>
  </si>
  <si>
    <t>17119053.0</t>
  </si>
  <si>
    <t>393.238</t>
  </si>
  <si>
    <t>20759.0</t>
  </si>
  <si>
    <t>50441.0</t>
  </si>
  <si>
    <t>17144299.0</t>
  </si>
  <si>
    <t>393.818</t>
  </si>
  <si>
    <t>49773.0</t>
  </si>
  <si>
    <t>17173468.0</t>
  </si>
  <si>
    <t>29169.0</t>
  </si>
  <si>
    <t>394.488</t>
  </si>
  <si>
    <t>49105.0</t>
  </si>
  <si>
    <t>17193319.0</t>
  </si>
  <si>
    <t>394.944</t>
  </si>
  <si>
    <t>22937.0</t>
  </si>
  <si>
    <t>17214675.0</t>
  </si>
  <si>
    <t>395.434</t>
  </si>
  <si>
    <t>15370064.0</t>
  </si>
  <si>
    <t>9093724.0</t>
  </si>
  <si>
    <t>6214980.0</t>
  </si>
  <si>
    <t>17238848.0</t>
  </si>
  <si>
    <t>395.99</t>
  </si>
  <si>
    <t>46804.0</t>
  </si>
  <si>
    <t>17267129.0</t>
  </si>
  <si>
    <t>396.639</t>
  </si>
  <si>
    <t>45840.0</t>
  </si>
  <si>
    <t>27350.0</t>
  </si>
  <si>
    <t>17296465.0</t>
  </si>
  <si>
    <t>397.313</t>
  </si>
  <si>
    <t>25345.0</t>
  </si>
  <si>
    <t>15532626.0</t>
  </si>
  <si>
    <t>9194935.0</t>
  </si>
  <si>
    <t>6270286.0</t>
  </si>
  <si>
    <t>28628.0</t>
  </si>
  <si>
    <t>17324974.0</t>
  </si>
  <si>
    <t>397.968</t>
  </si>
  <si>
    <t>25811.0</t>
  </si>
  <si>
    <t>25180.0</t>
  </si>
  <si>
    <t>17374475.0</t>
  </si>
  <si>
    <t>399.105</t>
  </si>
  <si>
    <t>25879.0</t>
  </si>
  <si>
    <t>15622179.0</t>
  </si>
  <si>
    <t>9243489.0</t>
  </si>
  <si>
    <t>6306626.0</t>
  </si>
  <si>
    <t>24937.0</t>
  </si>
  <si>
    <t>26662.0</t>
  </si>
  <si>
    <t>0.2673</t>
  </si>
  <si>
    <t>15769592.0</t>
  </si>
  <si>
    <t>9325542.0</t>
  </si>
  <si>
    <t>6365752.0</t>
  </si>
  <si>
    <t>41593.0</t>
  </si>
  <si>
    <t>23478.0</t>
  </si>
  <si>
    <t>39665.0</t>
  </si>
  <si>
    <t>17508647.0</t>
  </si>
  <si>
    <t>402.187</t>
  </si>
  <si>
    <t>17534658.0</t>
  </si>
  <si>
    <t>26011.0</t>
  </si>
  <si>
    <t>402.785</t>
  </si>
  <si>
    <t>26419.0</t>
  </si>
  <si>
    <t>42762.0</t>
  </si>
  <si>
    <t>17553296.0</t>
  </si>
  <si>
    <t>403.213</t>
  </si>
  <si>
    <t>0.2619</t>
  </si>
  <si>
    <t>44310.0</t>
  </si>
  <si>
    <t>17571087.0</t>
  </si>
  <si>
    <t>403.621</t>
  </si>
  <si>
    <t>17595472.0</t>
  </si>
  <si>
    <t>404.181</t>
  </si>
  <si>
    <t>22743.0</t>
  </si>
  <si>
    <t>17621640.0</t>
  </si>
  <si>
    <t>404.783</t>
  </si>
  <si>
    <t>40689.0</t>
  </si>
  <si>
    <t>17646332.0</t>
  </si>
  <si>
    <t>24692.0</t>
  </si>
  <si>
    <t>405.35</t>
  </si>
  <si>
    <t>17670573.0</t>
  </si>
  <si>
    <t>24241.0</t>
  </si>
  <si>
    <t>405.907</t>
  </si>
  <si>
    <t>22124.0</t>
  </si>
  <si>
    <t>17708484.0</t>
  </si>
  <si>
    <t>406.777</t>
  </si>
  <si>
    <t>17724506.0</t>
  </si>
  <si>
    <t>16022.0</t>
  </si>
  <si>
    <t>407.145</t>
  </si>
  <si>
    <t>16257861.0</t>
  </si>
  <si>
    <t>9589248.0</t>
  </si>
  <si>
    <t>6570825.0</t>
  </si>
  <si>
    <t>17744750.0</t>
  </si>
  <si>
    <t>407.611</t>
  </si>
  <si>
    <t>21325.0</t>
  </si>
  <si>
    <t>40809.0</t>
  </si>
  <si>
    <t>17766825.0</t>
  </si>
  <si>
    <t>408.118</t>
  </si>
  <si>
    <t>40929.0</t>
  </si>
  <si>
    <t>17787528.0</t>
  </si>
  <si>
    <t>408.593</t>
  </si>
  <si>
    <t>20171.0</t>
  </si>
  <si>
    <t>41049.0</t>
  </si>
  <si>
    <t>22316.0</t>
  </si>
  <si>
    <t>41289.0</t>
  </si>
  <si>
    <t>22542.0</t>
  </si>
  <si>
    <t>16507035.0</t>
  </si>
  <si>
    <t>9725861.0</t>
  </si>
  <si>
    <t>6673946.0</t>
  </si>
  <si>
    <t>41409.0</t>
  </si>
  <si>
    <t>22550.0</t>
  </si>
  <si>
    <t>41048.0</t>
  </si>
  <si>
    <t>22331.0</t>
  </si>
  <si>
    <t>17887384.0</t>
  </si>
  <si>
    <t>410.887</t>
  </si>
  <si>
    <t>17223.0</t>
  </si>
  <si>
    <t>40566.0</t>
  </si>
  <si>
    <t>40326.0</t>
  </si>
  <si>
    <t>17948826.0</t>
  </si>
  <si>
    <t>412.298</t>
  </si>
  <si>
    <t>15910.0</t>
  </si>
  <si>
    <t>16785945.0</t>
  </si>
  <si>
    <t>9874526.0</t>
  </si>
  <si>
    <t>6791628.0</t>
  </si>
  <si>
    <t>38807.0</t>
  </si>
  <si>
    <t>14555.0</t>
  </si>
  <si>
    <t>34656.0</t>
  </si>
  <si>
    <t>17014009.0</t>
  </si>
  <si>
    <t>9992944.0</t>
  </si>
  <si>
    <t>6892020.0</t>
  </si>
  <si>
    <t>32581.0</t>
  </si>
  <si>
    <t>16917.0</t>
  </si>
  <si>
    <t>33513.0</t>
  </si>
  <si>
    <t>17483.0</t>
  </si>
  <si>
    <t>34444.0</t>
  </si>
  <si>
    <t>35376.0</t>
  </si>
  <si>
    <t>18137544.0</t>
  </si>
  <si>
    <t>416.633</t>
  </si>
  <si>
    <t>35842.0</t>
  </si>
  <si>
    <t>18900.0</t>
  </si>
  <si>
    <t>17372433.0</t>
  </si>
  <si>
    <t>10181944.0</t>
  </si>
  <si>
    <t>7047956.0</t>
  </si>
  <si>
    <t>29292.0</t>
  </si>
  <si>
    <t>15339.0</t>
  </si>
  <si>
    <t>27109.0</t>
  </si>
  <si>
    <t>24925.0</t>
  </si>
  <si>
    <t>20559.0</t>
  </si>
  <si>
    <t>17536902.0</t>
  </si>
  <si>
    <t>10266670.0</t>
  </si>
  <si>
    <t>7121524.0</t>
  </si>
  <si>
    <t>148708.0</t>
  </si>
  <si>
    <t>21554.0</t>
  </si>
  <si>
    <t>21754.0</t>
  </si>
  <si>
    <t>21953.0</t>
  </si>
  <si>
    <t>17778382.0</t>
  </si>
  <si>
    <t>10379529.0</t>
  </si>
  <si>
    <t>7241775.0</t>
  </si>
  <si>
    <t>157078.0</t>
  </si>
  <si>
    <t>20650.0</t>
  </si>
  <si>
    <t>15440.0</t>
  </si>
  <si>
    <t>17906725.0</t>
  </si>
  <si>
    <t>10441615.0</t>
  </si>
  <si>
    <t>7303520.0</t>
  </si>
  <si>
    <t>161590.0</t>
  </si>
  <si>
    <t>17943392.0</t>
  </si>
  <si>
    <t>10459618.0</t>
  </si>
  <si>
    <t>7320887.0</t>
  </si>
  <si>
    <t>162887.0</t>
  </si>
  <si>
    <t>18043543.0</t>
  </si>
  <si>
    <t>10508816.0</t>
  </si>
  <si>
    <t>7368544.0</t>
  </si>
  <si>
    <t>166183.0</t>
  </si>
  <si>
    <t>18060386.0</t>
  </si>
  <si>
    <t>10517211.0</t>
  </si>
  <si>
    <t>7376481.0</t>
  </si>
  <si>
    <t>166694.0</t>
  </si>
  <si>
    <t>16843.0</t>
  </si>
  <si>
    <t>96.1</t>
  </si>
  <si>
    <t>18118688.0</t>
  </si>
  <si>
    <t>10545713.0</t>
  </si>
  <si>
    <t>7403714.0</t>
  </si>
  <si>
    <t>192.9</t>
  </si>
  <si>
    <t>18142685.0</t>
  </si>
  <si>
    <t>10557921.0</t>
  </si>
  <si>
    <t>7414628.0</t>
  </si>
  <si>
    <t>170136.0</t>
  </si>
  <si>
    <t>18190992.0</t>
  </si>
  <si>
    <t>10580198.0</t>
  </si>
  <si>
    <t>7438208.0</t>
  </si>
  <si>
    <t>172586.0</t>
  </si>
  <si>
    <t>18279217.0</t>
  </si>
  <si>
    <t>10629608.0</t>
  </si>
  <si>
    <t>7473223.0</t>
  </si>
  <si>
    <t>176386.0</t>
  </si>
  <si>
    <t>19002710.0</t>
  </si>
  <si>
    <t>436.507</t>
  </si>
  <si>
    <t>18353783.0</t>
  </si>
  <si>
    <t>10674521.0</t>
  </si>
  <si>
    <t>7498791.0</t>
  </si>
  <si>
    <t>180471.0</t>
  </si>
  <si>
    <t>10549.0</t>
  </si>
  <si>
    <t>18528750.0</t>
  </si>
  <si>
    <t>10774774.0</t>
  </si>
  <si>
    <t>7566054.0</t>
  </si>
  <si>
    <t>187922.0</t>
  </si>
  <si>
    <t>18589241.0</t>
  </si>
  <si>
    <t>10808075.0</t>
  </si>
  <si>
    <t>7590536.0</t>
  </si>
  <si>
    <t>18636865.0</t>
  </si>
  <si>
    <t>10833447.0</t>
  </si>
  <si>
    <t>7609777.0</t>
  </si>
  <si>
    <t>193641.0</t>
  </si>
  <si>
    <t>18785269.0</t>
  </si>
  <si>
    <t>10913964.0</t>
  </si>
  <si>
    <t>7664049.0</t>
  </si>
  <si>
    <t>12447.0</t>
  </si>
  <si>
    <t>18904252.0</t>
  </si>
  <si>
    <t>10973556.0</t>
  </si>
  <si>
    <t>7711659.0</t>
  </si>
  <si>
    <t>219037.0</t>
  </si>
  <si>
    <t>8890.0</t>
  </si>
  <si>
    <t>18929174.0</t>
  </si>
  <si>
    <t>10985871.0</t>
  </si>
  <si>
    <t>7722021.0</t>
  </si>
  <si>
    <t>221282.0</t>
  </si>
  <si>
    <t>18982116.0</t>
  </si>
  <si>
    <t>11014427.0</t>
  </si>
  <si>
    <t>7741261.0</t>
  </si>
  <si>
    <t>226428.0</t>
  </si>
  <si>
    <t>19000211.0</t>
  </si>
  <si>
    <t>11023788.0</t>
  </si>
  <si>
    <t>7748631.0</t>
  </si>
  <si>
    <t>227792.0</t>
  </si>
  <si>
    <t>19097435.0</t>
  </si>
  <si>
    <t>11074649.0</t>
  </si>
  <si>
    <t>7787328.0</t>
  </si>
  <si>
    <t>235458.0</t>
  </si>
  <si>
    <t>19146869.0</t>
  </si>
  <si>
    <t>11100960.0</t>
  </si>
  <si>
    <t>7806041.0</t>
  </si>
  <si>
    <t>239868.0</t>
  </si>
  <si>
    <t>19165091.0</t>
  </si>
  <si>
    <t>11110310.0</t>
  </si>
  <si>
    <t>7813138.0</t>
  </si>
  <si>
    <t>241643.0</t>
  </si>
  <si>
    <t>43.07</t>
  </si>
  <si>
    <t>19181396.0</t>
  </si>
  <si>
    <t>11119389.0</t>
  </si>
  <si>
    <t>7819285.0</t>
  </si>
  <si>
    <t>242722.0</t>
  </si>
  <si>
    <t>19264920.0</t>
  </si>
  <si>
    <t>11163251.0</t>
  </si>
  <si>
    <t>7852141.0</t>
  </si>
  <si>
    <t>249528.0</t>
  </si>
  <si>
    <t>19299829.0</t>
  </si>
  <si>
    <t>11181117.0</t>
  </si>
  <si>
    <t>7866129.0</t>
  </si>
  <si>
    <t>252583.0</t>
  </si>
  <si>
    <t>19394050.0</t>
  </si>
  <si>
    <t>11234347.0</t>
  </si>
  <si>
    <t>7899315.0</t>
  </si>
  <si>
    <t>260388.0</t>
  </si>
  <si>
    <t>19444970.0</t>
  </si>
  <si>
    <t>11265168.0</t>
  </si>
  <si>
    <t>7914345.0</t>
  </si>
  <si>
    <t>265457.0</t>
  </si>
  <si>
    <t>19467872.0</t>
  </si>
  <si>
    <t>11281293.0</t>
  </si>
  <si>
    <t>7919146.0</t>
  </si>
  <si>
    <t>267433.0</t>
  </si>
  <si>
    <t>19507805.0</t>
  </si>
  <si>
    <t>11308015.0</t>
  </si>
  <si>
    <t>7929669.0</t>
  </si>
  <si>
    <t>270121.0</t>
  </si>
  <si>
    <t>19534812.0</t>
  </si>
  <si>
    <t>11323818.0</t>
  </si>
  <si>
    <t>7938409.0</t>
  </si>
  <si>
    <t>272585.0</t>
  </si>
  <si>
    <t>19552980.0</t>
  </si>
  <si>
    <t>11332925.0</t>
  </si>
  <si>
    <t>7944775.0</t>
  </si>
  <si>
    <t>275280.0</t>
  </si>
  <si>
    <t>IRL</t>
  </si>
  <si>
    <t>Ireland</t>
  </si>
  <si>
    <t>-412.2</t>
  </si>
  <si>
    <t>-82.0607480468268</t>
  </si>
  <si>
    <t>7.565</t>
  </si>
  <si>
    <t>13.537</t>
  </si>
  <si>
    <t>23653.0</t>
  </si>
  <si>
    <t>27475.0</t>
  </si>
  <si>
    <t>-384.0</t>
  </si>
  <si>
    <t>-4.31</t>
  </si>
  <si>
    <t>-76.4466939591982</t>
  </si>
  <si>
    <t>130.596</t>
  </si>
  <si>
    <t>32809.0</t>
  </si>
  <si>
    <t>6.976</t>
  </si>
  <si>
    <t>38490.0</t>
  </si>
  <si>
    <t>41321.0</t>
  </si>
  <si>
    <t>166.63</t>
  </si>
  <si>
    <t>58506.0</t>
  </si>
  <si>
    <t>11.733</t>
  </si>
  <si>
    <t>164.241</t>
  </si>
  <si>
    <t>65465.0</t>
  </si>
  <si>
    <t>6959.0</t>
  </si>
  <si>
    <t>9.388</t>
  </si>
  <si>
    <t>78177.0</t>
  </si>
  <si>
    <t>15.678</t>
  </si>
  <si>
    <t>86604.0</t>
  </si>
  <si>
    <t>17.368</t>
  </si>
  <si>
    <t>90879.0</t>
  </si>
  <si>
    <t>18.225</t>
  </si>
  <si>
    <t>175.389</t>
  </si>
  <si>
    <t>97559.0</t>
  </si>
  <si>
    <t>19.565</t>
  </si>
  <si>
    <t>101870.0</t>
  </si>
  <si>
    <t>20.429</t>
  </si>
  <si>
    <t>104123.0</t>
  </si>
  <si>
    <t>11.785</t>
  </si>
  <si>
    <t>106436.0</t>
  </si>
  <si>
    <t>21.671</t>
  </si>
  <si>
    <t>111819.0</t>
  </si>
  <si>
    <t>22.424</t>
  </si>
  <si>
    <t>117182.0</t>
  </si>
  <si>
    <t>122053.0</t>
  </si>
  <si>
    <t>24.477</t>
  </si>
  <si>
    <t>127633.0</t>
  </si>
  <si>
    <t>25.596</t>
  </si>
  <si>
    <t>146.523</t>
  </si>
  <si>
    <t>133265.0</t>
  </si>
  <si>
    <t>26.725</t>
  </si>
  <si>
    <t>8.989</t>
  </si>
  <si>
    <t>141863.0</t>
  </si>
  <si>
    <t>28.449</t>
  </si>
  <si>
    <t>23.292</t>
  </si>
  <si>
    <t>29.472</t>
  </si>
  <si>
    <t>153269.0</t>
  </si>
  <si>
    <t>30.737</t>
  </si>
  <si>
    <t>161428.0</t>
  </si>
  <si>
    <t>32.373</t>
  </si>
  <si>
    <t>169646.0</t>
  </si>
  <si>
    <t>34.021</t>
  </si>
  <si>
    <t>108.299483108864</t>
  </si>
  <si>
    <t>19.709</t>
  </si>
  <si>
    <t>177097.0</t>
  </si>
  <si>
    <t>35.515</t>
  </si>
  <si>
    <t>189173.0</t>
  </si>
  <si>
    <t>37.937</t>
  </si>
  <si>
    <t>52.134</t>
  </si>
  <si>
    <t>198972.0</t>
  </si>
  <si>
    <t>39.902</t>
  </si>
  <si>
    <t>207589.0</t>
  </si>
  <si>
    <t>215101.0</t>
  </si>
  <si>
    <t>43.136</t>
  </si>
  <si>
    <t>222916.0</t>
  </si>
  <si>
    <t>7815.0</t>
  </si>
  <si>
    <t>44.704</t>
  </si>
  <si>
    <t>228619.0</t>
  </si>
  <si>
    <t>45.847</t>
  </si>
  <si>
    <t>233592.0</t>
  </si>
  <si>
    <t>46.845</t>
  </si>
  <si>
    <t>241249.0</t>
  </si>
  <si>
    <t>32.359</t>
  </si>
  <si>
    <t>247766.0</t>
  </si>
  <si>
    <t>49.687</t>
  </si>
  <si>
    <t>13.737</t>
  </si>
  <si>
    <t>253140.0</t>
  </si>
  <si>
    <t>50.765</t>
  </si>
  <si>
    <t>259278.0</t>
  </si>
  <si>
    <t>51.996</t>
  </si>
  <si>
    <t>263952.0</t>
  </si>
  <si>
    <t>52.933</t>
  </si>
  <si>
    <t>270162.0</t>
  </si>
  <si>
    <t>54.178</t>
  </si>
  <si>
    <t>11.148</t>
  </si>
  <si>
    <t>275861.0</t>
  </si>
  <si>
    <t>55.321</t>
  </si>
  <si>
    <t>282195.0</t>
  </si>
  <si>
    <t>56.592</t>
  </si>
  <si>
    <t>288652.0</t>
  </si>
  <si>
    <t>57.886</t>
  </si>
  <si>
    <t>292616.0</t>
  </si>
  <si>
    <t>58.681</t>
  </si>
  <si>
    <t>295894.0</t>
  </si>
  <si>
    <t>59.339</t>
  </si>
  <si>
    <t>300658.0</t>
  </si>
  <si>
    <t>60.294</t>
  </si>
  <si>
    <t>305932.0</t>
  </si>
  <si>
    <t>61.352</t>
  </si>
  <si>
    <t>311305.0</t>
  </si>
  <si>
    <t>62.429</t>
  </si>
  <si>
    <t>315581.0</t>
  </si>
  <si>
    <t>63.287</t>
  </si>
  <si>
    <t>319090.0</t>
  </si>
  <si>
    <t>322619.0</t>
  </si>
  <si>
    <t>64.698</t>
  </si>
  <si>
    <t>57.136</t>
  </si>
  <si>
    <t>326134.0</t>
  </si>
  <si>
    <t>65.403</t>
  </si>
  <si>
    <t>329571.0</t>
  </si>
  <si>
    <t>333382.0</t>
  </si>
  <si>
    <t>66.857</t>
  </si>
  <si>
    <t>337746.0</t>
  </si>
  <si>
    <t>67.732</t>
  </si>
  <si>
    <t>341169.0</t>
  </si>
  <si>
    <t>344643.0</t>
  </si>
  <si>
    <t>69.115</t>
  </si>
  <si>
    <t>667.8</t>
  </si>
  <si>
    <t>132.945578713418</t>
  </si>
  <si>
    <t>7.366</t>
  </si>
  <si>
    <t>69.573</t>
  </si>
  <si>
    <t>348755.0</t>
  </si>
  <si>
    <t>69.939</t>
  </si>
  <si>
    <t>351241.0</t>
  </si>
  <si>
    <t>71.059</t>
  </si>
  <si>
    <t>357574.0</t>
  </si>
  <si>
    <t>71.708</t>
  </si>
  <si>
    <t>360680.0</t>
  </si>
  <si>
    <t>72.331</t>
  </si>
  <si>
    <t>363508.0</t>
  </si>
  <si>
    <t>72.898</t>
  </si>
  <si>
    <t>365468.0</t>
  </si>
  <si>
    <t>73.291</t>
  </si>
  <si>
    <t>367823.0</t>
  </si>
  <si>
    <t>73.763</t>
  </si>
  <si>
    <t>370498.0</t>
  </si>
  <si>
    <t>374738.0</t>
  </si>
  <si>
    <t>15.727</t>
  </si>
  <si>
    <t>377747.0</t>
  </si>
  <si>
    <t>75.754</t>
  </si>
  <si>
    <t>380459.0</t>
  </si>
  <si>
    <t>76.297</t>
  </si>
  <si>
    <t>382971.0</t>
  </si>
  <si>
    <t>76.801</t>
  </si>
  <si>
    <t>15.528</t>
  </si>
  <si>
    <t>384685.0</t>
  </si>
  <si>
    <t>77.145</t>
  </si>
  <si>
    <t>386797.0</t>
  </si>
  <si>
    <t>77.568</t>
  </si>
  <si>
    <t>390217.0</t>
  </si>
  <si>
    <t>78.254</t>
  </si>
  <si>
    <t>393576.0</t>
  </si>
  <si>
    <t>78.928</t>
  </si>
  <si>
    <t>396737.0</t>
  </si>
  <si>
    <t>79.562</t>
  </si>
  <si>
    <t>399461.0</t>
  </si>
  <si>
    <t>80.108</t>
  </si>
  <si>
    <t>401620.0</t>
  </si>
  <si>
    <t>80.541</t>
  </si>
  <si>
    <t>403118.0</t>
  </si>
  <si>
    <t>80.841</t>
  </si>
  <si>
    <t>7.963</t>
  </si>
  <si>
    <t>405234.0</t>
  </si>
  <si>
    <t>81.266</t>
  </si>
  <si>
    <t>408486.0</t>
  </si>
  <si>
    <t>81.918</t>
  </si>
  <si>
    <t>411469.0</t>
  </si>
  <si>
    <t>415158.0</t>
  </si>
  <si>
    <t>419165.0</t>
  </si>
  <si>
    <t>421889.0</t>
  </si>
  <si>
    <t>84.606</t>
  </si>
  <si>
    <t>425229.0</t>
  </si>
  <si>
    <t>85.276</t>
  </si>
  <si>
    <t>429820.0</t>
  </si>
  <si>
    <t>541.2</t>
  </si>
  <si>
    <t>-5.38</t>
  </si>
  <si>
    <t>107.742059298745</t>
  </si>
  <si>
    <t>434371.0</t>
  </si>
  <si>
    <t>87.109</t>
  </si>
  <si>
    <t>438163.0</t>
  </si>
  <si>
    <t>87.869</t>
  </si>
  <si>
    <t>446212.0</t>
  </si>
  <si>
    <t>89.484</t>
  </si>
  <si>
    <t>454524.0</t>
  </si>
  <si>
    <t>461524.0</t>
  </si>
  <si>
    <t>92.554</t>
  </si>
  <si>
    <t>468053.0</t>
  </si>
  <si>
    <t>474214.0</t>
  </si>
  <si>
    <t>95.099</t>
  </si>
  <si>
    <t>478575.0</t>
  </si>
  <si>
    <t>95.974</t>
  </si>
  <si>
    <t>482520.0</t>
  </si>
  <si>
    <t>96.765</t>
  </si>
  <si>
    <t>491850.0</t>
  </si>
  <si>
    <t>500779.0</t>
  </si>
  <si>
    <t>100.426</t>
  </si>
  <si>
    <t>509496.0</t>
  </si>
  <si>
    <t>102.175</t>
  </si>
  <si>
    <t>517160.0</t>
  </si>
  <si>
    <t>103.711</t>
  </si>
  <si>
    <t>523560.0</t>
  </si>
  <si>
    <t>527947.0</t>
  </si>
  <si>
    <t>105.875</t>
  </si>
  <si>
    <t>532263.0</t>
  </si>
  <si>
    <t>106.74</t>
  </si>
  <si>
    <t>541775.0</t>
  </si>
  <si>
    <t>108.648</t>
  </si>
  <si>
    <t>551018.0</t>
  </si>
  <si>
    <t>110.501</t>
  </si>
  <si>
    <t>559648.0</t>
  </si>
  <si>
    <t>112.232</t>
  </si>
  <si>
    <t>568063.0</t>
  </si>
  <si>
    <t>574737.0</t>
  </si>
  <si>
    <t>115.258</t>
  </si>
  <si>
    <t>579356.0</t>
  </si>
  <si>
    <t>116.184</t>
  </si>
  <si>
    <t>583423.0</t>
  </si>
  <si>
    <t>592403.0</t>
  </si>
  <si>
    <t>118.801</t>
  </si>
  <si>
    <t>601291.0</t>
  </si>
  <si>
    <t>120.583</t>
  </si>
  <si>
    <t>609307.0</t>
  </si>
  <si>
    <t>122.191</t>
  </si>
  <si>
    <t>615111.0</t>
  </si>
  <si>
    <t>123.355</t>
  </si>
  <si>
    <t>620076.0</t>
  </si>
  <si>
    <t>124.35</t>
  </si>
  <si>
    <t>624816.0</t>
  </si>
  <si>
    <t>629199.0</t>
  </si>
  <si>
    <t>633055.0</t>
  </si>
  <si>
    <t>126.953</t>
  </si>
  <si>
    <t>489.6</t>
  </si>
  <si>
    <t>97.4695347979777</t>
  </si>
  <si>
    <t>636361.0</t>
  </si>
  <si>
    <t>127.616</t>
  </si>
  <si>
    <t>639492.0</t>
  </si>
  <si>
    <t>128.244</t>
  </si>
  <si>
    <t>642533.0</t>
  </si>
  <si>
    <t>128.854</t>
  </si>
  <si>
    <t>644524.0</t>
  </si>
  <si>
    <t>648285.0</t>
  </si>
  <si>
    <t>130.007</t>
  </si>
  <si>
    <t>653118.0</t>
  </si>
  <si>
    <t>130.977</t>
  </si>
  <si>
    <t>658098.0</t>
  </si>
  <si>
    <t>131.975</t>
  </si>
  <si>
    <t>662978.0</t>
  </si>
  <si>
    <t>667085.0</t>
  </si>
  <si>
    <t>133.778</t>
  </si>
  <si>
    <t>670959.0</t>
  </si>
  <si>
    <t>134.554</t>
  </si>
  <si>
    <t>674985.0</t>
  </si>
  <si>
    <t>135.362</t>
  </si>
  <si>
    <t>680828.0</t>
  </si>
  <si>
    <t>136.534</t>
  </si>
  <si>
    <t>687900.0</t>
  </si>
  <si>
    <t>137.952</t>
  </si>
  <si>
    <t>699237.0</t>
  </si>
  <si>
    <t>140.225</t>
  </si>
  <si>
    <t>709890.0</t>
  </si>
  <si>
    <t>142.362</t>
  </si>
  <si>
    <t>720242.0</t>
  </si>
  <si>
    <t>725775.0</t>
  </si>
  <si>
    <t>145.547</t>
  </si>
  <si>
    <t>730114.0</t>
  </si>
  <si>
    <t>146.417</t>
  </si>
  <si>
    <t>736306.0</t>
  </si>
  <si>
    <t>147.659</t>
  </si>
  <si>
    <t>747722.0</t>
  </si>
  <si>
    <t>149.948</t>
  </si>
  <si>
    <t>760802.0</t>
  </si>
  <si>
    <t>152.572</t>
  </si>
  <si>
    <t>767560.0</t>
  </si>
  <si>
    <t>153.927</t>
  </si>
  <si>
    <t>772998.0</t>
  </si>
  <si>
    <t>155.017</t>
  </si>
  <si>
    <t>777836.0</t>
  </si>
  <si>
    <t>155.988</t>
  </si>
  <si>
    <t>782851.0</t>
  </si>
  <si>
    <t>156.993</t>
  </si>
  <si>
    <t>790499.0</t>
  </si>
  <si>
    <t>158.527</t>
  </si>
  <si>
    <t>802773.0</t>
  </si>
  <si>
    <t>160.988</t>
  </si>
  <si>
    <t>815076.0</t>
  </si>
  <si>
    <t>163.456</t>
  </si>
  <si>
    <t>825016.0</t>
  </si>
  <si>
    <t>165.449</t>
  </si>
  <si>
    <t>830675.0</t>
  </si>
  <si>
    <t>840015.0</t>
  </si>
  <si>
    <t>168.457</t>
  </si>
  <si>
    <t>515.8</t>
  </si>
  <si>
    <t>102.685429021235</t>
  </si>
  <si>
    <t>169.438</t>
  </si>
  <si>
    <t>852208.0</t>
  </si>
  <si>
    <t>170.902</t>
  </si>
  <si>
    <t>864709.0</t>
  </si>
  <si>
    <t>173.409</t>
  </si>
  <si>
    <t>878773.0</t>
  </si>
  <si>
    <t>176.23</t>
  </si>
  <si>
    <t>890095.0</t>
  </si>
  <si>
    <t>900438.0</t>
  </si>
  <si>
    <t>180.574</t>
  </si>
  <si>
    <t>906691.0</t>
  </si>
  <si>
    <t>181.828</t>
  </si>
  <si>
    <t>913369.0</t>
  </si>
  <si>
    <t>183.167</t>
  </si>
  <si>
    <t>9780.0</t>
  </si>
  <si>
    <t>924118.0</t>
  </si>
  <si>
    <t>185.323</t>
  </si>
  <si>
    <t>936481.0</t>
  </si>
  <si>
    <t>2.056</t>
  </si>
  <si>
    <t>949554.0</t>
  </si>
  <si>
    <t>961784.0</t>
  </si>
  <si>
    <t>192.877</t>
  </si>
  <si>
    <t>6.991</t>
  </si>
  <si>
    <t>971599.0</t>
  </si>
  <si>
    <t>194.845</t>
  </si>
  <si>
    <t>981487.0</t>
  </si>
  <si>
    <t>196.828</t>
  </si>
  <si>
    <t>989607.0</t>
  </si>
  <si>
    <t>198.456</t>
  </si>
  <si>
    <t>1001848.0</t>
  </si>
  <si>
    <t>200.911</t>
  </si>
  <si>
    <t>1016511.0</t>
  </si>
  <si>
    <t>14663.0</t>
  </si>
  <si>
    <t>203.852</t>
  </si>
  <si>
    <t>1031017.0</t>
  </si>
  <si>
    <t>206.761</t>
  </si>
  <si>
    <t>1045397.0</t>
  </si>
  <si>
    <t>1057535.0</t>
  </si>
  <si>
    <t>12138.0</t>
  </si>
  <si>
    <t>212.079</t>
  </si>
  <si>
    <t>1067566.0</t>
  </si>
  <si>
    <t>214.09</t>
  </si>
  <si>
    <t>1080149.0</t>
  </si>
  <si>
    <t>216.614</t>
  </si>
  <si>
    <t>1092820.0</t>
  </si>
  <si>
    <t>219.155</t>
  </si>
  <si>
    <t>1107176.0</t>
  </si>
  <si>
    <t>222.034</t>
  </si>
  <si>
    <t>1121714.0</t>
  </si>
  <si>
    <t>224.949</t>
  </si>
  <si>
    <t>1133522.0</t>
  </si>
  <si>
    <t>227.317</t>
  </si>
  <si>
    <t>1145400.0</t>
  </si>
  <si>
    <t>229.699</t>
  </si>
  <si>
    <t>1155266.0</t>
  </si>
  <si>
    <t>231.678</t>
  </si>
  <si>
    <t>1167939.0</t>
  </si>
  <si>
    <t>234.219</t>
  </si>
  <si>
    <t>1181186.0</t>
  </si>
  <si>
    <t>236.876</t>
  </si>
  <si>
    <t>494.6</t>
  </si>
  <si>
    <t>-0.88</t>
  </si>
  <si>
    <t>98.4649344589047</t>
  </si>
  <si>
    <t>1195710.0</t>
  </si>
  <si>
    <t>239.788</t>
  </si>
  <si>
    <t>1208383.0</t>
  </si>
  <si>
    <t>1222004.0</t>
  </si>
  <si>
    <t>245.061</t>
  </si>
  <si>
    <t>1233299.0</t>
  </si>
  <si>
    <t>1245465.0</t>
  </si>
  <si>
    <t>12166.0</t>
  </si>
  <si>
    <t>249.766</t>
  </si>
  <si>
    <t>1257111.0</t>
  </si>
  <si>
    <t>1271653.0</t>
  </si>
  <si>
    <t>255.018</t>
  </si>
  <si>
    <t>4.977</t>
  </si>
  <si>
    <t>1287533.0</t>
  </si>
  <si>
    <t>258.202</t>
  </si>
  <si>
    <t>1304055.0</t>
  </si>
  <si>
    <t>261.516</t>
  </si>
  <si>
    <t>1319689.0</t>
  </si>
  <si>
    <t>15634.0</t>
  </si>
  <si>
    <t>264.651</t>
  </si>
  <si>
    <t>1327687.0</t>
  </si>
  <si>
    <t>266.255</t>
  </si>
  <si>
    <t>13484.0</t>
  </si>
  <si>
    <t>1341675.0</t>
  </si>
  <si>
    <t>269.06</t>
  </si>
  <si>
    <t>1356980.0</t>
  </si>
  <si>
    <t>15305.0</t>
  </si>
  <si>
    <t>272.129</t>
  </si>
  <si>
    <t>1373235.0</t>
  </si>
  <si>
    <t>275.389</t>
  </si>
  <si>
    <t>1386663.0</t>
  </si>
  <si>
    <t>278.082</t>
  </si>
  <si>
    <t>1404421.0</t>
  </si>
  <si>
    <t>281.643</t>
  </si>
  <si>
    <t>1423461.0</t>
  </si>
  <si>
    <t>285.461</t>
  </si>
  <si>
    <t>1439601.0</t>
  </si>
  <si>
    <t>288.698</t>
  </si>
  <si>
    <t>1453992.0</t>
  </si>
  <si>
    <t>291.584</t>
  </si>
  <si>
    <t>16045.0</t>
  </si>
  <si>
    <t>1468668.0</t>
  </si>
  <si>
    <t>294.527</t>
  </si>
  <si>
    <t>1485447.0</t>
  </si>
  <si>
    <t>297.892</t>
  </si>
  <si>
    <t>3.365</t>
  </si>
  <si>
    <t>1503281.0</t>
  </si>
  <si>
    <t>301.469</t>
  </si>
  <si>
    <t>1520993.0</t>
  </si>
  <si>
    <t>305.021</t>
  </si>
  <si>
    <t>16653.0</t>
  </si>
  <si>
    <t>1538899.0</t>
  </si>
  <si>
    <t>308.611</t>
  </si>
  <si>
    <t>16491.0</t>
  </si>
  <si>
    <t>1554671.0</t>
  </si>
  <si>
    <t>311.774</t>
  </si>
  <si>
    <t>16439.0</t>
  </si>
  <si>
    <t>1568935.0</t>
  </si>
  <si>
    <t>314.635</t>
  </si>
  <si>
    <t>1580370.0</t>
  </si>
  <si>
    <t>316.928</t>
  </si>
  <si>
    <t>1591540.0</t>
  </si>
  <si>
    <t>319.168</t>
  </si>
  <si>
    <t>1606856.0</t>
  </si>
  <si>
    <t>1620657.0</t>
  </si>
  <si>
    <t>325.007</t>
  </si>
  <si>
    <t>1634953.0</t>
  </si>
  <si>
    <t>327.874</t>
  </si>
  <si>
    <t>630.6</t>
  </si>
  <si>
    <t>125.539805236121</t>
  </si>
  <si>
    <t>24.769</t>
  </si>
  <si>
    <t>1646021.0</t>
  </si>
  <si>
    <t>330.094</t>
  </si>
  <si>
    <t>1657095.0</t>
  </si>
  <si>
    <t>332.315</t>
  </si>
  <si>
    <t>1667595.0</t>
  </si>
  <si>
    <t>334.42</t>
  </si>
  <si>
    <t>1680187.0</t>
  </si>
  <si>
    <t>336.945</t>
  </si>
  <si>
    <t>61.118</t>
  </si>
  <si>
    <t>1692033.0</t>
  </si>
  <si>
    <t>339.321</t>
  </si>
  <si>
    <t>58.729</t>
  </si>
  <si>
    <t>1703848.0</t>
  </si>
  <si>
    <t>341.69</t>
  </si>
  <si>
    <t>1716020.0</t>
  </si>
  <si>
    <t>344.131</t>
  </si>
  <si>
    <t>1725596.0</t>
  </si>
  <si>
    <t>346.052</t>
  </si>
  <si>
    <t>1735508.0</t>
  </si>
  <si>
    <t>348.039</t>
  </si>
  <si>
    <t>1745915.0</t>
  </si>
  <si>
    <t>350.127</t>
  </si>
  <si>
    <t>1756705.0</t>
  </si>
  <si>
    <t>352.29</t>
  </si>
  <si>
    <t>1769763.0</t>
  </si>
  <si>
    <t>354.909</t>
  </si>
  <si>
    <t>1781375.0</t>
  </si>
  <si>
    <t>11075.0</t>
  </si>
  <si>
    <t>1791176.0</t>
  </si>
  <si>
    <t>359.203</t>
  </si>
  <si>
    <t>1800360.0</t>
  </si>
  <si>
    <t>361.045</t>
  </si>
  <si>
    <t>1811466.0</t>
  </si>
  <si>
    <t>363.272</t>
  </si>
  <si>
    <t>1821443.0</t>
  </si>
  <si>
    <t>365.273</t>
  </si>
  <si>
    <t>1834005.0</t>
  </si>
  <si>
    <t>1846645.0</t>
  </si>
  <si>
    <t>370.327</t>
  </si>
  <si>
    <t>1859474.0</t>
  </si>
  <si>
    <t>12829.0</t>
  </si>
  <si>
    <t>372.9</t>
  </si>
  <si>
    <t>1869918.0</t>
  </si>
  <si>
    <t>374.994</t>
  </si>
  <si>
    <t>27.765</t>
  </si>
  <si>
    <t>1879481.0</t>
  </si>
  <si>
    <t>376.912</t>
  </si>
  <si>
    <t>1889315.0</t>
  </si>
  <si>
    <t>378.884</t>
  </si>
  <si>
    <t>1899404.0</t>
  </si>
  <si>
    <t>380.907</t>
  </si>
  <si>
    <t>1911846.0</t>
  </si>
  <si>
    <t>12442.0</t>
  </si>
  <si>
    <t>383.402</t>
  </si>
  <si>
    <t>1924302.0</t>
  </si>
  <si>
    <t>12456.0</t>
  </si>
  <si>
    <t>1935080.0</t>
  </si>
  <si>
    <t>388.062</t>
  </si>
  <si>
    <t>48.376</t>
  </si>
  <si>
    <t>1946419.0</t>
  </si>
  <si>
    <t>390.336</t>
  </si>
  <si>
    <t>1955862.0</t>
  </si>
  <si>
    <t>392.229</t>
  </si>
  <si>
    <t>1964919.0</t>
  </si>
  <si>
    <t>394.046</t>
  </si>
  <si>
    <t>603.6</t>
  </si>
  <si>
    <t>120.164647067115</t>
  </si>
  <si>
    <t>1974705.0</t>
  </si>
  <si>
    <t>396.008</t>
  </si>
  <si>
    <t>1986639.0</t>
  </si>
  <si>
    <t>398.401</t>
  </si>
  <si>
    <t>1998686.0</t>
  </si>
  <si>
    <t>12047.0</t>
  </si>
  <si>
    <t>400.817</t>
  </si>
  <si>
    <t>2010542.0</t>
  </si>
  <si>
    <t>403.195</t>
  </si>
  <si>
    <t>2021998.0</t>
  </si>
  <si>
    <t>405.492</t>
  </si>
  <si>
    <t>20.374</t>
  </si>
  <si>
    <t>2031411.0</t>
  </si>
  <si>
    <t>407.38</t>
  </si>
  <si>
    <t>2041034.0</t>
  </si>
  <si>
    <t>409.31</t>
  </si>
  <si>
    <t>2051458.0</t>
  </si>
  <si>
    <t>411.4</t>
  </si>
  <si>
    <t>2063661.0</t>
  </si>
  <si>
    <t>413.847</t>
  </si>
  <si>
    <t>2076349.0</t>
  </si>
  <si>
    <t>416.392</t>
  </si>
  <si>
    <t>2088967.0</t>
  </si>
  <si>
    <t>418.922</t>
  </si>
  <si>
    <t>2101817.0</t>
  </si>
  <si>
    <t>421.499</t>
  </si>
  <si>
    <t>38.223</t>
  </si>
  <si>
    <t>2112545.0</t>
  </si>
  <si>
    <t>423.651</t>
  </si>
  <si>
    <t>2122796.0</t>
  </si>
  <si>
    <t>425.706</t>
  </si>
  <si>
    <t>2133643.0</t>
  </si>
  <si>
    <t>427.882</t>
  </si>
  <si>
    <t>2146763.0</t>
  </si>
  <si>
    <t>430.513</t>
  </si>
  <si>
    <t>11872.0</t>
  </si>
  <si>
    <t>42.006</t>
  </si>
  <si>
    <t>2159982.0</t>
  </si>
  <si>
    <t>433.164</t>
  </si>
  <si>
    <t>2174075.0</t>
  </si>
  <si>
    <t>435.99</t>
  </si>
  <si>
    <t>2188016.0</t>
  </si>
  <si>
    <t>438.786</t>
  </si>
  <si>
    <t>2201474.0</t>
  </si>
  <si>
    <t>441.485</t>
  </si>
  <si>
    <t>2214278.0</t>
  </si>
  <si>
    <t>444.052</t>
  </si>
  <si>
    <t>2227503.0</t>
  </si>
  <si>
    <t>446.704</t>
  </si>
  <si>
    <t>2248165.0</t>
  </si>
  <si>
    <t>450.848</t>
  </si>
  <si>
    <t>2271041.0</t>
  </si>
  <si>
    <t>455.436</t>
  </si>
  <si>
    <t>2292464.0</t>
  </si>
  <si>
    <t>459.732</t>
  </si>
  <si>
    <t>2304463.0</t>
  </si>
  <si>
    <t>2307999.0</t>
  </si>
  <si>
    <t>462.847</t>
  </si>
  <si>
    <t>2317404.0</t>
  </si>
  <si>
    <t>464.733</t>
  </si>
  <si>
    <t>2331209.0</t>
  </si>
  <si>
    <t>467.502</t>
  </si>
  <si>
    <t>2348698.0</t>
  </si>
  <si>
    <t>471.009</t>
  </si>
  <si>
    <t>2375010.0</t>
  </si>
  <si>
    <t>26312.0</t>
  </si>
  <si>
    <t>476.285</t>
  </si>
  <si>
    <t>5.277</t>
  </si>
  <si>
    <t>428.6</t>
  </si>
  <si>
    <t>85.3256589346675</t>
  </si>
  <si>
    <t>2402399.0</t>
  </si>
  <si>
    <t>481.778</t>
  </si>
  <si>
    <t>2423245.0</t>
  </si>
  <si>
    <t>485.959</t>
  </si>
  <si>
    <t>16969.0</t>
  </si>
  <si>
    <t>2451788.0</t>
  </si>
  <si>
    <t>28543.0</t>
  </si>
  <si>
    <t>491.683</t>
  </si>
  <si>
    <t>2472359.0</t>
  </si>
  <si>
    <t>495.808</t>
  </si>
  <si>
    <t>2492267.0</t>
  </si>
  <si>
    <t>499.8</t>
  </si>
  <si>
    <t>2520637.0</t>
  </si>
  <si>
    <t>28370.0</t>
  </si>
  <si>
    <t>505.49</t>
  </si>
  <si>
    <t>5.689</t>
  </si>
  <si>
    <t>15931.0</t>
  </si>
  <si>
    <t>15870.0</t>
  </si>
  <si>
    <t>2549247.0</t>
  </si>
  <si>
    <t>28610.0</t>
  </si>
  <si>
    <t>511.227</t>
  </si>
  <si>
    <t>2576566.0</t>
  </si>
  <si>
    <t>516.706</t>
  </si>
  <si>
    <t>24881.0</t>
  </si>
  <si>
    <t>40378.0</t>
  </si>
  <si>
    <t>2606538.0</t>
  </si>
  <si>
    <t>522.716</t>
  </si>
  <si>
    <t>6.011</t>
  </si>
  <si>
    <t>48466.0</t>
  </si>
  <si>
    <t>2631023.0</t>
  </si>
  <si>
    <t>24485.0</t>
  </si>
  <si>
    <t>527.626</t>
  </si>
  <si>
    <t>53174.0</t>
  </si>
  <si>
    <t>2650817.0</t>
  </si>
  <si>
    <t>531.596</t>
  </si>
  <si>
    <t>5.113</t>
  </si>
  <si>
    <t>61624.0</t>
  </si>
  <si>
    <t>61528.0</t>
  </si>
  <si>
    <t>8362.0</t>
  </si>
  <si>
    <t>2669762.0</t>
  </si>
  <si>
    <t>535.395</t>
  </si>
  <si>
    <t>70538.0</t>
  </si>
  <si>
    <t>70427.0</t>
  </si>
  <si>
    <t>2694345.0</t>
  </si>
  <si>
    <t>540.325</t>
  </si>
  <si>
    <t>80446.0</t>
  </si>
  <si>
    <t>80330.0</t>
  </si>
  <si>
    <t>2722523.0</t>
  </si>
  <si>
    <t>28178.0</t>
  </si>
  <si>
    <t>545.976</t>
  </si>
  <si>
    <t>5.651</t>
  </si>
  <si>
    <t>24754.0</t>
  </si>
  <si>
    <t>88549.0</t>
  </si>
  <si>
    <t>88427.0</t>
  </si>
  <si>
    <t>2745356.0</t>
  </si>
  <si>
    <t>22833.0</t>
  </si>
  <si>
    <t>550.555</t>
  </si>
  <si>
    <t>96132.0</t>
  </si>
  <si>
    <t>2772019.0</t>
  </si>
  <si>
    <t>555.902</t>
  </si>
  <si>
    <t>101507.0</t>
  </si>
  <si>
    <t>101379.0</t>
  </si>
  <si>
    <t>2793460.0</t>
  </si>
  <si>
    <t>560.202</t>
  </si>
  <si>
    <t>4.654</t>
  </si>
  <si>
    <t>102630.0</t>
  </si>
  <si>
    <t>102497.0</t>
  </si>
  <si>
    <t>2811651.0</t>
  </si>
  <si>
    <t>563.85</t>
  </si>
  <si>
    <t>111369.0</t>
  </si>
  <si>
    <t>111227.0</t>
  </si>
  <si>
    <t>41.608</t>
  </si>
  <si>
    <t>2830923.0</t>
  </si>
  <si>
    <t>567.714</t>
  </si>
  <si>
    <t>119785.0</t>
  </si>
  <si>
    <t>119622.0</t>
  </si>
  <si>
    <t>2855219.0</t>
  </si>
  <si>
    <t>572.587</t>
  </si>
  <si>
    <t>22982.0</t>
  </si>
  <si>
    <t>129207.0</t>
  </si>
  <si>
    <t>128079.0</t>
  </si>
  <si>
    <t>2878415.0</t>
  </si>
  <si>
    <t>577.239</t>
  </si>
  <si>
    <t>139189.0</t>
  </si>
  <si>
    <t>137095.0</t>
  </si>
  <si>
    <t>2902604.0</t>
  </si>
  <si>
    <t>582.089</t>
  </si>
  <si>
    <t>4.851</t>
  </si>
  <si>
    <t>22464.0</t>
  </si>
  <si>
    <t>146950.0</t>
  </si>
  <si>
    <t>143886.0</t>
  </si>
  <si>
    <t>2924096.0</t>
  </si>
  <si>
    <t>586.399</t>
  </si>
  <si>
    <t>151612.0</t>
  </si>
  <si>
    <t>2943689.0</t>
  </si>
  <si>
    <t>590.329</t>
  </si>
  <si>
    <t>153198.0</t>
  </si>
  <si>
    <t>2958573.0</t>
  </si>
  <si>
    <t>593.313</t>
  </si>
  <si>
    <t>20989.0</t>
  </si>
  <si>
    <t>155866.0</t>
  </si>
  <si>
    <t>150648.0</t>
  </si>
  <si>
    <t>2975238.0</t>
  </si>
  <si>
    <t>596.655</t>
  </si>
  <si>
    <t>160385.0</t>
  </si>
  <si>
    <t>151660.0</t>
  </si>
  <si>
    <t>2997625.0</t>
  </si>
  <si>
    <t>22387.0</t>
  </si>
  <si>
    <t>601.145</t>
  </si>
  <si>
    <t>169283.0</t>
  </si>
  <si>
    <t>153849.0</t>
  </si>
  <si>
    <t>3019405.0</t>
  </si>
  <si>
    <t>605.513</t>
  </si>
  <si>
    <t>181852.0</t>
  </si>
  <si>
    <t>154874.0</t>
  </si>
  <si>
    <t>26983.0</t>
  </si>
  <si>
    <t>3041348.0</t>
  </si>
  <si>
    <t>609.913</t>
  </si>
  <si>
    <t>19821.0</t>
  </si>
  <si>
    <t>194969.0</t>
  </si>
  <si>
    <t>156465.0</t>
  </si>
  <si>
    <t>3062946.0</t>
  </si>
  <si>
    <t>614.244</t>
  </si>
  <si>
    <t>19836.0</t>
  </si>
  <si>
    <t>203419.0</t>
  </si>
  <si>
    <t>157120.0</t>
  </si>
  <si>
    <t>110.061</t>
  </si>
  <si>
    <t>3080595.0</t>
  </si>
  <si>
    <t>17649.0</t>
  </si>
  <si>
    <t>617.784</t>
  </si>
  <si>
    <t>207743.0</t>
  </si>
  <si>
    <t>157357.0</t>
  </si>
  <si>
    <t>50391.0</t>
  </si>
  <si>
    <t>1104.6</t>
  </si>
  <si>
    <t>219.903693092006</t>
  </si>
  <si>
    <t>3095642.0</t>
  </si>
  <si>
    <t>620.801</t>
  </si>
  <si>
    <t>19581.0</t>
  </si>
  <si>
    <t>217119.0</t>
  </si>
  <si>
    <t>158399.0</t>
  </si>
  <si>
    <t>9376.0</t>
  </si>
  <si>
    <t>3111971.0</t>
  </si>
  <si>
    <t>16329.0</t>
  </si>
  <si>
    <t>624.076</t>
  </si>
  <si>
    <t>19533.0</t>
  </si>
  <si>
    <t>223076.0</t>
  </si>
  <si>
    <t>3130413.0</t>
  </si>
  <si>
    <t>18442.0</t>
  </si>
  <si>
    <t>627.774</t>
  </si>
  <si>
    <t>160655.0</t>
  </si>
  <si>
    <t>70710.0</t>
  </si>
  <si>
    <t>3150627.0</t>
  </si>
  <si>
    <t>631.828</t>
  </si>
  <si>
    <t>243357.0</t>
  </si>
  <si>
    <t>81252.0</t>
  </si>
  <si>
    <t>3170905.0</t>
  </si>
  <si>
    <t>635.895</t>
  </si>
  <si>
    <t>255381.0</t>
  </si>
  <si>
    <t>165520.0</t>
  </si>
  <si>
    <t>89868.0</t>
  </si>
  <si>
    <t>3190402.0</t>
  </si>
  <si>
    <t>639.805</t>
  </si>
  <si>
    <t>260163.0</t>
  </si>
  <si>
    <t>166432.0</t>
  </si>
  <si>
    <t>93738.0</t>
  </si>
  <si>
    <t>239.493</t>
  </si>
  <si>
    <t>10.786</t>
  </si>
  <si>
    <t>3205779.0</t>
  </si>
  <si>
    <t>642.888</t>
  </si>
  <si>
    <t>261805.0</t>
  </si>
  <si>
    <t>166773.0</t>
  </si>
  <si>
    <t>95041.0</t>
  </si>
  <si>
    <t>3218476.0</t>
  </si>
  <si>
    <t>645.435</t>
  </si>
  <si>
    <t>263882.0</t>
  </si>
  <si>
    <t>167969.0</t>
  </si>
  <si>
    <t>3233602.0</t>
  </si>
  <si>
    <t>15126.0</t>
  </si>
  <si>
    <t>648.468</t>
  </si>
  <si>
    <t>268713.0</t>
  </si>
  <si>
    <t>172246.0</t>
  </si>
  <si>
    <t>96479.0</t>
  </si>
  <si>
    <t>3251815.0</t>
  </si>
  <si>
    <t>652.12</t>
  </si>
  <si>
    <t>17343.0</t>
  </si>
  <si>
    <t>278132.0</t>
  </si>
  <si>
    <t>181080.0</t>
  </si>
  <si>
    <t>97064.0</t>
  </si>
  <si>
    <t>3269187.0</t>
  </si>
  <si>
    <t>17372.0</t>
  </si>
  <si>
    <t>655.604</t>
  </si>
  <si>
    <t>284786.0</t>
  </si>
  <si>
    <t>97515.0</t>
  </si>
  <si>
    <t>3288028.0</t>
  </si>
  <si>
    <t>18841.0</t>
  </si>
  <si>
    <t>659.383</t>
  </si>
  <si>
    <t>289717.0</t>
  </si>
  <si>
    <t>191687.0</t>
  </si>
  <si>
    <t>98042.0</t>
  </si>
  <si>
    <t>3306202.0</t>
  </si>
  <si>
    <t>663.027</t>
  </si>
  <si>
    <t>292858.0</t>
  </si>
  <si>
    <t>192910.0</t>
  </si>
  <si>
    <t>99960.0</t>
  </si>
  <si>
    <t>3320652.0</t>
  </si>
  <si>
    <t>665.925</t>
  </si>
  <si>
    <t>295594.0</t>
  </si>
  <si>
    <t>99987.0</t>
  </si>
  <si>
    <t>3332104.0</t>
  </si>
  <si>
    <t>668.222</t>
  </si>
  <si>
    <t>305462.0</t>
  </si>
  <si>
    <t>197591.0</t>
  </si>
  <si>
    <t>107883.0</t>
  </si>
  <si>
    <t>3345223.0</t>
  </si>
  <si>
    <t>670.852</t>
  </si>
  <si>
    <t>15946.0</t>
  </si>
  <si>
    <t>319290.0</t>
  </si>
  <si>
    <t>203252.0</t>
  </si>
  <si>
    <t>116050.0</t>
  </si>
  <si>
    <t>165.435</t>
  </si>
  <si>
    <t>3362345.0</t>
  </si>
  <si>
    <t>674.286</t>
  </si>
  <si>
    <t>337516.0</t>
  </si>
  <si>
    <t>213012.0</t>
  </si>
  <si>
    <t>3378174.0</t>
  </si>
  <si>
    <t>677.46</t>
  </si>
  <si>
    <t>354352.0</t>
  </si>
  <si>
    <t>221488.0</t>
  </si>
  <si>
    <t>132877.0</t>
  </si>
  <si>
    <t>3395210.0</t>
  </si>
  <si>
    <t>680.877</t>
  </si>
  <si>
    <t>370346.0</t>
  </si>
  <si>
    <t>230890.0</t>
  </si>
  <si>
    <t>139471.0</t>
  </si>
  <si>
    <t>3410816.0</t>
  </si>
  <si>
    <t>684.006</t>
  </si>
  <si>
    <t>379828.0</t>
  </si>
  <si>
    <t>236791.0</t>
  </si>
  <si>
    <t>143054.0</t>
  </si>
  <si>
    <t>3425717.0</t>
  </si>
  <si>
    <t>686.995</t>
  </si>
  <si>
    <t>15009.0</t>
  </si>
  <si>
    <t>381977.0</t>
  </si>
  <si>
    <t>237915.0</t>
  </si>
  <si>
    <t>12340.0</t>
  </si>
  <si>
    <t>3437545.0</t>
  </si>
  <si>
    <t>11828.0</t>
  </si>
  <si>
    <t>689.367</t>
  </si>
  <si>
    <t>387058.0</t>
  </si>
  <si>
    <t>241871.0</t>
  </si>
  <si>
    <t>145212.0</t>
  </si>
  <si>
    <t>3451386.0</t>
  </si>
  <si>
    <t>13841.0</t>
  </si>
  <si>
    <t>692.142</t>
  </si>
  <si>
    <t>146287.0</t>
  </si>
  <si>
    <t>14447.0</t>
  </si>
  <si>
    <t>3467993.0</t>
  </si>
  <si>
    <t>16607.0</t>
  </si>
  <si>
    <t>695.473</t>
  </si>
  <si>
    <t>420572.0</t>
  </si>
  <si>
    <t>272201.0</t>
  </si>
  <si>
    <t>148403.0</t>
  </si>
  <si>
    <t>3486199.0</t>
  </si>
  <si>
    <t>699.124</t>
  </si>
  <si>
    <t>440451.0</t>
  </si>
  <si>
    <t>290314.0</t>
  </si>
  <si>
    <t>150172.0</t>
  </si>
  <si>
    <t>3505377.0</t>
  </si>
  <si>
    <t>702.97</t>
  </si>
  <si>
    <t>459324.0</t>
  </si>
  <si>
    <t>306410.0</t>
  </si>
  <si>
    <t>152950.0</t>
  </si>
  <si>
    <t>3523650.0</t>
  </si>
  <si>
    <t>18273.0</t>
  </si>
  <si>
    <t>706.634</t>
  </si>
  <si>
    <t>469040.0</t>
  </si>
  <si>
    <t>315420.0</t>
  </si>
  <si>
    <t>153657.0</t>
  </si>
  <si>
    <t>110.29</t>
  </si>
  <si>
    <t>3536752.0</t>
  </si>
  <si>
    <t>709.262</t>
  </si>
  <si>
    <t>317874.0</t>
  </si>
  <si>
    <t>12797.0</t>
  </si>
  <si>
    <t>1502.4</t>
  </si>
  <si>
    <t>299.097690115363</t>
  </si>
  <si>
    <t>3548962.0</t>
  </si>
  <si>
    <t>711.71</t>
  </si>
  <si>
    <t>477985.0</t>
  </si>
  <si>
    <t>323498.0</t>
  </si>
  <si>
    <t>154526.0</t>
  </si>
  <si>
    <t>22.894</t>
  </si>
  <si>
    <t>3560642.0</t>
  </si>
  <si>
    <t>714.053</t>
  </si>
  <si>
    <t>491813.0</t>
  </si>
  <si>
    <t>335706.0</t>
  </si>
  <si>
    <t>156146.0</t>
  </si>
  <si>
    <t>3575919.0</t>
  </si>
  <si>
    <t>15277.0</t>
  </si>
  <si>
    <t>717.116</t>
  </si>
  <si>
    <t>506247.0</t>
  </si>
  <si>
    <t>348627.0</t>
  </si>
  <si>
    <t>157660.0</t>
  </si>
  <si>
    <t>14434.0</t>
  </si>
  <si>
    <t>3590163.0</t>
  </si>
  <si>
    <t>719.973</t>
  </si>
  <si>
    <t>526690.0</t>
  </si>
  <si>
    <t>367373.0</t>
  </si>
  <si>
    <t>159362.0</t>
  </si>
  <si>
    <t>3606803.0</t>
  </si>
  <si>
    <t>723.31</t>
  </si>
  <si>
    <t>547572.0</t>
  </si>
  <si>
    <t>385850.0</t>
  </si>
  <si>
    <t>161773.0</t>
  </si>
  <si>
    <t>3620128.0</t>
  </si>
  <si>
    <t>725.982</t>
  </si>
  <si>
    <t>558137.0</t>
  </si>
  <si>
    <t>396267.0</t>
  </si>
  <si>
    <t>161926.0</t>
  </si>
  <si>
    <t>84.211</t>
  </si>
  <si>
    <t>6.791</t>
  </si>
  <si>
    <t>3633884.0</t>
  </si>
  <si>
    <t>728.741</t>
  </si>
  <si>
    <t>559695.0</t>
  </si>
  <si>
    <t>397808.0</t>
  </si>
  <si>
    <t>3644566.0</t>
  </si>
  <si>
    <t>730.883</t>
  </si>
  <si>
    <t>567894.0</t>
  </si>
  <si>
    <t>404497.0</t>
  </si>
  <si>
    <t>3658151.0</t>
  </si>
  <si>
    <t>733.607</t>
  </si>
  <si>
    <t>584869.0</t>
  </si>
  <si>
    <t>418359.0</t>
  </si>
  <si>
    <t>166581.0</t>
  </si>
  <si>
    <t>3673743.0</t>
  </si>
  <si>
    <t>736.734</t>
  </si>
  <si>
    <t>602634.0</t>
  </si>
  <si>
    <t>432121.0</t>
  </si>
  <si>
    <t>170587.0</t>
  </si>
  <si>
    <t>11928.0</t>
  </si>
  <si>
    <t>3689493.0</t>
  </si>
  <si>
    <t>739.892</t>
  </si>
  <si>
    <t>623251.0</t>
  </si>
  <si>
    <t>450630.0</t>
  </si>
  <si>
    <t>172699.0</t>
  </si>
  <si>
    <t>3705992.0</t>
  </si>
  <si>
    <t>743.201</t>
  </si>
  <si>
    <t>3.309</t>
  </si>
  <si>
    <t>641962.0</t>
  </si>
  <si>
    <t>467991.0</t>
  </si>
  <si>
    <t>174053.0</t>
  </si>
  <si>
    <t>16.922</t>
  </si>
  <si>
    <t>3722195.0</t>
  </si>
  <si>
    <t>16203.0</t>
  </si>
  <si>
    <t>746.451</t>
  </si>
  <si>
    <t>650478.0</t>
  </si>
  <si>
    <t>476325.0</t>
  </si>
  <si>
    <t>174235.0</t>
  </si>
  <si>
    <t>3735544.0</t>
  </si>
  <si>
    <t>749.128</t>
  </si>
  <si>
    <t>650899.0</t>
  </si>
  <si>
    <t>476723.0</t>
  </si>
  <si>
    <t>174260.0</t>
  </si>
  <si>
    <t>3746130.0</t>
  </si>
  <si>
    <t>751.25</t>
  </si>
  <si>
    <t>654580.0</t>
  </si>
  <si>
    <t>479400.0</t>
  </si>
  <si>
    <t>175264.0</t>
  </si>
  <si>
    <t>3757522.0</t>
  </si>
  <si>
    <t>11392.0</t>
  </si>
  <si>
    <t>753.535</t>
  </si>
  <si>
    <t>667387.0</t>
  </si>
  <si>
    <t>488376.0</t>
  </si>
  <si>
    <t>179097.0</t>
  </si>
  <si>
    <t>3773512.0</t>
  </si>
  <si>
    <t>756.742</t>
  </si>
  <si>
    <t>674727.0</t>
  </si>
  <si>
    <t>493288.0</t>
  </si>
  <si>
    <t>181532.0</t>
  </si>
  <si>
    <t>3787026.0</t>
  </si>
  <si>
    <t>759.452</t>
  </si>
  <si>
    <t>691173.0</t>
  </si>
  <si>
    <t>505044.0</t>
  </si>
  <si>
    <t>186229.0</t>
  </si>
  <si>
    <t>3799968.0</t>
  </si>
  <si>
    <t>762.047</t>
  </si>
  <si>
    <t>707710.0</t>
  </si>
  <si>
    <t>515439.0</t>
  </si>
  <si>
    <t>192373.0</t>
  </si>
  <si>
    <t>65.298</t>
  </si>
  <si>
    <t>3816589.0</t>
  </si>
  <si>
    <t>765.38</t>
  </si>
  <si>
    <t>716102.0</t>
  </si>
  <si>
    <t>520702.0</t>
  </si>
  <si>
    <t>195506.0</t>
  </si>
  <si>
    <t>3831471.0</t>
  </si>
  <si>
    <t>768.365</t>
  </si>
  <si>
    <t>719821.0</t>
  </si>
  <si>
    <t>524362.0</t>
  </si>
  <si>
    <t>195568.0</t>
  </si>
  <si>
    <t>3844193.0</t>
  </si>
  <si>
    <t>770.916</t>
  </si>
  <si>
    <t>729672.0</t>
  </si>
  <si>
    <t>531796.0</t>
  </si>
  <si>
    <t>197986.0</t>
  </si>
  <si>
    <t>71.072</t>
  </si>
  <si>
    <t>3859237.0</t>
  </si>
  <si>
    <t>773.933</t>
  </si>
  <si>
    <t>749669.0</t>
  </si>
  <si>
    <t>544383.0</t>
  </si>
  <si>
    <t>205400.0</t>
  </si>
  <si>
    <t>14.931</t>
  </si>
  <si>
    <t>3879349.0</t>
  </si>
  <si>
    <t>777.966</t>
  </si>
  <si>
    <t>773104.0</t>
  </si>
  <si>
    <t>558032.0</t>
  </si>
  <si>
    <t>215188.0</t>
  </si>
  <si>
    <t>3897328.0</t>
  </si>
  <si>
    <t>781.572</t>
  </si>
  <si>
    <t>15757.0</t>
  </si>
  <si>
    <t>804230.0</t>
  </si>
  <si>
    <t>578926.0</t>
  </si>
  <si>
    <t>225423.0</t>
  </si>
  <si>
    <t>16151.0</t>
  </si>
  <si>
    <t>63.108</t>
  </si>
  <si>
    <t>3915819.0</t>
  </si>
  <si>
    <t>785.28</t>
  </si>
  <si>
    <t>833458.0</t>
  </si>
  <si>
    <t>598643.0</t>
  </si>
  <si>
    <t>234935.0</t>
  </si>
  <si>
    <t>3936953.0</t>
  </si>
  <si>
    <t>789.518</t>
  </si>
  <si>
    <t>850591.0</t>
  </si>
  <si>
    <t>610413.0</t>
  </si>
  <si>
    <t>240301.0</t>
  </si>
  <si>
    <t>3956572.0</t>
  </si>
  <si>
    <t>19619.0</t>
  </si>
  <si>
    <t>793.453</t>
  </si>
  <si>
    <t>13.936</t>
  </si>
  <si>
    <t>3970079.0</t>
  </si>
  <si>
    <t>796.161</t>
  </si>
  <si>
    <t>888036.0</t>
  </si>
  <si>
    <t>635561.0</t>
  </si>
  <si>
    <t>252605.0</t>
  </si>
  <si>
    <t>3985036.0</t>
  </si>
  <si>
    <t>799.161</t>
  </si>
  <si>
    <t>17971.0</t>
  </si>
  <si>
    <t>914408.0</t>
  </si>
  <si>
    <t>651420.0</t>
  </si>
  <si>
    <t>263122.0</t>
  </si>
  <si>
    <t>4006188.0</t>
  </si>
  <si>
    <t>803.403</t>
  </si>
  <si>
    <t>945733.0</t>
  </si>
  <si>
    <t>671155.0</t>
  </si>
  <si>
    <t>274721.0</t>
  </si>
  <si>
    <t>31325.0</t>
  </si>
  <si>
    <t>1274.6</t>
  </si>
  <si>
    <t>253.747281563526</t>
  </si>
  <si>
    <t>4025723.0</t>
  </si>
  <si>
    <t>807.32</t>
  </si>
  <si>
    <t>18342.0</t>
  </si>
  <si>
    <t>979635.0</t>
  </si>
  <si>
    <t>691328.0</t>
  </si>
  <si>
    <t>288459.0</t>
  </si>
  <si>
    <t>33902.0</t>
  </si>
  <si>
    <t>4044754.0</t>
  </si>
  <si>
    <t>811.137</t>
  </si>
  <si>
    <t>991840.0</t>
  </si>
  <si>
    <t>698891.0</t>
  </si>
  <si>
    <t>293108.0</t>
  </si>
  <si>
    <t>4061416.0</t>
  </si>
  <si>
    <t>16662.0</t>
  </si>
  <si>
    <t>814.478</t>
  </si>
  <si>
    <t>17780.0</t>
  </si>
  <si>
    <t>995063.0</t>
  </si>
  <si>
    <t>701940.0</t>
  </si>
  <si>
    <t>293285.0</t>
  </si>
  <si>
    <t>4075362.0</t>
  </si>
  <si>
    <t>817.275</t>
  </si>
  <si>
    <t>999139.0</t>
  </si>
  <si>
    <t>705398.0</t>
  </si>
  <si>
    <t>293909.0</t>
  </si>
  <si>
    <t>4087316.0</t>
  </si>
  <si>
    <t>819.672</t>
  </si>
  <si>
    <t>1019324.0</t>
  </si>
  <si>
    <t>717421.0</t>
  </si>
  <si>
    <t>302083.0</t>
  </si>
  <si>
    <t>4101180.0</t>
  </si>
  <si>
    <t>1048217.0</t>
  </si>
  <si>
    <t>735816.0</t>
  </si>
  <si>
    <t>19116.0</t>
  </si>
  <si>
    <t>4117331.0</t>
  </si>
  <si>
    <t>825.691</t>
  </si>
  <si>
    <t>1079018.0</t>
  </si>
  <si>
    <t>756039.0</t>
  </si>
  <si>
    <t>323189.0</t>
  </si>
  <si>
    <t>19041.0</t>
  </si>
  <si>
    <t>4136545.0</t>
  </si>
  <si>
    <t>829.544</t>
  </si>
  <si>
    <t>1108891.0</t>
  </si>
  <si>
    <t>776740.0</t>
  </si>
  <si>
    <t>332377.0</t>
  </si>
  <si>
    <t>29873.0</t>
  </si>
  <si>
    <t>4153340.0</t>
  </si>
  <si>
    <t>832.913</t>
  </si>
  <si>
    <t>1124277.0</t>
  </si>
  <si>
    <t>787940.0</t>
  </si>
  <si>
    <t>336575.0</t>
  </si>
  <si>
    <t>12721.0</t>
  </si>
  <si>
    <t>4170189.0</t>
  </si>
  <si>
    <t>836.291</t>
  </si>
  <si>
    <t>1127526.0</t>
  </si>
  <si>
    <t>790820.0</t>
  </si>
  <si>
    <t>336953.0</t>
  </si>
  <si>
    <t>4184544.0</t>
  </si>
  <si>
    <t>839.17</t>
  </si>
  <si>
    <t>1138141.0</t>
  </si>
  <si>
    <t>798625.0</t>
  </si>
  <si>
    <t>339776.0</t>
  </si>
  <si>
    <t>4196462.0</t>
  </si>
  <si>
    <t>841.56</t>
  </si>
  <si>
    <t>1158270.0</t>
  </si>
  <si>
    <t>810157.0</t>
  </si>
  <si>
    <t>348374.0</t>
  </si>
  <si>
    <t>4210112.0</t>
  </si>
  <si>
    <t>844.298</t>
  </si>
  <si>
    <t>1185227.0</t>
  </si>
  <si>
    <t>830514.0</t>
  </si>
  <si>
    <t>354976.0</t>
  </si>
  <si>
    <t>19573.0</t>
  </si>
  <si>
    <t>4226984.0</t>
  </si>
  <si>
    <t>847.681</t>
  </si>
  <si>
    <t>1223169.0</t>
  </si>
  <si>
    <t>857633.0</t>
  </si>
  <si>
    <t>365800.0</t>
  </si>
  <si>
    <t>37942.0</t>
  </si>
  <si>
    <t>4241910.0</t>
  </si>
  <si>
    <t>850.674</t>
  </si>
  <si>
    <t>1260994.0</t>
  </si>
  <si>
    <t>885609.0</t>
  </si>
  <si>
    <t>4257314.0</t>
  </si>
  <si>
    <t>15404.0</t>
  </si>
  <si>
    <t>853.764</t>
  </si>
  <si>
    <t>1281418.0</t>
  </si>
  <si>
    <t>901468.0</t>
  </si>
  <si>
    <t>380218.0</t>
  </si>
  <si>
    <t>20424.0</t>
  </si>
  <si>
    <t>22449.0</t>
  </si>
  <si>
    <t>4272313.0</t>
  </si>
  <si>
    <t>856.771</t>
  </si>
  <si>
    <t>1282985.0</t>
  </si>
  <si>
    <t>902548.0</t>
  </si>
  <si>
    <t>380705.0</t>
  </si>
  <si>
    <t>9.357</t>
  </si>
  <si>
    <t>18.577</t>
  </si>
  <si>
    <t>4286820.0</t>
  </si>
  <si>
    <t>859.681</t>
  </si>
  <si>
    <t>1292018.0</t>
  </si>
  <si>
    <t>909312.0</t>
  </si>
  <si>
    <t>382974.0</t>
  </si>
  <si>
    <t>4298701.0</t>
  </si>
  <si>
    <t>862.063</t>
  </si>
  <si>
    <t>1314451.0</t>
  </si>
  <si>
    <t>924415.0</t>
  </si>
  <si>
    <t>390305.0</t>
  </si>
  <si>
    <t>22312.0</t>
  </si>
  <si>
    <t>4313786.0</t>
  </si>
  <si>
    <t>865.088</t>
  </si>
  <si>
    <t>14811.0</t>
  </si>
  <si>
    <t>1351096.0</t>
  </si>
  <si>
    <t>951157.0</t>
  </si>
  <si>
    <t>4332844.0</t>
  </si>
  <si>
    <t>868.91</t>
  </si>
  <si>
    <t>1394931.0</t>
  </si>
  <si>
    <t>982798.0</t>
  </si>
  <si>
    <t>412407.0</t>
  </si>
  <si>
    <t>43835.0</t>
  </si>
  <si>
    <t>4350939.0</t>
  </si>
  <si>
    <t>872.539</t>
  </si>
  <si>
    <t>1440920.0</t>
  </si>
  <si>
    <t>1016423.0</t>
  </si>
  <si>
    <t>424774.0</t>
  </si>
  <si>
    <t>4370496.0</t>
  </si>
  <si>
    <t>876.461</t>
  </si>
  <si>
    <t>1471638.0</t>
  </si>
  <si>
    <t>1040134.0</t>
  </si>
  <si>
    <t>431783.0</t>
  </si>
  <si>
    <t>30718.0</t>
  </si>
  <si>
    <t>4388299.0</t>
  </si>
  <si>
    <t>880.031</t>
  </si>
  <si>
    <t>1481710.0</t>
  </si>
  <si>
    <t>1049894.0</t>
  </si>
  <si>
    <t>432098.0</t>
  </si>
  <si>
    <t>28389.0</t>
  </si>
  <si>
    <t>4404128.0</t>
  </si>
  <si>
    <t>883.206</t>
  </si>
  <si>
    <t>16758.0</t>
  </si>
  <si>
    <t>1500380.0</t>
  </si>
  <si>
    <t>1065500.0</t>
  </si>
  <si>
    <t>435166.0</t>
  </si>
  <si>
    <t>4416967.0</t>
  </si>
  <si>
    <t>885.78</t>
  </si>
  <si>
    <t>16895.0</t>
  </si>
  <si>
    <t>1534140.0</t>
  </si>
  <si>
    <t>1091434.0</t>
  </si>
  <si>
    <t>443001.0</t>
  </si>
  <si>
    <t>33760.0</t>
  </si>
  <si>
    <t>4432240.0</t>
  </si>
  <si>
    <t>888.843</t>
  </si>
  <si>
    <t>1568824.0</t>
  </si>
  <si>
    <t>1117493.0</t>
  </si>
  <si>
    <t>451632.0</t>
  </si>
  <si>
    <t>4452738.0</t>
  </si>
  <si>
    <t>892.954</t>
  </si>
  <si>
    <t>17128.0</t>
  </si>
  <si>
    <t>1611866.0</t>
  </si>
  <si>
    <t>1149201.0</t>
  </si>
  <si>
    <t>462972.0</t>
  </si>
  <si>
    <t>4472618.0</t>
  </si>
  <si>
    <t>896.941</t>
  </si>
  <si>
    <t>1661529.0</t>
  </si>
  <si>
    <t>1185319.0</t>
  </si>
  <si>
    <t>476525.0</t>
  </si>
  <si>
    <t>31516.0</t>
  </si>
  <si>
    <t>24128.0</t>
  </si>
  <si>
    <t>4494914.0</t>
  </si>
  <si>
    <t>901.412</t>
  </si>
  <si>
    <t>1684881.0</t>
  </si>
  <si>
    <t>1201969.0</t>
  </si>
  <si>
    <t>483248.0</t>
  </si>
  <si>
    <t>23352.0</t>
  </si>
  <si>
    <t>23119.0</t>
  </si>
  <si>
    <t>1211.6</t>
  </si>
  <si>
    <t>241.205245835845</t>
  </si>
  <si>
    <t>4513848.0</t>
  </si>
  <si>
    <t>18934.0</t>
  </si>
  <si>
    <t>905.209</t>
  </si>
  <si>
    <t>1698286.0</t>
  </si>
  <si>
    <t>1214461.0</t>
  </si>
  <si>
    <t>484177.0</t>
  </si>
  <si>
    <t>25.283</t>
  </si>
  <si>
    <t>4531840.0</t>
  </si>
  <si>
    <t>17992.0</t>
  </si>
  <si>
    <t>908.817</t>
  </si>
  <si>
    <t>1713521.0</t>
  </si>
  <si>
    <t>1228760.0</t>
  </si>
  <si>
    <t>485134.0</t>
  </si>
  <si>
    <t>4545219.0</t>
  </si>
  <si>
    <t>911.5</t>
  </si>
  <si>
    <t>1747010.0</t>
  </si>
  <si>
    <t>1255440.0</t>
  </si>
  <si>
    <t>491954.0</t>
  </si>
  <si>
    <t>30410.0</t>
  </si>
  <si>
    <t>23429.0</t>
  </si>
  <si>
    <t>4559379.0</t>
  </si>
  <si>
    <t>914.34</t>
  </si>
  <si>
    <t>18163.0</t>
  </si>
  <si>
    <t>1792691.0</t>
  </si>
  <si>
    <t>1287648.0</t>
  </si>
  <si>
    <t>505497.0</t>
  </si>
  <si>
    <t>4578882.0</t>
  </si>
  <si>
    <t>19503.0</t>
  </si>
  <si>
    <t>918.251</t>
  </si>
  <si>
    <t>1844518.0</t>
  </si>
  <si>
    <t>1325088.0</t>
  </si>
  <si>
    <t>520017.0</t>
  </si>
  <si>
    <t>33236.0</t>
  </si>
  <si>
    <t>4599744.0</t>
  </si>
  <si>
    <t>20862.0</t>
  </si>
  <si>
    <t>922.435</t>
  </si>
  <si>
    <t>1900320.0</t>
  </si>
  <si>
    <t>1365795.0</t>
  </si>
  <si>
    <t>535210.0</t>
  </si>
  <si>
    <t>55802.0</t>
  </si>
  <si>
    <t>4618537.0</t>
  </si>
  <si>
    <t>926.203</t>
  </si>
  <si>
    <t>3.542</t>
  </si>
  <si>
    <t>1933030.0</t>
  </si>
  <si>
    <t>1391440.0</t>
  </si>
  <si>
    <t>542285.0</t>
  </si>
  <si>
    <t>4642324.0</t>
  </si>
  <si>
    <t>23787.0</t>
  </si>
  <si>
    <t>930.974</t>
  </si>
  <si>
    <t>1953647.0</t>
  </si>
  <si>
    <t>1411125.0</t>
  </si>
  <si>
    <t>543222.0</t>
  </si>
  <si>
    <t>28095.0</t>
  </si>
  <si>
    <t>23.093</t>
  </si>
  <si>
    <t>4659395.0</t>
  </si>
  <si>
    <t>17071.0</t>
  </si>
  <si>
    <t>934.397</t>
  </si>
  <si>
    <t>1987342.0</t>
  </si>
  <si>
    <t>1440157.0</t>
  </si>
  <si>
    <t>548057.0</t>
  </si>
  <si>
    <t>33695.0</t>
  </si>
  <si>
    <t>39117.0</t>
  </si>
  <si>
    <t>4672913.0</t>
  </si>
  <si>
    <t>937.108</t>
  </si>
  <si>
    <t>18242.0</t>
  </si>
  <si>
    <t>2036248.0</t>
  </si>
  <si>
    <t>1474239.0</t>
  </si>
  <si>
    <t>563034.0</t>
  </si>
  <si>
    <t>48906.0</t>
  </si>
  <si>
    <t>4689623.0</t>
  </si>
  <si>
    <t>16710.0</t>
  </si>
  <si>
    <t>940.459</t>
  </si>
  <si>
    <t>18606.0</t>
  </si>
  <si>
    <t>2088665.0</t>
  </si>
  <si>
    <t>1505723.0</t>
  </si>
  <si>
    <t>584142.0</t>
  </si>
  <si>
    <t>42282.0</t>
  </si>
  <si>
    <t>31154.0</t>
  </si>
  <si>
    <t>4709257.0</t>
  </si>
  <si>
    <t>944.396</t>
  </si>
  <si>
    <t>2150323.0</t>
  </si>
  <si>
    <t>1541893.0</t>
  </si>
  <si>
    <t>609783.0</t>
  </si>
  <si>
    <t>61658.0</t>
  </si>
  <si>
    <t>30972.0</t>
  </si>
  <si>
    <t>4728958.0</t>
  </si>
  <si>
    <t>948.347</t>
  </si>
  <si>
    <t>2216756.0</t>
  </si>
  <si>
    <t>1580368.0</t>
  </si>
  <si>
    <t>637978.0</t>
  </si>
  <si>
    <t>66433.0</t>
  </si>
  <si>
    <t>45205.0</t>
  </si>
  <si>
    <t>4748408.0</t>
  </si>
  <si>
    <t>19450.0</t>
  </si>
  <si>
    <t>952.248</t>
  </si>
  <si>
    <t>2258132.0</t>
  </si>
  <si>
    <t>1609278.0</t>
  </si>
  <si>
    <t>650466.0</t>
  </si>
  <si>
    <t>4770255.0</t>
  </si>
  <si>
    <t>956.629</t>
  </si>
  <si>
    <t>2282516.0</t>
  </si>
  <si>
    <t>1632480.0</t>
  </si>
  <si>
    <t>651659.0</t>
  </si>
  <si>
    <t>4784628.0</t>
  </si>
  <si>
    <t>959.511</t>
  </si>
  <si>
    <t>2321999.0</t>
  </si>
  <si>
    <t>655742.0</t>
  </si>
  <si>
    <t>39483.0</t>
  </si>
  <si>
    <t>4797973.0</t>
  </si>
  <si>
    <t>962.188</t>
  </si>
  <si>
    <t>2373676.0</t>
  </si>
  <si>
    <t>1707161.0</t>
  </si>
  <si>
    <t>668385.0</t>
  </si>
  <si>
    <t>51677.0</t>
  </si>
  <si>
    <t>4814937.0</t>
  </si>
  <si>
    <t>965.589</t>
  </si>
  <si>
    <t>2428543.0</t>
  </si>
  <si>
    <t>9666.0</t>
  </si>
  <si>
    <t>34099.0</t>
  </si>
  <si>
    <t>4835680.0</t>
  </si>
  <si>
    <t>969.749</t>
  </si>
  <si>
    <t>2487437.0</t>
  </si>
  <si>
    <t>1783663.0</t>
  </si>
  <si>
    <t>705992.0</t>
  </si>
  <si>
    <t>58894.0</t>
  </si>
  <si>
    <t>48159.0</t>
  </si>
  <si>
    <t>4854252.0</t>
  </si>
  <si>
    <t>973.474</t>
  </si>
  <si>
    <t>2551491.0</t>
  </si>
  <si>
    <t>1824452.0</t>
  </si>
  <si>
    <t>744192.0</t>
  </si>
  <si>
    <t>64054.0</t>
  </si>
  <si>
    <t>47819.0</t>
  </si>
  <si>
    <t>34869.0</t>
  </si>
  <si>
    <t>4873202.0</t>
  </si>
  <si>
    <t>977.274</t>
  </si>
  <si>
    <t>2591879.0</t>
  </si>
  <si>
    <t>1854579.0</t>
  </si>
  <si>
    <t>767976.0</t>
  </si>
  <si>
    <t>47678.0</t>
  </si>
  <si>
    <t>35043.0</t>
  </si>
  <si>
    <t>4896721.0</t>
  </si>
  <si>
    <t>981.99</t>
  </si>
  <si>
    <t>2615860.0</t>
  </si>
  <si>
    <t>1873017.0</t>
  </si>
  <si>
    <t>783724.0</t>
  </si>
  <si>
    <t>34362.0</t>
  </si>
  <si>
    <t>4913006.0</t>
  </si>
  <si>
    <t>16285.0</t>
  </si>
  <si>
    <t>985.256</t>
  </si>
  <si>
    <t>18340.0</t>
  </si>
  <si>
    <t>2655121.0</t>
  </si>
  <si>
    <t>1904036.0</t>
  </si>
  <si>
    <t>800419.0</t>
  </si>
  <si>
    <t>47589.0</t>
  </si>
  <si>
    <t>33719.0</t>
  </si>
  <si>
    <t>4925778.0</t>
  </si>
  <si>
    <t>987.818</t>
  </si>
  <si>
    <t>2705242.0</t>
  </si>
  <si>
    <t>1937636.0</t>
  </si>
  <si>
    <t>820164.0</t>
  </si>
  <si>
    <t>50121.0</t>
  </si>
  <si>
    <t>4941870.0</t>
  </si>
  <si>
    <t>16092.0</t>
  </si>
  <si>
    <t>991.045</t>
  </si>
  <si>
    <t>18133.0</t>
  </si>
  <si>
    <t>2753772.0</t>
  </si>
  <si>
    <t>1960683.0</t>
  </si>
  <si>
    <t>848701.0</t>
  </si>
  <si>
    <t>4962957.0</t>
  </si>
  <si>
    <t>995.273</t>
  </si>
  <si>
    <t>2807412.0</t>
  </si>
  <si>
    <t>1978260.0</t>
  </si>
  <si>
    <t>885314.0</t>
  </si>
  <si>
    <t>53640.0</t>
  </si>
  <si>
    <t>4980751.0</t>
  </si>
  <si>
    <t>998.842</t>
  </si>
  <si>
    <t>2867880.0</t>
  </si>
  <si>
    <t>2006880.0</t>
  </si>
  <si>
    <t>918724.0</t>
  </si>
  <si>
    <t>60468.0</t>
  </si>
  <si>
    <t>4998632.0</t>
  </si>
  <si>
    <t>1002.428</t>
  </si>
  <si>
    <t>2900321.0</t>
  </si>
  <si>
    <t>2031918.0</t>
  </si>
  <si>
    <t>926664.0</t>
  </si>
  <si>
    <t>5017537.0</t>
  </si>
  <si>
    <t>18905.0</t>
  </si>
  <si>
    <t>1006.219</t>
  </si>
  <si>
    <t>2926487.0</t>
  </si>
  <si>
    <t>2056393.0</t>
  </si>
  <si>
    <t>928565.0</t>
  </si>
  <si>
    <t>44375.0</t>
  </si>
  <si>
    <t>14.182</t>
  </si>
  <si>
    <t>5034260.0</t>
  </si>
  <si>
    <t>1009.573</t>
  </si>
  <si>
    <t>2959861.0</t>
  </si>
  <si>
    <t>2082447.0</t>
  </si>
  <si>
    <t>939330.0</t>
  </si>
  <si>
    <t>43534.0</t>
  </si>
  <si>
    <t>25487.0</t>
  </si>
  <si>
    <t>5048389.0</t>
  </si>
  <si>
    <t>14129.0</t>
  </si>
  <si>
    <t>1012.406</t>
  </si>
  <si>
    <t>17516.0</t>
  </si>
  <si>
    <t>3002670.0</t>
  </si>
  <si>
    <t>2113720.0</t>
  </si>
  <si>
    <t>954522.0</t>
  </si>
  <si>
    <t>42809.0</t>
  </si>
  <si>
    <t>25155.0</t>
  </si>
  <si>
    <t>1289.4</t>
  </si>
  <si>
    <t>256.69366455987</t>
  </si>
  <si>
    <t>5065310.0</t>
  </si>
  <si>
    <t>1015.799</t>
  </si>
  <si>
    <t>3046318.0</t>
  </si>
  <si>
    <t>2136447.0</t>
  </si>
  <si>
    <t>979451.0</t>
  </si>
  <si>
    <t>41792.0</t>
  </si>
  <si>
    <t>5088352.0</t>
  </si>
  <si>
    <t>1020.42</t>
  </si>
  <si>
    <t>3095719.0</t>
  </si>
  <si>
    <t>2155133.0</t>
  </si>
  <si>
    <t>1012144.0</t>
  </si>
  <si>
    <t>49401.0</t>
  </si>
  <si>
    <t>41187.0</t>
  </si>
  <si>
    <t>5107357.0</t>
  </si>
  <si>
    <t>1024.231</t>
  </si>
  <si>
    <t>3148230.0</t>
  </si>
  <si>
    <t>2184290.0</t>
  </si>
  <si>
    <t>1035651.0</t>
  </si>
  <si>
    <t>40050.0</t>
  </si>
  <si>
    <t>5126629.0</t>
  </si>
  <si>
    <t>1028.096</t>
  </si>
  <si>
    <t>3180755.0</t>
  </si>
  <si>
    <t>2205306.0</t>
  </si>
  <si>
    <t>1047195.0</t>
  </si>
  <si>
    <t>40062.0</t>
  </si>
  <si>
    <t>5145811.0</t>
  </si>
  <si>
    <t>1031.943</t>
  </si>
  <si>
    <t>3204683.0</t>
  </si>
  <si>
    <t>2225314.0</t>
  </si>
  <si>
    <t>1051162.0</t>
  </si>
  <si>
    <t>23928.0</t>
  </si>
  <si>
    <t>39742.0</t>
  </si>
  <si>
    <t>24132.0</t>
  </si>
  <si>
    <t>5160369.0</t>
  </si>
  <si>
    <t>1034.863</t>
  </si>
  <si>
    <t>3229188.0</t>
  </si>
  <si>
    <t>2245211.0</t>
  </si>
  <si>
    <t>1055817.0</t>
  </si>
  <si>
    <t>24505.0</t>
  </si>
  <si>
    <t>38475.0</t>
  </si>
  <si>
    <t>5174055.0</t>
  </si>
  <si>
    <t>1037.607</t>
  </si>
  <si>
    <t>3274018.0</t>
  </si>
  <si>
    <t>2271690.0</t>
  </si>
  <si>
    <t>1074216.0</t>
  </si>
  <si>
    <t>5186266.0</t>
  </si>
  <si>
    <t>1040.056</t>
  </si>
  <si>
    <t>3327158.0</t>
  </si>
  <si>
    <t>2304695.0</t>
  </si>
  <si>
    <t>1094526.0</t>
  </si>
  <si>
    <t>53140.0</t>
  </si>
  <si>
    <t>40120.0</t>
  </si>
  <si>
    <t>5202116.0</t>
  </si>
  <si>
    <t>1043.235</t>
  </si>
  <si>
    <t>16252.0</t>
  </si>
  <si>
    <t>3382659.0</t>
  </si>
  <si>
    <t>2332685.0</t>
  </si>
  <si>
    <t>1122310.0</t>
  </si>
  <si>
    <t>55501.0</t>
  </si>
  <si>
    <t>5220096.0</t>
  </si>
  <si>
    <t>17980.0</t>
  </si>
  <si>
    <t>1046.84</t>
  </si>
  <si>
    <t>3442083.0</t>
  </si>
  <si>
    <t>2359191.0</t>
  </si>
  <si>
    <t>1155270.0</t>
  </si>
  <si>
    <t>41979.0</t>
  </si>
  <si>
    <t>5237076.0</t>
  </si>
  <si>
    <t>1050.245</t>
  </si>
  <si>
    <t>3474148.0</t>
  </si>
  <si>
    <t>2371523.0</t>
  </si>
  <si>
    <t>1175108.0</t>
  </si>
  <si>
    <t>32065.0</t>
  </si>
  <si>
    <t>41913.0</t>
  </si>
  <si>
    <t>5254853.0</t>
  </si>
  <si>
    <t>1053.81</t>
  </si>
  <si>
    <t>3501726.0</t>
  </si>
  <si>
    <t>2380918.0</t>
  </si>
  <si>
    <t>1194126.0</t>
  </si>
  <si>
    <t>42435.0</t>
  </si>
  <si>
    <t>22229.0</t>
  </si>
  <si>
    <t>5269257.0</t>
  </si>
  <si>
    <t>14404.0</t>
  </si>
  <si>
    <t>1056.699</t>
  </si>
  <si>
    <t>3549132.0</t>
  </si>
  <si>
    <t>2397003.0</t>
  </si>
  <si>
    <t>1225499.0</t>
  </si>
  <si>
    <t>47406.0</t>
  </si>
  <si>
    <t>5280634.0</t>
  </si>
  <si>
    <t>1058.981</t>
  </si>
  <si>
    <t>3605652.0</t>
  </si>
  <si>
    <t>1267303.0</t>
  </si>
  <si>
    <t>56520.0</t>
  </si>
  <si>
    <t>47376.0</t>
  </si>
  <si>
    <t>5294523.0</t>
  </si>
  <si>
    <t>13889.0</t>
  </si>
  <si>
    <t>1061.766</t>
  </si>
  <si>
    <t>3667769.0</t>
  </si>
  <si>
    <t>2425633.0</t>
  </si>
  <si>
    <t>48659.0</t>
  </si>
  <si>
    <t>5311879.0</t>
  </si>
  <si>
    <t>1065.246</t>
  </si>
  <si>
    <t>3732596.0</t>
  </si>
  <si>
    <t>2447754.0</t>
  </si>
  <si>
    <t>1359172.0</t>
  </si>
  <si>
    <t>64827.0</t>
  </si>
  <si>
    <t>49991.0</t>
  </si>
  <si>
    <t>5329815.0</t>
  </si>
  <si>
    <t>1068.843</t>
  </si>
  <si>
    <t>3795212.0</t>
  </si>
  <si>
    <t>2460336.0</t>
  </si>
  <si>
    <t>1409761.0</t>
  </si>
  <si>
    <t>62616.0</t>
  </si>
  <si>
    <t>5345477.0</t>
  </si>
  <si>
    <t>15662.0</t>
  </si>
  <si>
    <t>1071.984</t>
  </si>
  <si>
    <t>15486.0</t>
  </si>
  <si>
    <t>3834810.0</t>
  </si>
  <si>
    <t>2467108.0</t>
  </si>
  <si>
    <t>1443021.0</t>
  </si>
  <si>
    <t>51523.0</t>
  </si>
  <si>
    <t>10257.0</t>
  </si>
  <si>
    <t>5362639.0</t>
  </si>
  <si>
    <t>1075.426</t>
  </si>
  <si>
    <t>3869664.0</t>
  </si>
  <si>
    <t>2475813.0</t>
  </si>
  <si>
    <t>1469348.0</t>
  </si>
  <si>
    <t>13556.0</t>
  </si>
  <si>
    <t>5376484.0</t>
  </si>
  <si>
    <t>1078.202</t>
  </si>
  <si>
    <t>3918096.0</t>
  </si>
  <si>
    <t>2491887.0</t>
  </si>
  <si>
    <t>1502281.0</t>
  </si>
  <si>
    <t>13555.0</t>
  </si>
  <si>
    <t>5387478.0</t>
  </si>
  <si>
    <t>1080.407</t>
  </si>
  <si>
    <t>3977542.0</t>
  </si>
  <si>
    <t>2507766.0</t>
  </si>
  <si>
    <t>1546570.0</t>
  </si>
  <si>
    <t>53127.0</t>
  </si>
  <si>
    <t>5401556.0</t>
  </si>
  <si>
    <t>1083.23</t>
  </si>
  <si>
    <t>2528760.0</t>
  </si>
  <si>
    <t>1586870.0</t>
  </si>
  <si>
    <t>52883.0</t>
  </si>
  <si>
    <t>5419970.0</t>
  </si>
  <si>
    <t>1086.923</t>
  </si>
  <si>
    <t>4102304.0</t>
  </si>
  <si>
    <t>2548832.0</t>
  </si>
  <si>
    <t>1632184.0</t>
  </si>
  <si>
    <t>64354.0</t>
  </si>
  <si>
    <t>5437207.0</t>
  </si>
  <si>
    <t>1090.38</t>
  </si>
  <si>
    <t>4168515.0</t>
  </si>
  <si>
    <t>2564905.0</t>
  </si>
  <si>
    <t>1683165.0</t>
  </si>
  <si>
    <t>66211.0</t>
  </si>
  <si>
    <t>53329.0</t>
  </si>
  <si>
    <t>5454657.0</t>
  </si>
  <si>
    <t>1093.879</t>
  </si>
  <si>
    <t>4208689.0</t>
  </si>
  <si>
    <t>2574496.0</t>
  </si>
  <si>
    <t>1714261.0</t>
  </si>
  <si>
    <t>40174.0</t>
  </si>
  <si>
    <t>5473382.0</t>
  </si>
  <si>
    <t>1097.634</t>
  </si>
  <si>
    <t>4247979.0</t>
  </si>
  <si>
    <t>2583297.0</t>
  </si>
  <si>
    <t>1744809.0</t>
  </si>
  <si>
    <t>5488153.0</t>
  </si>
  <si>
    <t>1100.596</t>
  </si>
  <si>
    <t>4297426.0</t>
  </si>
  <si>
    <t>2608074.0</t>
  </si>
  <si>
    <t>1770006.0</t>
  </si>
  <si>
    <t>49447.0</t>
  </si>
  <si>
    <t>54190.0</t>
  </si>
  <si>
    <t>5501516.0</t>
  </si>
  <si>
    <t>1103.276</t>
  </si>
  <si>
    <t>16291.0</t>
  </si>
  <si>
    <t>4357463.0</t>
  </si>
  <si>
    <t>2637046.0</t>
  </si>
  <si>
    <t>1801883.0</t>
  </si>
  <si>
    <t>60037.0</t>
  </si>
  <si>
    <t>54274.0</t>
  </si>
  <si>
    <t>18469.0</t>
  </si>
  <si>
    <t>5517237.0</t>
  </si>
  <si>
    <t>1106.429</t>
  </si>
  <si>
    <t>3.314</t>
  </si>
  <si>
    <t>4417534.0</t>
  </si>
  <si>
    <t>2660227.0</t>
  </si>
  <si>
    <t>1839362.0</t>
  </si>
  <si>
    <t>60071.0</t>
  </si>
  <si>
    <t>54226.0</t>
  </si>
  <si>
    <t>5537806.0</t>
  </si>
  <si>
    <t>20569.0</t>
  </si>
  <si>
    <t>1110.554</t>
  </si>
  <si>
    <t>4481551.0</t>
  </si>
  <si>
    <t>2675930.0</t>
  </si>
  <si>
    <t>1888320.0</t>
  </si>
  <si>
    <t>1254.8</t>
  </si>
  <si>
    <t>249.805498906255</t>
  </si>
  <si>
    <t>5556941.0</t>
  </si>
  <si>
    <t>19135.0</t>
  </si>
  <si>
    <t>1114.391</t>
  </si>
  <si>
    <t>17105.0</t>
  </si>
  <si>
    <t>4543353.0</t>
  </si>
  <si>
    <t>2690445.0</t>
  </si>
  <si>
    <t>1936425.0</t>
  </si>
  <si>
    <t>61802.0</t>
  </si>
  <si>
    <t>53548.0</t>
  </si>
  <si>
    <t>5575902.0</t>
  </si>
  <si>
    <t>1118.194</t>
  </si>
  <si>
    <t>4583681.0</t>
  </si>
  <si>
    <t>2700279.0</t>
  </si>
  <si>
    <t>1967425.0</t>
  </si>
  <si>
    <t>40328.0</t>
  </si>
  <si>
    <t>5596031.0</t>
  </si>
  <si>
    <t>1122.23</t>
  </si>
  <si>
    <t>17521.0</t>
  </si>
  <si>
    <t>4618164.0</t>
  </si>
  <si>
    <t>2706974.0</t>
  </si>
  <si>
    <t>1995446.0</t>
  </si>
  <si>
    <t>34483.0</t>
  </si>
  <si>
    <t>5613181.0</t>
  </si>
  <si>
    <t>17150.0</t>
  </si>
  <si>
    <t>1125.67</t>
  </si>
  <si>
    <t>4672623.0</t>
  </si>
  <si>
    <t>2727954.0</t>
  </si>
  <si>
    <t>2034268.0</t>
  </si>
  <si>
    <t>54459.0</t>
  </si>
  <si>
    <t>53600.0</t>
  </si>
  <si>
    <t>5626914.0</t>
  </si>
  <si>
    <t>1128.424</t>
  </si>
  <si>
    <t>4738834.0</t>
  </si>
  <si>
    <t>2745852.0</t>
  </si>
  <si>
    <t>2088070.0</t>
  </si>
  <si>
    <t>5643377.0</t>
  </si>
  <si>
    <t>1131.725</t>
  </si>
  <si>
    <t>4807382.0</t>
  </si>
  <si>
    <t>2770625.0</t>
  </si>
  <si>
    <t>2136904.0</t>
  </si>
  <si>
    <t>68548.0</t>
  </si>
  <si>
    <t>15771.0</t>
  </si>
  <si>
    <t>5665669.0</t>
  </si>
  <si>
    <t>1136.196</t>
  </si>
  <si>
    <t>4876802.0</t>
  </si>
  <si>
    <t>2794423.0</t>
  </si>
  <si>
    <t>2188523.0</t>
  </si>
  <si>
    <t>69420.0</t>
  </si>
  <si>
    <t>5686227.0</t>
  </si>
  <si>
    <t>1140.318</t>
  </si>
  <si>
    <t>4941974.0</t>
  </si>
  <si>
    <t>2814486.0</t>
  </si>
  <si>
    <t>2240163.0</t>
  </si>
  <si>
    <t>17720.0</t>
  </si>
  <si>
    <t>5706075.0</t>
  </si>
  <si>
    <t>1144.299</t>
  </si>
  <si>
    <t>4978878.0</t>
  </si>
  <si>
    <t>2827500.0</t>
  </si>
  <si>
    <t>2268418.0</t>
  </si>
  <si>
    <t>36904.0</t>
  </si>
  <si>
    <t>56457.0</t>
  </si>
  <si>
    <t>5726098.0</t>
  </si>
  <si>
    <t>1148.314</t>
  </si>
  <si>
    <t>5012403.0</t>
  </si>
  <si>
    <t>2844899.0</t>
  </si>
  <si>
    <t>2286697.0</t>
  </si>
  <si>
    <t>56320.0</t>
  </si>
  <si>
    <t>11.985</t>
  </si>
  <si>
    <t>5744701.0</t>
  </si>
  <si>
    <t>1152.045</t>
  </si>
  <si>
    <t>5067409.0</t>
  </si>
  <si>
    <t>2868120.0</t>
  </si>
  <si>
    <t>2324575.0</t>
  </si>
  <si>
    <t>55006.0</t>
  </si>
  <si>
    <t>5759987.0</t>
  </si>
  <si>
    <t>1155.11</t>
  </si>
  <si>
    <t>19010.0</t>
  </si>
  <si>
    <t>5132602.0</t>
  </si>
  <si>
    <t>2896729.0</t>
  </si>
  <si>
    <t>2369649.0</t>
  </si>
  <si>
    <t>65193.0</t>
  </si>
  <si>
    <t>56253.0</t>
  </si>
  <si>
    <t>5775762.0</t>
  </si>
  <si>
    <t>1158.274</t>
  </si>
  <si>
    <t>18912.0</t>
  </si>
  <si>
    <t>5198476.0</t>
  </si>
  <si>
    <t>2926869.0</t>
  </si>
  <si>
    <t>2414718.0</t>
  </si>
  <si>
    <t>65874.0</t>
  </si>
  <si>
    <t>55871.0</t>
  </si>
  <si>
    <t>5796751.0</t>
  </si>
  <si>
    <t>1162.483</t>
  </si>
  <si>
    <t>5260579.0</t>
  </si>
  <si>
    <t>2960117.0</t>
  </si>
  <si>
    <t>2453158.0</t>
  </si>
  <si>
    <t>62103.0</t>
  </si>
  <si>
    <t>54825.0</t>
  </si>
  <si>
    <t>10915.0</t>
  </si>
  <si>
    <t>5816255.0</t>
  </si>
  <si>
    <t>1166.394</t>
  </si>
  <si>
    <t>5320709.0</t>
  </si>
  <si>
    <t>2992804.0</t>
  </si>
  <si>
    <t>2489769.0</t>
  </si>
  <si>
    <t>60130.0</t>
  </si>
  <si>
    <t>5837207.0</t>
  </si>
  <si>
    <t>1170.596</t>
  </si>
  <si>
    <t>5356349.0</t>
  </si>
  <si>
    <t>3009001.0</t>
  </si>
  <si>
    <t>2513890.0</t>
  </si>
  <si>
    <t>10735.0</t>
  </si>
  <si>
    <t>5859499.0</t>
  </si>
  <si>
    <t>1175.066</t>
  </si>
  <si>
    <t>5390982.0</t>
  </si>
  <si>
    <t>3027804.0</t>
  </si>
  <si>
    <t>2531651.0</t>
  </si>
  <si>
    <t>54083.0</t>
  </si>
  <si>
    <t>26129.0</t>
  </si>
  <si>
    <t>5878709.0</t>
  </si>
  <si>
    <t>1178.919</t>
  </si>
  <si>
    <t>19144.0</t>
  </si>
  <si>
    <t>5440605.0</t>
  </si>
  <si>
    <t>3058968.0</t>
  </si>
  <si>
    <t>2556363.0</t>
  </si>
  <si>
    <t>49623.0</t>
  </si>
  <si>
    <t>27264.0</t>
  </si>
  <si>
    <t>5895714.0</t>
  </si>
  <si>
    <t>1182.329</t>
  </si>
  <si>
    <t>19390.0</t>
  </si>
  <si>
    <t>3.888</t>
  </si>
  <si>
    <t>5497110.0</t>
  </si>
  <si>
    <t>3097274.0</t>
  </si>
  <si>
    <t>2582261.0</t>
  </si>
  <si>
    <t>56505.0</t>
  </si>
  <si>
    <t>109.44</t>
  </si>
  <si>
    <t>5915925.0</t>
  </si>
  <si>
    <t>1186.382</t>
  </si>
  <si>
    <t>5554234.0</t>
  </si>
  <si>
    <t>3134541.0</t>
  </si>
  <si>
    <t>2609012.0</t>
  </si>
  <si>
    <t>5940387.0</t>
  </si>
  <si>
    <t>1191.288</t>
  </si>
  <si>
    <t>5610664.0</t>
  </si>
  <si>
    <t>3175025.0</t>
  </si>
  <si>
    <t>2631895.0</t>
  </si>
  <si>
    <t>56430.0</t>
  </si>
  <si>
    <t>50012.0</t>
  </si>
  <si>
    <t>18.913</t>
  </si>
  <si>
    <t>5962233.0</t>
  </si>
  <si>
    <t>21846.0</t>
  </si>
  <si>
    <t>1195.669</t>
  </si>
  <si>
    <t>20854.0</t>
  </si>
  <si>
    <t>4.182</t>
  </si>
  <si>
    <t>5664226.0</t>
  </si>
  <si>
    <t>3207730.0</t>
  </si>
  <si>
    <t>2658368.0</t>
  </si>
  <si>
    <t>53562.0</t>
  </si>
  <si>
    <t>49074.0</t>
  </si>
  <si>
    <t>5983742.0</t>
  </si>
  <si>
    <t>1199.982</t>
  </si>
  <si>
    <t>5696772.0</t>
  </si>
  <si>
    <t>3225453.0</t>
  </si>
  <si>
    <t>2675468.0</t>
  </si>
  <si>
    <t>32546.0</t>
  </si>
  <si>
    <t>113.41</t>
  </si>
  <si>
    <t>30922.0</t>
  </si>
  <si>
    <t>6006196.0</t>
  </si>
  <si>
    <t>1204.485</t>
  </si>
  <si>
    <t>5726213.0</t>
  </si>
  <si>
    <t>3241241.0</t>
  </si>
  <si>
    <t>2690167.0</t>
  </si>
  <si>
    <t>6023290.0</t>
  </si>
  <si>
    <t>1207.913</t>
  </si>
  <si>
    <t>5771818.0</t>
  </si>
  <si>
    <t>3268518.0</t>
  </si>
  <si>
    <t>2711917.0</t>
  </si>
  <si>
    <t>45605.0</t>
  </si>
  <si>
    <t>47316.0</t>
  </si>
  <si>
    <t>29936.0</t>
  </si>
  <si>
    <t>6040807.0</t>
  </si>
  <si>
    <t>1211.426</t>
  </si>
  <si>
    <t>5824948.0</t>
  </si>
  <si>
    <t>3297721.0</t>
  </si>
  <si>
    <t>2739516.0</t>
  </si>
  <si>
    <t>53130.0</t>
  </si>
  <si>
    <t>6058303.0</t>
  </si>
  <si>
    <t>1214.935</t>
  </si>
  <si>
    <t>5876968.0</t>
  </si>
  <si>
    <t>3324437.0</t>
  </si>
  <si>
    <t>2768085.0</t>
  </si>
  <si>
    <t>52020.0</t>
  </si>
  <si>
    <t>46105.0</t>
  </si>
  <si>
    <t>6081095.0</t>
  </si>
  <si>
    <t>22792.0</t>
  </si>
  <si>
    <t>1219.505</t>
  </si>
  <si>
    <t>20101.0</t>
  </si>
  <si>
    <t>5927115.0</t>
  </si>
  <si>
    <t>3346695.0</t>
  </si>
  <si>
    <t>2798936.0</t>
  </si>
  <si>
    <t>50147.0</t>
  </si>
  <si>
    <t>45207.0</t>
  </si>
  <si>
    <t>6101043.0</t>
  </si>
  <si>
    <t>1223.506</t>
  </si>
  <si>
    <t>5974171.0</t>
  </si>
  <si>
    <t>3370783.0</t>
  </si>
  <si>
    <t>2824027.0</t>
  </si>
  <si>
    <t>118.93</t>
  </si>
  <si>
    <t>6123451.0</t>
  </si>
  <si>
    <t>1227.999</t>
  </si>
  <si>
    <t>4.494</t>
  </si>
  <si>
    <t>19958.0</t>
  </si>
  <si>
    <t>6001339.0</t>
  </si>
  <si>
    <t>3385449.0</t>
  </si>
  <si>
    <t>2837436.0</t>
  </si>
  <si>
    <t>43510.0</t>
  </si>
  <si>
    <t>6143139.0</t>
  </si>
  <si>
    <t>1231.948</t>
  </si>
  <si>
    <t>19563.0</t>
  </si>
  <si>
    <t>6022211.0</t>
  </si>
  <si>
    <t>3396968.0</t>
  </si>
  <si>
    <t>2847158.0</t>
  </si>
  <si>
    <t>42285.0</t>
  </si>
  <si>
    <t>1495.2</t>
  </si>
  <si>
    <t>297.664314603628</t>
  </si>
  <si>
    <t>6161513.0</t>
  </si>
  <si>
    <t>18374.0</t>
  </si>
  <si>
    <t>1235.632</t>
  </si>
  <si>
    <t>19746.0</t>
  </si>
  <si>
    <t>6053731.0</t>
  </si>
  <si>
    <t>3412434.0</t>
  </si>
  <si>
    <t>2863643.0</t>
  </si>
  <si>
    <t>40273.0</t>
  </si>
  <si>
    <t>6174097.0</t>
  </si>
  <si>
    <t>1238.156</t>
  </si>
  <si>
    <t>6097665.0</t>
  </si>
  <si>
    <t>3430902.0</t>
  </si>
  <si>
    <t>2890220.0</t>
  </si>
  <si>
    <t>43934.0</t>
  </si>
  <si>
    <t>121.39</t>
  </si>
  <si>
    <t>19026.0</t>
  </si>
  <si>
    <t>6188938.0</t>
  </si>
  <si>
    <t>1241.132</t>
  </si>
  <si>
    <t>6138697.0</t>
  </si>
  <si>
    <t>3454611.0</t>
  </si>
  <si>
    <t>2909119.0</t>
  </si>
  <si>
    <t>41032.0</t>
  </si>
  <si>
    <t>37390.0</t>
  </si>
  <si>
    <t>6208935.0</t>
  </si>
  <si>
    <t>1245.142</t>
  </si>
  <si>
    <t>6183732.0</t>
  </si>
  <si>
    <t>3469581.0</t>
  </si>
  <si>
    <t>2940605.0</t>
  </si>
  <si>
    <t>45035.0</t>
  </si>
  <si>
    <t>36660.0</t>
  </si>
  <si>
    <t>123.11</t>
  </si>
  <si>
    <t>17555.0</t>
  </si>
  <si>
    <t>6229499.0</t>
  </si>
  <si>
    <t>1249.266</t>
  </si>
  <si>
    <t>6221669.0</t>
  </si>
  <si>
    <t>3482758.0</t>
  </si>
  <si>
    <t>2966314.0</t>
  </si>
  <si>
    <t>37937.0</t>
  </si>
  <si>
    <t>37.626</t>
  </si>
  <si>
    <t>6251504.0</t>
  </si>
  <si>
    <t>1253.679</t>
  </si>
  <si>
    <t>6237067.0</t>
  </si>
  <si>
    <t>3489684.0</t>
  </si>
  <si>
    <t>2975370.0</t>
  </si>
  <si>
    <t>124.17</t>
  </si>
  <si>
    <t>14891.0</t>
  </si>
  <si>
    <t>6274273.0</t>
  </si>
  <si>
    <t>22769.0</t>
  </si>
  <si>
    <t>1258.245</t>
  </si>
  <si>
    <t>6257848.0</t>
  </si>
  <si>
    <t>3498471.0</t>
  </si>
  <si>
    <t>2987517.0</t>
  </si>
  <si>
    <t>20781.0</t>
  </si>
  <si>
    <t>6293152.0</t>
  </si>
  <si>
    <t>1262.031</t>
  </si>
  <si>
    <t>18806.0</t>
  </si>
  <si>
    <t>6287063.0</t>
  </si>
  <si>
    <t>3504634.0</t>
  </si>
  <si>
    <t>3011170.0</t>
  </si>
  <si>
    <t>29215.0</t>
  </si>
  <si>
    <t>6309204.0</t>
  </si>
  <si>
    <t>1265.25</t>
  </si>
  <si>
    <t>6323187.0</t>
  </si>
  <si>
    <t>3514732.0</t>
  </si>
  <si>
    <t>3037914.0</t>
  </si>
  <si>
    <t>36124.0</t>
  </si>
  <si>
    <t>32217.0</t>
  </si>
  <si>
    <t>6327842.0</t>
  </si>
  <si>
    <t>1268.988</t>
  </si>
  <si>
    <t>6362133.0</t>
  </si>
  <si>
    <t>3522432.0</t>
  </si>
  <si>
    <t>3069828.0</t>
  </si>
  <si>
    <t>31919.0</t>
  </si>
  <si>
    <t>6352076.0</t>
  </si>
  <si>
    <t>1273.848</t>
  </si>
  <si>
    <t>6408100.0</t>
  </si>
  <si>
    <t>3530088.0</t>
  </si>
  <si>
    <t>3109004.0</t>
  </si>
  <si>
    <t>45967.0</t>
  </si>
  <si>
    <t>32053.0</t>
  </si>
  <si>
    <t>6373685.0</t>
  </si>
  <si>
    <t>1278.181</t>
  </si>
  <si>
    <t>20598.0</t>
  </si>
  <si>
    <t>6448156.0</t>
  </si>
  <si>
    <t>3541910.0</t>
  </si>
  <si>
    <t>3138113.0</t>
  </si>
  <si>
    <t>40056.0</t>
  </si>
  <si>
    <t>128.37</t>
  </si>
  <si>
    <t>6396236.0</t>
  </si>
  <si>
    <t>22551.0</t>
  </si>
  <si>
    <t>1282.704</t>
  </si>
  <si>
    <t>6472445.0</t>
  </si>
  <si>
    <t>3560341.0</t>
  </si>
  <si>
    <t>3144252.0</t>
  </si>
  <si>
    <t>24289.0</t>
  </si>
  <si>
    <t>6419505.0</t>
  </si>
  <si>
    <t>1287.37</t>
  </si>
  <si>
    <t>6493241.0</t>
  </si>
  <si>
    <t>3577396.0</t>
  </si>
  <si>
    <t>3148045.0</t>
  </si>
  <si>
    <t>20796.0</t>
  </si>
  <si>
    <t>6439720.0</t>
  </si>
  <si>
    <t>20215.0</t>
  </si>
  <si>
    <t>1291.424</t>
  </si>
  <si>
    <t>6527002.0</t>
  </si>
  <si>
    <t>3587987.0</t>
  </si>
  <si>
    <t>3171601.0</t>
  </si>
  <si>
    <t>34277.0</t>
  </si>
  <si>
    <t>6455495.0</t>
  </si>
  <si>
    <t>1294.588</t>
  </si>
  <si>
    <t>6567293.0</t>
  </si>
  <si>
    <t>3601398.0</t>
  </si>
  <si>
    <t>3199012.0</t>
  </si>
  <si>
    <t>6474204.0</t>
  </si>
  <si>
    <t>18709.0</t>
  </si>
  <si>
    <t>1298.34</t>
  </si>
  <si>
    <t>6608983.0</t>
  </si>
  <si>
    <t>3617302.0</t>
  </si>
  <si>
    <t>3225456.0</t>
  </si>
  <si>
    <t>41690.0</t>
  </si>
  <si>
    <t>35264.0</t>
  </si>
  <si>
    <t>6498129.0</t>
  </si>
  <si>
    <t>1303.137</t>
  </si>
  <si>
    <t>6646643.0</t>
  </si>
  <si>
    <t>3629220.0</t>
  </si>
  <si>
    <t>3251743.0</t>
  </si>
  <si>
    <t>37660.0</t>
  </si>
  <si>
    <t>34078.0</t>
  </si>
  <si>
    <t>6521030.0</t>
  </si>
  <si>
    <t>1307.73</t>
  </si>
  <si>
    <t>6684475.0</t>
  </si>
  <si>
    <t>3644768.0</t>
  </si>
  <si>
    <t>3274713.0</t>
  </si>
  <si>
    <t>6542253.0</t>
  </si>
  <si>
    <t>1311.986</t>
  </si>
  <si>
    <t>6704624.0</t>
  </si>
  <si>
    <t>3656921.0</t>
  </si>
  <si>
    <t>3282955.0</t>
  </si>
  <si>
    <t>33168.0</t>
  </si>
  <si>
    <t>6564836.0</t>
  </si>
  <si>
    <t>22583.0</t>
  </si>
  <si>
    <t>1316.515</t>
  </si>
  <si>
    <t>6725053.0</t>
  </si>
  <si>
    <t>3665088.0</t>
  </si>
  <si>
    <t>3295379.0</t>
  </si>
  <si>
    <t>20429.0</t>
  </si>
  <si>
    <t>33116.0</t>
  </si>
  <si>
    <t>6582906.0</t>
  </si>
  <si>
    <t>1320.139</t>
  </si>
  <si>
    <t>6751628.0</t>
  </si>
  <si>
    <t>3676260.0</t>
  </si>
  <si>
    <t>3311073.0</t>
  </si>
  <si>
    <t>32089.0</t>
  </si>
  <si>
    <t>6597827.0</t>
  </si>
  <si>
    <t>14921.0</t>
  </si>
  <si>
    <t>1323.131</t>
  </si>
  <si>
    <t>6784669.0</t>
  </si>
  <si>
    <t>3686366.0</t>
  </si>
  <si>
    <t>3334392.0</t>
  </si>
  <si>
    <t>33041.0</t>
  </si>
  <si>
    <t>6616247.0</t>
  </si>
  <si>
    <t>1326.825</t>
  </si>
  <si>
    <t>6813963.0</t>
  </si>
  <si>
    <t>3696109.0</t>
  </si>
  <si>
    <t>3354261.0</t>
  </si>
  <si>
    <t>29294.0</t>
  </si>
  <si>
    <t>135.65</t>
  </si>
  <si>
    <t>6640085.0</t>
  </si>
  <si>
    <t>1331.605</t>
  </si>
  <si>
    <t>6842392.0</t>
  </si>
  <si>
    <t>3705078.0</t>
  </si>
  <si>
    <t>3374091.0</t>
  </si>
  <si>
    <t>27964.0</t>
  </si>
  <si>
    <t>136.22</t>
  </si>
  <si>
    <t>6663114.0</t>
  </si>
  <si>
    <t>1336.224</t>
  </si>
  <si>
    <t>6871789.0</t>
  </si>
  <si>
    <t>3715243.0</t>
  </si>
  <si>
    <t>3393755.0</t>
  </si>
  <si>
    <t>6685033.0</t>
  </si>
  <si>
    <t>1340.619</t>
  </si>
  <si>
    <t>6889820.0</t>
  </si>
  <si>
    <t>3725330.0</t>
  </si>
  <si>
    <t>3401854.0</t>
  </si>
  <si>
    <t>6705343.0</t>
  </si>
  <si>
    <t>1344.692</t>
  </si>
  <si>
    <t>6907853.0</t>
  </si>
  <si>
    <t>3734164.0</t>
  </si>
  <si>
    <t>3411083.0</t>
  </si>
  <si>
    <t>18033.0</t>
  </si>
  <si>
    <t>6723212.0</t>
  </si>
  <si>
    <t>1348.276</t>
  </si>
  <si>
    <t>6924171.0</t>
  </si>
  <si>
    <t>3739320.0</t>
  </si>
  <si>
    <t>3422330.0</t>
  </si>
  <si>
    <t>6737739.0</t>
  </si>
  <si>
    <t>1351.189</t>
  </si>
  <si>
    <t>19987.0</t>
  </si>
  <si>
    <t>6941309.0</t>
  </si>
  <si>
    <t>3743543.0</t>
  </si>
  <si>
    <t>3435391.0</t>
  </si>
  <si>
    <t>6756423.0</t>
  </si>
  <si>
    <t>18684.0</t>
  </si>
  <si>
    <t>1354.936</t>
  </si>
  <si>
    <t>6959049.0</t>
  </si>
  <si>
    <t>3748721.0</t>
  </si>
  <si>
    <t>3448137.0</t>
  </si>
  <si>
    <t>1724.4</t>
  </si>
  <si>
    <t>343.293435060524</t>
  </si>
  <si>
    <t>6780447.0</t>
  </si>
  <si>
    <t>1359.754</t>
  </si>
  <si>
    <t>4.818</t>
  </si>
  <si>
    <t>6976692.0</t>
  </si>
  <si>
    <t>3753985.0</t>
  </si>
  <si>
    <t>3460765.0</t>
  </si>
  <si>
    <t>17643.0</t>
  </si>
  <si>
    <t>6802279.0</t>
  </si>
  <si>
    <t>21832.0</t>
  </si>
  <si>
    <t>1364.132</t>
  </si>
  <si>
    <t>6997750.0</t>
  </si>
  <si>
    <t>3758935.0</t>
  </si>
  <si>
    <t>3477040.0</t>
  </si>
  <si>
    <t>6823591.0</t>
  </si>
  <si>
    <t>21312.0</t>
  </si>
  <si>
    <t>1368.406</t>
  </si>
  <si>
    <t>7013109.0</t>
  </si>
  <si>
    <t>3763703.0</t>
  </si>
  <si>
    <t>3487767.0</t>
  </si>
  <si>
    <t>15359.0</t>
  </si>
  <si>
    <t>17613.0</t>
  </si>
  <si>
    <t>6845319.0</t>
  </si>
  <si>
    <t>21728.0</t>
  </si>
  <si>
    <t>1372.763</t>
  </si>
  <si>
    <t>7030332.0</t>
  </si>
  <si>
    <t>3769014.0</t>
  </si>
  <si>
    <t>3499680.0</t>
  </si>
  <si>
    <t>139.96</t>
  </si>
  <si>
    <t>6863407.0</t>
  </si>
  <si>
    <t>1376.39</t>
  </si>
  <si>
    <t>7042278.0</t>
  </si>
  <si>
    <t>3771260.0</t>
  </si>
  <si>
    <t>3509456.0</t>
  </si>
  <si>
    <t>6880917.0</t>
  </si>
  <si>
    <t>17510.0</t>
  </si>
  <si>
    <t>1379.902</t>
  </si>
  <si>
    <t>7055516.0</t>
  </si>
  <si>
    <t>3774459.0</t>
  </si>
  <si>
    <t>3519655.0</t>
  </si>
  <si>
    <t>13238.0</t>
  </si>
  <si>
    <t>16315.0</t>
  </si>
  <si>
    <t>140.46</t>
  </si>
  <si>
    <t>6901502.0</t>
  </si>
  <si>
    <t>1384.03</t>
  </si>
  <si>
    <t>7073129.0</t>
  </si>
  <si>
    <t>3777264.0</t>
  </si>
  <si>
    <t>3534654.0</t>
  </si>
  <si>
    <t>6928173.0</t>
  </si>
  <si>
    <t>26671.0</t>
  </si>
  <si>
    <t>1389.379</t>
  </si>
  <si>
    <t>7091228.0</t>
  </si>
  <si>
    <t>3780532.0</t>
  </si>
  <si>
    <t>3549623.0</t>
  </si>
  <si>
    <t>141.17</t>
  </si>
  <si>
    <t>6954667.0</t>
  </si>
  <si>
    <t>1394.692</t>
  </si>
  <si>
    <t>7108687.0</t>
  </si>
  <si>
    <t>3784040.0</t>
  </si>
  <si>
    <t>3563690.0</t>
  </si>
  <si>
    <t>6981367.0</t>
  </si>
  <si>
    <t>1400.046</t>
  </si>
  <si>
    <t>7122658.0</t>
  </si>
  <si>
    <t>3786665.0</t>
  </si>
  <si>
    <t>3575098.0</t>
  </si>
  <si>
    <t>7007763.0</t>
  </si>
  <si>
    <t>26396.0</t>
  </si>
  <si>
    <t>1405.34</t>
  </si>
  <si>
    <t>5.293</t>
  </si>
  <si>
    <t>23206.0</t>
  </si>
  <si>
    <t>7137590.0</t>
  </si>
  <si>
    <t>3788711.0</t>
  </si>
  <si>
    <t>3587985.0</t>
  </si>
  <si>
    <t>15323.0</t>
  </si>
  <si>
    <t>7027990.0</t>
  </si>
  <si>
    <t>20227.0</t>
  </si>
  <si>
    <t>1409.396</t>
  </si>
  <si>
    <t>7147016.0</t>
  </si>
  <si>
    <t>3790387.0</t>
  </si>
  <si>
    <t>3595787.0</t>
  </si>
  <si>
    <t>142.28</t>
  </si>
  <si>
    <t>7048182.0</t>
  </si>
  <si>
    <t>20192.0</t>
  </si>
  <si>
    <t>1413.445</t>
  </si>
  <si>
    <t>7159451.0</t>
  </si>
  <si>
    <t>3792026.0</t>
  </si>
  <si>
    <t>3606665.0</t>
  </si>
  <si>
    <t>14848.0</t>
  </si>
  <si>
    <t>142.53</t>
  </si>
  <si>
    <t>7071245.0</t>
  </si>
  <si>
    <t>1418.07</t>
  </si>
  <si>
    <t>7175259.0</t>
  </si>
  <si>
    <t>3795454.0</t>
  </si>
  <si>
    <t>3619183.0</t>
  </si>
  <si>
    <t>7101547.0</t>
  </si>
  <si>
    <t>1424.147</t>
  </si>
  <si>
    <t>24768.0</t>
  </si>
  <si>
    <t>7187878.0</t>
  </si>
  <si>
    <t>3797489.0</t>
  </si>
  <si>
    <t>3629882.0</t>
  </si>
  <si>
    <t>7130392.0</t>
  </si>
  <si>
    <t>28845.0</t>
  </si>
  <si>
    <t>1429.932</t>
  </si>
  <si>
    <t>5.785</t>
  </si>
  <si>
    <t>7205165.0</t>
  </si>
  <si>
    <t>3800148.0</t>
  </si>
  <si>
    <t>3644605.0</t>
  </si>
  <si>
    <t>7157300.0</t>
  </si>
  <si>
    <t>26908.0</t>
  </si>
  <si>
    <t>1435.328</t>
  </si>
  <si>
    <t>5.396</t>
  </si>
  <si>
    <t>7218748.0</t>
  </si>
  <si>
    <t>3802488.0</t>
  </si>
  <si>
    <t>3655896.0</t>
  </si>
  <si>
    <t>7184671.0</t>
  </si>
  <si>
    <t>1440.817</t>
  </si>
  <si>
    <t>25273.0</t>
  </si>
  <si>
    <t>5.068</t>
  </si>
  <si>
    <t>7229125.0</t>
  </si>
  <si>
    <t>3804368.0</t>
  </si>
  <si>
    <t>3664409.0</t>
  </si>
  <si>
    <t>55.344</t>
  </si>
  <si>
    <t>7207402.0</t>
  </si>
  <si>
    <t>22731.0</t>
  </si>
  <si>
    <t>1445.375</t>
  </si>
  <si>
    <t>7235765.0</t>
  </si>
  <si>
    <t>3805369.0</t>
  </si>
  <si>
    <t>3670083.0</t>
  </si>
  <si>
    <t>7227249.0</t>
  </si>
  <si>
    <t>1449.356</t>
  </si>
  <si>
    <t>25581.0</t>
  </si>
  <si>
    <t>7244017.0</t>
  </si>
  <si>
    <t>3806936.0</t>
  </si>
  <si>
    <t>3676858.0</t>
  </si>
  <si>
    <t>144.21</t>
  </si>
  <si>
    <t>7250238.0</t>
  </si>
  <si>
    <t>1453.966</t>
  </si>
  <si>
    <t>25570.0</t>
  </si>
  <si>
    <t>7254178.0</t>
  </si>
  <si>
    <t>3808935.0</t>
  </si>
  <si>
    <t>3685117.0</t>
  </si>
  <si>
    <t>7280179.0</t>
  </si>
  <si>
    <t>29941.0</t>
  </si>
  <si>
    <t>1459.97</t>
  </si>
  <si>
    <t>7264696.0</t>
  </si>
  <si>
    <t>3810715.0</t>
  </si>
  <si>
    <t>3693944.0</t>
  </si>
  <si>
    <t>7307699.0</t>
  </si>
  <si>
    <t>27520.0</t>
  </si>
  <si>
    <t>1465.489</t>
  </si>
  <si>
    <t>7274090.0</t>
  </si>
  <si>
    <t>3812711.0</t>
  </si>
  <si>
    <t>3701423.0</t>
  </si>
  <si>
    <t>7334156.0</t>
  </si>
  <si>
    <t>1470.795</t>
  </si>
  <si>
    <t>5.306</t>
  </si>
  <si>
    <t>25265.0</t>
  </si>
  <si>
    <t>7283178.0</t>
  </si>
  <si>
    <t>3815188.0</t>
  </si>
  <si>
    <t>3708087.0</t>
  </si>
  <si>
    <t>144.99</t>
  </si>
  <si>
    <t>7359404.0</t>
  </si>
  <si>
    <t>25248.0</t>
  </si>
  <si>
    <t>1475.858</t>
  </si>
  <si>
    <t>7291829.0</t>
  </si>
  <si>
    <t>3816738.0</t>
  </si>
  <si>
    <t>3715188.0</t>
  </si>
  <si>
    <t>145.17</t>
  </si>
  <si>
    <t>7379332.0</t>
  </si>
  <si>
    <t>1479.854</t>
  </si>
  <si>
    <t>24561.0</t>
  </si>
  <si>
    <t>7297924.0</t>
  </si>
  <si>
    <t>3817963.0</t>
  </si>
  <si>
    <t>3719067.0</t>
  </si>
  <si>
    <t>7395125.0</t>
  </si>
  <si>
    <t>1483.021</t>
  </si>
  <si>
    <t>7305161.0</t>
  </si>
  <si>
    <t>3819511.0</t>
  </si>
  <si>
    <t>3724315.0</t>
  </si>
  <si>
    <t>7414099.0</t>
  </si>
  <si>
    <t>1486.827</t>
  </si>
  <si>
    <t>7311227.0</t>
  </si>
  <si>
    <t>3821245.0</t>
  </si>
  <si>
    <t>3728030.0</t>
  </si>
  <si>
    <t>7438579.0</t>
  </si>
  <si>
    <t>1491.736</t>
  </si>
  <si>
    <t>22629.0</t>
  </si>
  <si>
    <t>7318341.0</t>
  </si>
  <si>
    <t>3822598.0</t>
  </si>
  <si>
    <t>3732097.0</t>
  </si>
  <si>
    <t>145.69</t>
  </si>
  <si>
    <t>7461563.0</t>
  </si>
  <si>
    <t>22984.0</t>
  </si>
  <si>
    <t>1496.345</t>
  </si>
  <si>
    <t>7328231.0</t>
  </si>
  <si>
    <t>3824514.0</t>
  </si>
  <si>
    <t>3737339.0</t>
  </si>
  <si>
    <t>1977.2</t>
  </si>
  <si>
    <t>393.620841916996</t>
  </si>
  <si>
    <t>7482586.0</t>
  </si>
  <si>
    <t>21023.0</t>
  </si>
  <si>
    <t>1500.561</t>
  </si>
  <si>
    <t>21204.0</t>
  </si>
  <si>
    <t>7335357.0</t>
  </si>
  <si>
    <t>3826239.0</t>
  </si>
  <si>
    <t>3741483.0</t>
  </si>
  <si>
    <t>146.03</t>
  </si>
  <si>
    <t>7503194.0</t>
  </si>
  <si>
    <t>20608.0</t>
  </si>
  <si>
    <t>1504.694</t>
  </si>
  <si>
    <t>7340788.0</t>
  </si>
  <si>
    <t>3827445.0</t>
  </si>
  <si>
    <t>3744514.0</t>
  </si>
  <si>
    <t>7520197.0</t>
  </si>
  <si>
    <t>1508.103</t>
  </si>
  <si>
    <t>20124.0</t>
  </si>
  <si>
    <t>7347294.0</t>
  </si>
  <si>
    <t>3827812.0</t>
  </si>
  <si>
    <t>3745775.0</t>
  </si>
  <si>
    <t>7534087.0</t>
  </si>
  <si>
    <t>1510.889</t>
  </si>
  <si>
    <t>19852.0</t>
  </si>
  <si>
    <t>7359961.0</t>
  </si>
  <si>
    <t>3828842.0</t>
  </si>
  <si>
    <t>3748682.0</t>
  </si>
  <si>
    <t>146.52</t>
  </si>
  <si>
    <t>7551776.0</t>
  </si>
  <si>
    <t>1514.436</t>
  </si>
  <si>
    <t>7375994.0</t>
  </si>
  <si>
    <t>3829855.0</t>
  </si>
  <si>
    <t>3751305.0</t>
  </si>
  <si>
    <t>7575551.0</t>
  </si>
  <si>
    <t>1519.204</t>
  </si>
  <si>
    <t>19567.0</t>
  </si>
  <si>
    <t>7392003.0</t>
  </si>
  <si>
    <t>3831112.0</t>
  </si>
  <si>
    <t>3754065.0</t>
  </si>
  <si>
    <t>16009.0</t>
  </si>
  <si>
    <t>147.16</t>
  </si>
  <si>
    <t>7598325.0</t>
  </si>
  <si>
    <t>1523.771</t>
  </si>
  <si>
    <t>7408258.0</t>
  </si>
  <si>
    <t>3832076.0</t>
  </si>
  <si>
    <t>3756863.0</t>
  </si>
  <si>
    <t>60024.0</t>
  </si>
  <si>
    <t>7621371.0</t>
  </si>
  <si>
    <t>1528.393</t>
  </si>
  <si>
    <t>7417996.0</t>
  </si>
  <si>
    <t>3832823.0</t>
  </si>
  <si>
    <t>3759254.0</t>
  </si>
  <si>
    <t>7641579.0</t>
  </si>
  <si>
    <t>20208.0</t>
  </si>
  <si>
    <t>1532.445</t>
  </si>
  <si>
    <t>7424756.0</t>
  </si>
  <si>
    <t>3834344.0</t>
  </si>
  <si>
    <t>3763182.0</t>
  </si>
  <si>
    <t>67960.0</t>
  </si>
  <si>
    <t>11995.0</t>
  </si>
  <si>
    <t>7659518.0</t>
  </si>
  <si>
    <t>1536.043</t>
  </si>
  <si>
    <t>7432954.0</t>
  </si>
  <si>
    <t>3834698.0</t>
  </si>
  <si>
    <t>3764342.0</t>
  </si>
  <si>
    <t>74663.0</t>
  </si>
  <si>
    <t>7674476.0</t>
  </si>
  <si>
    <t>1539.043</t>
  </si>
  <si>
    <t>7445823.0</t>
  </si>
  <si>
    <t>3835282.0</t>
  </si>
  <si>
    <t>3765991.0</t>
  </si>
  <si>
    <t>85320.0</t>
  </si>
  <si>
    <t>7692403.0</t>
  </si>
  <si>
    <t>1542.638</t>
  </si>
  <si>
    <t>20090.0</t>
  </si>
  <si>
    <t>7460970.0</t>
  </si>
  <si>
    <t>3836283.0</t>
  </si>
  <si>
    <t>3768085.0</t>
  </si>
  <si>
    <t>97383.0</t>
  </si>
  <si>
    <t>12139.0</t>
  </si>
  <si>
    <t>7717990.0</t>
  </si>
  <si>
    <t>1547.769</t>
  </si>
  <si>
    <t>7477585.0</t>
  </si>
  <si>
    <t>3836946.0</t>
  </si>
  <si>
    <t>3769708.0</t>
  </si>
  <si>
    <t>111721.0</t>
  </si>
  <si>
    <t>148.86</t>
  </si>
  <si>
    <t>7742894.0</t>
  </si>
  <si>
    <t>1552.763</t>
  </si>
  <si>
    <t>7491717.0</t>
  </si>
  <si>
    <t>3837913.0</t>
  </si>
  <si>
    <t>3771802.0</t>
  </si>
  <si>
    <t>122802.0</t>
  </si>
  <si>
    <t>7766231.0</t>
  </si>
  <si>
    <t>1557.443</t>
  </si>
  <si>
    <t>7503683.0</t>
  </si>
  <si>
    <t>3839311.0</t>
  </si>
  <si>
    <t>3774468.0</t>
  </si>
  <si>
    <t>130718.0</t>
  </si>
  <si>
    <t>14.135</t>
  </si>
  <si>
    <t>7789636.0</t>
  </si>
  <si>
    <t>1562.137</t>
  </si>
  <si>
    <t>7509987.0</t>
  </si>
  <si>
    <t>3841022.0</t>
  </si>
  <si>
    <t>3777363.0</t>
  </si>
  <si>
    <t>132419.0</t>
  </si>
  <si>
    <t>76.903</t>
  </si>
  <si>
    <t>7809674.0</t>
  </si>
  <si>
    <t>20038.0</t>
  </si>
  <si>
    <t>1566.155</t>
  </si>
  <si>
    <t>21451.0</t>
  </si>
  <si>
    <t>7516967.0</t>
  </si>
  <si>
    <t>3841707.0</t>
  </si>
  <si>
    <t>3778631.0</t>
  </si>
  <si>
    <t>137452.0</t>
  </si>
  <si>
    <t>149.65</t>
  </si>
  <si>
    <t>7827779.0</t>
  </si>
  <si>
    <t>1569.786</t>
  </si>
  <si>
    <t>7530198.0</t>
  </si>
  <si>
    <t>3843063.0</t>
  </si>
  <si>
    <t>3780457.0</t>
  </si>
  <si>
    <t>7849137.0</t>
  </si>
  <si>
    <t>21358.0</t>
  </si>
  <si>
    <t>1574.069</t>
  </si>
  <si>
    <t>7544838.0</t>
  </si>
  <si>
    <t>3845324.0</t>
  </si>
  <si>
    <t>3782802.0</t>
  </si>
  <si>
    <t>157548.0</t>
  </si>
  <si>
    <t>7876554.0</t>
  </si>
  <si>
    <t>1579.567</t>
  </si>
  <si>
    <t>22652.0</t>
  </si>
  <si>
    <t>7559855.0</t>
  </si>
  <si>
    <t>3847066.0</t>
  </si>
  <si>
    <t>3784670.0</t>
  </si>
  <si>
    <t>7903893.0</t>
  </si>
  <si>
    <t>1585.05</t>
  </si>
  <si>
    <t>5.483</t>
  </si>
  <si>
    <t>23000.0</t>
  </si>
  <si>
    <t>7571461.0</t>
  </si>
  <si>
    <t>3848578.0</t>
  </si>
  <si>
    <t>3786611.0</t>
  </si>
  <si>
    <t>177122.0</t>
  </si>
  <si>
    <t>150.73</t>
  </si>
  <si>
    <t>7929127.0</t>
  </si>
  <si>
    <t>1590.11</t>
  </si>
  <si>
    <t>7576656.0</t>
  </si>
  <si>
    <t>3850597.0</t>
  </si>
  <si>
    <t>3788323.0</t>
  </si>
  <si>
    <t>178587.0</t>
  </si>
  <si>
    <t>150.84</t>
  </si>
  <si>
    <t>7952161.0</t>
  </si>
  <si>
    <t>1594.73</t>
  </si>
  <si>
    <t>23218.0</t>
  </si>
  <si>
    <t>7582184.0</t>
  </si>
  <si>
    <t>3852558.0</t>
  </si>
  <si>
    <t>3790515.0</t>
  </si>
  <si>
    <t>150.95</t>
  </si>
  <si>
    <t>7971276.0</t>
  </si>
  <si>
    <t>1598.563</t>
  </si>
  <si>
    <t>7584841.0</t>
  </si>
  <si>
    <t>3853798.0</t>
  </si>
  <si>
    <t>3791382.0</t>
  </si>
  <si>
    <t>180516.0</t>
  </si>
  <si>
    <t>7988409.0</t>
  </si>
  <si>
    <t>1601.999</t>
  </si>
  <si>
    <t>22947.0</t>
  </si>
  <si>
    <t>7591889.0</t>
  </si>
  <si>
    <t>3855051.0</t>
  </si>
  <si>
    <t>3792625.0</t>
  </si>
  <si>
    <t>185074.0</t>
  </si>
  <si>
    <t>8004934.0</t>
  </si>
  <si>
    <t>1605.313</t>
  </si>
  <si>
    <t>7602285.0</t>
  </si>
  <si>
    <t>3856625.0</t>
  </si>
  <si>
    <t>3794066.0</t>
  </si>
  <si>
    <t>192461.0</t>
  </si>
  <si>
    <t>8027391.0</t>
  </si>
  <si>
    <t>1609.816</t>
  </si>
  <si>
    <t>7613634.0</t>
  </si>
  <si>
    <t>3858789.0</t>
  </si>
  <si>
    <t>3795774.0</t>
  </si>
  <si>
    <t>199943.0</t>
  </si>
  <si>
    <t>8052606.0</t>
  </si>
  <si>
    <t>1614.873</t>
  </si>
  <si>
    <t>7623942.0</t>
  </si>
  <si>
    <t>3860939.0</t>
  </si>
  <si>
    <t>3797158.0</t>
  </si>
  <si>
    <t>206719.0</t>
  </si>
  <si>
    <t>8077516.0</t>
  </si>
  <si>
    <t>1619.868</t>
  </si>
  <si>
    <t>7629616.0</t>
  </si>
  <si>
    <t>3862961.0</t>
  </si>
  <si>
    <t>3798616.0</t>
  </si>
  <si>
    <t>208914.0</t>
  </si>
  <si>
    <t>151.89</t>
  </si>
  <si>
    <t>8102768.0</t>
  </si>
  <si>
    <t>25252.0</t>
  </si>
  <si>
    <t>1624.932</t>
  </si>
  <si>
    <t>21515.0</t>
  </si>
  <si>
    <t>7633564.0</t>
  </si>
  <si>
    <t>3864561.0</t>
  </si>
  <si>
    <t>3799938.0</t>
  </si>
  <si>
    <t>209940.0</t>
  </si>
  <si>
    <t>80.898</t>
  </si>
  <si>
    <t>8125163.0</t>
  </si>
  <si>
    <t>22395.0</t>
  </si>
  <si>
    <t>1629.424</t>
  </si>
  <si>
    <t>2315.2</t>
  </si>
  <si>
    <t>460.909858995666</t>
  </si>
  <si>
    <t>8146604.0</t>
  </si>
  <si>
    <t>1633.723</t>
  </si>
  <si>
    <t>7637071.0</t>
  </si>
  <si>
    <t>3864855.0</t>
  </si>
  <si>
    <t>3800240.0</t>
  </si>
  <si>
    <t>212853.0</t>
  </si>
  <si>
    <t>8167603.0</t>
  </si>
  <si>
    <t>1637.935</t>
  </si>
  <si>
    <t>7647715.0</t>
  </si>
  <si>
    <t>3865965.0</t>
  </si>
  <si>
    <t>3801350.0</t>
  </si>
  <si>
    <t>221287.0</t>
  </si>
  <si>
    <t>8197624.0</t>
  </si>
  <si>
    <t>1643.955</t>
  </si>
  <si>
    <t>7660832.0</t>
  </si>
  <si>
    <t>3868511.0</t>
  </si>
  <si>
    <t>3803243.0</t>
  </si>
  <si>
    <t>229972.0</t>
  </si>
  <si>
    <t>8226535.0</t>
  </si>
  <si>
    <t>28911.0</t>
  </si>
  <si>
    <t>1649.753</t>
  </si>
  <si>
    <t>4.983</t>
  </si>
  <si>
    <t>7675970.0</t>
  </si>
  <si>
    <t>3870050.0</t>
  </si>
  <si>
    <t>3804537.0</t>
  </si>
  <si>
    <t>242279.0</t>
  </si>
  <si>
    <t>15138.0</t>
  </si>
  <si>
    <t>8253971.0</t>
  </si>
  <si>
    <t>27436.0</t>
  </si>
  <si>
    <t>1655.255</t>
  </si>
  <si>
    <t>5.502</t>
  </si>
  <si>
    <t>25208.0</t>
  </si>
  <si>
    <t>7693069.0</t>
  </si>
  <si>
    <t>3871684.0</t>
  </si>
  <si>
    <t>3805645.0</t>
  </si>
  <si>
    <t>256640.0</t>
  </si>
  <si>
    <t>8281203.0</t>
  </si>
  <si>
    <t>27232.0</t>
  </si>
  <si>
    <t>1660.716</t>
  </si>
  <si>
    <t>25491.0</t>
  </si>
  <si>
    <t>7707656.0</t>
  </si>
  <si>
    <t>3873512.0</t>
  </si>
  <si>
    <t>3807015.0</t>
  </si>
  <si>
    <t>268035.0</t>
  </si>
  <si>
    <t>8306827.0</t>
  </si>
  <si>
    <t>1665.855</t>
  </si>
  <si>
    <t>5.204</t>
  </si>
  <si>
    <t>7720418.0</t>
  </si>
  <si>
    <t>3874210.0</t>
  </si>
  <si>
    <t>3807790.0</t>
  </si>
  <si>
    <t>8329165.0</t>
  </si>
  <si>
    <t>1670.334</t>
  </si>
  <si>
    <t>7736297.0</t>
  </si>
  <si>
    <t>3874731.0</t>
  </si>
  <si>
    <t>3808331.0</t>
  </si>
  <si>
    <t>294145.0</t>
  </si>
  <si>
    <t>8354963.0</t>
  </si>
  <si>
    <t>25798.0</t>
  </si>
  <si>
    <t>1675.508</t>
  </si>
  <si>
    <t>7762109.0</t>
  </si>
  <si>
    <t>3876108.0</t>
  </si>
  <si>
    <t>3809409.0</t>
  </si>
  <si>
    <t>317506.0</t>
  </si>
  <si>
    <t>25812.0</t>
  </si>
  <si>
    <t>8385638.0</t>
  </si>
  <si>
    <t>30675.0</t>
  </si>
  <si>
    <t>1681.659</t>
  </si>
  <si>
    <t>26859.0</t>
  </si>
  <si>
    <t>7792133.0</t>
  </si>
  <si>
    <t>3877712.0</t>
  </si>
  <si>
    <t>3810780.0</t>
  </si>
  <si>
    <t>344557.0</t>
  </si>
  <si>
    <t>30024.0</t>
  </si>
  <si>
    <t>18757.0</t>
  </si>
  <si>
    <t>8416888.0</t>
  </si>
  <si>
    <t>31250.0</t>
  </si>
  <si>
    <t>1687.926</t>
  </si>
  <si>
    <t>7824851.0</t>
  </si>
  <si>
    <t>3879108.0</t>
  </si>
  <si>
    <t>3811908.0</t>
  </si>
  <si>
    <t>374753.0</t>
  </si>
  <si>
    <t>32718.0</t>
  </si>
  <si>
    <t>8447049.0</t>
  </si>
  <si>
    <t>1693.975</t>
  </si>
  <si>
    <t>7853412.0</t>
  </si>
  <si>
    <t>3880257.0</t>
  </si>
  <si>
    <t>3813075.0</t>
  </si>
  <si>
    <t>401004.0</t>
  </si>
  <si>
    <t>156.35</t>
  </si>
  <si>
    <t>8476177.0</t>
  </si>
  <si>
    <t>1699.816</t>
  </si>
  <si>
    <t>7876288.0</t>
  </si>
  <si>
    <t>3881653.0</t>
  </si>
  <si>
    <t>3814460.0</t>
  </si>
  <si>
    <t>8502239.0</t>
  </si>
  <si>
    <t>1705.043</t>
  </si>
  <si>
    <t>5.226</t>
  </si>
  <si>
    <t>7889004.0</t>
  </si>
  <si>
    <t>3883300.0</t>
  </si>
  <si>
    <t>3816269.0</t>
  </si>
  <si>
    <t>430360.0</t>
  </si>
  <si>
    <t>8527244.0</t>
  </si>
  <si>
    <t>1710.057</t>
  </si>
  <si>
    <t>5.015</t>
  </si>
  <si>
    <t>7905862.0</t>
  </si>
  <si>
    <t>3884544.0</t>
  </si>
  <si>
    <t>3816868.0</t>
  </si>
  <si>
    <t>445376.0</t>
  </si>
  <si>
    <t>8554711.0</t>
  </si>
  <si>
    <t>1715.565</t>
  </si>
  <si>
    <t>28535.0</t>
  </si>
  <si>
    <t>7936608.0</t>
  </si>
  <si>
    <t>3885865.0</t>
  </si>
  <si>
    <t>3817955.0</t>
  </si>
  <si>
    <t>473719.0</t>
  </si>
  <si>
    <t>23.691</t>
  </si>
  <si>
    <t>8586684.0</t>
  </si>
  <si>
    <t>1721.977</t>
  </si>
  <si>
    <t>6.412</t>
  </si>
  <si>
    <t>28721.0</t>
  </si>
  <si>
    <t>7972754.0</t>
  </si>
  <si>
    <t>3887372.0</t>
  </si>
  <si>
    <t>3819081.0</t>
  </si>
  <si>
    <t>507235.0</t>
  </si>
  <si>
    <t>8619099.0</t>
  </si>
  <si>
    <t>1728.478</t>
  </si>
  <si>
    <t>8015346.0</t>
  </si>
  <si>
    <t>3889017.0</t>
  </si>
  <si>
    <t>3821601.0</t>
  </si>
  <si>
    <t>545667.0</t>
  </si>
  <si>
    <t>8649858.0</t>
  </si>
  <si>
    <t>30759.0</t>
  </si>
  <si>
    <t>1734.646</t>
  </si>
  <si>
    <t>8049671.0</t>
  </si>
  <si>
    <t>3890183.0</t>
  </si>
  <si>
    <t>3823164.0</t>
  </si>
  <si>
    <t>577263.0</t>
  </si>
  <si>
    <t>34325.0</t>
  </si>
  <si>
    <t>8680962.0</t>
  </si>
  <si>
    <t>1740.884</t>
  </si>
  <si>
    <t>29255.0</t>
  </si>
  <si>
    <t>8075523.0</t>
  </si>
  <si>
    <t>3891742.0</t>
  </si>
  <si>
    <t>3826125.0</t>
  </si>
  <si>
    <t>598607.0</t>
  </si>
  <si>
    <t>25852.0</t>
  </si>
  <si>
    <t>8709645.0</t>
  </si>
  <si>
    <t>28683.0</t>
  </si>
  <si>
    <t>1746.636</t>
  </si>
  <si>
    <t>8093347.0</t>
  </si>
  <si>
    <t>3893531.0</t>
  </si>
  <si>
    <t>3828896.0</t>
  </si>
  <si>
    <t>611871.0</t>
  </si>
  <si>
    <t>8736635.0</t>
  </si>
  <si>
    <t>26990.0</t>
  </si>
  <si>
    <t>1752.048</t>
  </si>
  <si>
    <t>8111226.0</t>
  </si>
  <si>
    <t>3894259.0</t>
  </si>
  <si>
    <t>3829420.0</t>
  </si>
  <si>
    <t>628501.0</t>
  </si>
  <si>
    <t>8766909.0</t>
  </si>
  <si>
    <t>1758.12</t>
  </si>
  <si>
    <t>8148243.0</t>
  </si>
  <si>
    <t>3896423.0</t>
  </si>
  <si>
    <t>3831027.0</t>
  </si>
  <si>
    <t>661755.0</t>
  </si>
  <si>
    <t>37017.0</t>
  </si>
  <si>
    <t>30234.0</t>
  </si>
  <si>
    <t>162.22</t>
  </si>
  <si>
    <t>8798531.0</t>
  </si>
  <si>
    <t>1764.461</t>
  </si>
  <si>
    <t>30264.0</t>
  </si>
  <si>
    <t>6.069</t>
  </si>
  <si>
    <t>8188646.0</t>
  </si>
  <si>
    <t>3898040.0</t>
  </si>
  <si>
    <t>3834182.0</t>
  </si>
  <si>
    <t>697388.0</t>
  </si>
  <si>
    <t>119.05</t>
  </si>
  <si>
    <t>8833815.0</t>
  </si>
  <si>
    <t>35284.0</t>
  </si>
  <si>
    <t>1771.537</t>
  </si>
  <si>
    <t>8231720.0</t>
  </si>
  <si>
    <t>3899024.0</t>
  </si>
  <si>
    <t>3835374.0</t>
  </si>
  <si>
    <t>738288.0</t>
  </si>
  <si>
    <t>30911.0</t>
  </si>
  <si>
    <t>113.874</t>
  </si>
  <si>
    <t>8866741.0</t>
  </si>
  <si>
    <t>32926.0</t>
  </si>
  <si>
    <t>1778.14</t>
  </si>
  <si>
    <t>30983.0</t>
  </si>
  <si>
    <t>8270142.0</t>
  </si>
  <si>
    <t>3900315.0</t>
  </si>
  <si>
    <t>3836500.0</t>
  </si>
  <si>
    <t>774305.0</t>
  </si>
  <si>
    <t>164.64</t>
  </si>
  <si>
    <t>8900931.0</t>
  </si>
  <si>
    <t>1784.996</t>
  </si>
  <si>
    <t>31424.0</t>
  </si>
  <si>
    <t>8297489.0</t>
  </si>
  <si>
    <t>3901521.0</t>
  </si>
  <si>
    <t>3838072.0</t>
  </si>
  <si>
    <t>798880.0</t>
  </si>
  <si>
    <t>165.19</t>
  </si>
  <si>
    <t>8929392.0</t>
  </si>
  <si>
    <t>1790.704</t>
  </si>
  <si>
    <t>5.708</t>
  </si>
  <si>
    <t>31392.0</t>
  </si>
  <si>
    <t>8317824.0</t>
  </si>
  <si>
    <t>3903484.0</t>
  </si>
  <si>
    <t>3840336.0</t>
  </si>
  <si>
    <t>814989.0</t>
  </si>
  <si>
    <t>165.59</t>
  </si>
  <si>
    <t>8958961.0</t>
  </si>
  <si>
    <t>1796.634</t>
  </si>
  <si>
    <t>31761.0</t>
  </si>
  <si>
    <t>8341001.0</t>
  </si>
  <si>
    <t>3904022.0</t>
  </si>
  <si>
    <t>3841342.0</t>
  </si>
  <si>
    <t>836624.0</t>
  </si>
  <si>
    <t>32825.0</t>
  </si>
  <si>
    <t>8989643.0</t>
  </si>
  <si>
    <t>1802.787</t>
  </si>
  <si>
    <t>31819.0</t>
  </si>
  <si>
    <t>8383422.0</t>
  </si>
  <si>
    <t>3905923.0</t>
  </si>
  <si>
    <t>3842998.0</t>
  </si>
  <si>
    <t>875494.0</t>
  </si>
  <si>
    <t>42421.0</t>
  </si>
  <si>
    <t>2756.2</t>
  </si>
  <si>
    <t>548.704109089432</t>
  </si>
  <si>
    <t>9023967.0</t>
  </si>
  <si>
    <t>1809.67</t>
  </si>
  <si>
    <t>6.458</t>
  </si>
  <si>
    <t>8425169.0</t>
  </si>
  <si>
    <t>3906999.0</t>
  </si>
  <si>
    <t>3844392.0</t>
  </si>
  <si>
    <t>914775.0</t>
  </si>
  <si>
    <t>41747.0</t>
  </si>
  <si>
    <t>167.73</t>
  </si>
  <si>
    <t>9060091.0</t>
  </si>
  <si>
    <t>1816.914</t>
  </si>
  <si>
    <t>32325.0</t>
  </si>
  <si>
    <t>8468377.0</t>
  </si>
  <si>
    <t>3908736.0</t>
  </si>
  <si>
    <t>3845807.0</t>
  </si>
  <si>
    <t>954831.0</t>
  </si>
  <si>
    <t>43208.0</t>
  </si>
  <si>
    <t>9093555.0</t>
  </si>
  <si>
    <t>1823.625</t>
  </si>
  <si>
    <t>8506875.0</t>
  </si>
  <si>
    <t>3909754.0</t>
  </si>
  <si>
    <t>3847008.0</t>
  </si>
  <si>
    <t>991112.0</t>
  </si>
  <si>
    <t>9128110.0</t>
  </si>
  <si>
    <t>1830.555</t>
  </si>
  <si>
    <t>32454.0</t>
  </si>
  <si>
    <t>8533170.0</t>
  </si>
  <si>
    <t>3910960.0</t>
  </si>
  <si>
    <t>3848713.0</t>
  </si>
  <si>
    <t>1014498.0</t>
  </si>
  <si>
    <t>169.88</t>
  </si>
  <si>
    <t>6.592</t>
  </si>
  <si>
    <t>9158559.0</t>
  </si>
  <si>
    <t>1836.661</t>
  </si>
  <si>
    <t>6.106</t>
  </si>
  <si>
    <t>32738.0</t>
  </si>
  <si>
    <t>8551512.0</t>
  </si>
  <si>
    <t>3912311.0</t>
  </si>
  <si>
    <t>3850493.0</t>
  </si>
  <si>
    <t>1029711.0</t>
  </si>
  <si>
    <t>33384.0</t>
  </si>
  <si>
    <t>9188665.0</t>
  </si>
  <si>
    <t>1842.699</t>
  </si>
  <si>
    <t>32815.0</t>
  </si>
  <si>
    <t>8575940.0</t>
  </si>
  <si>
    <t>3913249.0</t>
  </si>
  <si>
    <t>3851798.0</t>
  </si>
  <si>
    <t>1051896.0</t>
  </si>
  <si>
    <t>170.73</t>
  </si>
  <si>
    <t>9218646.0</t>
  </si>
  <si>
    <t>1848.711</t>
  </si>
  <si>
    <t>32715.0</t>
  </si>
  <si>
    <t>8606378.0</t>
  </si>
  <si>
    <t>3913736.0</t>
  </si>
  <si>
    <t>3852550.0</t>
  </si>
  <si>
    <t>1081097.0</t>
  </si>
  <si>
    <t>9253153.0</t>
  </si>
  <si>
    <t>1855.631</t>
  </si>
  <si>
    <t>6.566</t>
  </si>
  <si>
    <t>8645936.0</t>
  </si>
  <si>
    <t>3914535.0</t>
  </si>
  <si>
    <t>3854078.0</t>
  </si>
  <si>
    <t>1118330.0</t>
  </si>
  <si>
    <t>172.12</t>
  </si>
  <si>
    <t>105.512</t>
  </si>
  <si>
    <t>9280434.0</t>
  </si>
  <si>
    <t>27281.0</t>
  </si>
  <si>
    <t>1861.102</t>
  </si>
  <si>
    <t>8694248.0</t>
  </si>
  <si>
    <t>3915321.0</t>
  </si>
  <si>
    <t>3855292.0</t>
  </si>
  <si>
    <t>1164643.0</t>
  </si>
  <si>
    <t>48312.0</t>
  </si>
  <si>
    <t>32267.0</t>
  </si>
  <si>
    <t>101.73</t>
  </si>
  <si>
    <t>9311064.0</t>
  </si>
  <si>
    <t>30630.0</t>
  </si>
  <si>
    <t>1867.245</t>
  </si>
  <si>
    <t>6.143</t>
  </si>
  <si>
    <t>31073.0</t>
  </si>
  <si>
    <t>8737930.0</t>
  </si>
  <si>
    <t>3916216.0</t>
  </si>
  <si>
    <t>3856911.0</t>
  </si>
  <si>
    <t>1205812.0</t>
  </si>
  <si>
    <t>43682.0</t>
  </si>
  <si>
    <t>173.95</t>
  </si>
  <si>
    <t>9345603.0</t>
  </si>
  <si>
    <t>1874.171</t>
  </si>
  <si>
    <t>8768596.0</t>
  </si>
  <si>
    <t>3916862.0</t>
  </si>
  <si>
    <t>3857759.0</t>
  </si>
  <si>
    <t>1234986.0</t>
  </si>
  <si>
    <t>174.57</t>
  </si>
  <si>
    <t>7.391</t>
  </si>
  <si>
    <t>9378034.0</t>
  </si>
  <si>
    <t>32431.0</t>
  </si>
  <si>
    <t>1880.675</t>
  </si>
  <si>
    <t>8797043.0</t>
  </si>
  <si>
    <t>3917548.0</t>
  </si>
  <si>
    <t>3858952.0</t>
  </si>
  <si>
    <t>1261554.0</t>
  </si>
  <si>
    <t>35076.0</t>
  </si>
  <si>
    <t>9405483.0</t>
  </si>
  <si>
    <t>1886.179</t>
  </si>
  <si>
    <t>8830607.0</t>
  </si>
  <si>
    <t>3918273.0</t>
  </si>
  <si>
    <t>3860024.0</t>
  </si>
  <si>
    <t>1293322.0</t>
  </si>
  <si>
    <t>9432775.0</t>
  </si>
  <si>
    <t>1891.653</t>
  </si>
  <si>
    <t>30590.0</t>
  </si>
  <si>
    <t>6.135</t>
  </si>
  <si>
    <t>8886080.0</t>
  </si>
  <si>
    <t>3918907.0</t>
  </si>
  <si>
    <t>3861231.0</t>
  </si>
  <si>
    <t>1346957.0</t>
  </si>
  <si>
    <t>55473.0</t>
  </si>
  <si>
    <t>39957.0</t>
  </si>
  <si>
    <t>9469175.0</t>
  </si>
  <si>
    <t>1898.952</t>
  </si>
  <si>
    <t>30860.0</t>
  </si>
  <si>
    <t>8945808.0</t>
  </si>
  <si>
    <t>3919700.0</t>
  </si>
  <si>
    <t>3862490.0</t>
  </si>
  <si>
    <t>1404634.0</t>
  </si>
  <si>
    <t>59728.0</t>
  </si>
  <si>
    <t>42839.0</t>
  </si>
  <si>
    <t>178.09</t>
  </si>
  <si>
    <t>9504453.0</t>
  </si>
  <si>
    <t>35278.0</t>
  </si>
  <si>
    <t>1906.027</t>
  </si>
  <si>
    <t>32003.0</t>
  </si>
  <si>
    <t>9014862.0</t>
  </si>
  <si>
    <t>3920757.0</t>
  </si>
  <si>
    <t>3864046.0</t>
  </si>
  <si>
    <t>1471083.0</t>
  </si>
  <si>
    <t>69054.0</t>
  </si>
  <si>
    <t>179.47</t>
  </si>
  <si>
    <t>9539177.0</t>
  </si>
  <si>
    <t>1912.991</t>
  </si>
  <si>
    <t>32588.0</t>
  </si>
  <si>
    <t>9084579.0</t>
  </si>
  <si>
    <t>3921955.0</t>
  </si>
  <si>
    <t>3866506.0</t>
  </si>
  <si>
    <t>1537143.0</t>
  </si>
  <si>
    <t>180.86</t>
  </si>
  <si>
    <t>9572582.0</t>
  </si>
  <si>
    <t>1919.69</t>
  </si>
  <si>
    <t>32426.0</t>
  </si>
  <si>
    <t>9133194.0</t>
  </si>
  <si>
    <t>3923206.0</t>
  </si>
  <si>
    <t>3867691.0</t>
  </si>
  <si>
    <t>52085.0</t>
  </si>
  <si>
    <t>9605150.0</t>
  </si>
  <si>
    <t>1926.221</t>
  </si>
  <si>
    <t>6.531</t>
  </si>
  <si>
    <t>9189572.0</t>
  </si>
  <si>
    <t>3923758.0</t>
  </si>
  <si>
    <t>3868585.0</t>
  </si>
  <si>
    <t>56378.0</t>
  </si>
  <si>
    <t>56076.0</t>
  </si>
  <si>
    <t>182.95</t>
  </si>
  <si>
    <t>92.97</t>
  </si>
  <si>
    <t>9632296.0</t>
  </si>
  <si>
    <t>1931.665</t>
  </si>
  <si>
    <t>5.444</t>
  </si>
  <si>
    <t>9284188.0</t>
  </si>
  <si>
    <t>3924275.0</t>
  </si>
  <si>
    <t>3869207.0</t>
  </si>
  <si>
    <t>1731734.0</t>
  </si>
  <si>
    <t>94616.0</t>
  </si>
  <si>
    <t>64797.0</t>
  </si>
  <si>
    <t>9667919.0</t>
  </si>
  <si>
    <t>35623.0</t>
  </si>
  <si>
    <t>1938.809</t>
  </si>
  <si>
    <t>33592.0</t>
  </si>
  <si>
    <t>6.737</t>
  </si>
  <si>
    <t>9417104.0</t>
  </si>
  <si>
    <t>3925685.0</t>
  </si>
  <si>
    <t>3871031.0</t>
  </si>
  <si>
    <t>1861419.0</t>
  </si>
  <si>
    <t>75861.0</t>
  </si>
  <si>
    <t>15102.0</t>
  </si>
  <si>
    <t>9706610.0</t>
  </si>
  <si>
    <t>38691.0</t>
  </si>
  <si>
    <t>1946.568</t>
  </si>
  <si>
    <t>7.759</t>
  </si>
  <si>
    <t>9552668.0</t>
  </si>
  <si>
    <t>3926852.0</t>
  </si>
  <si>
    <t>3872635.0</t>
  </si>
  <si>
    <t>1994214.0</t>
  </si>
  <si>
    <t>135564.0</t>
  </si>
  <si>
    <t>86694.0</t>
  </si>
  <si>
    <t>9747346.0</t>
  </si>
  <si>
    <t>1954.737</t>
  </si>
  <si>
    <t>34699.0</t>
  </si>
  <si>
    <t>9657247.0</t>
  </si>
  <si>
    <t>3927782.0</t>
  </si>
  <si>
    <t>3874034.0</t>
  </si>
  <si>
    <t>2096464.0</t>
  </si>
  <si>
    <t>104579.0</t>
  </si>
  <si>
    <t>91769.0</t>
  </si>
  <si>
    <t>9785988.0</t>
  </si>
  <si>
    <t>1962.486</t>
  </si>
  <si>
    <t>9668595.0</t>
  </si>
  <si>
    <t>3927883.0</t>
  </si>
  <si>
    <t>3874198.0</t>
  </si>
  <si>
    <t>2107547.0</t>
  </si>
  <si>
    <t>83431.0</t>
  </si>
  <si>
    <t>16609.0</t>
  </si>
  <si>
    <t>9829147.0</t>
  </si>
  <si>
    <t>1971.141</t>
  </si>
  <si>
    <t>9668626.0</t>
  </si>
  <si>
    <t>3927884.0</t>
  </si>
  <si>
    <t>3874204.0</t>
  </si>
  <si>
    <t>2107571.0</t>
  </si>
  <si>
    <t>15228.0</t>
  </si>
  <si>
    <t>9854735.0</t>
  </si>
  <si>
    <t>1976.273</t>
  </si>
  <si>
    <t>9668907.0</t>
  </si>
  <si>
    <t>3927896.0</t>
  </si>
  <si>
    <t>3874217.0</t>
  </si>
  <si>
    <t>2107827.0</t>
  </si>
  <si>
    <t>68476.0</t>
  </si>
  <si>
    <t>9868811.0</t>
  </si>
  <si>
    <t>1979.095</t>
  </si>
  <si>
    <t>33788.0</t>
  </si>
  <si>
    <t>9682770.0</t>
  </si>
  <si>
    <t>3928287.0</t>
  </si>
  <si>
    <t>3874807.0</t>
  </si>
  <si>
    <t>2120709.0</t>
  </si>
  <si>
    <t>192.76</t>
  </si>
  <si>
    <t>9895216.0</t>
  </si>
  <si>
    <t>1984.391</t>
  </si>
  <si>
    <t>5.295</t>
  </si>
  <si>
    <t>32471.0</t>
  </si>
  <si>
    <t>9707326.0</t>
  </si>
  <si>
    <t>3928755.0</t>
  </si>
  <si>
    <t>3875557.0</t>
  </si>
  <si>
    <t>2144047.0</t>
  </si>
  <si>
    <t>9934321.0</t>
  </si>
  <si>
    <t>39105.0</t>
  </si>
  <si>
    <t>1992.233</t>
  </si>
  <si>
    <t>7.842</t>
  </si>
  <si>
    <t>32530.0</t>
  </si>
  <si>
    <t>9762890.0</t>
  </si>
  <si>
    <t>3929813.0</t>
  </si>
  <si>
    <t>3876870.0</t>
  </si>
  <si>
    <t>2197240.0</t>
  </si>
  <si>
    <t>55564.0</t>
  </si>
  <si>
    <t>30032.0</t>
  </si>
  <si>
    <t>9980005.0</t>
  </si>
  <si>
    <t>2001.394</t>
  </si>
  <si>
    <t>9826526.0</t>
  </si>
  <si>
    <t>3930865.0</t>
  </si>
  <si>
    <t>3878070.0</t>
  </si>
  <si>
    <t>2258625.0</t>
  </si>
  <si>
    <t>63636.0</t>
  </si>
  <si>
    <t>24183.0</t>
  </si>
  <si>
    <t>195.63</t>
  </si>
  <si>
    <t>10025882.0</t>
  </si>
  <si>
    <t>2010.595</t>
  </si>
  <si>
    <t>9848034.0</t>
  </si>
  <si>
    <t>3931578.0</t>
  </si>
  <si>
    <t>3879752.0</t>
  </si>
  <si>
    <t>2277738.0</t>
  </si>
  <si>
    <t>25634.0</t>
  </si>
  <si>
    <t>2954.2</t>
  </si>
  <si>
    <t>588.121935662144</t>
  </si>
  <si>
    <t>10070558.0</t>
  </si>
  <si>
    <t>44676.0</t>
  </si>
  <si>
    <t>2019.554</t>
  </si>
  <si>
    <t>9857141.0</t>
  </si>
  <si>
    <t>3931647.0</t>
  </si>
  <si>
    <t>3879852.0</t>
  </si>
  <si>
    <t>2286676.0</t>
  </si>
  <si>
    <t>10103888.0</t>
  </si>
  <si>
    <t>2026.238</t>
  </si>
  <si>
    <t>35593.0</t>
  </si>
  <si>
    <t>9871922.0</t>
  </si>
  <si>
    <t>3931918.0</t>
  </si>
  <si>
    <t>3880481.0</t>
  </si>
  <si>
    <t>2300557.0</t>
  </si>
  <si>
    <t>196.53</t>
  </si>
  <si>
    <t>160.06</t>
  </si>
  <si>
    <t>10140850.0</t>
  </si>
  <si>
    <t>36962.0</t>
  </si>
  <si>
    <t>2033.65</t>
  </si>
  <si>
    <t>9893159.0</t>
  </si>
  <si>
    <t>3935551.0</t>
  </si>
  <si>
    <t>3881211.0</t>
  </si>
  <si>
    <t>2317432.0</t>
  </si>
  <si>
    <t>10180892.0</t>
  </si>
  <si>
    <t>40042.0</t>
  </si>
  <si>
    <t>2041.68</t>
  </si>
  <si>
    <t>9927091.0</t>
  </si>
  <si>
    <t>3936740.0</t>
  </si>
  <si>
    <t>3881997.0</t>
  </si>
  <si>
    <t>2349390.0</t>
  </si>
  <si>
    <t>33932.0</t>
  </si>
  <si>
    <t>31395.0</t>
  </si>
  <si>
    <t>10221440.0</t>
  </si>
  <si>
    <t>2049.812</t>
  </si>
  <si>
    <t>41017.0</t>
  </si>
  <si>
    <t>9971130.0</t>
  </si>
  <si>
    <t>3938879.0</t>
  </si>
  <si>
    <t>3882910.0</t>
  </si>
  <si>
    <t>2390377.0</t>
  </si>
  <si>
    <t>10270652.0</t>
  </si>
  <si>
    <t>49212.0</t>
  </si>
  <si>
    <t>2059.681</t>
  </si>
  <si>
    <t>10016852.0</t>
  </si>
  <si>
    <t>3941334.0</t>
  </si>
  <si>
    <t>3884609.0</t>
  </si>
  <si>
    <t>2431946.0</t>
  </si>
  <si>
    <t>45722.0</t>
  </si>
  <si>
    <t>199.42</t>
  </si>
  <si>
    <t>10313093.0</t>
  </si>
  <si>
    <t>2068.192</t>
  </si>
  <si>
    <t>8.511</t>
  </si>
  <si>
    <t>41030.0</t>
  </si>
  <si>
    <t>10053908.0</t>
  </si>
  <si>
    <t>3946190.0</t>
  </si>
  <si>
    <t>3885394.0</t>
  </si>
  <si>
    <t>2463363.0</t>
  </si>
  <si>
    <t>182.556</t>
  </si>
  <si>
    <t>10361833.0</t>
  </si>
  <si>
    <t>2077.966</t>
  </si>
  <si>
    <t>10079326.0</t>
  </si>
  <si>
    <t>3955981.0</t>
  </si>
  <si>
    <t>3886141.0</t>
  </si>
  <si>
    <t>2478245.0</t>
  </si>
  <si>
    <t>31741.0</t>
  </si>
  <si>
    <t>10405915.0</t>
  </si>
  <si>
    <t>2086.807</t>
  </si>
  <si>
    <t>43147.0</t>
  </si>
  <si>
    <t>10097362.0</t>
  </si>
  <si>
    <t>3963097.0</t>
  </si>
  <si>
    <t>3886808.0</t>
  </si>
  <si>
    <t>2488498.0</t>
  </si>
  <si>
    <t>10449854.0</t>
  </si>
  <si>
    <t>2095.618</t>
  </si>
  <si>
    <t>8.812</t>
  </si>
  <si>
    <t>44143.0</t>
  </si>
  <si>
    <t>10119324.0</t>
  </si>
  <si>
    <t>3969761.0</t>
  </si>
  <si>
    <t>3887319.0</t>
  </si>
  <si>
    <t>2503286.0</t>
  </si>
  <si>
    <t>32309.0</t>
  </si>
  <si>
    <t>10492825.0</t>
  </si>
  <si>
    <t>44562.0</t>
  </si>
  <si>
    <t>10149509.0</t>
  </si>
  <si>
    <t>3974541.0</t>
  </si>
  <si>
    <t>3888690.0</t>
  </si>
  <si>
    <t>2527321.0</t>
  </si>
  <si>
    <t>30185.0</t>
  </si>
  <si>
    <t>31774.0</t>
  </si>
  <si>
    <t>202.06</t>
  </si>
  <si>
    <t>10535155.0</t>
  </si>
  <si>
    <t>2112.724</t>
  </si>
  <si>
    <t>10183531.0</t>
  </si>
  <si>
    <t>3982102.0</t>
  </si>
  <si>
    <t>3889618.0</t>
  </si>
  <si>
    <t>2552855.0</t>
  </si>
  <si>
    <t>34022.0</t>
  </si>
  <si>
    <t>30343.0</t>
  </si>
  <si>
    <t>202.73</t>
  </si>
  <si>
    <t>201.27</t>
  </si>
  <si>
    <t>10577883.0</t>
  </si>
  <si>
    <t>2121.293</t>
  </si>
  <si>
    <t>8.569</t>
  </si>
  <si>
    <t>10217257.0</t>
  </si>
  <si>
    <t>3989423.0</t>
  </si>
  <si>
    <t>3890435.0</t>
  </si>
  <si>
    <t>2578443.0</t>
  </si>
  <si>
    <t>28629.0</t>
  </si>
  <si>
    <t>10615876.0</t>
  </si>
  <si>
    <t>2128.912</t>
  </si>
  <si>
    <t>7.619</t>
  </si>
  <si>
    <t>8.674</t>
  </si>
  <si>
    <t>10251392.0</t>
  </si>
  <si>
    <t>4000146.0</t>
  </si>
  <si>
    <t>3891270.0</t>
  </si>
  <si>
    <t>2601020.0</t>
  </si>
  <si>
    <t>204.08</t>
  </si>
  <si>
    <t>10651914.0</t>
  </si>
  <si>
    <t>36038.0</t>
  </si>
  <si>
    <t>2136.139</t>
  </si>
  <si>
    <t>41440.0</t>
  </si>
  <si>
    <t>10272743.0</t>
  </si>
  <si>
    <t>4008511.0</t>
  </si>
  <si>
    <t>3891924.0</t>
  </si>
  <si>
    <t>2613354.0</t>
  </si>
  <si>
    <t>21351.0</t>
  </si>
  <si>
    <t>27631.0</t>
  </si>
  <si>
    <t>10675246.0</t>
  </si>
  <si>
    <t>2140.818</t>
  </si>
  <si>
    <t>10287479.0</t>
  </si>
  <si>
    <t>4015477.0</t>
  </si>
  <si>
    <t>3893141.0</t>
  </si>
  <si>
    <t>2619908.0</t>
  </si>
  <si>
    <t>204.8</t>
  </si>
  <si>
    <t>10693522.0</t>
  </si>
  <si>
    <t>2144.483</t>
  </si>
  <si>
    <t>10302374.0</t>
  </si>
  <si>
    <t>4018039.0</t>
  </si>
  <si>
    <t>3893703.0</t>
  </si>
  <si>
    <t>2631679.0</t>
  </si>
  <si>
    <t>10714923.0</t>
  </si>
  <si>
    <t>2148.775</t>
  </si>
  <si>
    <t>31728.0</t>
  </si>
  <si>
    <t>10319676.0</t>
  </si>
  <si>
    <t>4022098.0</t>
  </si>
  <si>
    <t>3894158.0</t>
  </si>
  <si>
    <t>2644470.0</t>
  </si>
  <si>
    <t>24310.0</t>
  </si>
  <si>
    <t>10737873.0</t>
  </si>
  <si>
    <t>2153.378</t>
  </si>
  <si>
    <t>10335668.0</t>
  </si>
  <si>
    <t>4025585.0</t>
  </si>
  <si>
    <t>3894781.0</t>
  </si>
  <si>
    <t>2656352.0</t>
  </si>
  <si>
    <t>10758499.0</t>
  </si>
  <si>
    <t>2157.514</t>
  </si>
  <si>
    <t>10351155.0</t>
  </si>
  <si>
    <t>4029284.0</t>
  </si>
  <si>
    <t>3895719.0</t>
  </si>
  <si>
    <t>2667202.0</t>
  </si>
  <si>
    <t>19128.0</t>
  </si>
  <si>
    <t>10779338.0</t>
  </si>
  <si>
    <t>2161.693</t>
  </si>
  <si>
    <t>10364582.0</t>
  </si>
  <si>
    <t>4032536.0</t>
  </si>
  <si>
    <t>3896696.0</t>
  </si>
  <si>
    <t>2676400.0</t>
  </si>
  <si>
    <t>10799824.0</t>
  </si>
  <si>
    <t>2165.801</t>
  </si>
  <si>
    <t>21130.0</t>
  </si>
  <si>
    <t>10375599.0</t>
  </si>
  <si>
    <t>4036808.0</t>
  </si>
  <si>
    <t>3897340.0</t>
  </si>
  <si>
    <t>2682501.0</t>
  </si>
  <si>
    <t>206.56</t>
  </si>
  <si>
    <t>10815895.0</t>
  </si>
  <si>
    <t>2169.024</t>
  </si>
  <si>
    <t>10382922.0</t>
  </si>
  <si>
    <t>4039902.0</t>
  </si>
  <si>
    <t>3898020.0</t>
  </si>
  <si>
    <t>2686050.0</t>
  </si>
  <si>
    <t>10829289.0</t>
  </si>
  <si>
    <t>2171.71</t>
  </si>
  <si>
    <t>10388987.0</t>
  </si>
  <si>
    <t>4040548.0</t>
  </si>
  <si>
    <t>3898488.0</t>
  </si>
  <si>
    <t>2691001.0</t>
  </si>
  <si>
    <t>12373.0</t>
  </si>
  <si>
    <t>10845211.0</t>
  </si>
  <si>
    <t>2174.903</t>
  </si>
  <si>
    <t>10397999.0</t>
  </si>
  <si>
    <t>4041241.0</t>
  </si>
  <si>
    <t>3900325.0</t>
  </si>
  <si>
    <t>2697484.0</t>
  </si>
  <si>
    <t>10865701.0</t>
  </si>
  <si>
    <t>20490.0</t>
  </si>
  <si>
    <t>2179.012</t>
  </si>
  <si>
    <t>10406692.0</t>
  </si>
  <si>
    <t>4041941.0</t>
  </si>
  <si>
    <t>3901222.0</t>
  </si>
  <si>
    <t>2704580.0</t>
  </si>
  <si>
    <t>10883923.0</t>
  </si>
  <si>
    <t>2182.666</t>
  </si>
  <si>
    <t>10415105.0</t>
  </si>
  <si>
    <t>4043216.0</t>
  </si>
  <si>
    <t>3902400.0</t>
  </si>
  <si>
    <t>2710540.0</t>
  </si>
  <si>
    <t>140.75</t>
  </si>
  <si>
    <t>10901834.0</t>
  </si>
  <si>
    <t>2186.258</t>
  </si>
  <si>
    <t>10425993.0</t>
  </si>
  <si>
    <t>4044246.0</t>
  </si>
  <si>
    <t>3905496.0</t>
  </si>
  <si>
    <t>2717303.0</t>
  </si>
  <si>
    <t>10919396.0</t>
  </si>
  <si>
    <t>2189.78</t>
  </si>
  <si>
    <t>10435676.0</t>
  </si>
  <si>
    <t>4046575.0</t>
  </si>
  <si>
    <t>3908942.0</t>
  </si>
  <si>
    <t>2721211.0</t>
  </si>
  <si>
    <t>10933965.0</t>
  </si>
  <si>
    <t>2192.702</t>
  </si>
  <si>
    <t>10446845.0</t>
  </si>
  <si>
    <t>4048214.0</t>
  </si>
  <si>
    <t>3916479.0</t>
  </si>
  <si>
    <t>2723204.0</t>
  </si>
  <si>
    <t>10947419.0</t>
  </si>
  <si>
    <t>2195.4</t>
  </si>
  <si>
    <t>16876.0</t>
  </si>
  <si>
    <t>10451588.0</t>
  </si>
  <si>
    <t>4048696.0</t>
  </si>
  <si>
    <t>3917875.0</t>
  </si>
  <si>
    <t>2726069.0</t>
  </si>
  <si>
    <t>2768.2</t>
  </si>
  <si>
    <t>551.093068275657</t>
  </si>
  <si>
    <t>10963646.0</t>
  </si>
  <si>
    <t>2198.654</t>
  </si>
  <si>
    <t>10459969.0</t>
  </si>
  <si>
    <t>4049447.0</t>
  </si>
  <si>
    <t>3921296.0</t>
  </si>
  <si>
    <t>2730279.0</t>
  </si>
  <si>
    <t>10983672.0</t>
  </si>
  <si>
    <t>20026.0</t>
  </si>
  <si>
    <t>2202.67</t>
  </si>
  <si>
    <t>10469398.0</t>
  </si>
  <si>
    <t>4050100.0</t>
  </si>
  <si>
    <t>3924294.0</t>
  </si>
  <si>
    <t>2736057.0</t>
  </si>
  <si>
    <t>208.42</t>
  </si>
  <si>
    <t>11004200.0</t>
  </si>
  <si>
    <t>2206.787</t>
  </si>
  <si>
    <t>10478548.0</t>
  </si>
  <si>
    <t>4051009.0</t>
  </si>
  <si>
    <t>3926731.0</t>
  </si>
  <si>
    <t>2741862.0</t>
  </si>
  <si>
    <t>9150.0</t>
  </si>
  <si>
    <t>208.61</t>
  </si>
  <si>
    <t>11024754.0</t>
  </si>
  <si>
    <t>20554.0</t>
  </si>
  <si>
    <t>2210.909</t>
  </si>
  <si>
    <t>17560.0</t>
  </si>
  <si>
    <t>10491664.0</t>
  </si>
  <si>
    <t>4052182.0</t>
  </si>
  <si>
    <t>3933254.0</t>
  </si>
  <si>
    <t>2747282.0</t>
  </si>
  <si>
    <t>11043363.0</t>
  </si>
  <si>
    <t>2214.641</t>
  </si>
  <si>
    <t>10502983.0</t>
  </si>
  <si>
    <t>4053959.0</t>
  </si>
  <si>
    <t>3939004.0</t>
  </si>
  <si>
    <t>2751074.0</t>
  </si>
  <si>
    <t>122.434</t>
  </si>
  <si>
    <t>11058564.0</t>
  </si>
  <si>
    <t>2217.689</t>
  </si>
  <si>
    <t>10514437.0</t>
  </si>
  <si>
    <t>4055366.0</t>
  </si>
  <si>
    <t>3946559.0</t>
  </si>
  <si>
    <t>2753566.0</t>
  </si>
  <si>
    <t>11072264.0</t>
  </si>
  <si>
    <t>13700.0</t>
  </si>
  <si>
    <t>2220.436</t>
  </si>
  <si>
    <t>10518318.0</t>
  </si>
  <si>
    <t>4055805.0</t>
  </si>
  <si>
    <t>3947910.0</t>
  </si>
  <si>
    <t>2755657.0</t>
  </si>
  <si>
    <t>11088197.0</t>
  </si>
  <si>
    <t>2223.632</t>
  </si>
  <si>
    <t>10523922.0</t>
  </si>
  <si>
    <t>4056704.0</t>
  </si>
  <si>
    <t>3949148.0</t>
  </si>
  <si>
    <t>2759124.0</t>
  </si>
  <si>
    <t>11108341.0</t>
  </si>
  <si>
    <t>20144.0</t>
  </si>
  <si>
    <t>2227.671</t>
  </si>
  <si>
    <t>10531906.0</t>
  </si>
  <si>
    <t>4058039.0</t>
  </si>
  <si>
    <t>3950932.0</t>
  </si>
  <si>
    <t>8930.0</t>
  </si>
  <si>
    <t>11126910.0</t>
  </si>
  <si>
    <t>18569.0</t>
  </si>
  <si>
    <t>2231.395</t>
  </si>
  <si>
    <t>10540215.0</t>
  </si>
  <si>
    <t>4058726.0</t>
  </si>
  <si>
    <t>3953484.0</t>
  </si>
  <si>
    <t>2769059.0</t>
  </si>
  <si>
    <t>11145665.0</t>
  </si>
  <si>
    <t>2235.156</t>
  </si>
  <si>
    <t>10550361.0</t>
  </si>
  <si>
    <t>4059272.0</t>
  </si>
  <si>
    <t>3958406.0</t>
  </si>
  <si>
    <t>2773737.0</t>
  </si>
  <si>
    <t>11162424.0</t>
  </si>
  <si>
    <t>2238.517</t>
  </si>
  <si>
    <t>10562800.0</t>
  </si>
  <si>
    <t>4060669.0</t>
  </si>
  <si>
    <t>3963868.0</t>
  </si>
  <si>
    <t>2779317.0</t>
  </si>
  <si>
    <t>12439.0</t>
  </si>
  <si>
    <t>11176727.0</t>
  </si>
  <si>
    <t>14303.0</t>
  </si>
  <si>
    <t>2241.385</t>
  </si>
  <si>
    <t>16880.0</t>
  </si>
  <si>
    <t>10572887.0</t>
  </si>
  <si>
    <t>4062235.0</t>
  </si>
  <si>
    <t>3968574.0</t>
  </si>
  <si>
    <t>2783132.0</t>
  </si>
  <si>
    <t>210.48</t>
  </si>
  <si>
    <t>11189577.0</t>
  </si>
  <si>
    <t>2243.962</t>
  </si>
  <si>
    <t>10576148.0</t>
  </si>
  <si>
    <t>4062409.0</t>
  </si>
  <si>
    <t>3969528.0</t>
  </si>
  <si>
    <t>2785265.0</t>
  </si>
  <si>
    <t>210.55</t>
  </si>
  <si>
    <t>11205435.0</t>
  </si>
  <si>
    <t>15858.0</t>
  </si>
  <si>
    <t>2247.143</t>
  </si>
  <si>
    <t>10581179.0</t>
  </si>
  <si>
    <t>4063060.0</t>
  </si>
  <si>
    <t>3970346.0</t>
  </si>
  <si>
    <t>2788828.0</t>
  </si>
  <si>
    <t>11224720.0</t>
  </si>
  <si>
    <t>19285.0</t>
  </si>
  <si>
    <t>2251.01</t>
  </si>
  <si>
    <t>10587826.0</t>
  </si>
  <si>
    <t>4063858.0</t>
  </si>
  <si>
    <t>3972133.0</t>
  </si>
  <si>
    <t>2792890.0</t>
  </si>
  <si>
    <t>210.78</t>
  </si>
  <si>
    <t>127.212</t>
  </si>
  <si>
    <t>11243569.0</t>
  </si>
  <si>
    <t>2254.79</t>
  </si>
  <si>
    <t>16666.0</t>
  </si>
  <si>
    <t>10594016.0</t>
  </si>
  <si>
    <t>4064651.0</t>
  </si>
  <si>
    <t>3973329.0</t>
  </si>
  <si>
    <t>2797093.0</t>
  </si>
  <si>
    <t>11261932.0</t>
  </si>
  <si>
    <t>2258.473</t>
  </si>
  <si>
    <t>16610.0</t>
  </si>
  <si>
    <t>10601066.0</t>
  </si>
  <si>
    <t>4065443.0</t>
  </si>
  <si>
    <t>3976624.0</t>
  </si>
  <si>
    <t>2800056.0</t>
  </si>
  <si>
    <t>211.05</t>
  </si>
  <si>
    <t>11278028.0</t>
  </si>
  <si>
    <t>2261.7</t>
  </si>
  <si>
    <t>10610021.0</t>
  </si>
  <si>
    <t>4066423.0</t>
  </si>
  <si>
    <t>3980180.0</t>
  </si>
  <si>
    <t>2804475.0</t>
  </si>
  <si>
    <t>118.253</t>
  </si>
  <si>
    <t>11290833.0</t>
  </si>
  <si>
    <t>2264.268</t>
  </si>
  <si>
    <t>10617398.0</t>
  </si>
  <si>
    <t>4067788.0</t>
  </si>
  <si>
    <t>3983768.0</t>
  </si>
  <si>
    <t>2806899.0</t>
  </si>
  <si>
    <t>11302472.0</t>
  </si>
  <si>
    <t>2266.602</t>
  </si>
  <si>
    <t>10620253.0</t>
  </si>
  <si>
    <t>4068043.0</t>
  </si>
  <si>
    <t>3984765.0</t>
  </si>
  <si>
    <t>2808503.0</t>
  </si>
  <si>
    <t>11314528.0</t>
  </si>
  <si>
    <t>2269.02</t>
  </si>
  <si>
    <t>10624743.0</t>
  </si>
  <si>
    <t>4068519.0</t>
  </si>
  <si>
    <t>3985749.0</t>
  </si>
  <si>
    <t>2811534.0</t>
  </si>
  <si>
    <t>11329695.0</t>
  </si>
  <si>
    <t>2272.062</t>
  </si>
  <si>
    <t>10629885.0</t>
  </si>
  <si>
    <t>4069349.0</t>
  </si>
  <si>
    <t>3987023.0</t>
  </si>
  <si>
    <t>2814573.0</t>
  </si>
  <si>
    <t>211.62</t>
  </si>
  <si>
    <t>11344931.0</t>
  </si>
  <si>
    <t>2275.117</t>
  </si>
  <si>
    <t>14480.0</t>
  </si>
  <si>
    <t>10635057.0</t>
  </si>
  <si>
    <t>4070002.0</t>
  </si>
  <si>
    <t>3988259.0</t>
  </si>
  <si>
    <t>2817856.0</t>
  </si>
  <si>
    <t>11359781.0</t>
  </si>
  <si>
    <t>2278.095</t>
  </si>
  <si>
    <t>10641122.0</t>
  </si>
  <si>
    <t>4070695.0</t>
  </si>
  <si>
    <t>3989487.0</t>
  </si>
  <si>
    <t>2822000.0</t>
  </si>
  <si>
    <t>11371739.0</t>
  </si>
  <si>
    <t>2280.493</t>
  </si>
  <si>
    <t>10647704.0</t>
  </si>
  <si>
    <t>4071655.0</t>
  </si>
  <si>
    <t>3991579.0</t>
  </si>
  <si>
    <t>2825530.0</t>
  </si>
  <si>
    <t>11380591.0</t>
  </si>
  <si>
    <t>2282.268</t>
  </si>
  <si>
    <t>10653433.0</t>
  </si>
  <si>
    <t>4072326.0</t>
  </si>
  <si>
    <t>3993362.0</t>
  </si>
  <si>
    <t>2828805.0</t>
  </si>
  <si>
    <t>11389870.0</t>
  </si>
  <si>
    <t>2284.129</t>
  </si>
  <si>
    <t>12485.0</t>
  </si>
  <si>
    <t>10655433.0</t>
  </si>
  <si>
    <t>4072407.0</t>
  </si>
  <si>
    <t>3993797.0</t>
  </si>
  <si>
    <t>2830289.0</t>
  </si>
  <si>
    <t>544.881774391472</t>
  </si>
  <si>
    <t>11400609.0</t>
  </si>
  <si>
    <t>2286.283</t>
  </si>
  <si>
    <t>10658498.0</t>
  </si>
  <si>
    <t>4072539.0</t>
  </si>
  <si>
    <t>3994734.0</t>
  </si>
  <si>
    <t>2832285.0</t>
  </si>
  <si>
    <t>11414009.0</t>
  </si>
  <si>
    <t>2288.97</t>
  </si>
  <si>
    <t>10662939.0</t>
  </si>
  <si>
    <t>4072748.0</t>
  </si>
  <si>
    <t>3995733.0</t>
  </si>
  <si>
    <t>2835520.0</t>
  </si>
  <si>
    <t>11426345.0</t>
  </si>
  <si>
    <t>2291.444</t>
  </si>
  <si>
    <t>10668348.0</t>
  </si>
  <si>
    <t>4073026.0</t>
  </si>
  <si>
    <t>3997010.0</t>
  </si>
  <si>
    <t>2839374.0</t>
  </si>
  <si>
    <t>212.39</t>
  </si>
  <si>
    <t>11437947.0</t>
  </si>
  <si>
    <t>2293.771</t>
  </si>
  <si>
    <t>10673894.0</t>
  </si>
  <si>
    <t>4073762.0</t>
  </si>
  <si>
    <t>3998519.0</t>
  </si>
  <si>
    <t>2842676.0</t>
  </si>
  <si>
    <t>11449140.0</t>
  </si>
  <si>
    <t>2296.015</t>
  </si>
  <si>
    <t>11057.0</t>
  </si>
  <si>
    <t>10682066.0</t>
  </si>
  <si>
    <t>4074725.0</t>
  </si>
  <si>
    <t>4001860.0</t>
  </si>
  <si>
    <t>2846544.0</t>
  </si>
  <si>
    <t>11457868.0</t>
  </si>
  <si>
    <t>2297.766</t>
  </si>
  <si>
    <t>10688912.0</t>
  </si>
  <si>
    <t>4075180.0</t>
  </si>
  <si>
    <t>4003776.0</t>
  </si>
  <si>
    <t>2851019.0</t>
  </si>
  <si>
    <t>11466653.0</t>
  </si>
  <si>
    <t>2299.527</t>
  </si>
  <si>
    <t>10690387.0</t>
  </si>
  <si>
    <t>4075297.0</t>
  </si>
  <si>
    <t>4003901.0</t>
  </si>
  <si>
    <t>2852253.0</t>
  </si>
  <si>
    <t>11477367.0</t>
  </si>
  <si>
    <t>2301.676</t>
  </si>
  <si>
    <t>10693527.0</t>
  </si>
  <si>
    <t>4075417.0</t>
  </si>
  <si>
    <t>4004394.0</t>
  </si>
  <si>
    <t>2854780.0</t>
  </si>
  <si>
    <t>212.89</t>
  </si>
  <si>
    <t>11493515.0</t>
  </si>
  <si>
    <t>2304.914</t>
  </si>
  <si>
    <t>10696951.0</t>
  </si>
  <si>
    <t>4075547.0</t>
  </si>
  <si>
    <t>4004740.0</t>
  </si>
  <si>
    <t>2857729.0</t>
  </si>
  <si>
    <t>212.95</t>
  </si>
  <si>
    <t>11508300.0</t>
  </si>
  <si>
    <t>2307.879</t>
  </si>
  <si>
    <t>10701984.0</t>
  </si>
  <si>
    <t>4075806.0</t>
  </si>
  <si>
    <t>4005248.0</t>
  </si>
  <si>
    <t>2861995.0</t>
  </si>
  <si>
    <t>213.06</t>
  </si>
  <si>
    <t>11523240.0</t>
  </si>
  <si>
    <t>14940.0</t>
  </si>
  <si>
    <t>2310.875</t>
  </si>
  <si>
    <t>10708247.0</t>
  </si>
  <si>
    <t>4076299.0</t>
  </si>
  <si>
    <t>4007431.0</t>
  </si>
  <si>
    <t>2865582.0</t>
  </si>
  <si>
    <t>11536639.0</t>
  </si>
  <si>
    <t>2313.562</t>
  </si>
  <si>
    <t>10714624.0</t>
  </si>
  <si>
    <t>4076774.0</t>
  </si>
  <si>
    <t>4009825.0</t>
  </si>
  <si>
    <t>2869092.0</t>
  </si>
  <si>
    <t>11549177.0</t>
  </si>
  <si>
    <t>2316.077</t>
  </si>
  <si>
    <t>10720264.0</t>
  </si>
  <si>
    <t>4077132.0</t>
  </si>
  <si>
    <t>4010907.0</t>
  </si>
  <si>
    <t>2873292.0</t>
  </si>
  <si>
    <t>213.42</t>
  </si>
  <si>
    <t>11560226.0</t>
  </si>
  <si>
    <t>2318.293</t>
  </si>
  <si>
    <t>10722326.0</t>
  </si>
  <si>
    <t>4077241.0</t>
  </si>
  <si>
    <t>4011029.0</t>
  </si>
  <si>
    <t>2875123.0</t>
  </si>
  <si>
    <t>213.46</t>
  </si>
  <si>
    <t>11573338.0</t>
  </si>
  <si>
    <t>2320.922</t>
  </si>
  <si>
    <t>10726401.0</t>
  </si>
  <si>
    <t>4077464.0</t>
  </si>
  <si>
    <t>4011785.0</t>
  </si>
  <si>
    <t>2878220.0</t>
  </si>
  <si>
    <t>213.54</t>
  </si>
  <si>
    <t>11590722.0</t>
  </si>
  <si>
    <t>2324.408</t>
  </si>
  <si>
    <t>10731559.0</t>
  </si>
  <si>
    <t>4077659.0</t>
  </si>
  <si>
    <t>4012583.0</t>
  </si>
  <si>
    <t>2882385.0</t>
  </si>
  <si>
    <t>11605715.0</t>
  </si>
  <si>
    <t>14993.0</t>
  </si>
  <si>
    <t>2327.415</t>
  </si>
  <si>
    <t>11617408.0</t>
  </si>
  <si>
    <t>2329.76</t>
  </si>
  <si>
    <t>10731678.0</t>
  </si>
  <si>
    <t>4077663.0</t>
  </si>
  <si>
    <t>4012589.0</t>
  </si>
  <si>
    <t>2882494.0</t>
  </si>
  <si>
    <t>213.65</t>
  </si>
  <si>
    <t>11627227.0</t>
  </si>
  <si>
    <t>2331.729</t>
  </si>
  <si>
    <t>10737320.0</t>
  </si>
  <si>
    <t>4078406.0</t>
  </si>
  <si>
    <t>4015368.0</t>
  </si>
  <si>
    <t>2884614.0</t>
  </si>
  <si>
    <t>11637795.0</t>
  </si>
  <si>
    <t>2333.848</t>
  </si>
  <si>
    <t>10743706.0</t>
  </si>
  <si>
    <t>4078801.0</t>
  </si>
  <si>
    <t>4016770.0</t>
  </si>
  <si>
    <t>2889203.0</t>
  </si>
  <si>
    <t>213.89</t>
  </si>
  <si>
    <t>11650628.0</t>
  </si>
  <si>
    <t>2336.422</t>
  </si>
  <si>
    <t>10745463.0</t>
  </si>
  <si>
    <t>4078857.0</t>
  </si>
  <si>
    <t>4016882.0</t>
  </si>
  <si>
    <t>2890792.0</t>
  </si>
  <si>
    <t>213.92</t>
  </si>
  <si>
    <t>11665483.0</t>
  </si>
  <si>
    <t>2339.401</t>
  </si>
  <si>
    <t>10748671.0</t>
  </si>
  <si>
    <t>4078998.0</t>
  </si>
  <si>
    <t>4017457.0</t>
  </si>
  <si>
    <t>2893284.0</t>
  </si>
  <si>
    <t>11685857.0</t>
  </si>
  <si>
    <t>2343.487</t>
  </si>
  <si>
    <t>10752679.0</t>
  </si>
  <si>
    <t>4079099.0</t>
  </si>
  <si>
    <t>4017678.0</t>
  </si>
  <si>
    <t>2896970.0</t>
  </si>
  <si>
    <t>11707491.0</t>
  </si>
  <si>
    <t>2347.825</t>
  </si>
  <si>
    <t>14539.0</t>
  </si>
  <si>
    <t>10758551.0</t>
  </si>
  <si>
    <t>4079246.0</t>
  </si>
  <si>
    <t>4017923.0</t>
  </si>
  <si>
    <t>2902450.0</t>
  </si>
  <si>
    <t>11726203.0</t>
  </si>
  <si>
    <t>2351.578</t>
  </si>
  <si>
    <t>10765001.0</t>
  </si>
  <si>
    <t>4079680.0</t>
  </si>
  <si>
    <t>4019548.0</t>
  </si>
  <si>
    <t>2906841.0</t>
  </si>
  <si>
    <t>11745603.0</t>
  </si>
  <si>
    <t>2355.468</t>
  </si>
  <si>
    <t>10770952.0</t>
  </si>
  <si>
    <t>4080555.0</t>
  </si>
  <si>
    <t>4021397.0</t>
  </si>
  <si>
    <t>2910069.0</t>
  </si>
  <si>
    <t>11759860.0</t>
  </si>
  <si>
    <t>2358.327</t>
  </si>
  <si>
    <t>11773380.0</t>
  </si>
  <si>
    <t>2361.039</t>
  </si>
  <si>
    <t>10781491.0</t>
  </si>
  <si>
    <t>4081120.0</t>
  </si>
  <si>
    <t>4022450.0</t>
  </si>
  <si>
    <t>2918994.0</t>
  </si>
  <si>
    <t>214.64</t>
  </si>
  <si>
    <t>11787517.0</t>
  </si>
  <si>
    <t>2363.874</t>
  </si>
  <si>
    <t>10785608.0</t>
  </si>
  <si>
    <t>4081229.0</t>
  </si>
  <si>
    <t>4022586.0</t>
  </si>
  <si>
    <t>2922866.0</t>
  </si>
  <si>
    <t>11805006.0</t>
  </si>
  <si>
    <t>2367.381</t>
  </si>
  <si>
    <t>10790570.0</t>
  </si>
  <si>
    <t>4081456.0</t>
  </si>
  <si>
    <t>4022946.0</t>
  </si>
  <si>
    <t>2927241.0</t>
  </si>
  <si>
    <t>11820553.0</t>
  </si>
  <si>
    <t>2370.499</t>
  </si>
  <si>
    <t>10795511.0</t>
  </si>
  <si>
    <t>4081763.0</t>
  </si>
  <si>
    <t>4023851.0</t>
  </si>
  <si>
    <t>2930970.0</t>
  </si>
  <si>
    <t>2816.2</t>
  </si>
  <si>
    <t>560.648905020557</t>
  </si>
  <si>
    <t>11835364.0</t>
  </si>
  <si>
    <t>2373.469</t>
  </si>
  <si>
    <t>10800802.0</t>
  </si>
  <si>
    <t>4082493.0</t>
  </si>
  <si>
    <t>4025390.0</t>
  </si>
  <si>
    <t>2933993.0</t>
  </si>
  <si>
    <t>11847365.0</t>
  </si>
  <si>
    <t>2375.876</t>
  </si>
  <si>
    <t>10807066.0</t>
  </si>
  <si>
    <t>4083031.0</t>
  </si>
  <si>
    <t>4026207.0</t>
  </si>
  <si>
    <t>2938902.0</t>
  </si>
  <si>
    <t>215.15</t>
  </si>
  <si>
    <t>11856748.0</t>
  </si>
  <si>
    <t>2377.757</t>
  </si>
  <si>
    <t>10808670.0</t>
  </si>
  <si>
    <t>4083081.0</t>
  </si>
  <si>
    <t>4026259.0</t>
  </si>
  <si>
    <t>2940404.0</t>
  </si>
  <si>
    <t>11865289.0</t>
  </si>
  <si>
    <t>2379.47</t>
  </si>
  <si>
    <t>10812020.0</t>
  </si>
  <si>
    <t>4083212.0</t>
  </si>
  <si>
    <t>4026429.0</t>
  </si>
  <si>
    <t>2943453.0</t>
  </si>
  <si>
    <t>215.25</t>
  </si>
  <si>
    <t>11875860.0</t>
  </si>
  <si>
    <t>2381.59</t>
  </si>
  <si>
    <t>10815494.0</t>
  </si>
  <si>
    <t>4083370.0</t>
  </si>
  <si>
    <t>4026639.0</t>
  </si>
  <si>
    <t>2946559.0</t>
  </si>
  <si>
    <t>11889565.0</t>
  </si>
  <si>
    <t>2384.338</t>
  </si>
  <si>
    <t>10820237.0</t>
  </si>
  <si>
    <t>4083487.0</t>
  </si>
  <si>
    <t>4026818.0</t>
  </si>
  <si>
    <t>2951006.0</t>
  </si>
  <si>
    <t>215.41</t>
  </si>
  <si>
    <t>11901149.0</t>
  </si>
  <si>
    <t>2386.661</t>
  </si>
  <si>
    <t>10824516.0</t>
  </si>
  <si>
    <t>4083745.0</t>
  </si>
  <si>
    <t>4027242.0</t>
  </si>
  <si>
    <t>2954605.0</t>
  </si>
  <si>
    <t>215.49</t>
  </si>
  <si>
    <t>11911991.0</t>
  </si>
  <si>
    <t>2388.836</t>
  </si>
  <si>
    <t>10830298.0</t>
  </si>
  <si>
    <t>4084303.0</t>
  </si>
  <si>
    <t>4028260.0</t>
  </si>
  <si>
    <t>2958811.0</t>
  </si>
  <si>
    <t>215.61</t>
  </si>
  <si>
    <t>11920741.0</t>
  </si>
  <si>
    <t>2390.59</t>
  </si>
  <si>
    <t>10482.0</t>
  </si>
  <si>
    <t>10835940.0</t>
  </si>
  <si>
    <t>4084716.0</t>
  </si>
  <si>
    <t>4028979.0</t>
  </si>
  <si>
    <t>2963321.0</t>
  </si>
  <si>
    <t>215.72</t>
  </si>
  <si>
    <t>11928417.0</t>
  </si>
  <si>
    <t>2392.13</t>
  </si>
  <si>
    <t>10837135.0</t>
  </si>
  <si>
    <t>4084787.0</t>
  </si>
  <si>
    <t>4029073.0</t>
  </si>
  <si>
    <t>2964352.0</t>
  </si>
  <si>
    <t>11935697.0</t>
  </si>
  <si>
    <t>2393.59</t>
  </si>
  <si>
    <t>10840858.0</t>
  </si>
  <si>
    <t>4084984.0</t>
  </si>
  <si>
    <t>4029251.0</t>
  </si>
  <si>
    <t>2967700.0</t>
  </si>
  <si>
    <t>11944246.0</t>
  </si>
  <si>
    <t>2395.304</t>
  </si>
  <si>
    <t>10844199.0</t>
  </si>
  <si>
    <t>4085125.0</t>
  </si>
  <si>
    <t>4029486.0</t>
  </si>
  <si>
    <t>2970665.0</t>
  </si>
  <si>
    <t>11954686.0</t>
  </si>
  <si>
    <t>2397.398</t>
  </si>
  <si>
    <t>10848292.0</t>
  </si>
  <si>
    <t>4085484.0</t>
  </si>
  <si>
    <t>4029917.0</t>
  </si>
  <si>
    <t>2973968.0</t>
  </si>
  <si>
    <t>215.97</t>
  </si>
  <si>
    <t>11964220.0</t>
  </si>
  <si>
    <t>2399.31</t>
  </si>
  <si>
    <t>10853606.0</t>
  </si>
  <si>
    <t>4085930.0</t>
  </si>
  <si>
    <t>4030907.0</t>
  </si>
  <si>
    <t>2977846.0</t>
  </si>
  <si>
    <t>216.07</t>
  </si>
  <si>
    <t>161.056</t>
  </si>
  <si>
    <t>11972707.0</t>
  </si>
  <si>
    <t>2401.012</t>
  </si>
  <si>
    <t>10854242.0</t>
  </si>
  <si>
    <t>4085973.0</t>
  </si>
  <si>
    <t>4030995.0</t>
  </si>
  <si>
    <t>2978351.0</t>
  </si>
  <si>
    <t>216.09</t>
  </si>
  <si>
    <t>11979488.0</t>
  </si>
  <si>
    <t>2402.372</t>
  </si>
  <si>
    <t>11984632.0</t>
  </si>
  <si>
    <t>2403.403</t>
  </si>
  <si>
    <t>10854402.0</t>
  </si>
  <si>
    <t>4086011.0</t>
  </si>
  <si>
    <t>4031059.0</t>
  </si>
  <si>
    <t>2978410.0</t>
  </si>
  <si>
    <t>11989809.0</t>
  </si>
  <si>
    <t>2404.441</t>
  </si>
  <si>
    <t>10856768.0</t>
  </si>
  <si>
    <t>4086230.0</t>
  </si>
  <si>
    <t>4031330.0</t>
  </si>
  <si>
    <t>2980287.0</t>
  </si>
  <si>
    <t>11995211.0</t>
  </si>
  <si>
    <t>2405.525</t>
  </si>
  <si>
    <t>10859620.0</t>
  </si>
  <si>
    <t>4086480.0</t>
  </si>
  <si>
    <t>4031937.0</t>
  </si>
  <si>
    <t>2982282.0</t>
  </si>
  <si>
    <t>12002948.0</t>
  </si>
  <si>
    <t>2407.076</t>
  </si>
  <si>
    <t>10863079.0</t>
  </si>
  <si>
    <t>4086650.0</t>
  </si>
  <si>
    <t>4032173.0</t>
  </si>
  <si>
    <t>2985335.0</t>
  </si>
  <si>
    <t>216.26</t>
  </si>
  <si>
    <t>12010983.0</t>
  </si>
  <si>
    <t>2408.688</t>
  </si>
  <si>
    <t>4086845.0</t>
  </si>
  <si>
    <t>4032427.0</t>
  </si>
  <si>
    <t>2988262.0</t>
  </si>
  <si>
    <t>12018388.0</t>
  </si>
  <si>
    <t>2410.173</t>
  </si>
  <si>
    <t>10869359.0</t>
  </si>
  <si>
    <t>4087170.0</t>
  </si>
  <si>
    <t>4033437.0</t>
  </si>
  <si>
    <t>2989831.0</t>
  </si>
  <si>
    <t>216.39</t>
  </si>
  <si>
    <t>12025060.0</t>
  </si>
  <si>
    <t>2411.511</t>
  </si>
  <si>
    <t>10871261.0</t>
  </si>
  <si>
    <t>4087351.0</t>
  </si>
  <si>
    <t>4033689.0</t>
  </si>
  <si>
    <t>2991300.0</t>
  </si>
  <si>
    <t>12030668.0</t>
  </si>
  <si>
    <t>2412.635</t>
  </si>
  <si>
    <t>10872370.0</t>
  </si>
  <si>
    <t>4087393.0</t>
  </si>
  <si>
    <t>4033749.0</t>
  </si>
  <si>
    <t>2992308.0</t>
  </si>
  <si>
    <t>12036231.0</t>
  </si>
  <si>
    <t>2413.751</t>
  </si>
  <si>
    <t>10874907.0</t>
  </si>
  <si>
    <t>4087537.0</t>
  </si>
  <si>
    <t>4033987.0</t>
  </si>
  <si>
    <t>2994463.0</t>
  </si>
  <si>
    <t>12043379.0</t>
  </si>
  <si>
    <t>2415.184</t>
  </si>
  <si>
    <t>10877179.0</t>
  </si>
  <si>
    <t>4087659.0</t>
  </si>
  <si>
    <t>4034195.0</t>
  </si>
  <si>
    <t>2996405.0</t>
  </si>
  <si>
    <t>12051393.0</t>
  </si>
  <si>
    <t>2416.791</t>
  </si>
  <si>
    <t>10879193.0</t>
  </si>
  <si>
    <t>4087759.0</t>
  </si>
  <si>
    <t>4034325.0</t>
  </si>
  <si>
    <t>2998189.0</t>
  </si>
  <si>
    <t>216.58</t>
  </si>
  <si>
    <t>12058487.0</t>
  </si>
  <si>
    <t>2418.214</t>
  </si>
  <si>
    <t>10881887.0</t>
  </si>
  <si>
    <t>4087927.0</t>
  </si>
  <si>
    <t>4034547.0</t>
  </si>
  <si>
    <t>3000493.0</t>
  </si>
  <si>
    <t>12064951.0</t>
  </si>
  <si>
    <t>2419.51</t>
  </si>
  <si>
    <t>10884373.0</t>
  </si>
  <si>
    <t>4088208.0</t>
  </si>
  <si>
    <t>4035271.0</t>
  </si>
  <si>
    <t>3001974.0</t>
  </si>
  <si>
    <t>216.69</t>
  </si>
  <si>
    <t>12069634.0</t>
  </si>
  <si>
    <t>2420.449</t>
  </si>
  <si>
    <t>10886506.0</t>
  </si>
  <si>
    <t>4088395.0</t>
  </si>
  <si>
    <t>4036018.0</t>
  </si>
  <si>
    <t>3003173.0</t>
  </si>
  <si>
    <t>3220.2</t>
  </si>
  <si>
    <t>641.077197623463</t>
  </si>
  <si>
    <t>12073599.0</t>
  </si>
  <si>
    <t>2421.245</t>
  </si>
  <si>
    <t>10886801.0</t>
  </si>
  <si>
    <t>4088407.0</t>
  </si>
  <si>
    <t>4036044.0</t>
  </si>
  <si>
    <t>3003430.0</t>
  </si>
  <si>
    <t>12077741.0</t>
  </si>
  <si>
    <t>2422.075</t>
  </si>
  <si>
    <t>10888838.0</t>
  </si>
  <si>
    <t>4088503.0</t>
  </si>
  <si>
    <t>4036162.0</t>
  </si>
  <si>
    <t>3005253.0</t>
  </si>
  <si>
    <t>12083210.0</t>
  </si>
  <si>
    <t>2423.172</t>
  </si>
  <si>
    <t>10891471.0</t>
  </si>
  <si>
    <t>4088616.0</t>
  </si>
  <si>
    <t>4036290.0</t>
  </si>
  <si>
    <t>3007645.0</t>
  </si>
  <si>
    <t>12090320.0</t>
  </si>
  <si>
    <t>2424.598</t>
  </si>
  <si>
    <t>10893838.0</t>
  </si>
  <si>
    <t>4088728.0</t>
  </si>
  <si>
    <t>4036455.0</t>
  </si>
  <si>
    <t>3009735.0</t>
  </si>
  <si>
    <t>216.87</t>
  </si>
  <si>
    <t>12097859.0</t>
  </si>
  <si>
    <t>2426.11</t>
  </si>
  <si>
    <t>10896272.0</t>
  </si>
  <si>
    <t>4088866.0</t>
  </si>
  <si>
    <t>4036712.0</t>
  </si>
  <si>
    <t>3011774.0</t>
  </si>
  <si>
    <t>216.92</t>
  </si>
  <si>
    <t>12103974.0</t>
  </si>
  <si>
    <t>2427.336</t>
  </si>
  <si>
    <t>10899840.0</t>
  </si>
  <si>
    <t>4089307.0</t>
  </si>
  <si>
    <t>4037800.0</t>
  </si>
  <si>
    <t>3013813.0</t>
  </si>
  <si>
    <t>12109230.0</t>
  </si>
  <si>
    <t>2428.39</t>
  </si>
  <si>
    <t>10902163.0</t>
  </si>
  <si>
    <t>4089581.0</t>
  </si>
  <si>
    <t>4038237.0</t>
  </si>
  <si>
    <t>3015425.0</t>
  </si>
  <si>
    <t>12114652.0</t>
  </si>
  <si>
    <t>2429.477</t>
  </si>
  <si>
    <t>10903030.0</t>
  </si>
  <si>
    <t>4089605.0</t>
  </si>
  <si>
    <t>4038269.0</t>
  </si>
  <si>
    <t>3016236.0</t>
  </si>
  <si>
    <t>12119890.0</t>
  </si>
  <si>
    <t>2430.528</t>
  </si>
  <si>
    <t>10905327.0</t>
  </si>
  <si>
    <t>4089686.0</t>
  </si>
  <si>
    <t>4038368.0</t>
  </si>
  <si>
    <t>3018354.0</t>
  </si>
  <si>
    <t>12126321.0</t>
  </si>
  <si>
    <t>2431.817</t>
  </si>
  <si>
    <t>10908308.0</t>
  </si>
  <si>
    <t>4089798.0</t>
  </si>
  <si>
    <t>4038500.0</t>
  </si>
  <si>
    <t>3021091.0</t>
  </si>
  <si>
    <t>12133454.0</t>
  </si>
  <si>
    <t>2433.248</t>
  </si>
  <si>
    <t>10911293.0</t>
  </si>
  <si>
    <t>4090005.0</t>
  </si>
  <si>
    <t>4038898.0</t>
  </si>
  <si>
    <t>3023471.0</t>
  </si>
  <si>
    <t>217.22</t>
  </si>
  <si>
    <t>12139838.0</t>
  </si>
  <si>
    <t>2434.528</t>
  </si>
  <si>
    <t>10914317.0</t>
  </si>
  <si>
    <t>4090178.0</t>
  </si>
  <si>
    <t>4039224.0</t>
  </si>
  <si>
    <t>3025996.0</t>
  </si>
  <si>
    <t>217.28</t>
  </si>
  <si>
    <t>12145835.0</t>
  </si>
  <si>
    <t>2435.731</t>
  </si>
  <si>
    <t>10916985.0</t>
  </si>
  <si>
    <t>4090511.0</t>
  </si>
  <si>
    <t>4039857.0</t>
  </si>
  <si>
    <t>3027698.0</t>
  </si>
  <si>
    <t>12150645.0</t>
  </si>
  <si>
    <t>2436.695</t>
  </si>
  <si>
    <t>10918903.0</t>
  </si>
  <si>
    <t>4090679.0</t>
  </si>
  <si>
    <t>4040111.0</t>
  </si>
  <si>
    <t>3029194.0</t>
  </si>
  <si>
    <t>12154667.0</t>
  </si>
  <si>
    <t>2437.502</t>
  </si>
  <si>
    <t>10919892.0</t>
  </si>
  <si>
    <t>4090710.0</t>
  </si>
  <si>
    <t>4040152.0</t>
  </si>
  <si>
    <t>3030111.0</t>
  </si>
  <si>
    <t>12159336.0</t>
  </si>
  <si>
    <t>2438.438</t>
  </si>
  <si>
    <t>10921983.0</t>
  </si>
  <si>
    <t>4090807.0</t>
  </si>
  <si>
    <t>4040253.0</t>
  </si>
  <si>
    <t>3032004.0</t>
  </si>
  <si>
    <t>12165273.0</t>
  </si>
  <si>
    <t>2439.629</t>
  </si>
  <si>
    <t>10924750.0</t>
  </si>
  <si>
    <t>4090906.0</t>
  </si>
  <si>
    <t>4040376.0</t>
  </si>
  <si>
    <t>3034549.0</t>
  </si>
  <si>
    <t>12172638.0</t>
  </si>
  <si>
    <t>2441.106</t>
  </si>
  <si>
    <t>10927092.0</t>
  </si>
  <si>
    <t>4090979.0</t>
  </si>
  <si>
    <t>4040483.0</t>
  </si>
  <si>
    <t>12176324.0</t>
  </si>
  <si>
    <t>2441.845</t>
  </si>
  <si>
    <t>10929735.0</t>
  </si>
  <si>
    <t>4091105.0</t>
  </si>
  <si>
    <t>4040691.0</t>
  </si>
  <si>
    <t>3039020.0</t>
  </si>
  <si>
    <t>12182605.0</t>
  </si>
  <si>
    <t>2443.105</t>
  </si>
  <si>
    <t>10932646.0</t>
  </si>
  <si>
    <t>4091497.0</t>
  </si>
  <si>
    <t>4041453.0</t>
  </si>
  <si>
    <t>3040777.0</t>
  </si>
  <si>
    <t>12187696.0</t>
  </si>
  <si>
    <t>2444.126</t>
  </si>
  <si>
    <t>10934989.0</t>
  </si>
  <si>
    <t>4091731.0</t>
  </si>
  <si>
    <t>4041862.0</t>
  </si>
  <si>
    <t>3042477.0</t>
  </si>
  <si>
    <t>217.69</t>
  </si>
  <si>
    <t>12191890.0</t>
  </si>
  <si>
    <t>2444.967</t>
  </si>
  <si>
    <t>10936025.0</t>
  </si>
  <si>
    <t>4091757.0</t>
  </si>
  <si>
    <t>4041897.0</t>
  </si>
  <si>
    <t>3043452.0</t>
  </si>
  <si>
    <t>12196623.0</t>
  </si>
  <si>
    <t>2445.916</t>
  </si>
  <si>
    <t>10938166.0</t>
  </si>
  <si>
    <t>4091821.0</t>
  </si>
  <si>
    <t>4041980.0</t>
  </si>
  <si>
    <t>3045446.0</t>
  </si>
  <si>
    <t>12203258.0</t>
  </si>
  <si>
    <t>2447.246</t>
  </si>
  <si>
    <t>10940774.0</t>
  </si>
  <si>
    <t>4091909.0</t>
  </si>
  <si>
    <t>4042115.0</t>
  </si>
  <si>
    <t>3047832.0</t>
  </si>
  <si>
    <t>217.81</t>
  </si>
  <si>
    <t>12207530.0</t>
  </si>
  <si>
    <t>2448.103</t>
  </si>
  <si>
    <t>10943221.0</t>
  </si>
  <si>
    <t>4092006.0</t>
  </si>
  <si>
    <t>4042270.0</t>
  </si>
  <si>
    <t>3050027.0</t>
  </si>
  <si>
    <t>12214279.0</t>
  </si>
  <si>
    <t>2449.457</t>
  </si>
  <si>
    <t>10945381.0</t>
  </si>
  <si>
    <t>4092102.0</t>
  </si>
  <si>
    <t>4042423.0</t>
  </si>
  <si>
    <t>3051939.0</t>
  </si>
  <si>
    <t>12220037.0</t>
  </si>
  <si>
    <t>2450.611</t>
  </si>
  <si>
    <t>10947739.0</t>
  </si>
  <si>
    <t>4092437.0</t>
  </si>
  <si>
    <t>4043003.0</t>
  </si>
  <si>
    <t>3053382.0</t>
  </si>
  <si>
    <t>12224510.0</t>
  </si>
  <si>
    <t>2451.508</t>
  </si>
  <si>
    <t>10949856.0</t>
  </si>
  <si>
    <t>4092619.0</t>
  </si>
  <si>
    <t>4043352.0</t>
  </si>
  <si>
    <t>3054968.0</t>
  </si>
  <si>
    <t>49.138</t>
  </si>
  <si>
    <t>12227691.0</t>
  </si>
  <si>
    <t>2452.146</t>
  </si>
  <si>
    <t>10950527.0</t>
  </si>
  <si>
    <t>4092627.0</t>
  </si>
  <si>
    <t>4043376.0</t>
  </si>
  <si>
    <t>3055607.0</t>
  </si>
  <si>
    <t>12230987.0</t>
  </si>
  <si>
    <t>2452.807</t>
  </si>
  <si>
    <t>10952285.0</t>
  </si>
  <si>
    <t>4092694.0</t>
  </si>
  <si>
    <t>4043458.0</t>
  </si>
  <si>
    <t>3057218.0</t>
  </si>
  <si>
    <t>12236411.0</t>
  </si>
  <si>
    <t>2453.895</t>
  </si>
  <si>
    <t>10954297.0</t>
  </si>
  <si>
    <t>4092763.0</t>
  </si>
  <si>
    <t>4043560.0</t>
  </si>
  <si>
    <t>3059059.0</t>
  </si>
  <si>
    <t>687.821165700598</t>
  </si>
  <si>
    <t>12242180.0</t>
  </si>
  <si>
    <t>2455.052</t>
  </si>
  <si>
    <t>10956143.0</t>
  </si>
  <si>
    <t>4092854.0</t>
  </si>
  <si>
    <t>4043702.0</t>
  </si>
  <si>
    <t>3060672.0</t>
  </si>
  <si>
    <t>218.11</t>
  </si>
  <si>
    <t>12247023.0</t>
  </si>
  <si>
    <t>2456.023</t>
  </si>
  <si>
    <t>10957937.0</t>
  </si>
  <si>
    <t>4092914.0</t>
  </si>
  <si>
    <t>4043845.0</t>
  </si>
  <si>
    <t>3062263.0</t>
  </si>
  <si>
    <t>12251570.0</t>
  </si>
  <si>
    <t>2456.935</t>
  </si>
  <si>
    <t>10960538.0</t>
  </si>
  <si>
    <t>4093219.0</t>
  </si>
  <si>
    <t>4044452.0</t>
  </si>
  <si>
    <t>3063952.0</t>
  </si>
  <si>
    <t>12255839.0</t>
  </si>
  <si>
    <t>2457.791</t>
  </si>
  <si>
    <t>10961616.0</t>
  </si>
  <si>
    <t>4093362.0</t>
  </si>
  <si>
    <t>4044725.0</t>
  </si>
  <si>
    <t>3064614.0</t>
  </si>
  <si>
    <t>12259134.0</t>
  </si>
  <si>
    <t>2458.452</t>
  </si>
  <si>
    <t>10961710.0</t>
  </si>
  <si>
    <t>4093368.0</t>
  </si>
  <si>
    <t>4044733.0</t>
  </si>
  <si>
    <t>3064695.0</t>
  </si>
  <si>
    <t>12262556.0</t>
  </si>
  <si>
    <t>2459.138</t>
  </si>
  <si>
    <t>10962474.0</t>
  </si>
  <si>
    <t>4093397.0</t>
  </si>
  <si>
    <t>4044787.0</t>
  </si>
  <si>
    <t>3065376.0</t>
  </si>
  <si>
    <t>218.24</t>
  </si>
  <si>
    <t>12265980.0</t>
  </si>
  <si>
    <t>2459.825</t>
  </si>
  <si>
    <t>10963781.0</t>
  </si>
  <si>
    <t>4093433.0</t>
  </si>
  <si>
    <t>3066571.0</t>
  </si>
  <si>
    <t>218.27</t>
  </si>
  <si>
    <t>12271839.0</t>
  </si>
  <si>
    <t>10965086.0</t>
  </si>
  <si>
    <t>4093506.0</t>
  </si>
  <si>
    <t>4044985.0</t>
  </si>
  <si>
    <t>3067681.0</t>
  </si>
  <si>
    <t>218.29</t>
  </si>
  <si>
    <t>12277597.0</t>
  </si>
  <si>
    <t>2462.154</t>
  </si>
  <si>
    <t>10966737.0</t>
  </si>
  <si>
    <t>4093562.0</t>
  </si>
  <si>
    <t>4045093.0</t>
  </si>
  <si>
    <t>3069168.0</t>
  </si>
  <si>
    <t>12282893.0</t>
  </si>
  <si>
    <t>2463.216</t>
  </si>
  <si>
    <t>10968856.0</t>
  </si>
  <si>
    <t>4093751.0</t>
  </si>
  <si>
    <t>4045655.0</t>
  </si>
  <si>
    <t>3070536.0</t>
  </si>
  <si>
    <t>12287372.0</t>
  </si>
  <si>
    <t>2464.115</t>
  </si>
  <si>
    <t>10970105.0</t>
  </si>
  <si>
    <t>4093894.0</t>
  </si>
  <si>
    <t>4045943.0</t>
  </si>
  <si>
    <t>3071354.0</t>
  </si>
  <si>
    <t>218.39</t>
  </si>
  <si>
    <t>12291022.0</t>
  </si>
  <si>
    <t>2464.847</t>
  </si>
  <si>
    <t>10970726.0</t>
  </si>
  <si>
    <t>4093911.0</t>
  </si>
  <si>
    <t>4045987.0</t>
  </si>
  <si>
    <t>3071914.0</t>
  </si>
  <si>
    <t>12294518.0</t>
  </si>
  <si>
    <t>2465.548</t>
  </si>
  <si>
    <t>10971652.0</t>
  </si>
  <si>
    <t>4093948.0</t>
  </si>
  <si>
    <t>4046042.0</t>
  </si>
  <si>
    <t>3072748.0</t>
  </si>
  <si>
    <t>218.42</t>
  </si>
  <si>
    <t>12299735.0</t>
  </si>
  <si>
    <t>2466.594</t>
  </si>
  <si>
    <t>10973205.0</t>
  </si>
  <si>
    <t>4094014.0</t>
  </si>
  <si>
    <t>4046165.0</t>
  </si>
  <si>
    <t>3074112.0</t>
  </si>
  <si>
    <t>12305606.0</t>
  </si>
  <si>
    <t>2467.771</t>
  </si>
  <si>
    <t>10974676.0</t>
  </si>
  <si>
    <t>4094056.0</t>
  </si>
  <si>
    <t>4046250.0</t>
  </si>
  <si>
    <t>3075456.0</t>
  </si>
  <si>
    <t>12311068.0</t>
  </si>
  <si>
    <t>2468.867</t>
  </si>
  <si>
    <t>10976311.0</t>
  </si>
  <si>
    <t>4094114.0</t>
  </si>
  <si>
    <t>4046345.0</t>
  </si>
  <si>
    <t>3076938.0</t>
  </si>
  <si>
    <t>12316311.0</t>
  </si>
  <si>
    <t>2469.918</t>
  </si>
  <si>
    <t>10978020.0</t>
  </si>
  <si>
    <t>4094337.0</t>
  </si>
  <si>
    <t>4046833.0</t>
  </si>
  <si>
    <t>3077936.0</t>
  </si>
  <si>
    <t>12321223.0</t>
  </si>
  <si>
    <t>2470.903</t>
  </si>
  <si>
    <t>10979245.0</t>
  </si>
  <si>
    <t>4094417.0</t>
  </si>
  <si>
    <t>4046962.0</t>
  </si>
  <si>
    <t>3078952.0</t>
  </si>
  <si>
    <t>12325605.0</t>
  </si>
  <si>
    <t>2471.782</t>
  </si>
  <si>
    <t>10979787.0</t>
  </si>
  <si>
    <t>4094426.0</t>
  </si>
  <si>
    <t>4046990.0</t>
  </si>
  <si>
    <t>3079457.0</t>
  </si>
  <si>
    <t>120.642</t>
  </si>
  <si>
    <t>12330206.0</t>
  </si>
  <si>
    <t>2472.705</t>
  </si>
  <si>
    <t>10981115.0</t>
  </si>
  <si>
    <t>4094501.0</t>
  </si>
  <si>
    <t>4047160.0</t>
  </si>
  <si>
    <t>3080541.0</t>
  </si>
  <si>
    <t>12335419.0</t>
  </si>
  <si>
    <t>2473.75</t>
  </si>
  <si>
    <t>10983021.0</t>
  </si>
  <si>
    <t>4094561.0</t>
  </si>
  <si>
    <t>4047254.0</t>
  </si>
  <si>
    <t>3082293.0</t>
  </si>
  <si>
    <t>12341760.0</t>
  </si>
  <si>
    <t>2475.022</t>
  </si>
  <si>
    <t>10984387.0</t>
  </si>
  <si>
    <t>4094625.0</t>
  </si>
  <si>
    <t>4047367.0</t>
  </si>
  <si>
    <t>3083482.0</t>
  </si>
  <si>
    <t>12347313.0</t>
  </si>
  <si>
    <t>2476.135</t>
  </si>
  <si>
    <t>10986045.0</t>
  </si>
  <si>
    <t>4094681.0</t>
  </si>
  <si>
    <t>4047461.0</t>
  </si>
  <si>
    <t>3084991.0</t>
  </si>
  <si>
    <t>10987535.0</t>
  </si>
  <si>
    <t>4094891.0</t>
  </si>
  <si>
    <t>4047754.0</t>
  </si>
  <si>
    <t>3085978.0</t>
  </si>
  <si>
    <t>218.74</t>
  </si>
  <si>
    <t>10989587.0</t>
  </si>
  <si>
    <t>4095065.0</t>
  </si>
  <si>
    <t>4048156.0</t>
  </si>
  <si>
    <t>3087454.0</t>
  </si>
  <si>
    <t>10990039.0</t>
  </si>
  <si>
    <t>4095069.0</t>
  </si>
  <si>
    <t>4048189.0</t>
  </si>
  <si>
    <t>3087869.0</t>
  </si>
  <si>
    <t>10991313.0</t>
  </si>
  <si>
    <t>4095118.0</t>
  </si>
  <si>
    <t>4048249.0</t>
  </si>
  <si>
    <t>3089034.0</t>
  </si>
  <si>
    <t>10993113.0</t>
  </si>
  <si>
    <t>4095184.0</t>
  </si>
  <si>
    <t>4048333.0</t>
  </si>
  <si>
    <t>3090687.0</t>
  </si>
  <si>
    <t>10994415.0</t>
  </si>
  <si>
    <t>4095233.0</t>
  </si>
  <si>
    <t>4048421.0</t>
  </si>
  <si>
    <t>3091852.0</t>
  </si>
  <si>
    <t>218.88</t>
  </si>
  <si>
    <t>10995827.0</t>
  </si>
  <si>
    <t>4095279.0</t>
  </si>
  <si>
    <t>4048485.0</t>
  </si>
  <si>
    <t>3093154.0</t>
  </si>
  <si>
    <t>3669.4</t>
  </si>
  <si>
    <t>730.50390316115</t>
  </si>
  <si>
    <t>10997342.0</t>
  </si>
  <si>
    <t>4095461.0</t>
  </si>
  <si>
    <t>4048713.0</t>
  </si>
  <si>
    <t>3094259.0</t>
  </si>
  <si>
    <t>218.94</t>
  </si>
  <si>
    <t>10998799.0</t>
  </si>
  <si>
    <t>4095569.0</t>
  </si>
  <si>
    <t>4048986.0</t>
  </si>
  <si>
    <t>3095335.0</t>
  </si>
  <si>
    <t>164.44</t>
  </si>
  <si>
    <t>164.392</t>
  </si>
  <si>
    <t>10999229.0</t>
  </si>
  <si>
    <t>4095583.0</t>
  </si>
  <si>
    <t>4049001.0</t>
  </si>
  <si>
    <t>3095736.0</t>
  </si>
  <si>
    <t>218.97</t>
  </si>
  <si>
    <t>11000541.0</t>
  </si>
  <si>
    <t>4095634.0</t>
  </si>
  <si>
    <t>4049071.0</t>
  </si>
  <si>
    <t>3096927.0</t>
  </si>
  <si>
    <t>11002165.0</t>
  </si>
  <si>
    <t>4095694.0</t>
  </si>
  <si>
    <t>4049154.0</t>
  </si>
  <si>
    <t>3098408.0</t>
  </si>
  <si>
    <t>11003607.0</t>
  </si>
  <si>
    <t>4095771.0</t>
  </si>
  <si>
    <t>4049231.0</t>
  </si>
  <si>
    <t>3099696.0</t>
  </si>
  <si>
    <t>219.06</t>
  </si>
  <si>
    <t>11004937.0</t>
  </si>
  <si>
    <t>4095870.0</t>
  </si>
  <si>
    <t>4049321.0</t>
  </si>
  <si>
    <t>3100837.0</t>
  </si>
  <si>
    <t>11006146.0</t>
  </si>
  <si>
    <t>4095989.0</t>
  </si>
  <si>
    <t>4049464.0</t>
  </si>
  <si>
    <t>3101784.0</t>
  </si>
  <si>
    <t>219.11</t>
  </si>
  <si>
    <t>11007146.0</t>
  </si>
  <si>
    <t>4096122.0</t>
  </si>
  <si>
    <t>4049683.0</t>
  </si>
  <si>
    <t>3102432.0</t>
  </si>
  <si>
    <t>11007524.0</t>
  </si>
  <si>
    <t>4096133.0</t>
  </si>
  <si>
    <t>4049699.0</t>
  </si>
  <si>
    <t>11008670.0</t>
  </si>
  <si>
    <t>4096177.0</t>
  </si>
  <si>
    <t>4049780.0</t>
  </si>
  <si>
    <t>3103804.0</t>
  </si>
  <si>
    <t>11009989.0</t>
  </si>
  <si>
    <t>4096276.0</t>
  </si>
  <si>
    <t>4049854.0</t>
  </si>
  <si>
    <t>3104950.0</t>
  </si>
  <si>
    <t>219.19</t>
  </si>
  <si>
    <t>11010950.0</t>
  </si>
  <si>
    <t>4096348.0</t>
  </si>
  <si>
    <t>4049893.0</t>
  </si>
  <si>
    <t>3105800.0</t>
  </si>
  <si>
    <t>11012293.0</t>
  </si>
  <si>
    <t>4050012.0</t>
  </si>
  <si>
    <t>3106944.0</t>
  </si>
  <si>
    <t>11013387.0</t>
  </si>
  <si>
    <t>4096553.0</t>
  </si>
  <si>
    <t>4050221.0</t>
  </si>
  <si>
    <t>3107705.0</t>
  </si>
  <si>
    <t>11014149.0</t>
  </si>
  <si>
    <t>4096672.0</t>
  </si>
  <si>
    <t>4050386.0</t>
  </si>
  <si>
    <t>3108183.0</t>
  </si>
  <si>
    <t>219.27</t>
  </si>
  <si>
    <t>11014431.0</t>
  </si>
  <si>
    <t>4096686.0</t>
  </si>
  <si>
    <t>4050404.0</t>
  </si>
  <si>
    <t>3108433.0</t>
  </si>
  <si>
    <t>219.28</t>
  </si>
  <si>
    <t>11015217.0</t>
  </si>
  <si>
    <t>4096716.0</t>
  </si>
  <si>
    <t>4050437.0</t>
  </si>
  <si>
    <t>3109156.0</t>
  </si>
  <si>
    <t>219.29</t>
  </si>
  <si>
    <t>11016238.0</t>
  </si>
  <si>
    <t>4096794.0</t>
  </si>
  <si>
    <t>4050503.0</t>
  </si>
  <si>
    <t>3110033.0</t>
  </si>
  <si>
    <t>11016973.0</t>
  </si>
  <si>
    <t>4096846.0</t>
  </si>
  <si>
    <t>4050533.0</t>
  </si>
  <si>
    <t>3110686.0</t>
  </si>
  <si>
    <t>11017860.0</t>
  </si>
  <si>
    <t>4096921.0</t>
  </si>
  <si>
    <t>4050603.0</t>
  </si>
  <si>
    <t>3111428.0</t>
  </si>
  <si>
    <t>11018858.0</t>
  </si>
  <si>
    <t>4097020.0</t>
  </si>
  <si>
    <t>4050778.0</t>
  </si>
  <si>
    <t>3112152.0</t>
  </si>
  <si>
    <t>219.36</t>
  </si>
  <si>
    <t>11019596.0</t>
  </si>
  <si>
    <t>4097128.0</t>
  </si>
  <si>
    <t>3112551.0</t>
  </si>
  <si>
    <t>11019861.0</t>
  </si>
  <si>
    <t>4097142.0</t>
  </si>
  <si>
    <t>4051032.0</t>
  </si>
  <si>
    <t>3112779.0</t>
  </si>
  <si>
    <t>11020228.0</t>
  </si>
  <si>
    <t>4097160.0</t>
  </si>
  <si>
    <t>4051048.0</t>
  </si>
  <si>
    <t>3113112.0</t>
  </si>
  <si>
    <t>11021204.0</t>
  </si>
  <si>
    <t>4097222.0</t>
  </si>
  <si>
    <t>4051121.0</t>
  </si>
  <si>
    <t>3113954.0</t>
  </si>
  <si>
    <t>11022050.0</t>
  </si>
  <si>
    <t>4097271.0</t>
  </si>
  <si>
    <t>4051192.0</t>
  </si>
  <si>
    <t>3114680.0</t>
  </si>
  <si>
    <t>219.43</t>
  </si>
  <si>
    <t>11022868.0</t>
  </si>
  <si>
    <t>4097342.0</t>
  </si>
  <si>
    <t>4051297.0</t>
  </si>
  <si>
    <t>3115322.0</t>
  </si>
  <si>
    <t>11023543.0</t>
  </si>
  <si>
    <t>4097442.0</t>
  </si>
  <si>
    <t>4051416.0</t>
  </si>
  <si>
    <t>3115778.0</t>
  </si>
  <si>
    <t>11023888.0</t>
  </si>
  <si>
    <t>4097474.0</t>
  </si>
  <si>
    <t>4051473.0</t>
  </si>
  <si>
    <t>3116034.0</t>
  </si>
  <si>
    <t>11023962.0</t>
  </si>
  <si>
    <t>4097484.0</t>
  </si>
  <si>
    <t>4051488.0</t>
  </si>
  <si>
    <t>3116083.0</t>
  </si>
  <si>
    <t>4035.8</t>
  </si>
  <si>
    <t>803.446790313885</t>
  </si>
  <si>
    <t>11024332.0</t>
  </si>
  <si>
    <t>4097520.0</t>
  </si>
  <si>
    <t>4051516.0</t>
  </si>
  <si>
    <t>3116389.0</t>
  </si>
  <si>
    <t>11025172.0</t>
  </si>
  <si>
    <t>4097613.0</t>
  </si>
  <si>
    <t>4051655.0</t>
  </si>
  <si>
    <t>3116997.0</t>
  </si>
  <si>
    <t>11025686.0</t>
  </si>
  <si>
    <t>4097658.0</t>
  </si>
  <si>
    <t>4051707.0</t>
  </si>
  <si>
    <t>3117414.0</t>
  </si>
  <si>
    <t>11026399.0</t>
  </si>
  <si>
    <t>4097754.0</t>
  </si>
  <si>
    <t>4051798.0</t>
  </si>
  <si>
    <t>3117940.0</t>
  </si>
  <si>
    <t>11027027.0</t>
  </si>
  <si>
    <t>4097828.0</t>
  </si>
  <si>
    <t>4051928.0</t>
  </si>
  <si>
    <t>3118364.0</t>
  </si>
  <si>
    <t>11027316.0</t>
  </si>
  <si>
    <t>4097856.0</t>
  </si>
  <si>
    <t>4052008.0</t>
  </si>
  <si>
    <t>3118545.0</t>
  </si>
  <si>
    <t>11027512.0</t>
  </si>
  <si>
    <t>4097867.0</t>
  </si>
  <si>
    <t>4052023.0</t>
  </si>
  <si>
    <t>3118715.0</t>
  </si>
  <si>
    <t>219.54</t>
  </si>
  <si>
    <t>11028002.0</t>
  </si>
  <si>
    <t>4097914.0</t>
  </si>
  <si>
    <t>4052065.0</t>
  </si>
  <si>
    <t>3119116.0</t>
  </si>
  <si>
    <t>11028690.0</t>
  </si>
  <si>
    <t>4097970.0</t>
  </si>
  <si>
    <t>4052160.0</t>
  </si>
  <si>
    <t>3119654.0</t>
  </si>
  <si>
    <t>219.56</t>
  </si>
  <si>
    <t>11029156.0</t>
  </si>
  <si>
    <t>4098015.0</t>
  </si>
  <si>
    <t>4052201.0</t>
  </si>
  <si>
    <t>3120034.0</t>
  </si>
  <si>
    <t>11029769.0</t>
  </si>
  <si>
    <t>4098085.0</t>
  </si>
  <si>
    <t>4052276.0</t>
  </si>
  <si>
    <t>3120502.0</t>
  </si>
  <si>
    <t>11030352.0</t>
  </si>
  <si>
    <t>4098188.0</t>
  </si>
  <si>
    <t>4052427.0</t>
  </si>
  <si>
    <t>3120831.0</t>
  </si>
  <si>
    <t>11030542.0</t>
  </si>
  <si>
    <t>4098205.0</t>
  </si>
  <si>
    <t>4052453.0</t>
  </si>
  <si>
    <t>3120978.0</t>
  </si>
  <si>
    <t>11030783.0</t>
  </si>
  <si>
    <t>4098212.0</t>
  </si>
  <si>
    <t>4052464.0</t>
  </si>
  <si>
    <t>3121201.0</t>
  </si>
  <si>
    <t>11031328.0</t>
  </si>
  <si>
    <t>4098253.0</t>
  </si>
  <si>
    <t>4052492.0</t>
  </si>
  <si>
    <t>3121677.0</t>
  </si>
  <si>
    <t>11032001.0</t>
  </si>
  <si>
    <t>4098304.0</t>
  </si>
  <si>
    <t>4052550.0</t>
  </si>
  <si>
    <t>3122241.0</t>
  </si>
  <si>
    <t>11032565.0</t>
  </si>
  <si>
    <t>4098359.0</t>
  </si>
  <si>
    <t>4052589.0</t>
  </si>
  <si>
    <t>3122711.0</t>
  </si>
  <si>
    <t>11033187.0</t>
  </si>
  <si>
    <t>4098433.0</t>
  </si>
  <si>
    <t>4052645.0</t>
  </si>
  <si>
    <t>3123203.0</t>
  </si>
  <si>
    <t>11033821.0</t>
  </si>
  <si>
    <t>4098542.0</t>
  </si>
  <si>
    <t>4052772.0</t>
  </si>
  <si>
    <t>3123601.0</t>
  </si>
  <si>
    <t>219.66</t>
  </si>
  <si>
    <t>11034262.0</t>
  </si>
  <si>
    <t>4098581.0</t>
  </si>
  <si>
    <t>4052808.0</t>
  </si>
  <si>
    <t>3123967.0</t>
  </si>
  <si>
    <t>11034499.0</t>
  </si>
  <si>
    <t>4098593.0</t>
  </si>
  <si>
    <t>4052821.0</t>
  </si>
  <si>
    <t>3124179.0</t>
  </si>
  <si>
    <t>11035286.0</t>
  </si>
  <si>
    <t>4098671.0</t>
  </si>
  <si>
    <t>4052893.0</t>
  </si>
  <si>
    <t>3124816.0</t>
  </si>
  <si>
    <t>11035966.0</t>
  </si>
  <si>
    <t>4098724.0</t>
  </si>
  <si>
    <t>4052949.0</t>
  </si>
  <si>
    <t>3125387.0</t>
  </si>
  <si>
    <t>11036644.0</t>
  </si>
  <si>
    <t>4098766.0</t>
  </si>
  <si>
    <t>4052998.0</t>
  </si>
  <si>
    <t>3125974.0</t>
  </si>
  <si>
    <t>11037493.0</t>
  </si>
  <si>
    <t>4098865.0</t>
  </si>
  <si>
    <t>4053088.0</t>
  </si>
  <si>
    <t>3126634.0</t>
  </si>
  <si>
    <t>11038087.0</t>
  </si>
  <si>
    <t>4098951.0</t>
  </si>
  <si>
    <t>4053207.0</t>
  </si>
  <si>
    <t>3127023.0</t>
  </si>
  <si>
    <t>11038439.0</t>
  </si>
  <si>
    <t>4098995.0</t>
  </si>
  <si>
    <t>4053228.0</t>
  </si>
  <si>
    <t>3127310.0</t>
  </si>
  <si>
    <t>11038686.0</t>
  </si>
  <si>
    <t>4099008.0</t>
  </si>
  <si>
    <t>4053240.0</t>
  </si>
  <si>
    <t>3127532.0</t>
  </si>
  <si>
    <t>11039309.0</t>
  </si>
  <si>
    <t>4099050.0</t>
  </si>
  <si>
    <t>4053285.0</t>
  </si>
  <si>
    <t>3128069.0</t>
  </si>
  <si>
    <t>219.77</t>
  </si>
  <si>
    <t>11039853.0</t>
  </si>
  <si>
    <t>4099078.0</t>
  </si>
  <si>
    <t>4053314.0</t>
  </si>
  <si>
    <t>3128556.0</t>
  </si>
  <si>
    <t>11040285.0</t>
  </si>
  <si>
    <t>4099111.0</t>
  </si>
  <si>
    <t>4053344.0</t>
  </si>
  <si>
    <t>3128925.0</t>
  </si>
  <si>
    <t>868.386664192767</t>
  </si>
  <si>
    <t>11040819.0</t>
  </si>
  <si>
    <t>4099159.0</t>
  </si>
  <si>
    <t>4053395.0</t>
  </si>
  <si>
    <t>3129360.0</t>
  </si>
  <si>
    <t>11041488.0</t>
  </si>
  <si>
    <t>4099232.0</t>
  </si>
  <si>
    <t>4053496.0</t>
  </si>
  <si>
    <t>3129855.0</t>
  </si>
  <si>
    <t>11042022.0</t>
  </si>
  <si>
    <t>4099290.0</t>
  </si>
  <si>
    <t>4053578.0</t>
  </si>
  <si>
    <t>3130249.0</t>
  </si>
  <si>
    <t>11042183.0</t>
  </si>
  <si>
    <t>4099299.0</t>
  </si>
  <si>
    <t>4053583.0</t>
  </si>
  <si>
    <t>3130396.0</t>
  </si>
  <si>
    <t>11042686.0</t>
  </si>
  <si>
    <t>4099341.0</t>
  </si>
  <si>
    <t>4053605.0</t>
  </si>
  <si>
    <t>3130835.0</t>
  </si>
  <si>
    <t>11043310.0</t>
  </si>
  <si>
    <t>4099390.0</t>
  </si>
  <si>
    <t>4053647.0</t>
  </si>
  <si>
    <t>3131368.0</t>
  </si>
  <si>
    <t>219.85</t>
  </si>
  <si>
    <t>11043881.0</t>
  </si>
  <si>
    <t>4099431.0</t>
  </si>
  <si>
    <t>4053699.0</t>
  </si>
  <si>
    <t>3131848.0</t>
  </si>
  <si>
    <t>11044457.0</t>
  </si>
  <si>
    <t>4099494.0</t>
  </si>
  <si>
    <t>4053760.0</t>
  </si>
  <si>
    <t>3132300.0</t>
  </si>
  <si>
    <t>11045078.0</t>
  </si>
  <si>
    <t>4099588.0</t>
  </si>
  <si>
    <t>4053895.0</t>
  </si>
  <si>
    <t>3132692.0</t>
  </si>
  <si>
    <t>11045420.0</t>
  </si>
  <si>
    <t>4099646.0</t>
  </si>
  <si>
    <t>4053953.0</t>
  </si>
  <si>
    <t>3132918.0</t>
  </si>
  <si>
    <t>11045575.0</t>
  </si>
  <si>
    <t>4099659.0</t>
  </si>
  <si>
    <t>4053966.0</t>
  </si>
  <si>
    <t>3133047.0</t>
  </si>
  <si>
    <t>11045964.0</t>
  </si>
  <si>
    <t>4099688.0</t>
  </si>
  <si>
    <t>4053991.0</t>
  </si>
  <si>
    <t>3133382.0</t>
  </si>
  <si>
    <t>11046378.0</t>
  </si>
  <si>
    <t>4099723.0</t>
  </si>
  <si>
    <t>4054024.0</t>
  </si>
  <si>
    <t>3133728.0</t>
  </si>
  <si>
    <t>11046790.0</t>
  </si>
  <si>
    <t>4099774.0</t>
  </si>
  <si>
    <t>4054060.0</t>
  </si>
  <si>
    <t>3134053.0</t>
  </si>
  <si>
    <t>11047148.0</t>
  </si>
  <si>
    <t>4099812.0</t>
  </si>
  <si>
    <t>4054116.0</t>
  </si>
  <si>
    <t>3134317.0</t>
  </si>
  <si>
    <t>11047662.0</t>
  </si>
  <si>
    <t>4099879.0</t>
  </si>
  <si>
    <t>4054265.0</t>
  </si>
  <si>
    <t>3134615.0</t>
  </si>
  <si>
    <t>11047954.0</t>
  </si>
  <si>
    <t>4099909.0</t>
  </si>
  <si>
    <t>4054319.0</t>
  </si>
  <si>
    <t>3134823.0</t>
  </si>
  <si>
    <t>11048074.0</t>
  </si>
  <si>
    <t>4099920.0</t>
  </si>
  <si>
    <t>4054330.0</t>
  </si>
  <si>
    <t>3134921.0</t>
  </si>
  <si>
    <t>11048396.0</t>
  </si>
  <si>
    <t>4099959.0</t>
  </si>
  <si>
    <t>4054367.0</t>
  </si>
  <si>
    <t>3135167.0</t>
  </si>
  <si>
    <t>11048734.0</t>
  </si>
  <si>
    <t>4100001.0</t>
  </si>
  <si>
    <t>4054399.0</t>
  </si>
  <si>
    <t>3135431.0</t>
  </si>
  <si>
    <t>219.96</t>
  </si>
  <si>
    <t>11049078.0</t>
  </si>
  <si>
    <t>4100062.0</t>
  </si>
  <si>
    <t>4054433.0</t>
  </si>
  <si>
    <t>3135680.0</t>
  </si>
  <si>
    <t>11049397.0</t>
  </si>
  <si>
    <t>4100100.0</t>
  </si>
  <si>
    <t>4054472.0</t>
  </si>
  <si>
    <t>3135922.0</t>
  </si>
  <si>
    <t>219.97</t>
  </si>
  <si>
    <t>11049798.0</t>
  </si>
  <si>
    <t>4100156.0</t>
  </si>
  <si>
    <t>4054576.0</t>
  </si>
  <si>
    <t>3136163.0</t>
  </si>
  <si>
    <t>11050058.0</t>
  </si>
  <si>
    <t>4100198.0</t>
  </si>
  <si>
    <t>4054650.0</t>
  </si>
  <si>
    <t>3136307.0</t>
  </si>
  <si>
    <t>11050198.0</t>
  </si>
  <si>
    <t>4100222.0</t>
  </si>
  <si>
    <t>4054660.0</t>
  </si>
  <si>
    <t>3136413.0</t>
  </si>
  <si>
    <t>219.99</t>
  </si>
  <si>
    <t>11050499.0</t>
  </si>
  <si>
    <t>4100254.0</t>
  </si>
  <si>
    <t>4054695.0</t>
  </si>
  <si>
    <t>3136649.0</t>
  </si>
  <si>
    <t>11050860.0</t>
  </si>
  <si>
    <t>4100297.0</t>
  </si>
  <si>
    <t>4054722.0</t>
  </si>
  <si>
    <t>3136940.0</t>
  </si>
  <si>
    <t>11051260.0</t>
  </si>
  <si>
    <t>4100328.0</t>
  </si>
  <si>
    <t>4054745.0</t>
  </si>
  <si>
    <t>3137286.0</t>
  </si>
  <si>
    <t>11051683.0</t>
  </si>
  <si>
    <t>4100367.0</t>
  </si>
  <si>
    <t>4054803.0</t>
  </si>
  <si>
    <t>3137612.0</t>
  </si>
  <si>
    <t>11052207.0</t>
  </si>
  <si>
    <t>4100419.0</t>
  </si>
  <si>
    <t>4054908.0</t>
  </si>
  <si>
    <t>3137979.0</t>
  </si>
  <si>
    <t>220.03</t>
  </si>
  <si>
    <t>4561.8</t>
  </si>
  <si>
    <t>908.162834643412</t>
  </si>
  <si>
    <t>11052410.0</t>
  </si>
  <si>
    <t>4100445.0</t>
  </si>
  <si>
    <t>4054955.0</t>
  </si>
  <si>
    <t>3138109.0</t>
  </si>
  <si>
    <t>71.271</t>
  </si>
  <si>
    <t>11052716.0</t>
  </si>
  <si>
    <t>4100467.0</t>
  </si>
  <si>
    <t>4054956.0</t>
  </si>
  <si>
    <t>3138392.0</t>
  </si>
  <si>
    <t>220.04</t>
  </si>
  <si>
    <t>11053262.0</t>
  </si>
  <si>
    <t>4100498.0</t>
  </si>
  <si>
    <t>4054973.0</t>
  </si>
  <si>
    <t>3138890.0</t>
  </si>
  <si>
    <t>11053917.0</t>
  </si>
  <si>
    <t>4100547.0</t>
  </si>
  <si>
    <t>4055010.0</t>
  </si>
  <si>
    <t>3139459.0</t>
  </si>
  <si>
    <t>11054666.0</t>
  </si>
  <si>
    <t>4100602.0</t>
  </si>
  <si>
    <t>4055036.0</t>
  </si>
  <si>
    <t>3140127.0</t>
  </si>
  <si>
    <t>220.08</t>
  </si>
  <si>
    <t>11055698.0</t>
  </si>
  <si>
    <t>4100682.0</t>
  </si>
  <si>
    <t>4055076.0</t>
  </si>
  <si>
    <t>3141039.0</t>
  </si>
  <si>
    <t>11056301.0</t>
  </si>
  <si>
    <t>4100782.0</t>
  </si>
  <si>
    <t>4055178.0</t>
  </si>
  <si>
    <t>3141440.0</t>
  </si>
  <si>
    <t>11056500.0</t>
  </si>
  <si>
    <t>4100819.0</t>
  </si>
  <si>
    <t>4055207.0</t>
  </si>
  <si>
    <t>3141573.0</t>
  </si>
  <si>
    <t>11056946.0</t>
  </si>
  <si>
    <t>4100838.0</t>
  </si>
  <si>
    <t>4055209.0</t>
  </si>
  <si>
    <t>3141998.0</t>
  </si>
  <si>
    <t>11057716.0</t>
  </si>
  <si>
    <t>4100914.0</t>
  </si>
  <si>
    <t>4055224.0</t>
  </si>
  <si>
    <t>3142677.0</t>
  </si>
  <si>
    <t>11058547.0</t>
  </si>
  <si>
    <t>4100969.0</t>
  </si>
  <si>
    <t>4055260.0</t>
  </si>
  <si>
    <t>3143417.0</t>
  </si>
  <si>
    <t>11059381.0</t>
  </si>
  <si>
    <t>4101049.0</t>
  </si>
  <si>
    <t>4055289.0</t>
  </si>
  <si>
    <t>3144142.0</t>
  </si>
  <si>
    <t>11060403.0</t>
  </si>
  <si>
    <t>4101169.0</t>
  </si>
  <si>
    <t>4055310.0</t>
  </si>
  <si>
    <t>3145023.0</t>
  </si>
  <si>
    <t>220.19</t>
  </si>
  <si>
    <t>11060992.0</t>
  </si>
  <si>
    <t>4101267.0</t>
  </si>
  <si>
    <t>4055430.0</t>
  </si>
  <si>
    <t>3145394.0</t>
  </si>
  <si>
    <t>11061216.0</t>
  </si>
  <si>
    <t>4101294.0</t>
  </si>
  <si>
    <t>4055468.0</t>
  </si>
  <si>
    <t>3145554.0</t>
  </si>
  <si>
    <t>220.21</t>
  </si>
  <si>
    <t>11061648.0</t>
  </si>
  <si>
    <t>4101346.0</t>
  </si>
  <si>
    <t>4055471.0</t>
  </si>
  <si>
    <t>3145931.0</t>
  </si>
  <si>
    <t>11062455.0</t>
  </si>
  <si>
    <t>4101462.0</t>
  </si>
  <si>
    <t>4055488.0</t>
  </si>
  <si>
    <t>3146605.0</t>
  </si>
  <si>
    <t>11063310.0</t>
  </si>
  <si>
    <t>4101549.0</t>
  </si>
  <si>
    <t>4055528.0</t>
  </si>
  <si>
    <t>3147333.0</t>
  </si>
  <si>
    <t>11064169.0</t>
  </si>
  <si>
    <t>4101645.0</t>
  </si>
  <si>
    <t>4055538.0</t>
  </si>
  <si>
    <t>3148086.0</t>
  </si>
  <si>
    <t>11065033.0</t>
  </si>
  <si>
    <t>4101769.0</t>
  </si>
  <si>
    <t>4055559.0</t>
  </si>
  <si>
    <t>3148805.0</t>
  </si>
  <si>
    <t>11065505.0</t>
  </si>
  <si>
    <t>4101863.0</t>
  </si>
  <si>
    <t>4055617.0</t>
  </si>
  <si>
    <t>3149125.0</t>
  </si>
  <si>
    <t>11065777.0</t>
  </si>
  <si>
    <t>4101943.0</t>
  </si>
  <si>
    <t>4055665.0</t>
  </si>
  <si>
    <t>3149269.0</t>
  </si>
  <si>
    <t>11066225.0</t>
  </si>
  <si>
    <t>4102008.0</t>
  </si>
  <si>
    <t>4055669.0</t>
  </si>
  <si>
    <t>3149648.0</t>
  </si>
  <si>
    <t>11067008.0</t>
  </si>
  <si>
    <t>4102082.0</t>
  </si>
  <si>
    <t>4055697.0</t>
  </si>
  <si>
    <t>3150329.0</t>
  </si>
  <si>
    <t>11067704.0</t>
  </si>
  <si>
    <t>4102127.0</t>
  </si>
  <si>
    <t>4055722.0</t>
  </si>
  <si>
    <t>3150955.0</t>
  </si>
  <si>
    <t>11068450.0</t>
  </si>
  <si>
    <t>4102191.0</t>
  </si>
  <si>
    <t>4055756.0</t>
  </si>
  <si>
    <t>3151603.0</t>
  </si>
  <si>
    <t>11068973.0</t>
  </si>
  <si>
    <t>4102241.0</t>
  </si>
  <si>
    <t>4055775.0</t>
  </si>
  <si>
    <t>3152057.0</t>
  </si>
  <si>
    <t>11069368.0</t>
  </si>
  <si>
    <t>4102329.0</t>
  </si>
  <si>
    <t>4055839.0</t>
  </si>
  <si>
    <t>3152300.0</t>
  </si>
  <si>
    <t>11069473.0</t>
  </si>
  <si>
    <t>4102340.0</t>
  </si>
  <si>
    <t>4055845.0</t>
  </si>
  <si>
    <t>3152388.0</t>
  </si>
  <si>
    <t>11069485.0</t>
  </si>
  <si>
    <t>4102341.0</t>
  </si>
  <si>
    <t>4055846.0</t>
  </si>
  <si>
    <t>3152398.0</t>
  </si>
  <si>
    <t>978.039890840492</t>
  </si>
  <si>
    <t>11070066.0</t>
  </si>
  <si>
    <t>4102437.0</t>
  </si>
  <si>
    <t>4055871.0</t>
  </si>
  <si>
    <t>3152858.0</t>
  </si>
  <si>
    <t>11070747.0</t>
  </si>
  <si>
    <t>4102546.0</t>
  </si>
  <si>
    <t>4055883.0</t>
  </si>
  <si>
    <t>3153418.0</t>
  </si>
  <si>
    <t>11071671.0</t>
  </si>
  <si>
    <t>4102637.0</t>
  </si>
  <si>
    <t>4055911.0</t>
  </si>
  <si>
    <t>3154223.0</t>
  </si>
  <si>
    <t>11072504.0</t>
  </si>
  <si>
    <t>4102698.0</t>
  </si>
  <si>
    <t>4055933.0</t>
  </si>
  <si>
    <t>3154973.0</t>
  </si>
  <si>
    <t>11072897.0</t>
  </si>
  <si>
    <t>4102744.0</t>
  </si>
  <si>
    <t>4055987.0</t>
  </si>
  <si>
    <t>3155266.0</t>
  </si>
  <si>
    <t>11073251.0</t>
  </si>
  <si>
    <t>4102800.0</t>
  </si>
  <si>
    <t>4056065.0</t>
  </si>
  <si>
    <t>3155486.0</t>
  </si>
  <si>
    <t>220.45</t>
  </si>
  <si>
    <t>11073638.0</t>
  </si>
  <si>
    <t>4102843.0</t>
  </si>
  <si>
    <t>4056068.0</t>
  </si>
  <si>
    <t>3155827.0</t>
  </si>
  <si>
    <t>11074452.0</t>
  </si>
  <si>
    <t>4102909.0</t>
  </si>
  <si>
    <t>4056100.0</t>
  </si>
  <si>
    <t>3156543.0</t>
  </si>
  <si>
    <t>220.47</t>
  </si>
  <si>
    <t>11075072.0</t>
  </si>
  <si>
    <t>4103002.0</t>
  </si>
  <si>
    <t>4056132.0</t>
  </si>
  <si>
    <t>3157038.0</t>
  </si>
  <si>
    <t>11075706.0</t>
  </si>
  <si>
    <t>4103050.0</t>
  </si>
  <si>
    <t>4056147.0</t>
  </si>
  <si>
    <t>3157609.0</t>
  </si>
  <si>
    <t>11076222.0</t>
  </si>
  <si>
    <t>4103100.0</t>
  </si>
  <si>
    <t>4056164.0</t>
  </si>
  <si>
    <t>3158058.0</t>
  </si>
  <si>
    <t>11076681.0</t>
  </si>
  <si>
    <t>4103174.0</t>
  </si>
  <si>
    <t>4056251.0</t>
  </si>
  <si>
    <t>3158356.0</t>
  </si>
  <si>
    <t>11076946.0</t>
  </si>
  <si>
    <t>4103216.0</t>
  </si>
  <si>
    <t>4056314.0</t>
  </si>
  <si>
    <t>3158517.0</t>
  </si>
  <si>
    <t>11077233.0</t>
  </si>
  <si>
    <t>4103231.0</t>
  </si>
  <si>
    <t>4056316.0</t>
  </si>
  <si>
    <t>3158787.0</t>
  </si>
  <si>
    <t>11077752.0</t>
  </si>
  <si>
    <t>4103288.0</t>
  </si>
  <si>
    <t>4056322.0</t>
  </si>
  <si>
    <t>3159243.0</t>
  </si>
  <si>
    <t>11078258.0</t>
  </si>
  <si>
    <t>4103334.0</t>
  </si>
  <si>
    <t>4056342.0</t>
  </si>
  <si>
    <t>3159683.0</t>
  </si>
  <si>
    <t>11078813.0</t>
  </si>
  <si>
    <t>4103399.0</t>
  </si>
  <si>
    <t>4056352.0</t>
  </si>
  <si>
    <t>3160164.0</t>
  </si>
  <si>
    <t>11079347.0</t>
  </si>
  <si>
    <t>4103426.0</t>
  </si>
  <si>
    <t>4056374.0</t>
  </si>
  <si>
    <t>3160649.0</t>
  </si>
  <si>
    <t>11079668.0</t>
  </si>
  <si>
    <t>4103481.0</t>
  </si>
  <si>
    <t>4056431.0</t>
  </si>
  <si>
    <t>3160858.0</t>
  </si>
  <si>
    <t>11079929.0</t>
  </si>
  <si>
    <t>4103521.0</t>
  </si>
  <si>
    <t>4056487.0</t>
  </si>
  <si>
    <t>3161023.0</t>
  </si>
  <si>
    <t>11080179.0</t>
  </si>
  <si>
    <t>4103539.0</t>
  </si>
  <si>
    <t>4056490.0</t>
  </si>
  <si>
    <t>3161252.0</t>
  </si>
  <si>
    <t>11080790.0</t>
  </si>
  <si>
    <t>4103587.0</t>
  </si>
  <si>
    <t>4056512.0</t>
  </si>
  <si>
    <t>3161793.0</t>
  </si>
  <si>
    <t>11081322.0</t>
  </si>
  <si>
    <t>4103610.0</t>
  </si>
  <si>
    <t>4056528.0</t>
  </si>
  <si>
    <t>3162286.0</t>
  </si>
  <si>
    <t>11081914.0</t>
  </si>
  <si>
    <t>4103635.0</t>
  </si>
  <si>
    <t>4056546.0</t>
  </si>
  <si>
    <t>3162835.0</t>
  </si>
  <si>
    <t>11082427.0</t>
  </si>
  <si>
    <t>4103653.0</t>
  </si>
  <si>
    <t>4056556.0</t>
  </si>
  <si>
    <t>3163320.0</t>
  </si>
  <si>
    <t>11082802.0</t>
  </si>
  <si>
    <t>4103719.0</t>
  </si>
  <si>
    <t>4056618.0</t>
  </si>
  <si>
    <t>3163567.0</t>
  </si>
  <si>
    <t>11083003.0</t>
  </si>
  <si>
    <t>4103754.0</t>
  </si>
  <si>
    <t>4056660.0</t>
  </si>
  <si>
    <t>3163691.0</t>
  </si>
  <si>
    <t>11083254.0</t>
  </si>
  <si>
    <t>4103771.0</t>
  </si>
  <si>
    <t>3163925.0</t>
  </si>
  <si>
    <t>11083714.0</t>
  </si>
  <si>
    <t>4103803.0</t>
  </si>
  <si>
    <t>4056678.0</t>
  </si>
  <si>
    <t>3164335.0</t>
  </si>
  <si>
    <t>11084176.0</t>
  </si>
  <si>
    <t>4103849.0</t>
  </si>
  <si>
    <t>4056690.0</t>
  </si>
  <si>
    <t>3164739.0</t>
  </si>
  <si>
    <t>220.66</t>
  </si>
  <si>
    <t>11084600.0</t>
  </si>
  <si>
    <t>4103869.0</t>
  </si>
  <si>
    <t>4056701.0</t>
  </si>
  <si>
    <t>3165132.0</t>
  </si>
  <si>
    <t>11084963.0</t>
  </si>
  <si>
    <t>4103888.0</t>
  </si>
  <si>
    <t>4056719.0</t>
  </si>
  <si>
    <t>3165458.0</t>
  </si>
  <si>
    <t>11085295.0</t>
  </si>
  <si>
    <t>4103929.0</t>
  </si>
  <si>
    <t>4056790.0</t>
  </si>
  <si>
    <t>3165678.0</t>
  </si>
  <si>
    <t>11085523.0</t>
  </si>
  <si>
    <t>4103973.0</t>
  </si>
  <si>
    <t>4056837.0</t>
  </si>
  <si>
    <t>3165815.0</t>
  </si>
  <si>
    <t>11085783.0</t>
  </si>
  <si>
    <t>4103993.0</t>
  </si>
  <si>
    <t>4056842.0</t>
  </si>
  <si>
    <t>3166050.0</t>
  </si>
  <si>
    <t>11086250.0</t>
  </si>
  <si>
    <t>4104029.0</t>
  </si>
  <si>
    <t>4056871.0</t>
  </si>
  <si>
    <t>3166452.0</t>
  </si>
  <si>
    <t>11086694.0</t>
  </si>
  <si>
    <t>4104051.0</t>
  </si>
  <si>
    <t>4056894.0</t>
  </si>
  <si>
    <t>3166851.0</t>
  </si>
  <si>
    <t>11087097.0</t>
  </si>
  <si>
    <t>4104068.0</t>
  </si>
  <si>
    <t>4056908.0</t>
  </si>
  <si>
    <t>3167224.0</t>
  </si>
  <si>
    <t>11087482.0</t>
  </si>
  <si>
    <t>4104095.0</t>
  </si>
  <si>
    <t>4056925.0</t>
  </si>
  <si>
    <t>3167565.0</t>
  </si>
  <si>
    <t>11087743.0</t>
  </si>
  <si>
    <t>4104144.0</t>
  </si>
  <si>
    <t>4056968.0</t>
  </si>
  <si>
    <t>3167734.0</t>
  </si>
  <si>
    <t>76.703</t>
  </si>
  <si>
    <t>11087950.0</t>
  </si>
  <si>
    <t>4104171.0</t>
  </si>
  <si>
    <t>4057008.0</t>
  </si>
  <si>
    <t>3167874.0</t>
  </si>
  <si>
    <t>11088140.0</t>
  </si>
  <si>
    <t>4104187.0</t>
  </si>
  <si>
    <t>4057010.0</t>
  </si>
  <si>
    <t>3168046.0</t>
  </si>
  <si>
    <t>11088540.0</t>
  </si>
  <si>
    <t>4104216.0</t>
  </si>
  <si>
    <t>4057025.0</t>
  </si>
  <si>
    <t>3168402.0</t>
  </si>
  <si>
    <t>11088895.0</t>
  </si>
  <si>
    <t>4104236.0</t>
  </si>
  <si>
    <t>4057044.0</t>
  </si>
  <si>
    <t>3168718.0</t>
  </si>
  <si>
    <t>11089209.0</t>
  </si>
  <si>
    <t>4104248.0</t>
  </si>
  <si>
    <t>4057052.0</t>
  </si>
  <si>
    <t>3169012.0</t>
  </si>
  <si>
    <t>11089469.0</t>
  </si>
  <si>
    <t>4104261.0</t>
  </si>
  <si>
    <t>4057056.0</t>
  </si>
  <si>
    <t>3169255.0</t>
  </si>
  <si>
    <t>11089651.0</t>
  </si>
  <si>
    <t>4104281.0</t>
  </si>
  <si>
    <t>4057098.0</t>
  </si>
  <si>
    <t>3169375.0</t>
  </si>
  <si>
    <t>11089816.0</t>
  </si>
  <si>
    <t>4104310.0</t>
  </si>
  <si>
    <t>4057133.0</t>
  </si>
  <si>
    <t>3169476.0</t>
  </si>
  <si>
    <t>220.78</t>
  </si>
  <si>
    <t>11089987.0</t>
  </si>
  <si>
    <t>4104319.0</t>
  </si>
  <si>
    <t>4057134.0</t>
  </si>
  <si>
    <t>3169637.0</t>
  </si>
  <si>
    <t>11090353.0</t>
  </si>
  <si>
    <t>4104340.0</t>
  </si>
  <si>
    <t>4057151.0</t>
  </si>
  <si>
    <t>3169965.0</t>
  </si>
  <si>
    <t>11090703.0</t>
  </si>
  <si>
    <t>4104358.0</t>
  </si>
  <si>
    <t>4057175.0</t>
  </si>
  <si>
    <t>3170273.0</t>
  </si>
  <si>
    <t>11090965.0</t>
  </si>
  <si>
    <t>4104365.0</t>
  </si>
  <si>
    <t>4057190.0</t>
  </si>
  <si>
    <t>3170513.0</t>
  </si>
  <si>
    <t>11091127.0</t>
  </si>
  <si>
    <t>4104385.0</t>
  </si>
  <si>
    <t>4057196.0</t>
  </si>
  <si>
    <t>3170649.0</t>
  </si>
  <si>
    <t>11091304.0</t>
  </si>
  <si>
    <t>4104405.0</t>
  </si>
  <si>
    <t>4057219.0</t>
  </si>
  <si>
    <t>3170783.0</t>
  </si>
  <si>
    <t>11091553.0</t>
  </si>
  <si>
    <t>4104423.0</t>
  </si>
  <si>
    <t>4057231.0</t>
  </si>
  <si>
    <t>3171002.0</t>
  </si>
  <si>
    <t>11092095.0</t>
  </si>
  <si>
    <t>4104494.0</t>
  </si>
  <si>
    <t>4057262.0</t>
  </si>
  <si>
    <t>3171442.0</t>
  </si>
  <si>
    <t>11092292.0</t>
  </si>
  <si>
    <t>4104530.0</t>
  </si>
  <si>
    <t>4057288.0</t>
  </si>
  <si>
    <t>3171577.0</t>
  </si>
  <si>
    <t>11092710.0</t>
  </si>
  <si>
    <t>4104544.0</t>
  </si>
  <si>
    <t>4057302.0</t>
  </si>
  <si>
    <t>3171967.0</t>
  </si>
  <si>
    <t>11093181.0</t>
  </si>
  <si>
    <t>4104601.0</t>
  </si>
  <si>
    <t>4057329.0</t>
  </si>
  <si>
    <t>3172354.0</t>
  </si>
  <si>
    <t>IMN</t>
  </si>
  <si>
    <t>Isle of Man</t>
  </si>
  <si>
    <t>10224.0</t>
  </si>
  <si>
    <t>12441.0</t>
  </si>
  <si>
    <t>14806.0</t>
  </si>
  <si>
    <t>17180.0</t>
  </si>
  <si>
    <t>18795.0</t>
  </si>
  <si>
    <t>13883.0</t>
  </si>
  <si>
    <t>21998.0</t>
  </si>
  <si>
    <t>24309.0</t>
  </si>
  <si>
    <t>25086.0</t>
  </si>
  <si>
    <t>26172.0</t>
  </si>
  <si>
    <t>27326.0</t>
  </si>
  <si>
    <t>18043.0</t>
  </si>
  <si>
    <t>29794.0</t>
  </si>
  <si>
    <t>19885.0</t>
  </si>
  <si>
    <t>10150.0</t>
  </si>
  <si>
    <t>33336.0</t>
  </si>
  <si>
    <t>32286.0</t>
  </si>
  <si>
    <t>49787.0</t>
  </si>
  <si>
    <t>51602.0</t>
  </si>
  <si>
    <t>37491.0</t>
  </si>
  <si>
    <t>56040.0</t>
  </si>
  <si>
    <t>40692.0</t>
  </si>
  <si>
    <t>41846.0</t>
  </si>
  <si>
    <t>60889.0</t>
  </si>
  <si>
    <t>45462.0</t>
  </si>
  <si>
    <t>61699.0</t>
  </si>
  <si>
    <t>46245.0</t>
  </si>
  <si>
    <t>62899.0</t>
  </si>
  <si>
    <t>15461.0</t>
  </si>
  <si>
    <t>63674.0</t>
  </si>
  <si>
    <t>48205.0</t>
  </si>
  <si>
    <t>64099.0</t>
  </si>
  <si>
    <t>48625.0</t>
  </si>
  <si>
    <t>64481.0</t>
  </si>
  <si>
    <t>65085.0</t>
  </si>
  <si>
    <t>49608.0</t>
  </si>
  <si>
    <t>65675.0</t>
  </si>
  <si>
    <t>50191.0</t>
  </si>
  <si>
    <t>67082.0</t>
  </si>
  <si>
    <t>51585.0</t>
  </si>
  <si>
    <t>67915.0</t>
  </si>
  <si>
    <t>52864.0</t>
  </si>
  <si>
    <t>69658.0</t>
  </si>
  <si>
    <t>70249.0</t>
  </si>
  <si>
    <t>70810.0</t>
  </si>
  <si>
    <t>55110.0</t>
  </si>
  <si>
    <t>55945.0</t>
  </si>
  <si>
    <t>15758.0</t>
  </si>
  <si>
    <t>56844.0</t>
  </si>
  <si>
    <t>72626.0</t>
  </si>
  <si>
    <t>56849.0</t>
  </si>
  <si>
    <t>72673.0</t>
  </si>
  <si>
    <t>73471.0</t>
  </si>
  <si>
    <t>75013.0</t>
  </si>
  <si>
    <t>59217.0</t>
  </si>
  <si>
    <t>15796.0</t>
  </si>
  <si>
    <t>75037.0</t>
  </si>
  <si>
    <t>59238.0</t>
  </si>
  <si>
    <t>59932.0</t>
  </si>
  <si>
    <t>76403.0</t>
  </si>
  <si>
    <t>60512.0</t>
  </si>
  <si>
    <t>76977.0</t>
  </si>
  <si>
    <t>61081.0</t>
  </si>
  <si>
    <t>78417.0</t>
  </si>
  <si>
    <t>61120.0</t>
  </si>
  <si>
    <t>79300.0</t>
  </si>
  <si>
    <t>18155.0</t>
  </si>
  <si>
    <t>93.81</t>
  </si>
  <si>
    <t>61170.0</t>
  </si>
  <si>
    <t>81423.0</t>
  </si>
  <si>
    <t>61184.0</t>
  </si>
  <si>
    <t>20239.0</t>
  </si>
  <si>
    <t>83163.0</t>
  </si>
  <si>
    <t>83831.0</t>
  </si>
  <si>
    <t>61243.0</t>
  </si>
  <si>
    <t>22588.0</t>
  </si>
  <si>
    <t>85971.0</t>
  </si>
  <si>
    <t>86707.0</t>
  </si>
  <si>
    <t>102.57</t>
  </si>
  <si>
    <t>87476.0</t>
  </si>
  <si>
    <t>103.48</t>
  </si>
  <si>
    <t>89077.0</t>
  </si>
  <si>
    <t>61312.0</t>
  </si>
  <si>
    <t>105.37</t>
  </si>
  <si>
    <t>12930.0</t>
  </si>
  <si>
    <t>89507.0</t>
  </si>
  <si>
    <t>28192.0</t>
  </si>
  <si>
    <t>90677.0</t>
  </si>
  <si>
    <t>62162.0</t>
  </si>
  <si>
    <t>90991.0</t>
  </si>
  <si>
    <t>62400.0</t>
  </si>
  <si>
    <t>107.64</t>
  </si>
  <si>
    <t>91896.0</t>
  </si>
  <si>
    <t>108.71</t>
  </si>
  <si>
    <t>93033.0</t>
  </si>
  <si>
    <t>94630.0</t>
  </si>
  <si>
    <t>95763.0</t>
  </si>
  <si>
    <t>97379.0</t>
  </si>
  <si>
    <t>98546.0</t>
  </si>
  <si>
    <t>62420.0</t>
  </si>
  <si>
    <t>36126.0</t>
  </si>
  <si>
    <t>37333.0</t>
  </si>
  <si>
    <t>100971.0</t>
  </si>
  <si>
    <t>104254.0</t>
  </si>
  <si>
    <t>63236.0</t>
  </si>
  <si>
    <t>104999.0</t>
  </si>
  <si>
    <t>63241.0</t>
  </si>
  <si>
    <t>124.21</t>
  </si>
  <si>
    <t>107331.0</t>
  </si>
  <si>
    <t>63245.0</t>
  </si>
  <si>
    <t>44086.0</t>
  </si>
  <si>
    <t>108637.0</t>
  </si>
  <si>
    <t>109025.0</t>
  </si>
  <si>
    <t>109354.0</t>
  </si>
  <si>
    <t>110561.0</t>
  </si>
  <si>
    <t>111316.0</t>
  </si>
  <si>
    <t>47695.0</t>
  </si>
  <si>
    <t>112086.0</t>
  </si>
  <si>
    <t>63984.0</t>
  </si>
  <si>
    <t>48102.0</t>
  </si>
  <si>
    <t>112670.0</t>
  </si>
  <si>
    <t>48520.0</t>
  </si>
  <si>
    <t>113007.0</t>
  </si>
  <si>
    <t>64151.0</t>
  </si>
  <si>
    <t>48856.0</t>
  </si>
  <si>
    <t>113598.0</t>
  </si>
  <si>
    <t>114190.0</t>
  </si>
  <si>
    <t>64153.0</t>
  </si>
  <si>
    <t>114938.0</t>
  </si>
  <si>
    <t>135.97</t>
  </si>
  <si>
    <t>51406.0</t>
  </si>
  <si>
    <t>116594.0</t>
  </si>
  <si>
    <t>52372.0</t>
  </si>
  <si>
    <t>117677.0</t>
  </si>
  <si>
    <t>64400.0</t>
  </si>
  <si>
    <t>53277.0</t>
  </si>
  <si>
    <t>118490.0</t>
  </si>
  <si>
    <t>120027.0</t>
  </si>
  <si>
    <t>55620.0</t>
  </si>
  <si>
    <t>141.99</t>
  </si>
  <si>
    <t>120042.0</t>
  </si>
  <si>
    <t>121030.0</t>
  </si>
  <si>
    <t>64441.0</t>
  </si>
  <si>
    <t>121047.0</t>
  </si>
  <si>
    <t>121819.0</t>
  </si>
  <si>
    <t>64629.0</t>
  </si>
  <si>
    <t>57190.0</t>
  </si>
  <si>
    <t>144.11</t>
  </si>
  <si>
    <t>64756.0</t>
  </si>
  <si>
    <t>57800.0</t>
  </si>
  <si>
    <t>123254.0</t>
  </si>
  <si>
    <t>58548.0</t>
  </si>
  <si>
    <t>123947.0</t>
  </si>
  <si>
    <t>59075.0</t>
  </si>
  <si>
    <t>146.62</t>
  </si>
  <si>
    <t>124375.0</t>
  </si>
  <si>
    <t>64877.0</t>
  </si>
  <si>
    <t>59498.0</t>
  </si>
  <si>
    <t>124807.0</t>
  </si>
  <si>
    <t>64944.0</t>
  </si>
  <si>
    <t>59863.0</t>
  </si>
  <si>
    <t>125593.0</t>
  </si>
  <si>
    <t>60563.0</t>
  </si>
  <si>
    <t>65033.0</t>
  </si>
  <si>
    <t>60569.0</t>
  </si>
  <si>
    <t>125632.0</t>
  </si>
  <si>
    <t>65034.0</t>
  </si>
  <si>
    <t>125652.0</t>
  </si>
  <si>
    <t>65041.0</t>
  </si>
  <si>
    <t>125989.0</t>
  </si>
  <si>
    <t>126002.0</t>
  </si>
  <si>
    <t>126781.0</t>
  </si>
  <si>
    <t>126931.0</t>
  </si>
  <si>
    <t>61815.0</t>
  </si>
  <si>
    <t>127589.0</t>
  </si>
  <si>
    <t>65118.0</t>
  </si>
  <si>
    <t>150.93</t>
  </si>
  <si>
    <t>127749.0</t>
  </si>
  <si>
    <t>65120.0</t>
  </si>
  <si>
    <t>62629.0</t>
  </si>
  <si>
    <t>127865.0</t>
  </si>
  <si>
    <t>128307.0</t>
  </si>
  <si>
    <t>65288.0</t>
  </si>
  <si>
    <t>63019.0</t>
  </si>
  <si>
    <t>128384.0</t>
  </si>
  <si>
    <t>65296.0</t>
  </si>
  <si>
    <t>128522.0</t>
  </si>
  <si>
    <t>63219.0</t>
  </si>
  <si>
    <t>128603.0</t>
  </si>
  <si>
    <t>65373.0</t>
  </si>
  <si>
    <t>128702.0</t>
  </si>
  <si>
    <t>128915.0</t>
  </si>
  <si>
    <t>65430.0</t>
  </si>
  <si>
    <t>152.5</t>
  </si>
  <si>
    <t>129296.0</t>
  </si>
  <si>
    <t>65457.0</t>
  </si>
  <si>
    <t>63839.0</t>
  </si>
  <si>
    <t>129302.0</t>
  </si>
  <si>
    <t>65461.0</t>
  </si>
  <si>
    <t>129319.0</t>
  </si>
  <si>
    <t>63858.0</t>
  </si>
  <si>
    <t>152.98</t>
  </si>
  <si>
    <t>129395.0</t>
  </si>
  <si>
    <t>63924.0</t>
  </si>
  <si>
    <t>129399.0</t>
  </si>
  <si>
    <t>65474.0</t>
  </si>
  <si>
    <t>129400.0</t>
  </si>
  <si>
    <t>129479.0</t>
  </si>
  <si>
    <t>65477.0</t>
  </si>
  <si>
    <t>64002.0</t>
  </si>
  <si>
    <t>153.17</t>
  </si>
  <si>
    <t>129480.0</t>
  </si>
  <si>
    <t>65478.0</t>
  </si>
  <si>
    <t>129481.0</t>
  </si>
  <si>
    <t>65479.0</t>
  </si>
  <si>
    <t>65485.0</t>
  </si>
  <si>
    <t>129494.0</t>
  </si>
  <si>
    <t>153.19</t>
  </si>
  <si>
    <t>129495.0</t>
  </si>
  <si>
    <t>65488.0</t>
  </si>
  <si>
    <t>64007.0</t>
  </si>
  <si>
    <t>129510.0</t>
  </si>
  <si>
    <t>65495.0</t>
  </si>
  <si>
    <t>64015.0</t>
  </si>
  <si>
    <t>129525.0</t>
  </si>
  <si>
    <t>65504.0</t>
  </si>
  <si>
    <t>64021.0</t>
  </si>
  <si>
    <t>131535.0</t>
  </si>
  <si>
    <t>67328.0</t>
  </si>
  <si>
    <t>64207.0</t>
  </si>
  <si>
    <t>64275.0</t>
  </si>
  <si>
    <t>155.71</t>
  </si>
  <si>
    <t>131770.0</t>
  </si>
  <si>
    <t>67434.0</t>
  </si>
  <si>
    <t>132279.0</t>
  </si>
  <si>
    <t>67868.0</t>
  </si>
  <si>
    <t>64411.0</t>
  </si>
  <si>
    <t>132309.0</t>
  </si>
  <si>
    <t>67873.0</t>
  </si>
  <si>
    <t>156.52</t>
  </si>
  <si>
    <t>132421.0</t>
  </si>
  <si>
    <t>132426.0</t>
  </si>
  <si>
    <t>132518.0</t>
  </si>
  <si>
    <t>67902.0</t>
  </si>
  <si>
    <t>132859.0</t>
  </si>
  <si>
    <t>68139.0</t>
  </si>
  <si>
    <t>64720.0</t>
  </si>
  <si>
    <t>132860.0</t>
  </si>
  <si>
    <t>132864.0</t>
  </si>
  <si>
    <t>64722.0</t>
  </si>
  <si>
    <t>132925.0</t>
  </si>
  <si>
    <t>64745.0</t>
  </si>
  <si>
    <t>132973.0</t>
  </si>
  <si>
    <t>68207.0</t>
  </si>
  <si>
    <t>64766.0</t>
  </si>
  <si>
    <t>132977.0</t>
  </si>
  <si>
    <t>68208.0</t>
  </si>
  <si>
    <t>64769.0</t>
  </si>
  <si>
    <t>64801.0</t>
  </si>
  <si>
    <t>133094.0</t>
  </si>
  <si>
    <t>68284.0</t>
  </si>
  <si>
    <t>64810.0</t>
  </si>
  <si>
    <t>157.44</t>
  </si>
  <si>
    <t>133121.0</t>
  </si>
  <si>
    <t>64825.0</t>
  </si>
  <si>
    <t>133131.0</t>
  </si>
  <si>
    <t>157.49</t>
  </si>
  <si>
    <t>133150.0</t>
  </si>
  <si>
    <t>133167.0</t>
  </si>
  <si>
    <t>68335.0</t>
  </si>
  <si>
    <t>133194.0</t>
  </si>
  <si>
    <t>68353.0</t>
  </si>
  <si>
    <t>64841.0</t>
  </si>
  <si>
    <t>133195.0</t>
  </si>
  <si>
    <t>68354.0</t>
  </si>
  <si>
    <t>68389.0</t>
  </si>
  <si>
    <t>64849.0</t>
  </si>
  <si>
    <t>157.61</t>
  </si>
  <si>
    <t>133260.0</t>
  </si>
  <si>
    <t>68400.0</t>
  </si>
  <si>
    <t>64860.0</t>
  </si>
  <si>
    <t>133279.0</t>
  </si>
  <si>
    <t>68406.0</t>
  </si>
  <si>
    <t>157.66</t>
  </si>
  <si>
    <t>133285.0</t>
  </si>
  <si>
    <t>68518.0</t>
  </si>
  <si>
    <t>65053.0</t>
  </si>
  <si>
    <t>68519.0</t>
  </si>
  <si>
    <t>133576.0</t>
  </si>
  <si>
    <t>68522.0</t>
  </si>
  <si>
    <t>133623.0</t>
  </si>
  <si>
    <t>68539.0</t>
  </si>
  <si>
    <t>158.07</t>
  </si>
  <si>
    <t>133637.0</t>
  </si>
  <si>
    <t>65095.0</t>
  </si>
  <si>
    <t>174888.0</t>
  </si>
  <si>
    <t>68596.0</t>
  </si>
  <si>
    <t>65223.0</t>
  </si>
  <si>
    <t>69818.0</t>
  </si>
  <si>
    <t>174890.0</t>
  </si>
  <si>
    <t>68597.0</t>
  </si>
  <si>
    <t>65224.0</t>
  </si>
  <si>
    <t>175259.0</t>
  </si>
  <si>
    <t>68606.0</t>
  </si>
  <si>
    <t>41414.0</t>
  </si>
  <si>
    <t>70362.0</t>
  </si>
  <si>
    <t>70717.0</t>
  </si>
  <si>
    <t>71084.0</t>
  </si>
  <si>
    <t>175910.0</t>
  </si>
  <si>
    <t>68662.0</t>
  </si>
  <si>
    <t>41934.0</t>
  </si>
  <si>
    <t>71439.0</t>
  </si>
  <si>
    <t>65440.0</t>
  </si>
  <si>
    <t>43031.0</t>
  </si>
  <si>
    <t>177635.0</t>
  </si>
  <si>
    <t>210.13</t>
  </si>
  <si>
    <t>177816.0</t>
  </si>
  <si>
    <t>65459.0</t>
  </si>
  <si>
    <t>179817.0</t>
  </si>
  <si>
    <t>68807.0</t>
  </si>
  <si>
    <t>65463.0</t>
  </si>
  <si>
    <t>45547.0</t>
  </si>
  <si>
    <t>212.72</t>
  </si>
  <si>
    <t>181136.0</t>
  </si>
  <si>
    <t>68829.0</t>
  </si>
  <si>
    <t>181474.0</t>
  </si>
  <si>
    <t>68870.0</t>
  </si>
  <si>
    <t>65631.0</t>
  </si>
  <si>
    <t>46973.0</t>
  </si>
  <si>
    <t>182162.0</t>
  </si>
  <si>
    <t>68966.0</t>
  </si>
  <si>
    <t>65799.0</t>
  </si>
  <si>
    <t>47397.0</t>
  </si>
  <si>
    <t>182744.0</t>
  </si>
  <si>
    <t>68969.0</t>
  </si>
  <si>
    <t>65807.0</t>
  </si>
  <si>
    <t>182880.0</t>
  </si>
  <si>
    <t>68974.0</t>
  </si>
  <si>
    <t>65808.0</t>
  </si>
  <si>
    <t>48098.0</t>
  </si>
  <si>
    <t>183063.0</t>
  </si>
  <si>
    <t>48277.0</t>
  </si>
  <si>
    <t>216.56</t>
  </si>
  <si>
    <t>183651.0</t>
  </si>
  <si>
    <t>48695.0</t>
  </si>
  <si>
    <t>217.25</t>
  </si>
  <si>
    <t>183757.0</t>
  </si>
  <si>
    <t>65933.0</t>
  </si>
  <si>
    <t>48784.0</t>
  </si>
  <si>
    <t>183915.0</t>
  </si>
  <si>
    <t>69052.0</t>
  </si>
  <si>
    <t>48927.0</t>
  </si>
  <si>
    <t>184276.0</t>
  </si>
  <si>
    <t>69097.0</t>
  </si>
  <si>
    <t>66035.0</t>
  </si>
  <si>
    <t>49144.0</t>
  </si>
  <si>
    <t>184692.0</t>
  </si>
  <si>
    <t>69125.0</t>
  </si>
  <si>
    <t>66068.0</t>
  </si>
  <si>
    <t>49499.0</t>
  </si>
  <si>
    <t>184781.0</t>
  </si>
  <si>
    <t>66075.0</t>
  </si>
  <si>
    <t>49565.0</t>
  </si>
  <si>
    <t>184858.0</t>
  </si>
  <si>
    <t>69145.0</t>
  </si>
  <si>
    <t>185333.0</t>
  </si>
  <si>
    <t>69208.0</t>
  </si>
  <si>
    <t>185534.0</t>
  </si>
  <si>
    <t>69222.0</t>
  </si>
  <si>
    <t>66215.0</t>
  </si>
  <si>
    <t>50097.0</t>
  </si>
  <si>
    <t>69237.0</t>
  </si>
  <si>
    <t>66240.0</t>
  </si>
  <si>
    <t>185725.0</t>
  </si>
  <si>
    <t>185831.0</t>
  </si>
  <si>
    <t>69249.0</t>
  </si>
  <si>
    <t>66275.0</t>
  </si>
  <si>
    <t>185872.0</t>
  </si>
  <si>
    <t>66282.0</t>
  </si>
  <si>
    <t>219.88</t>
  </si>
  <si>
    <t>186102.0</t>
  </si>
  <si>
    <t>66306.0</t>
  </si>
  <si>
    <t>50540.0</t>
  </si>
  <si>
    <t>186209.0</t>
  </si>
  <si>
    <t>66325.0</t>
  </si>
  <si>
    <t>186252.0</t>
  </si>
  <si>
    <t>69307.0</t>
  </si>
  <si>
    <t>50619.0</t>
  </si>
  <si>
    <t>220.33</t>
  </si>
  <si>
    <t>186337.0</t>
  </si>
  <si>
    <t>186406.0</t>
  </si>
  <si>
    <t>66376.0</t>
  </si>
  <si>
    <t>69327.0</t>
  </si>
  <si>
    <t>66394.0</t>
  </si>
  <si>
    <t>50761.0</t>
  </si>
  <si>
    <t>186665.0</t>
  </si>
  <si>
    <t>69336.0</t>
  </si>
  <si>
    <t>66427.0</t>
  </si>
  <si>
    <t>186776.0</t>
  </si>
  <si>
    <t>66457.0</t>
  </si>
  <si>
    <t>186889.0</t>
  </si>
  <si>
    <t>69359.0</t>
  </si>
  <si>
    <t>51037.0</t>
  </si>
  <si>
    <t>186926.0</t>
  </si>
  <si>
    <t>66505.0</t>
  </si>
  <si>
    <t>51062.0</t>
  </si>
  <si>
    <t>187178.0</t>
  </si>
  <si>
    <t>69375.0</t>
  </si>
  <si>
    <t>66598.0</t>
  </si>
  <si>
    <t>51205.0</t>
  </si>
  <si>
    <t>187371.0</t>
  </si>
  <si>
    <t>69399.0</t>
  </si>
  <si>
    <t>66641.0</t>
  </si>
  <si>
    <t>51331.0</t>
  </si>
  <si>
    <t>187378.0</t>
  </si>
  <si>
    <t>69401.0</t>
  </si>
  <si>
    <t>51336.0</t>
  </si>
  <si>
    <t>187515.0</t>
  </si>
  <si>
    <t>66648.0</t>
  </si>
  <si>
    <t>187694.0</t>
  </si>
  <si>
    <t>69417.0</t>
  </si>
  <si>
    <t>66673.0</t>
  </si>
  <si>
    <t>51604.0</t>
  </si>
  <si>
    <t>187765.0</t>
  </si>
  <si>
    <t>69422.0</t>
  </si>
  <si>
    <t>66681.0</t>
  </si>
  <si>
    <t>51662.0</t>
  </si>
  <si>
    <t>187841.0</t>
  </si>
  <si>
    <t>66697.0</t>
  </si>
  <si>
    <t>187844.0</t>
  </si>
  <si>
    <t>69429.0</t>
  </si>
  <si>
    <t>51718.0</t>
  </si>
  <si>
    <t>187981.0</t>
  </si>
  <si>
    <t>69430.0</t>
  </si>
  <si>
    <t>51845.0</t>
  </si>
  <si>
    <t>188151.0</t>
  </si>
  <si>
    <t>51987.0</t>
  </si>
  <si>
    <t>188338.0</t>
  </si>
  <si>
    <t>66747.0</t>
  </si>
  <si>
    <t>52148.0</t>
  </si>
  <si>
    <t>188492.0</t>
  </si>
  <si>
    <t>52268.0</t>
  </si>
  <si>
    <t>188657.0</t>
  </si>
  <si>
    <t>52375.0</t>
  </si>
  <si>
    <t>188708.0</t>
  </si>
  <si>
    <t>69470.0</t>
  </si>
  <si>
    <t>66829.0</t>
  </si>
  <si>
    <t>52409.0</t>
  </si>
  <si>
    <t>188760.0</t>
  </si>
  <si>
    <t>188943.0</t>
  </si>
  <si>
    <t>69487.0</t>
  </si>
  <si>
    <t>189017.0</t>
  </si>
  <si>
    <t>52641.0</t>
  </si>
  <si>
    <t>189212.0</t>
  </si>
  <si>
    <t>69497.0</t>
  </si>
  <si>
    <t>52805.0</t>
  </si>
  <si>
    <t>189284.0</t>
  </si>
  <si>
    <t>69499.0</t>
  </si>
  <si>
    <t>189426.0</t>
  </si>
  <si>
    <t>69508.0</t>
  </si>
  <si>
    <t>66951.0</t>
  </si>
  <si>
    <t>52967.0</t>
  </si>
  <si>
    <t>189520.0</t>
  </si>
  <si>
    <t>69519.0</t>
  </si>
  <si>
    <t>66976.0</t>
  </si>
  <si>
    <t>189523.0</t>
  </si>
  <si>
    <t>53026.0</t>
  </si>
  <si>
    <t>189562.0</t>
  </si>
  <si>
    <t>66980.0</t>
  </si>
  <si>
    <t>53063.0</t>
  </si>
  <si>
    <t>189636.0</t>
  </si>
  <si>
    <t>67024.0</t>
  </si>
  <si>
    <t>53083.0</t>
  </si>
  <si>
    <t>189993.0</t>
  </si>
  <si>
    <t>69559.0</t>
  </si>
  <si>
    <t>67106.0</t>
  </si>
  <si>
    <t>53328.0</t>
  </si>
  <si>
    <t>224.75</t>
  </si>
  <si>
    <t>189994.0</t>
  </si>
  <si>
    <t>69560.0</t>
  </si>
  <si>
    <t>ISR</t>
  </si>
  <si>
    <t>Israel</t>
  </si>
  <si>
    <t>-331.6</t>
  </si>
  <si>
    <t>-35.0936607048365</t>
  </si>
  <si>
    <t>-411.9</t>
  </si>
  <si>
    <t>-43.5919144883056</t>
  </si>
  <si>
    <t>-446.2</t>
  </si>
  <si>
    <t>-47.2219282463753</t>
  </si>
  <si>
    <t>17.885</t>
  </si>
  <si>
    <t>-427.5</t>
  </si>
  <si>
    <t>-45.2428828447455</t>
  </si>
  <si>
    <t>28.786</t>
  </si>
  <si>
    <t>26.669</t>
  </si>
  <si>
    <t>20691.0</t>
  </si>
  <si>
    <t>-421.8</t>
  </si>
  <si>
    <t>-3.46</t>
  </si>
  <si>
    <t>-44.6396444068155</t>
  </si>
  <si>
    <t>28416.0</t>
  </si>
  <si>
    <t>51000.0</t>
  </si>
  <si>
    <t>56.302</t>
  </si>
  <si>
    <t>58103.0</t>
  </si>
  <si>
    <t>-352.1</t>
  </si>
  <si>
    <t>-37.2632024552863</t>
  </si>
  <si>
    <t>64719.0</t>
  </si>
  <si>
    <t>6.966</t>
  </si>
  <si>
    <t>72007.0</t>
  </si>
  <si>
    <t>84.665</t>
  </si>
  <si>
    <t>80405.0</t>
  </si>
  <si>
    <t>89732.0</t>
  </si>
  <si>
    <t>9.658</t>
  </si>
  <si>
    <t>99355.0</t>
  </si>
  <si>
    <t>10.694</t>
  </si>
  <si>
    <t>9.736</t>
  </si>
  <si>
    <t>105261.0</t>
  </si>
  <si>
    <t>113906.0</t>
  </si>
  <si>
    <t>-216.2</t>
  </si>
  <si>
    <t>-22.8807281193777</t>
  </si>
  <si>
    <t>88.898</t>
  </si>
  <si>
    <t>120583.0</t>
  </si>
  <si>
    <t>81.278</t>
  </si>
  <si>
    <t>126691.0</t>
  </si>
  <si>
    <t>131542.0</t>
  </si>
  <si>
    <t>14.158</t>
  </si>
  <si>
    <t>136487.0</t>
  </si>
  <si>
    <t>54.291</t>
  </si>
  <si>
    <t>142694.0</t>
  </si>
  <si>
    <t>15.358</t>
  </si>
  <si>
    <t>148338.0</t>
  </si>
  <si>
    <t>156673.0</t>
  </si>
  <si>
    <t>16.863</t>
  </si>
  <si>
    <t>-198.3</t>
  </si>
  <si>
    <t>-20.9863477616679</t>
  </si>
  <si>
    <t>165141.0</t>
  </si>
  <si>
    <t>17.774</t>
  </si>
  <si>
    <t>175815.0</t>
  </si>
  <si>
    <t>18.923</t>
  </si>
  <si>
    <t>183432.0</t>
  </si>
  <si>
    <t>194460.0</t>
  </si>
  <si>
    <t>73.976</t>
  </si>
  <si>
    <t>204287.0</t>
  </si>
  <si>
    <t>21.988</t>
  </si>
  <si>
    <t>5.821</t>
  </si>
  <si>
    <t>213114.0</t>
  </si>
  <si>
    <t>22.938</t>
  </si>
  <si>
    <t>222944.0</t>
  </si>
  <si>
    <t>-119.2</t>
  </si>
  <si>
    <t>-12.6150915440787</t>
  </si>
  <si>
    <t>236039.0</t>
  </si>
  <si>
    <t>10128.0</t>
  </si>
  <si>
    <t>247434.0</t>
  </si>
  <si>
    <t>258866.0</t>
  </si>
  <si>
    <t>27.862</t>
  </si>
  <si>
    <t>270614.0</t>
  </si>
  <si>
    <t>29.126</t>
  </si>
  <si>
    <t>280919.0</t>
  </si>
  <si>
    <t>30.236</t>
  </si>
  <si>
    <t>288102.0</t>
  </si>
  <si>
    <t>22.225</t>
  </si>
  <si>
    <t>295275.0</t>
  </si>
  <si>
    <t>-94.7</t>
  </si>
  <si>
    <t>-10.022224574029</t>
  </si>
  <si>
    <t>304538.0</t>
  </si>
  <si>
    <t>32.778</t>
  </si>
  <si>
    <t>313192.0</t>
  </si>
  <si>
    <t>33.709</t>
  </si>
  <si>
    <t>320293.0</t>
  </si>
  <si>
    <t>34.473</t>
  </si>
  <si>
    <t>328712.0</t>
  </si>
  <si>
    <t>15.875</t>
  </si>
  <si>
    <t>337758.0</t>
  </si>
  <si>
    <t>36.353</t>
  </si>
  <si>
    <t>342428.0</t>
  </si>
  <si>
    <t>36.856</t>
  </si>
  <si>
    <t>349583.0</t>
  </si>
  <si>
    <t>-103.8</t>
  </si>
  <si>
    <t>-10.9852894486189</t>
  </si>
  <si>
    <t>357404.0</t>
  </si>
  <si>
    <t>12.276</t>
  </si>
  <si>
    <t>364882.0</t>
  </si>
  <si>
    <t>7478.0</t>
  </si>
  <si>
    <t>39.273</t>
  </si>
  <si>
    <t>11.536</t>
  </si>
  <si>
    <t>373238.0</t>
  </si>
  <si>
    <t>40.172</t>
  </si>
  <si>
    <t>382163.0</t>
  </si>
  <si>
    <t>41.133</t>
  </si>
  <si>
    <t>389241.0</t>
  </si>
  <si>
    <t>41.894</t>
  </si>
  <si>
    <t>392683.0</t>
  </si>
  <si>
    <t>42.265</t>
  </si>
  <si>
    <t>396927.0</t>
  </si>
  <si>
    <t>42.722</t>
  </si>
  <si>
    <t>-88.3</t>
  </si>
  <si>
    <t>-9.34490422266907</t>
  </si>
  <si>
    <t>404516.0</t>
  </si>
  <si>
    <t>43.538</t>
  </si>
  <si>
    <t>44.245</t>
  </si>
  <si>
    <t>45.039</t>
  </si>
  <si>
    <t>426035.0</t>
  </si>
  <si>
    <t>45.855</t>
  </si>
  <si>
    <t>431043.0</t>
  </si>
  <si>
    <t>46.394</t>
  </si>
  <si>
    <t>432337.0</t>
  </si>
  <si>
    <t>46.533</t>
  </si>
  <si>
    <t>436433.0</t>
  </si>
  <si>
    <t>46.974</t>
  </si>
  <si>
    <t>-66.8</t>
  </si>
  <si>
    <t>-7.06953116731929</t>
  </si>
  <si>
    <t>19.155</t>
  </si>
  <si>
    <t>4.657</t>
  </si>
  <si>
    <t>443137.0</t>
  </si>
  <si>
    <t>449556.0</t>
  </si>
  <si>
    <t>48.386</t>
  </si>
  <si>
    <t>455093.0</t>
  </si>
  <si>
    <t>460604.0</t>
  </si>
  <si>
    <t>49.575</t>
  </si>
  <si>
    <t>465127.0</t>
  </si>
  <si>
    <t>50.062</t>
  </si>
  <si>
    <t>465736.0</t>
  </si>
  <si>
    <t>50.128</t>
  </si>
  <si>
    <t>469035.0</t>
  </si>
  <si>
    <t>50.483</t>
  </si>
  <si>
    <t>7.52460577838925</t>
  </si>
  <si>
    <t>473808.0</t>
  </si>
  <si>
    <t>50.996</t>
  </si>
  <si>
    <t>51.687</t>
  </si>
  <si>
    <t>486536.0</t>
  </si>
  <si>
    <t>52.366</t>
  </si>
  <si>
    <t>491467.0</t>
  </si>
  <si>
    <t>52.897</t>
  </si>
  <si>
    <t>493158.0</t>
  </si>
  <si>
    <t>53.079</t>
  </si>
  <si>
    <t>494126.0</t>
  </si>
  <si>
    <t>53.183</t>
  </si>
  <si>
    <t>499508.0</t>
  </si>
  <si>
    <t>53.763</t>
  </si>
  <si>
    <t>10.138639009419</t>
  </si>
  <si>
    <t>507262.0</t>
  </si>
  <si>
    <t>518707.0</t>
  </si>
  <si>
    <t>55.829</t>
  </si>
  <si>
    <t>531621.0</t>
  </si>
  <si>
    <t>57.219</t>
  </si>
  <si>
    <t>6.244</t>
  </si>
  <si>
    <t>546074.0</t>
  </si>
  <si>
    <t>58.775</t>
  </si>
  <si>
    <t>562255.0</t>
  </si>
  <si>
    <t>60.516</t>
  </si>
  <si>
    <t>573614.0</t>
  </si>
  <si>
    <t>61.739</t>
  </si>
  <si>
    <t>588334.0</t>
  </si>
  <si>
    <t>63.323</t>
  </si>
  <si>
    <t>11.3556990157689</t>
  </si>
  <si>
    <t>15.028</t>
  </si>
  <si>
    <t>602590.0</t>
  </si>
  <si>
    <t>64.857</t>
  </si>
  <si>
    <t>617154.0</t>
  </si>
  <si>
    <t>14564.0</t>
  </si>
  <si>
    <t>66.425</t>
  </si>
  <si>
    <t>15.451</t>
  </si>
  <si>
    <t>635171.0</t>
  </si>
  <si>
    <t>68.364</t>
  </si>
  <si>
    <t>650601.0</t>
  </si>
  <si>
    <t>70.025</t>
  </si>
  <si>
    <t>663356.0</t>
  </si>
  <si>
    <t>12755.0</t>
  </si>
  <si>
    <t>71.398</t>
  </si>
  <si>
    <t>10.583</t>
  </si>
  <si>
    <t>670097.0</t>
  </si>
  <si>
    <t>72.123</t>
  </si>
  <si>
    <t>678498.0</t>
  </si>
  <si>
    <t>73.027</t>
  </si>
  <si>
    <t>12.1706000634988</t>
  </si>
  <si>
    <t>17.251</t>
  </si>
  <si>
    <t>692312.0</t>
  </si>
  <si>
    <t>708022.0</t>
  </si>
  <si>
    <t>15710.0</t>
  </si>
  <si>
    <t>76.205</t>
  </si>
  <si>
    <t>723530.0</t>
  </si>
  <si>
    <t>77.874</t>
  </si>
  <si>
    <t>740339.0</t>
  </si>
  <si>
    <t>79.683</t>
  </si>
  <si>
    <t>752697.0</t>
  </si>
  <si>
    <t>81.014</t>
  </si>
  <si>
    <t>758420.0</t>
  </si>
  <si>
    <t>767216.0</t>
  </si>
  <si>
    <t>82.576</t>
  </si>
  <si>
    <t>12.5833421526087</t>
  </si>
  <si>
    <t>780565.0</t>
  </si>
  <si>
    <t>84.013</t>
  </si>
  <si>
    <t>799590.0</t>
  </si>
  <si>
    <t>86.061</t>
  </si>
  <si>
    <t>817229.0</t>
  </si>
  <si>
    <t>87.959</t>
  </si>
  <si>
    <t>834982.0</t>
  </si>
  <si>
    <t>850905.0</t>
  </si>
  <si>
    <t>91.584</t>
  </si>
  <si>
    <t>860667.0</t>
  </si>
  <si>
    <t>92.634</t>
  </si>
  <si>
    <t>870355.0</t>
  </si>
  <si>
    <t>93.677</t>
  </si>
  <si>
    <t>12.1494338025188</t>
  </si>
  <si>
    <t>29.844</t>
  </si>
  <si>
    <t>890343.0</t>
  </si>
  <si>
    <t>95.829</t>
  </si>
  <si>
    <t>910097.0</t>
  </si>
  <si>
    <t>97.955</t>
  </si>
  <si>
    <t>15787.0</t>
  </si>
  <si>
    <t>930726.0</t>
  </si>
  <si>
    <t>100.175</t>
  </si>
  <si>
    <t>954745.0</t>
  </si>
  <si>
    <t>974995.0</t>
  </si>
  <si>
    <t>991403.0</t>
  </si>
  <si>
    <t>16408.0</t>
  </si>
  <si>
    <t>106.706</t>
  </si>
  <si>
    <t>1011363.0</t>
  </si>
  <si>
    <t>10.6148798814689</t>
  </si>
  <si>
    <t>1035759.0</t>
  </si>
  <si>
    <t>20774.0</t>
  </si>
  <si>
    <t>1063127.0</t>
  </si>
  <si>
    <t>114.425</t>
  </si>
  <si>
    <t>1091403.0</t>
  </si>
  <si>
    <t>117.469</t>
  </si>
  <si>
    <t>1119844.0</t>
  </si>
  <si>
    <t>23586.0</t>
  </si>
  <si>
    <t>60.218</t>
  </si>
  <si>
    <t>1144340.0</t>
  </si>
  <si>
    <t>24496.0</t>
  </si>
  <si>
    <t>123.167</t>
  </si>
  <si>
    <t>69.214</t>
  </si>
  <si>
    <t>1163389.0</t>
  </si>
  <si>
    <t>24569.0</t>
  </si>
  <si>
    <t>1183350.0</t>
  </si>
  <si>
    <t>127.365</t>
  </si>
  <si>
    <t>24570.0</t>
  </si>
  <si>
    <t>16.4461847814584</t>
  </si>
  <si>
    <t>1210372.0</t>
  </si>
  <si>
    <t>130.274</t>
  </si>
  <si>
    <t>1239701.0</t>
  </si>
  <si>
    <t>3.157</t>
  </si>
  <si>
    <t>1267255.0</t>
  </si>
  <si>
    <t>136.396</t>
  </si>
  <si>
    <t>1295365.0</t>
  </si>
  <si>
    <t>139.421</t>
  </si>
  <si>
    <t>1318755.0</t>
  </si>
  <si>
    <t>141.939</t>
  </si>
  <si>
    <t>1336788.0</t>
  </si>
  <si>
    <t>24771.0</t>
  </si>
  <si>
    <t>4.974</t>
  </si>
  <si>
    <t>1354469.0</t>
  </si>
  <si>
    <t>145.783</t>
  </si>
  <si>
    <t>22.2139908985078</t>
  </si>
  <si>
    <t>1378752.0</t>
  </si>
  <si>
    <t>148.397</t>
  </si>
  <si>
    <t>1405276.0</t>
  </si>
  <si>
    <t>151.251</t>
  </si>
  <si>
    <t>1430847.0</t>
  </si>
  <si>
    <t>25571.0</t>
  </si>
  <si>
    <t>154.004</t>
  </si>
  <si>
    <t>23370.0</t>
  </si>
  <si>
    <t>1459932.0</t>
  </si>
  <si>
    <t>29085.0</t>
  </si>
  <si>
    <t>157.134</t>
  </si>
  <si>
    <t>1482331.0</t>
  </si>
  <si>
    <t>159.545</t>
  </si>
  <si>
    <t>1496837.0</t>
  </si>
  <si>
    <t>161.106</t>
  </si>
  <si>
    <t>1508043.0</t>
  </si>
  <si>
    <t>162.312</t>
  </si>
  <si>
    <t>22.4997354217377</t>
  </si>
  <si>
    <t>1535093.0</t>
  </si>
  <si>
    <t>165.224</t>
  </si>
  <si>
    <t>1560613.0</t>
  </si>
  <si>
    <t>22191.0</t>
  </si>
  <si>
    <t>1585837.0</t>
  </si>
  <si>
    <t>170.685</t>
  </si>
  <si>
    <t>1606841.0</t>
  </si>
  <si>
    <t>21004.0</t>
  </si>
  <si>
    <t>1628826.0</t>
  </si>
  <si>
    <t>175.312</t>
  </si>
  <si>
    <t>20928.0</t>
  </si>
  <si>
    <t>1636197.0</t>
  </si>
  <si>
    <t>176.106</t>
  </si>
  <si>
    <t>1645649.0</t>
  </si>
  <si>
    <t>177.123</t>
  </si>
  <si>
    <t>38.1733516774262</t>
  </si>
  <si>
    <t>1668092.0</t>
  </si>
  <si>
    <t>1692972.0</t>
  </si>
  <si>
    <t>182.216</t>
  </si>
  <si>
    <t>1717641.0</t>
  </si>
  <si>
    <t>184.871</t>
  </si>
  <si>
    <t>1745336.0</t>
  </si>
  <si>
    <t>187.852</t>
  </si>
  <si>
    <t>1769747.0</t>
  </si>
  <si>
    <t>1777789.0</t>
  </si>
  <si>
    <t>191.345</t>
  </si>
  <si>
    <t>107.736</t>
  </si>
  <si>
    <t>1789220.0</t>
  </si>
  <si>
    <t>192.576</t>
  </si>
  <si>
    <t>43.4543337919357</t>
  </si>
  <si>
    <t>1812500.0</t>
  </si>
  <si>
    <t>23280.0</t>
  </si>
  <si>
    <t>195.081</t>
  </si>
  <si>
    <t>20630.0</t>
  </si>
  <si>
    <t>1838935.0</t>
  </si>
  <si>
    <t>26435.0</t>
  </si>
  <si>
    <t>197.926</t>
  </si>
  <si>
    <t>1864063.0</t>
  </si>
  <si>
    <t>25128.0</t>
  </si>
  <si>
    <t>200.631</t>
  </si>
  <si>
    <t>1891681.0</t>
  </si>
  <si>
    <t>203.604</t>
  </si>
  <si>
    <t>1911645.0</t>
  </si>
  <si>
    <t>205.752</t>
  </si>
  <si>
    <t>1920418.0</t>
  </si>
  <si>
    <t>206.697</t>
  </si>
  <si>
    <t>1931958.0</t>
  </si>
  <si>
    <t>11540.0</t>
  </si>
  <si>
    <t>207.939</t>
  </si>
  <si>
    <t>563.7</t>
  </si>
  <si>
    <t>59.657106572124</t>
  </si>
  <si>
    <t>1956737.0</t>
  </si>
  <si>
    <t>24779.0</t>
  </si>
  <si>
    <t>210.606</t>
  </si>
  <si>
    <t>103.503</t>
  </si>
  <si>
    <t>1983380.0</t>
  </si>
  <si>
    <t>213.473</t>
  </si>
  <si>
    <t>20635.0</t>
  </si>
  <si>
    <t>2010443.0</t>
  </si>
  <si>
    <t>216.386</t>
  </si>
  <si>
    <t>2037917.0</t>
  </si>
  <si>
    <t>27474.0</t>
  </si>
  <si>
    <t>219.343</t>
  </si>
  <si>
    <t>2064069.0</t>
  </si>
  <si>
    <t>222.158</t>
  </si>
  <si>
    <t>21775.0</t>
  </si>
  <si>
    <t>2074478.0</t>
  </si>
  <si>
    <t>223.278</t>
  </si>
  <si>
    <t>2086899.0</t>
  </si>
  <si>
    <t>224.615</t>
  </si>
  <si>
    <t>676.8</t>
  </si>
  <si>
    <t>71.6266271563128</t>
  </si>
  <si>
    <t>2115147.0</t>
  </si>
  <si>
    <t>227.655</t>
  </si>
  <si>
    <t>2147645.0</t>
  </si>
  <si>
    <t>231.153</t>
  </si>
  <si>
    <t>23466.0</t>
  </si>
  <si>
    <t>2180371.0</t>
  </si>
  <si>
    <t>234.676</t>
  </si>
  <si>
    <t>2215316.0</t>
  </si>
  <si>
    <t>34945.0</t>
  </si>
  <si>
    <t>238.437</t>
  </si>
  <si>
    <t>25343.0</t>
  </si>
  <si>
    <t>2237596.0</t>
  </si>
  <si>
    <t>240.835</t>
  </si>
  <si>
    <t>2247661.0</t>
  </si>
  <si>
    <t>241.918</t>
  </si>
  <si>
    <t>24740.0</t>
  </si>
  <si>
    <t>2260358.0</t>
  </si>
  <si>
    <t>243.285</t>
  </si>
  <si>
    <t>81.8393480791618</t>
  </si>
  <si>
    <t>2290490.0</t>
  </si>
  <si>
    <t>246.528</t>
  </si>
  <si>
    <t>111.864</t>
  </si>
  <si>
    <t>2317679.0</t>
  </si>
  <si>
    <t>249.454</t>
  </si>
  <si>
    <t>24291.0</t>
  </si>
  <si>
    <t>2352073.0</t>
  </si>
  <si>
    <t>24529.0</t>
  </si>
  <si>
    <t>2385754.0</t>
  </si>
  <si>
    <t>33681.0</t>
  </si>
  <si>
    <t>256.781</t>
  </si>
  <si>
    <t>2416305.0</t>
  </si>
  <si>
    <t>260.069</t>
  </si>
  <si>
    <t>25530.0</t>
  </si>
  <si>
    <t>2431467.0</t>
  </si>
  <si>
    <t>15162.0</t>
  </si>
  <si>
    <t>261.701</t>
  </si>
  <si>
    <t>2449937.0</t>
  </si>
  <si>
    <t>263.689</t>
  </si>
  <si>
    <t>877.2</t>
  </si>
  <si>
    <t>92.8352206582707</t>
  </si>
  <si>
    <t>2489702.0</t>
  </si>
  <si>
    <t>39765.0</t>
  </si>
  <si>
    <t>28459.0</t>
  </si>
  <si>
    <t>2533348.0</t>
  </si>
  <si>
    <t>43646.0</t>
  </si>
  <si>
    <t>272.667</t>
  </si>
  <si>
    <t>30810.0</t>
  </si>
  <si>
    <t>2578211.0</t>
  </si>
  <si>
    <t>277.496</t>
  </si>
  <si>
    <t>32305.0</t>
  </si>
  <si>
    <t>2624826.0</t>
  </si>
  <si>
    <t>282.513</t>
  </si>
  <si>
    <t>34153.0</t>
  </si>
  <si>
    <t>2667305.0</t>
  </si>
  <si>
    <t>287.085</t>
  </si>
  <si>
    <t>4.572</t>
  </si>
  <si>
    <t>2696935.0</t>
  </si>
  <si>
    <t>290.274</t>
  </si>
  <si>
    <t>37924.0</t>
  </si>
  <si>
    <t>126.786</t>
  </si>
  <si>
    <t>2730432.0</t>
  </si>
  <si>
    <t>33497.0</t>
  </si>
  <si>
    <t>293.879</t>
  </si>
  <si>
    <t>40071.0</t>
  </si>
  <si>
    <t>111.514445973119</t>
  </si>
  <si>
    <t>2777220.0</t>
  </si>
  <si>
    <t>298.915</t>
  </si>
  <si>
    <t>2832906.0</t>
  </si>
  <si>
    <t>55686.0</t>
  </si>
  <si>
    <t>5.994</t>
  </si>
  <si>
    <t>2885030.0</t>
  </si>
  <si>
    <t>310.519</t>
  </si>
  <si>
    <t>2941686.0</t>
  </si>
  <si>
    <t>316.617</t>
  </si>
  <si>
    <t>2994330.0</t>
  </si>
  <si>
    <t>322.283</t>
  </si>
  <si>
    <t>5.666</t>
  </si>
  <si>
    <t>46718.0</t>
  </si>
  <si>
    <t>3035304.0</t>
  </si>
  <si>
    <t>326.693</t>
  </si>
  <si>
    <t>48338.0</t>
  </si>
  <si>
    <t>3056975.0</t>
  </si>
  <si>
    <t>329.025</t>
  </si>
  <si>
    <t>46649.0</t>
  </si>
  <si>
    <t>1261.2</t>
  </si>
  <si>
    <t>133.474441739867</t>
  </si>
  <si>
    <t>171.553</t>
  </si>
  <si>
    <t>151.445</t>
  </si>
  <si>
    <t>3090028.0</t>
  </si>
  <si>
    <t>33053.0</t>
  </si>
  <si>
    <t>332.583</t>
  </si>
  <si>
    <t>3150624.0</t>
  </si>
  <si>
    <t>60596.0</t>
  </si>
  <si>
    <t>339.105</t>
  </si>
  <si>
    <t>6.522</t>
  </si>
  <si>
    <t>3207881.0</t>
  </si>
  <si>
    <t>345.268</t>
  </si>
  <si>
    <t>3273276.0</t>
  </si>
  <si>
    <t>352.306</t>
  </si>
  <si>
    <t>3333897.0</t>
  </si>
  <si>
    <t>60621.0</t>
  </si>
  <si>
    <t>358.831</t>
  </si>
  <si>
    <t>3378450.0</t>
  </si>
  <si>
    <t>44553.0</t>
  </si>
  <si>
    <t>363.626</t>
  </si>
  <si>
    <t>3401682.0</t>
  </si>
  <si>
    <t>23232.0</t>
  </si>
  <si>
    <t>366.127</t>
  </si>
  <si>
    <t>49244.0</t>
  </si>
  <si>
    <t>1482.3</t>
  </si>
  <si>
    <t>156.873743253254</t>
  </si>
  <si>
    <t>12.911</t>
  </si>
  <si>
    <t>3409169.0</t>
  </si>
  <si>
    <t>366.932</t>
  </si>
  <si>
    <t>45592.0</t>
  </si>
  <si>
    <t>26.246</t>
  </si>
  <si>
    <t>3441805.0</t>
  </si>
  <si>
    <t>370.445</t>
  </si>
  <si>
    <t>41597.0</t>
  </si>
  <si>
    <t>3508957.0</t>
  </si>
  <si>
    <t>67152.0</t>
  </si>
  <si>
    <t>377.673</t>
  </si>
  <si>
    <t>43011.0</t>
  </si>
  <si>
    <t>3572087.0</t>
  </si>
  <si>
    <t>63130.0</t>
  </si>
  <si>
    <t>384.467</t>
  </si>
  <si>
    <t>42687.0</t>
  </si>
  <si>
    <t>3631464.0</t>
  </si>
  <si>
    <t>59377.0</t>
  </si>
  <si>
    <t>390.858</t>
  </si>
  <si>
    <t>42510.0</t>
  </si>
  <si>
    <t>3654527.0</t>
  </si>
  <si>
    <t>393.341</t>
  </si>
  <si>
    <t>39440.0</t>
  </si>
  <si>
    <t>3679063.0</t>
  </si>
  <si>
    <t>178.114086146682</t>
  </si>
  <si>
    <t>3728502.0</t>
  </si>
  <si>
    <t>49439.0</t>
  </si>
  <si>
    <t>401.303</t>
  </si>
  <si>
    <t>5.321</t>
  </si>
  <si>
    <t>3773004.0</t>
  </si>
  <si>
    <t>406.092</t>
  </si>
  <si>
    <t>3819164.0</t>
  </si>
  <si>
    <t>46160.0</t>
  </si>
  <si>
    <t>411.061</t>
  </si>
  <si>
    <t>196.74</t>
  </si>
  <si>
    <t>3866007.0</t>
  </si>
  <si>
    <t>46843.0</t>
  </si>
  <si>
    <t>416.102</t>
  </si>
  <si>
    <t>5.042</t>
  </si>
  <si>
    <t>184.993</t>
  </si>
  <si>
    <t>3901055.0</t>
  </si>
  <si>
    <t>35048.0</t>
  </si>
  <si>
    <t>419.875</t>
  </si>
  <si>
    <t>4.145</t>
  </si>
  <si>
    <t>3912961.0</t>
  </si>
  <si>
    <t>421.156</t>
  </si>
  <si>
    <t>36919.0</t>
  </si>
  <si>
    <t>3933917.0</t>
  </si>
  <si>
    <t>423.412</t>
  </si>
  <si>
    <t>1974.7</t>
  </si>
  <si>
    <t>208.985077786009</t>
  </si>
  <si>
    <t>3977645.0</t>
  </si>
  <si>
    <t>428.118</t>
  </si>
  <si>
    <t>4019161.0</t>
  </si>
  <si>
    <t>41516.0</t>
  </si>
  <si>
    <t>432.586</t>
  </si>
  <si>
    <t>171.87</t>
  </si>
  <si>
    <t>131.548</t>
  </si>
  <si>
    <t>4057561.0</t>
  </si>
  <si>
    <t>436.72</t>
  </si>
  <si>
    <t>34057.0</t>
  </si>
  <si>
    <t>4092850.0</t>
  </si>
  <si>
    <t>440.518</t>
  </si>
  <si>
    <t>118.954</t>
  </si>
  <si>
    <t>4125444.0</t>
  </si>
  <si>
    <t>444.026</t>
  </si>
  <si>
    <t>4139622.0</t>
  </si>
  <si>
    <t>445.552</t>
  </si>
  <si>
    <t>25.717</t>
  </si>
  <si>
    <t>4165312.0</t>
  </si>
  <si>
    <t>25690.0</t>
  </si>
  <si>
    <t>448.317</t>
  </si>
  <si>
    <t>33056.0</t>
  </si>
  <si>
    <t>2208.4</t>
  </si>
  <si>
    <t>233.717853741137</t>
  </si>
  <si>
    <t>4204784.0</t>
  </si>
  <si>
    <t>28.045</t>
  </si>
  <si>
    <t>4245087.0</t>
  </si>
  <si>
    <t>40303.0</t>
  </si>
  <si>
    <t>456.903</t>
  </si>
  <si>
    <t>4286334.0</t>
  </si>
  <si>
    <t>461.343</t>
  </si>
  <si>
    <t>32682.0</t>
  </si>
  <si>
    <t>4319878.0</t>
  </si>
  <si>
    <t>464.953</t>
  </si>
  <si>
    <t>32433.0</t>
  </si>
  <si>
    <t>4348944.0</t>
  </si>
  <si>
    <t>29066.0</t>
  </si>
  <si>
    <t>468.081</t>
  </si>
  <si>
    <t>4355197.0</t>
  </si>
  <si>
    <t>468.754</t>
  </si>
  <si>
    <t>30796.0</t>
  </si>
  <si>
    <t>4375689.0</t>
  </si>
  <si>
    <t>470.96</t>
  </si>
  <si>
    <t>30054.0</t>
  </si>
  <si>
    <t>2412.7</t>
  </si>
  <si>
    <t>255.339189332204</t>
  </si>
  <si>
    <t>4413949.0</t>
  </si>
  <si>
    <t>475.078</t>
  </si>
  <si>
    <t>29881.0</t>
  </si>
  <si>
    <t>4453674.0</t>
  </si>
  <si>
    <t>479.354</t>
  </si>
  <si>
    <t>4487191.0</t>
  </si>
  <si>
    <t>482.961</t>
  </si>
  <si>
    <t>28694.0</t>
  </si>
  <si>
    <t>55.244</t>
  </si>
  <si>
    <t>4523433.0</t>
  </si>
  <si>
    <t>36242.0</t>
  </si>
  <si>
    <t>486.862</t>
  </si>
  <si>
    <t>4555068.0</t>
  </si>
  <si>
    <t>490.267</t>
  </si>
  <si>
    <t>19.685</t>
  </si>
  <si>
    <t>4562714.0</t>
  </si>
  <si>
    <t>491.09</t>
  </si>
  <si>
    <t>29645.0</t>
  </si>
  <si>
    <t>4584108.0</t>
  </si>
  <si>
    <t>21394.0</t>
  </si>
  <si>
    <t>493.392</t>
  </si>
  <si>
    <t>263.414117896074</t>
  </si>
  <si>
    <t>4617726.0</t>
  </si>
  <si>
    <t>497.011</t>
  </si>
  <si>
    <t>4656325.0</t>
  </si>
  <si>
    <t>38599.0</t>
  </si>
  <si>
    <t>501.165</t>
  </si>
  <si>
    <t>4693812.0</t>
  </si>
  <si>
    <t>4727740.0</t>
  </si>
  <si>
    <t>508.852</t>
  </si>
  <si>
    <t>29187.0</t>
  </si>
  <si>
    <t>4757901.0</t>
  </si>
  <si>
    <t>512.098</t>
  </si>
  <si>
    <t>4765927.0</t>
  </si>
  <si>
    <t>512.962</t>
  </si>
  <si>
    <t>29030.0</t>
  </si>
  <si>
    <t>4786985.0</t>
  </si>
  <si>
    <t>515.228</t>
  </si>
  <si>
    <t>2535.5</t>
  </si>
  <si>
    <t>268.335273573923</t>
  </si>
  <si>
    <t>4820409.0</t>
  </si>
  <si>
    <t>33424.0</t>
  </si>
  <si>
    <t>518.826</t>
  </si>
  <si>
    <t>4860333.0</t>
  </si>
  <si>
    <t>523.123</t>
  </si>
  <si>
    <t>4898930.0</t>
  </si>
  <si>
    <t>527.277</t>
  </si>
  <si>
    <t>29303.0</t>
  </si>
  <si>
    <t>4937594.0</t>
  </si>
  <si>
    <t>38664.0</t>
  </si>
  <si>
    <t>37.147</t>
  </si>
  <si>
    <t>4972014.0</t>
  </si>
  <si>
    <t>34420.0</t>
  </si>
  <si>
    <t>535.143</t>
  </si>
  <si>
    <t>4984650.0</t>
  </si>
  <si>
    <t>536.503</t>
  </si>
  <si>
    <t>5007803.0</t>
  </si>
  <si>
    <t>538.995</t>
  </si>
  <si>
    <t>2472.8</t>
  </si>
  <si>
    <t>261.699650756694</t>
  </si>
  <si>
    <t>5054278.0</t>
  </si>
  <si>
    <t>543.997</t>
  </si>
  <si>
    <t>5.002</t>
  </si>
  <si>
    <t>5105435.0</t>
  </si>
  <si>
    <t>51157.0</t>
  </si>
  <si>
    <t>549.503</t>
  </si>
  <si>
    <t>14.816</t>
  </si>
  <si>
    <t>5148893.0</t>
  </si>
  <si>
    <t>554.181</t>
  </si>
  <si>
    <t>5199257.0</t>
  </si>
  <si>
    <t>559.601</t>
  </si>
  <si>
    <t>5241678.0</t>
  </si>
  <si>
    <t>564.167</t>
  </si>
  <si>
    <t>5256784.0</t>
  </si>
  <si>
    <t>565.793</t>
  </si>
  <si>
    <t>38876.0</t>
  </si>
  <si>
    <t>5288567.0</t>
  </si>
  <si>
    <t>31783.0</t>
  </si>
  <si>
    <t>569.214</t>
  </si>
  <si>
    <t>40109.0</t>
  </si>
  <si>
    <t>2541.1</t>
  </si>
  <si>
    <t>268.927928881363</t>
  </si>
  <si>
    <t>5337689.0</t>
  </si>
  <si>
    <t>574.501</t>
  </si>
  <si>
    <t>5392965.0</t>
  </si>
  <si>
    <t>55276.0</t>
  </si>
  <si>
    <t>580.45</t>
  </si>
  <si>
    <t>5449434.0</t>
  </si>
  <si>
    <t>56469.0</t>
  </si>
  <si>
    <t>586.528</t>
  </si>
  <si>
    <t>5499310.0</t>
  </si>
  <si>
    <t>591.896</t>
  </si>
  <si>
    <t>42865.0</t>
  </si>
  <si>
    <t>5545848.0</t>
  </si>
  <si>
    <t>46538.0</t>
  </si>
  <si>
    <t>596.905</t>
  </si>
  <si>
    <t>43453.0</t>
  </si>
  <si>
    <t>5562025.0</t>
  </si>
  <si>
    <t>598.647</t>
  </si>
  <si>
    <t>5598859.0</t>
  </si>
  <si>
    <t>36834.0</t>
  </si>
  <si>
    <t>602.611</t>
  </si>
  <si>
    <t>2548.2</t>
  </si>
  <si>
    <t>269.679331146153</t>
  </si>
  <si>
    <t>5654016.0</t>
  </si>
  <si>
    <t>608.548</t>
  </si>
  <si>
    <t>5712859.0</t>
  </si>
  <si>
    <t>614.881</t>
  </si>
  <si>
    <t>45699.0</t>
  </si>
  <si>
    <t>5780631.0</t>
  </si>
  <si>
    <t>622.175</t>
  </si>
  <si>
    <t>7.294</t>
  </si>
  <si>
    <t>5841611.0</t>
  </si>
  <si>
    <t>60980.0</t>
  </si>
  <si>
    <t>628.739</t>
  </si>
  <si>
    <t>6.563</t>
  </si>
  <si>
    <t>48900.0</t>
  </si>
  <si>
    <t>5900490.0</t>
  </si>
  <si>
    <t>635.076</t>
  </si>
  <si>
    <t>6.337</t>
  </si>
  <si>
    <t>5924796.0</t>
  </si>
  <si>
    <t>637.692</t>
  </si>
  <si>
    <t>51824.0</t>
  </si>
  <si>
    <t>5964777.0</t>
  </si>
  <si>
    <t>641.995</t>
  </si>
  <si>
    <t>5.626</t>
  </si>
  <si>
    <t>2584.7</t>
  </si>
  <si>
    <t>273.542173775003</t>
  </si>
  <si>
    <t>6028775.0</t>
  </si>
  <si>
    <t>648.883</t>
  </si>
  <si>
    <t>53537.0</t>
  </si>
  <si>
    <t>6096015.0</t>
  </si>
  <si>
    <t>67240.0</t>
  </si>
  <si>
    <t>656.12</t>
  </si>
  <si>
    <t>6167341.0</t>
  </si>
  <si>
    <t>663.797</t>
  </si>
  <si>
    <t>55244.0</t>
  </si>
  <si>
    <t>6240926.0</t>
  </si>
  <si>
    <t>73585.0</t>
  </si>
  <si>
    <t>671.717</t>
  </si>
  <si>
    <t>57045.0</t>
  </si>
  <si>
    <t>6314597.0</t>
  </si>
  <si>
    <t>73671.0</t>
  </si>
  <si>
    <t>679.647</t>
  </si>
  <si>
    <t>59158.0</t>
  </si>
  <si>
    <t>6.367</t>
  </si>
  <si>
    <t>6355656.0</t>
  </si>
  <si>
    <t>684.066</t>
  </si>
  <si>
    <t>6403862.0</t>
  </si>
  <si>
    <t>689.254</t>
  </si>
  <si>
    <t>62726.0</t>
  </si>
  <si>
    <t>2586.4</t>
  </si>
  <si>
    <t>273.722086993333</t>
  </si>
  <si>
    <t>6474483.0</t>
  </si>
  <si>
    <t>70621.0</t>
  </si>
  <si>
    <t>696.855</t>
  </si>
  <si>
    <t>6554969.0</t>
  </si>
  <si>
    <t>80486.0</t>
  </si>
  <si>
    <t>705.518</t>
  </si>
  <si>
    <t>65565.0</t>
  </si>
  <si>
    <t>7.057</t>
  </si>
  <si>
    <t>6635684.0</t>
  </si>
  <si>
    <t>80715.0</t>
  </si>
  <si>
    <t>714.206</t>
  </si>
  <si>
    <t>8.687</t>
  </si>
  <si>
    <t>66906.0</t>
  </si>
  <si>
    <t>6712215.0</t>
  </si>
  <si>
    <t>76531.0</t>
  </si>
  <si>
    <t>722.443</t>
  </si>
  <si>
    <t>8.237</t>
  </si>
  <si>
    <t>7.246</t>
  </si>
  <si>
    <t>6786215.0</t>
  </si>
  <si>
    <t>730.407</t>
  </si>
  <si>
    <t>67374.0</t>
  </si>
  <si>
    <t>7.252</t>
  </si>
  <si>
    <t>6845705.0</t>
  </si>
  <si>
    <t>59490.0</t>
  </si>
  <si>
    <t>736.81</t>
  </si>
  <si>
    <t>70007.0</t>
  </si>
  <si>
    <t>118.849</t>
  </si>
  <si>
    <t>6912842.0</t>
  </si>
  <si>
    <t>744.036</t>
  </si>
  <si>
    <t>72711.0</t>
  </si>
  <si>
    <t>2635.5</t>
  </si>
  <si>
    <t>278.918404063922</t>
  </si>
  <si>
    <t>7001803.0</t>
  </si>
  <si>
    <t>88961.0</t>
  </si>
  <si>
    <t>753.611</t>
  </si>
  <si>
    <t>7.937</t>
  </si>
  <si>
    <t>7091851.0</t>
  </si>
  <si>
    <t>90048.0</t>
  </si>
  <si>
    <t>763.303</t>
  </si>
  <si>
    <t>76697.0</t>
  </si>
  <si>
    <t>8.255</t>
  </si>
  <si>
    <t>77060.0</t>
  </si>
  <si>
    <t>44668.0</t>
  </si>
  <si>
    <t>7185097.0</t>
  </si>
  <si>
    <t>93246.0</t>
  </si>
  <si>
    <t>773.339</t>
  </si>
  <si>
    <t>78488.0</t>
  </si>
  <si>
    <t>139978.0</t>
  </si>
  <si>
    <t>139974.0</t>
  </si>
  <si>
    <t>7278787.0</t>
  </si>
  <si>
    <t>93690.0</t>
  </si>
  <si>
    <t>783.423</t>
  </si>
  <si>
    <t>80939.0</t>
  </si>
  <si>
    <t>8.712</t>
  </si>
  <si>
    <t>213407.0</t>
  </si>
  <si>
    <t>213403.0</t>
  </si>
  <si>
    <t>73429.0</t>
  </si>
  <si>
    <t>42667.0</t>
  </si>
  <si>
    <t>7361571.0</t>
  </si>
  <si>
    <t>82784.0</t>
  </si>
  <si>
    <t>792.334</t>
  </si>
  <si>
    <t>82194.0</t>
  </si>
  <si>
    <t>8.847</t>
  </si>
  <si>
    <t>251924.0</t>
  </si>
  <si>
    <t>251920.0</t>
  </si>
  <si>
    <t>38517.0</t>
  </si>
  <si>
    <t>7422250.0</t>
  </si>
  <si>
    <t>60679.0</t>
  </si>
  <si>
    <t>798.864</t>
  </si>
  <si>
    <t>284541.0</t>
  </si>
  <si>
    <t>284537.0</t>
  </si>
  <si>
    <t>7490542.0</t>
  </si>
  <si>
    <t>68292.0</t>
  </si>
  <si>
    <t>806.215</t>
  </si>
  <si>
    <t>82529.0</t>
  </si>
  <si>
    <t>8.883</t>
  </si>
  <si>
    <t>389112.0</t>
  </si>
  <si>
    <t>389108.0</t>
  </si>
  <si>
    <t>104571.0</t>
  </si>
  <si>
    <t>280.770451899672</t>
  </si>
  <si>
    <t>7588609.0</t>
  </si>
  <si>
    <t>98067.0</t>
  </si>
  <si>
    <t>816.77</t>
  </si>
  <si>
    <t>10.555</t>
  </si>
  <si>
    <t>83829.0</t>
  </si>
  <si>
    <t>9.023</t>
  </si>
  <si>
    <t>524151.0</t>
  </si>
  <si>
    <t>524147.0</t>
  </si>
  <si>
    <t>135039.0</t>
  </si>
  <si>
    <t>70251.0</t>
  </si>
  <si>
    <t>7686544.0</t>
  </si>
  <si>
    <t>97935.0</t>
  </si>
  <si>
    <t>827.311</t>
  </si>
  <si>
    <t>10.541</t>
  </si>
  <si>
    <t>680487.0</t>
  </si>
  <si>
    <t>680481.0</t>
  </si>
  <si>
    <t>156336.0</t>
  </si>
  <si>
    <t>86204.0</t>
  </si>
  <si>
    <t>7788046.0</t>
  </si>
  <si>
    <t>101502.0</t>
  </si>
  <si>
    <t>838.235</t>
  </si>
  <si>
    <t>10.925</t>
  </si>
  <si>
    <t>86136.0</t>
  </si>
  <si>
    <t>833671.0</t>
  </si>
  <si>
    <t>833665.0</t>
  </si>
  <si>
    <t>153184.0</t>
  </si>
  <si>
    <t>99099.0</t>
  </si>
  <si>
    <t>7889431.0</t>
  </si>
  <si>
    <t>101385.0</t>
  </si>
  <si>
    <t>849.148</t>
  </si>
  <si>
    <t>87235.0</t>
  </si>
  <si>
    <t>9.389</t>
  </si>
  <si>
    <t>992261.0</t>
  </si>
  <si>
    <t>992255.0</t>
  </si>
  <si>
    <t>158590.0</t>
  </si>
  <si>
    <t>111265.0</t>
  </si>
  <si>
    <t>11775.0</t>
  </si>
  <si>
    <t>7985356.0</t>
  </si>
  <si>
    <t>95925.0</t>
  </si>
  <si>
    <t>859.472</t>
  </si>
  <si>
    <t>89112.0</t>
  </si>
  <si>
    <t>9.591</t>
  </si>
  <si>
    <t>1063696.0</t>
  </si>
  <si>
    <t>1063690.0</t>
  </si>
  <si>
    <t>71435.0</t>
  </si>
  <si>
    <t>115967.0</t>
  </si>
  <si>
    <t>164.779</t>
  </si>
  <si>
    <t>8061082.0</t>
  </si>
  <si>
    <t>75726.0</t>
  </si>
  <si>
    <t>867.623</t>
  </si>
  <si>
    <t>9.823</t>
  </si>
  <si>
    <t>1135438.0</t>
  </si>
  <si>
    <t>1135432.0</t>
  </si>
  <si>
    <t>71742.0</t>
  </si>
  <si>
    <t>121557.0</t>
  </si>
  <si>
    <t>121556.0</t>
  </si>
  <si>
    <t>8137910.0</t>
  </si>
  <si>
    <t>76828.0</t>
  </si>
  <si>
    <t>875.892</t>
  </si>
  <si>
    <t>8.269</t>
  </si>
  <si>
    <t>92481.0</t>
  </si>
  <si>
    <t>1285200.0</t>
  </si>
  <si>
    <t>1285194.0</t>
  </si>
  <si>
    <t>128013.0</t>
  </si>
  <si>
    <t>2791.5</t>
  </si>
  <si>
    <t>295.42808762832</t>
  </si>
  <si>
    <t>8246214.0</t>
  </si>
  <si>
    <t>108304.0</t>
  </si>
  <si>
    <t>887.549</t>
  </si>
  <si>
    <t>93944.0</t>
  </si>
  <si>
    <t>1437402.0</t>
  </si>
  <si>
    <t>1437395.0</t>
  </si>
  <si>
    <t>152202.0</t>
  </si>
  <si>
    <t>130464.0</t>
  </si>
  <si>
    <t>8360467.0</t>
  </si>
  <si>
    <t>899.846</t>
  </si>
  <si>
    <t>12.297</t>
  </si>
  <si>
    <t>96275.0</t>
  </si>
  <si>
    <t>10.362</t>
  </si>
  <si>
    <t>1562624.0</t>
  </si>
  <si>
    <t>1562613.0</t>
  </si>
  <si>
    <t>125222.0</t>
  </si>
  <si>
    <t>126020.0</t>
  </si>
  <si>
    <t>126019.0</t>
  </si>
  <si>
    <t>8477553.0</t>
  </si>
  <si>
    <t>117086.0</t>
  </si>
  <si>
    <t>912.448</t>
  </si>
  <si>
    <t>12.602</t>
  </si>
  <si>
    <t>98501.0</t>
  </si>
  <si>
    <t>1665996.0</t>
  </si>
  <si>
    <t>1665983.0</t>
  </si>
  <si>
    <t>118904.0</t>
  </si>
  <si>
    <t>118903.0</t>
  </si>
  <si>
    <t>8591762.0</t>
  </si>
  <si>
    <t>114209.0</t>
  </si>
  <si>
    <t>924.74</t>
  </si>
  <si>
    <t>100333.0</t>
  </si>
  <si>
    <t>10.799</t>
  </si>
  <si>
    <t>1782067.0</t>
  </si>
  <si>
    <t>1782045.0</t>
  </si>
  <si>
    <t>116071.0</t>
  </si>
  <si>
    <t>112829.0</t>
  </si>
  <si>
    <t>112827.0</t>
  </si>
  <si>
    <t>8706114.0</t>
  </si>
  <si>
    <t>114352.0</t>
  </si>
  <si>
    <t>937.048</t>
  </si>
  <si>
    <t>102965.0</t>
  </si>
  <si>
    <t>1848534.0</t>
  </si>
  <si>
    <t>1848507.0</t>
  </si>
  <si>
    <t>66467.0</t>
  </si>
  <si>
    <t>112120.0</t>
  </si>
  <si>
    <t>112117.0</t>
  </si>
  <si>
    <t>31.326</t>
  </si>
  <si>
    <t>8783876.0</t>
  </si>
  <si>
    <t>77762.0</t>
  </si>
  <si>
    <t>945.418</t>
  </si>
  <si>
    <t>11.114</t>
  </si>
  <si>
    <t>1893110.0</t>
  </si>
  <si>
    <t>1893059.0</t>
  </si>
  <si>
    <t>108239.0</t>
  </si>
  <si>
    <t>11455.0</t>
  </si>
  <si>
    <t>32.067</t>
  </si>
  <si>
    <t>8877628.0</t>
  </si>
  <si>
    <t>93752.0</t>
  </si>
  <si>
    <t>955.508</t>
  </si>
  <si>
    <t>105674.0</t>
  </si>
  <si>
    <t>1936758.0</t>
  </si>
  <si>
    <t>1930707.0</t>
  </si>
  <si>
    <t>93080.0</t>
  </si>
  <si>
    <t>92216.0</t>
  </si>
  <si>
    <t>2959.7</t>
  </si>
  <si>
    <t>313.228913112499</t>
  </si>
  <si>
    <t>8999083.0</t>
  </si>
  <si>
    <t>121455.0</t>
  </si>
  <si>
    <t>968.581</t>
  </si>
  <si>
    <t>1977196.0</t>
  </si>
  <si>
    <t>1951881.0</t>
  </si>
  <si>
    <t>40438.0</t>
  </si>
  <si>
    <t>73498.0</t>
  </si>
  <si>
    <t>9116516.0</t>
  </si>
  <si>
    <t>117433.0</t>
  </si>
  <si>
    <t>981.22</t>
  </si>
  <si>
    <t>12.639</t>
  </si>
  <si>
    <t>108007.0</t>
  </si>
  <si>
    <t>11.625</t>
  </si>
  <si>
    <t>2036945.0</t>
  </si>
  <si>
    <t>1975956.0</t>
  </si>
  <si>
    <t>60989.0</t>
  </si>
  <si>
    <t>67760.0</t>
  </si>
  <si>
    <t>59049.0</t>
  </si>
  <si>
    <t>238.226</t>
  </si>
  <si>
    <t>9235230.0</t>
  </si>
  <si>
    <t>993.997</t>
  </si>
  <si>
    <t>108240.0</t>
  </si>
  <si>
    <t>2145896.0</t>
  </si>
  <si>
    <t>2028033.0</t>
  </si>
  <si>
    <t>108951.0</t>
  </si>
  <si>
    <t>68557.0</t>
  </si>
  <si>
    <t>51721.0</t>
  </si>
  <si>
    <t>9356264.0</t>
  </si>
  <si>
    <t>121034.0</t>
  </si>
  <si>
    <t>1007.024</t>
  </si>
  <si>
    <t>13.027</t>
  </si>
  <si>
    <t>2271210.0</t>
  </si>
  <si>
    <t>2084509.0</t>
  </si>
  <si>
    <t>186701.0</t>
  </si>
  <si>
    <t>125314.0</t>
  </si>
  <si>
    <t>43209.0</t>
  </si>
  <si>
    <t>9455693.0</t>
  </si>
  <si>
    <t>1017.726</t>
  </si>
  <si>
    <t>107083.0</t>
  </si>
  <si>
    <t>11.525</t>
  </si>
  <si>
    <t>2337927.0</t>
  </si>
  <si>
    <t>2115284.0</t>
  </si>
  <si>
    <t>222643.0</t>
  </si>
  <si>
    <t>69913.0</t>
  </si>
  <si>
    <t>9524659.0</t>
  </si>
  <si>
    <t>1025.149</t>
  </si>
  <si>
    <t>2393414.0</t>
  </si>
  <si>
    <t>2144765.0</t>
  </si>
  <si>
    <t>248649.0</t>
  </si>
  <si>
    <t>55487.0</t>
  </si>
  <si>
    <t>71472.0</t>
  </si>
  <si>
    <t>9586445.0</t>
  </si>
  <si>
    <t>61786.0</t>
  </si>
  <si>
    <t>1031.799</t>
  </si>
  <si>
    <t>101260.0</t>
  </si>
  <si>
    <t>2546452.0</t>
  </si>
  <si>
    <t>2213207.0</t>
  </si>
  <si>
    <t>333245.0</t>
  </si>
  <si>
    <t>153038.0</t>
  </si>
  <si>
    <t>87099.0</t>
  </si>
  <si>
    <t>9218.0</t>
  </si>
  <si>
    <t>3137.1</t>
  </si>
  <si>
    <t>332.003386601757</t>
  </si>
  <si>
    <t>9685717.0</t>
  </si>
  <si>
    <t>99272.0</t>
  </si>
  <si>
    <t>1042.484</t>
  </si>
  <si>
    <t>10.685</t>
  </si>
  <si>
    <t>98091.0</t>
  </si>
  <si>
    <t>2736705.0</t>
  </si>
  <si>
    <t>2283024.0</t>
  </si>
  <si>
    <t>190253.0</t>
  </si>
  <si>
    <t>9779498.0</t>
  </si>
  <si>
    <t>93781.0</t>
  </si>
  <si>
    <t>1052.578</t>
  </si>
  <si>
    <t>10.094</t>
  </si>
  <si>
    <t>94712.0</t>
  </si>
  <si>
    <t>2947448.0</t>
  </si>
  <si>
    <t>2355920.0</t>
  </si>
  <si>
    <t>591528.0</t>
  </si>
  <si>
    <t>210743.0</t>
  </si>
  <si>
    <t>130072.0</t>
  </si>
  <si>
    <t>54281.0</t>
  </si>
  <si>
    <t>9869515.0</t>
  </si>
  <si>
    <t>90017.0</t>
  </si>
  <si>
    <t>1062.266</t>
  </si>
  <si>
    <t>90612.0</t>
  </si>
  <si>
    <t>9.753</t>
  </si>
  <si>
    <t>3168130.0</t>
  </si>
  <si>
    <t>2432839.0</t>
  </si>
  <si>
    <t>735291.0</t>
  </si>
  <si>
    <t>146033.0</t>
  </si>
  <si>
    <t>57829.0</t>
  </si>
  <si>
    <t>240.555</t>
  </si>
  <si>
    <t>9949641.0</t>
  </si>
  <si>
    <t>80126.0</t>
  </si>
  <si>
    <t>1070.89</t>
  </si>
  <si>
    <t>84768.0</t>
  </si>
  <si>
    <t>9.124</t>
  </si>
  <si>
    <t>3402602.0</t>
  </si>
  <si>
    <t>2502839.0</t>
  </si>
  <si>
    <t>899763.0</t>
  </si>
  <si>
    <t>234472.0</t>
  </si>
  <si>
    <t>161627.0</t>
  </si>
  <si>
    <t>59761.0</t>
  </si>
  <si>
    <t>10033290.0</t>
  </si>
  <si>
    <t>83649.0</t>
  </si>
  <si>
    <t>1079.893</t>
  </si>
  <si>
    <t>9.003</t>
  </si>
  <si>
    <t>82514.0</t>
  </si>
  <si>
    <t>8.881</t>
  </si>
  <si>
    <t>3511661.0</t>
  </si>
  <si>
    <t>2540767.0</t>
  </si>
  <si>
    <t>970894.0</t>
  </si>
  <si>
    <t>167676.0</t>
  </si>
  <si>
    <t>10063482.0</t>
  </si>
  <si>
    <t>30192.0</t>
  </si>
  <si>
    <t>1083.143</t>
  </si>
  <si>
    <t>3605221.0</t>
  </si>
  <si>
    <t>2580733.0</t>
  </si>
  <si>
    <t>1024488.0</t>
  </si>
  <si>
    <t>173115.0</t>
  </si>
  <si>
    <t>62281.0</t>
  </si>
  <si>
    <t>10116442.0</t>
  </si>
  <si>
    <t>52960.0</t>
  </si>
  <si>
    <t>1088.843</t>
  </si>
  <si>
    <t>75714.0</t>
  </si>
  <si>
    <t>3815073.0</t>
  </si>
  <si>
    <t>2649879.0</t>
  </si>
  <si>
    <t>1165194.0</t>
  </si>
  <si>
    <t>209852.0</t>
  </si>
  <si>
    <t>181232.0</t>
  </si>
  <si>
    <t>19180.0</t>
  </si>
  <si>
    <t>3349.3</t>
  </si>
  <si>
    <t>354.460789501535</t>
  </si>
  <si>
    <t>192.613</t>
  </si>
  <si>
    <t>10204612.0</t>
  </si>
  <si>
    <t>1098.333</t>
  </si>
  <si>
    <t>74128.0</t>
  </si>
  <si>
    <t>4035535.0</t>
  </si>
  <si>
    <t>2730822.0</t>
  </si>
  <si>
    <t>1304713.0</t>
  </si>
  <si>
    <t>220462.0</t>
  </si>
  <si>
    <t>185547.0</t>
  </si>
  <si>
    <t>63971.0</t>
  </si>
  <si>
    <t>10286089.0</t>
  </si>
  <si>
    <t>81477.0</t>
  </si>
  <si>
    <t>1107.102</t>
  </si>
  <si>
    <t>8.769</t>
  </si>
  <si>
    <t>72370.0</t>
  </si>
  <si>
    <t>7.789</t>
  </si>
  <si>
    <t>4240709.0</t>
  </si>
  <si>
    <t>2809552.0</t>
  </si>
  <si>
    <t>1431157.0</t>
  </si>
  <si>
    <t>205174.0</t>
  </si>
  <si>
    <t>184752.0</t>
  </si>
  <si>
    <t>10369551.0</t>
  </si>
  <si>
    <t>1116.086</t>
  </si>
  <si>
    <t>4443755.0</t>
  </si>
  <si>
    <t>2887530.0</t>
  </si>
  <si>
    <t>1556225.0</t>
  </si>
  <si>
    <t>203046.0</t>
  </si>
  <si>
    <t>182232.0</t>
  </si>
  <si>
    <t>10445972.0</t>
  </si>
  <si>
    <t>76421.0</t>
  </si>
  <si>
    <t>1124.311</t>
  </si>
  <si>
    <t>70904.0</t>
  </si>
  <si>
    <t>4653954.0</t>
  </si>
  <si>
    <t>2967099.0</t>
  </si>
  <si>
    <t>1686855.0</t>
  </si>
  <si>
    <t>178765.0</t>
  </si>
  <si>
    <t>10517701.0</t>
  </si>
  <si>
    <t>71729.0</t>
  </si>
  <si>
    <t>1132.031</t>
  </si>
  <si>
    <t>69202.0</t>
  </si>
  <si>
    <t>4755450.0</t>
  </si>
  <si>
    <t>3003803.0</t>
  </si>
  <si>
    <t>1751647.0</t>
  </si>
  <si>
    <t>101496.0</t>
  </si>
  <si>
    <t>177684.0</t>
  </si>
  <si>
    <t>66148.0</t>
  </si>
  <si>
    <t>10543753.0</t>
  </si>
  <si>
    <t>26052.0</t>
  </si>
  <si>
    <t>1134.835</t>
  </si>
  <si>
    <t>68610.0</t>
  </si>
  <si>
    <t>4832612.0</t>
  </si>
  <si>
    <t>3038198.0</t>
  </si>
  <si>
    <t>1794414.0</t>
  </si>
  <si>
    <t>77162.0</t>
  </si>
  <si>
    <t>175342.0</t>
  </si>
  <si>
    <t>65352.0</t>
  </si>
  <si>
    <t>10597151.0</t>
  </si>
  <si>
    <t>1140.582</t>
  </si>
  <si>
    <t>68673.0</t>
  </si>
  <si>
    <t>4965445.0</t>
  </si>
  <si>
    <t>3111528.0</t>
  </si>
  <si>
    <t>1853917.0</t>
  </si>
  <si>
    <t>132833.0</t>
  </si>
  <si>
    <t>164339.0</t>
  </si>
  <si>
    <t>3565.7</t>
  </si>
  <si>
    <t>377.362683881892</t>
  </si>
  <si>
    <t>10686984.0</t>
  </si>
  <si>
    <t>89833.0</t>
  </si>
  <si>
    <t>1150.251</t>
  </si>
  <si>
    <t>9.669</t>
  </si>
  <si>
    <t>5083310.0</t>
  </si>
  <si>
    <t>3194037.0</t>
  </si>
  <si>
    <t>1889273.0</t>
  </si>
  <si>
    <t>117865.0</t>
  </si>
  <si>
    <t>149682.0</t>
  </si>
  <si>
    <t>66174.0</t>
  </si>
  <si>
    <t>170.918</t>
  </si>
  <si>
    <t>10773185.0</t>
  </si>
  <si>
    <t>86201.0</t>
  </si>
  <si>
    <t>1159.529</t>
  </si>
  <si>
    <t>9.278</t>
  </si>
  <si>
    <t>5184484.0</t>
  </si>
  <si>
    <t>3264139.0</t>
  </si>
  <si>
    <t>1920345.0</t>
  </si>
  <si>
    <t>101174.0</t>
  </si>
  <si>
    <t>134825.0</t>
  </si>
  <si>
    <t>64941.0</t>
  </si>
  <si>
    <t>17.039</t>
  </si>
  <si>
    <t>10857238.0</t>
  </si>
  <si>
    <t>1168.576</t>
  </si>
  <si>
    <t>69670.0</t>
  </si>
  <si>
    <t>5296235.0</t>
  </si>
  <si>
    <t>3324447.0</t>
  </si>
  <si>
    <t>1971788.0</t>
  </si>
  <si>
    <t>111751.0</t>
  </si>
  <si>
    <t>121783.0</t>
  </si>
  <si>
    <t>10939199.0</t>
  </si>
  <si>
    <t>81961.0</t>
  </si>
  <si>
    <t>1177.397</t>
  </si>
  <si>
    <t>8.822</t>
  </si>
  <si>
    <t>5426965.0</t>
  </si>
  <si>
    <t>3397081.0</t>
  </si>
  <si>
    <t>2029884.0</t>
  </si>
  <si>
    <t>130730.0</t>
  </si>
  <si>
    <t>110430.0</t>
  </si>
  <si>
    <t>61426.0</t>
  </si>
  <si>
    <t>11020962.0</t>
  </si>
  <si>
    <t>81763.0</t>
  </si>
  <si>
    <t>1186.198</t>
  </si>
  <si>
    <t>5489713.0</t>
  </si>
  <si>
    <t>3431024.0</t>
  </si>
  <si>
    <t>2058689.0</t>
  </si>
  <si>
    <t>104895.0</t>
  </si>
  <si>
    <t>61032.0</t>
  </si>
  <si>
    <t>11049170.0</t>
  </si>
  <si>
    <t>28208.0</t>
  </si>
  <si>
    <t>1189.234</t>
  </si>
  <si>
    <t>5533566.0</t>
  </si>
  <si>
    <t>3452645.0</t>
  </si>
  <si>
    <t>2080921.0</t>
  </si>
  <si>
    <t>100136.0</t>
  </si>
  <si>
    <t>59207.0</t>
  </si>
  <si>
    <t>11101489.0</t>
  </si>
  <si>
    <t>52319.0</t>
  </si>
  <si>
    <t>1194.865</t>
  </si>
  <si>
    <t>5.631</t>
  </si>
  <si>
    <t>5656387.0</t>
  </si>
  <si>
    <t>2149661.0</t>
  </si>
  <si>
    <t>122821.0</t>
  </si>
  <si>
    <t>98706.0</t>
  </si>
  <si>
    <t>3730.3</t>
  </si>
  <si>
    <t>394.78251666843</t>
  </si>
  <si>
    <t>11190391.0</t>
  </si>
  <si>
    <t>88902.0</t>
  </si>
  <si>
    <t>1204.433</t>
  </si>
  <si>
    <t>9.569</t>
  </si>
  <si>
    <t>71915.0</t>
  </si>
  <si>
    <t>5780494.0</t>
  </si>
  <si>
    <t>3565366.0</t>
  </si>
  <si>
    <t>2215128.0</t>
  </si>
  <si>
    <t>124107.0</t>
  </si>
  <si>
    <t>99598.0</t>
  </si>
  <si>
    <t>53047.0</t>
  </si>
  <si>
    <t>11268994.0</t>
  </si>
  <si>
    <t>1212.894</t>
  </si>
  <si>
    <t>5914425.0</t>
  </si>
  <si>
    <t>3631720.0</t>
  </si>
  <si>
    <t>2282705.0</t>
  </si>
  <si>
    <t>133931.0</t>
  </si>
  <si>
    <t>104277.0</t>
  </si>
  <si>
    <t>52512.0</t>
  </si>
  <si>
    <t>11344398.0</t>
  </si>
  <si>
    <t>1221.009</t>
  </si>
  <si>
    <t>8.116</t>
  </si>
  <si>
    <t>6057308.0</t>
  </si>
  <si>
    <t>3702290.0</t>
  </si>
  <si>
    <t>2355018.0</t>
  </si>
  <si>
    <t>142883.0</t>
  </si>
  <si>
    <t>108725.0</t>
  </si>
  <si>
    <t>53978.0</t>
  </si>
  <si>
    <t>11418903.0</t>
  </si>
  <si>
    <t>1229.028</t>
  </si>
  <si>
    <t>68529.0</t>
  </si>
  <si>
    <t>6210590.0</t>
  </si>
  <si>
    <t>3783464.0</t>
  </si>
  <si>
    <t>2427126.0</t>
  </si>
  <si>
    <t>153282.0</t>
  </si>
  <si>
    <t>111946.0</t>
  </si>
  <si>
    <t>55198.0</t>
  </si>
  <si>
    <t>11483209.0</t>
  </si>
  <si>
    <t>1235.95</t>
  </si>
  <si>
    <t>6287292.0</t>
  </si>
  <si>
    <t>3822570.0</t>
  </si>
  <si>
    <t>2464722.0</t>
  </si>
  <si>
    <t>113940.0</t>
  </si>
  <si>
    <t>11507422.0</t>
  </si>
  <si>
    <t>1238.556</t>
  </si>
  <si>
    <t>6345195.0</t>
  </si>
  <si>
    <t>3850033.0</t>
  </si>
  <si>
    <t>2495162.0</t>
  </si>
  <si>
    <t>115947.0</t>
  </si>
  <si>
    <t>11553217.0</t>
  </si>
  <si>
    <t>45795.0</t>
  </si>
  <si>
    <t>1243.485</t>
  </si>
  <si>
    <t>64533.0</t>
  </si>
  <si>
    <t>6489193.0</t>
  </si>
  <si>
    <t>3924947.0</t>
  </si>
  <si>
    <t>2564246.0</t>
  </si>
  <si>
    <t>143998.0</t>
  </si>
  <si>
    <t>118972.0</t>
  </si>
  <si>
    <t>59746.0</t>
  </si>
  <si>
    <t>3827.9</t>
  </si>
  <si>
    <t>405.111652026669</t>
  </si>
  <si>
    <t>11622143.0</t>
  </si>
  <si>
    <t>1250.903</t>
  </si>
  <si>
    <t>6646456.0</t>
  </si>
  <si>
    <t>4006491.0</t>
  </si>
  <si>
    <t>2639965.0</t>
  </si>
  <si>
    <t>157263.0</t>
  </si>
  <si>
    <t>123709.0</t>
  </si>
  <si>
    <t>11693584.0</t>
  </si>
  <si>
    <t>1258.593</t>
  </si>
  <si>
    <t>6.528</t>
  </si>
  <si>
    <t>6808174.0</t>
  </si>
  <si>
    <t>4089910.0</t>
  </si>
  <si>
    <t>2718264.0</t>
  </si>
  <si>
    <t>161718.0</t>
  </si>
  <si>
    <t>127678.0</t>
  </si>
  <si>
    <t>11756358.0</t>
  </si>
  <si>
    <t>1265.349</t>
  </si>
  <si>
    <t>58851.0</t>
  </si>
  <si>
    <t>6945798.0</t>
  </si>
  <si>
    <t>4151893.0</t>
  </si>
  <si>
    <t>2793905.0</t>
  </si>
  <si>
    <t>137624.0</t>
  </si>
  <si>
    <t>126927.0</t>
  </si>
  <si>
    <t>11807087.0</t>
  </si>
  <si>
    <t>50729.0</t>
  </si>
  <si>
    <t>1270.809</t>
  </si>
  <si>
    <t>55455.0</t>
  </si>
  <si>
    <t>5.969</t>
  </si>
  <si>
    <t>7094693.0</t>
  </si>
  <si>
    <t>4221050.0</t>
  </si>
  <si>
    <t>2873643.0</t>
  </si>
  <si>
    <t>148895.0</t>
  </si>
  <si>
    <t>126300.0</t>
  </si>
  <si>
    <t>62512.0</t>
  </si>
  <si>
    <t>11868110.0</t>
  </si>
  <si>
    <t>61023.0</t>
  </si>
  <si>
    <t>1277.377</t>
  </si>
  <si>
    <t>54986.0</t>
  </si>
  <si>
    <t>7172529.0</t>
  </si>
  <si>
    <t>4260724.0</t>
  </si>
  <si>
    <t>2911805.0</t>
  </si>
  <si>
    <t>126462.0</t>
  </si>
  <si>
    <t>62593.0</t>
  </si>
  <si>
    <t>11886740.0</t>
  </si>
  <si>
    <t>18630.0</t>
  </si>
  <si>
    <t>1279.382</t>
  </si>
  <si>
    <t>54188.0</t>
  </si>
  <si>
    <t>5.832</t>
  </si>
  <si>
    <t>7232903.0</t>
  </si>
  <si>
    <t>4292374.0</t>
  </si>
  <si>
    <t>2940529.0</t>
  </si>
  <si>
    <t>60374.0</t>
  </si>
  <si>
    <t>126815.0</t>
  </si>
  <si>
    <t>63192.0</t>
  </si>
  <si>
    <t>11935156.0</t>
  </si>
  <si>
    <t>48416.0</t>
  </si>
  <si>
    <t>1284.593</t>
  </si>
  <si>
    <t>5.211</t>
  </si>
  <si>
    <t>54563.0</t>
  </si>
  <si>
    <t>7390781.0</t>
  </si>
  <si>
    <t>4371808.0</t>
  </si>
  <si>
    <t>3018973.0</t>
  </si>
  <si>
    <t>157878.0</t>
  </si>
  <si>
    <t>128798.0</t>
  </si>
  <si>
    <t>3896.9</t>
  </si>
  <si>
    <t>412.414012064769</t>
  </si>
  <si>
    <t>12002165.0</t>
  </si>
  <si>
    <t>67009.0</t>
  </si>
  <si>
    <t>1291.806</t>
  </si>
  <si>
    <t>54289.0</t>
  </si>
  <si>
    <t>7556433.0</t>
  </si>
  <si>
    <t>4456866.0</t>
  </si>
  <si>
    <t>3099567.0</t>
  </si>
  <si>
    <t>129997.0</t>
  </si>
  <si>
    <t>64339.0</t>
  </si>
  <si>
    <t>12071645.0</t>
  </si>
  <si>
    <t>69480.0</t>
  </si>
  <si>
    <t>1299.284</t>
  </si>
  <si>
    <t>7.478</t>
  </si>
  <si>
    <t>7704247.0</t>
  </si>
  <si>
    <t>4534195.0</t>
  </si>
  <si>
    <t>3170052.0</t>
  </si>
  <si>
    <t>128010.0</t>
  </si>
  <si>
    <t>12144281.0</t>
  </si>
  <si>
    <t>1307.102</t>
  </si>
  <si>
    <t>55418.0</t>
  </si>
  <si>
    <t>7828456.0</t>
  </si>
  <si>
    <t>4595261.0</t>
  </si>
  <si>
    <t>3233195.0</t>
  </si>
  <si>
    <t>124209.0</t>
  </si>
  <si>
    <t>63338.0</t>
  </si>
  <si>
    <t>154.09</t>
  </si>
  <si>
    <t>12212473.0</t>
  </si>
  <si>
    <t>68192.0</t>
  </si>
  <si>
    <t>1314.441</t>
  </si>
  <si>
    <t>57912.0</t>
  </si>
  <si>
    <t>7944988.0</t>
  </si>
  <si>
    <t>4646988.0</t>
  </si>
  <si>
    <t>3298000.0</t>
  </si>
  <si>
    <t>116532.0</t>
  </si>
  <si>
    <t>60848.0</t>
  </si>
  <si>
    <t>12276615.0</t>
  </si>
  <si>
    <t>64142.0</t>
  </si>
  <si>
    <t>1321.345</t>
  </si>
  <si>
    <t>8002942.0</t>
  </si>
  <si>
    <t>4672901.0</t>
  </si>
  <si>
    <t>3330041.0</t>
  </si>
  <si>
    <t>57954.0</t>
  </si>
  <si>
    <t>118630.0</t>
  </si>
  <si>
    <t>58882.0</t>
  </si>
  <si>
    <t>12300222.0</t>
  </si>
  <si>
    <t>1323.886</t>
  </si>
  <si>
    <t>59069.0</t>
  </si>
  <si>
    <t>8042490.0</t>
  </si>
  <si>
    <t>4691253.0</t>
  </si>
  <si>
    <t>3351237.0</t>
  </si>
  <si>
    <t>12352818.0</t>
  </si>
  <si>
    <t>52596.0</t>
  </si>
  <si>
    <t>1329.547</t>
  </si>
  <si>
    <t>59666.0</t>
  </si>
  <si>
    <t>8138728.0</t>
  </si>
  <si>
    <t>4731617.0</t>
  </si>
  <si>
    <t>3407111.0</t>
  </si>
  <si>
    <t>96238.0</t>
  </si>
  <si>
    <t>106850.0</t>
  </si>
  <si>
    <t>51401.0</t>
  </si>
  <si>
    <t>3891.1</t>
  </si>
  <si>
    <t>411.800190496349</t>
  </si>
  <si>
    <t>12439978.0</t>
  </si>
  <si>
    <t>87160.0</t>
  </si>
  <si>
    <t>1338.928</t>
  </si>
  <si>
    <t>62545.0</t>
  </si>
  <si>
    <t>8245920.0</t>
  </si>
  <si>
    <t>4777367.0</t>
  </si>
  <si>
    <t>3468553.0</t>
  </si>
  <si>
    <t>107192.0</t>
  </si>
  <si>
    <t>98498.0</t>
  </si>
  <si>
    <t>12528173.0</t>
  </si>
  <si>
    <t>88195.0</t>
  </si>
  <si>
    <t>1348.42</t>
  </si>
  <si>
    <t>65218.0</t>
  </si>
  <si>
    <t>8351919.0</t>
  </si>
  <si>
    <t>4818568.0</t>
  </si>
  <si>
    <t>3533351.0</t>
  </si>
  <si>
    <t>92525.0</t>
  </si>
  <si>
    <t>40625.0</t>
  </si>
  <si>
    <t>12619389.0</t>
  </si>
  <si>
    <t>91216.0</t>
  </si>
  <si>
    <t>1358.238</t>
  </si>
  <si>
    <t>8460744.0</t>
  </si>
  <si>
    <t>4860601.0</t>
  </si>
  <si>
    <t>3600143.0</t>
  </si>
  <si>
    <t>108825.0</t>
  </si>
  <si>
    <t>37906.0</t>
  </si>
  <si>
    <t>12706584.0</t>
  </si>
  <si>
    <t>87195.0</t>
  </si>
  <si>
    <t>1367.623</t>
  </si>
  <si>
    <t>70587.0</t>
  </si>
  <si>
    <t>8579587.0</t>
  </si>
  <si>
    <t>4900319.0</t>
  </si>
  <si>
    <t>3679268.0</t>
  </si>
  <si>
    <t>118843.0</t>
  </si>
  <si>
    <t>90657.0</t>
  </si>
  <si>
    <t>9.419</t>
  </si>
  <si>
    <t>12804680.0</t>
  </si>
  <si>
    <t>98096.0</t>
  </si>
  <si>
    <t>1378.181</t>
  </si>
  <si>
    <t>75438.0</t>
  </si>
  <si>
    <t>8637422.0</t>
  </si>
  <si>
    <t>4917687.0</t>
  </si>
  <si>
    <t>3719735.0</t>
  </si>
  <si>
    <t>90640.0</t>
  </si>
  <si>
    <t>27.728</t>
  </si>
  <si>
    <t>12844529.0</t>
  </si>
  <si>
    <t>1382.47</t>
  </si>
  <si>
    <t>77758.0</t>
  </si>
  <si>
    <t>8673491.0</t>
  </si>
  <si>
    <t>4928409.0</t>
  </si>
  <si>
    <t>3745082.0</t>
  </si>
  <si>
    <t>90143.0</t>
  </si>
  <si>
    <t>33879.0</t>
  </si>
  <si>
    <t>12904916.0</t>
  </si>
  <si>
    <t>60387.0</t>
  </si>
  <si>
    <t>1388.97</t>
  </si>
  <si>
    <t>8777492.0</t>
  </si>
  <si>
    <t>4959565.0</t>
  </si>
  <si>
    <t>3817927.0</t>
  </si>
  <si>
    <t>104001.0</t>
  </si>
  <si>
    <t>91252.0</t>
  </si>
  <si>
    <t>3884.7</t>
  </si>
  <si>
    <t>411.122870144989</t>
  </si>
  <si>
    <t>12997214.0</t>
  </si>
  <si>
    <t>92298.0</t>
  </si>
  <si>
    <t>1398.904</t>
  </si>
  <si>
    <t>79605.0</t>
  </si>
  <si>
    <t>8878173.0</t>
  </si>
  <si>
    <t>4986952.0</t>
  </si>
  <si>
    <t>3891221.0</t>
  </si>
  <si>
    <t>100681.0</t>
  </si>
  <si>
    <t>90322.0</t>
  </si>
  <si>
    <t>13084796.0</t>
  </si>
  <si>
    <t>87582.0</t>
  </si>
  <si>
    <t>1408.33</t>
  </si>
  <si>
    <t>8.559</t>
  </si>
  <si>
    <t>8981531.0</t>
  </si>
  <si>
    <t>5013709.0</t>
  </si>
  <si>
    <t>3967822.0</t>
  </si>
  <si>
    <t>103358.0</t>
  </si>
  <si>
    <t>89945.0</t>
  </si>
  <si>
    <t>27877.0</t>
  </si>
  <si>
    <t>13176000.0</t>
  </si>
  <si>
    <t>91204.0</t>
  </si>
  <si>
    <t>1418.147</t>
  </si>
  <si>
    <t>79516.0</t>
  </si>
  <si>
    <t>8.558</t>
  </si>
  <si>
    <t>9063586.0</t>
  </si>
  <si>
    <t>5037080.0</t>
  </si>
  <si>
    <t>4026506.0</t>
  </si>
  <si>
    <t>82055.0</t>
  </si>
  <si>
    <t>86120.0</t>
  </si>
  <si>
    <t>95.92</t>
  </si>
  <si>
    <t>13254877.0</t>
  </si>
  <si>
    <t>1426.636</t>
  </si>
  <si>
    <t>78328.0</t>
  </si>
  <si>
    <t>9155985.0</t>
  </si>
  <si>
    <t>5060384.0</t>
  </si>
  <si>
    <t>4095601.0</t>
  </si>
  <si>
    <t>92399.0</t>
  </si>
  <si>
    <t>82343.0</t>
  </si>
  <si>
    <t>22866.0</t>
  </si>
  <si>
    <t>13335958.0</t>
  </si>
  <si>
    <t>81081.0</t>
  </si>
  <si>
    <t>1435.363</t>
  </si>
  <si>
    <t>8.727</t>
  </si>
  <si>
    <t>75897.0</t>
  </si>
  <si>
    <t>9208695.0</t>
  </si>
  <si>
    <t>5071680.0</t>
  </si>
  <si>
    <t>4137015.0</t>
  </si>
  <si>
    <t>81610.0</t>
  </si>
  <si>
    <t>13362322.0</t>
  </si>
  <si>
    <t>26364.0</t>
  </si>
  <si>
    <t>1438.201</t>
  </si>
  <si>
    <t>73970.0</t>
  </si>
  <si>
    <t>9241886.0</t>
  </si>
  <si>
    <t>5079632.0</t>
  </si>
  <si>
    <t>4162254.0</t>
  </si>
  <si>
    <t>33191.0</t>
  </si>
  <si>
    <t>81199.0</t>
  </si>
  <si>
    <t>97.81</t>
  </si>
  <si>
    <t>13416387.0</t>
  </si>
  <si>
    <t>54065.0</t>
  </si>
  <si>
    <t>1444.02</t>
  </si>
  <si>
    <t>73067.0</t>
  </si>
  <si>
    <t>7.864</t>
  </si>
  <si>
    <t>9336810.0</t>
  </si>
  <si>
    <t>5100621.0</t>
  </si>
  <si>
    <t>4236189.0</t>
  </si>
  <si>
    <t>94924.0</t>
  </si>
  <si>
    <t>3954.3</t>
  </si>
  <si>
    <t>418.488728966028</t>
  </si>
  <si>
    <t>13496742.0</t>
  </si>
  <si>
    <t>80355.0</t>
  </si>
  <si>
    <t>1452.668</t>
  </si>
  <si>
    <t>8.649</t>
  </si>
  <si>
    <t>71361.0</t>
  </si>
  <si>
    <t>7.681</t>
  </si>
  <si>
    <t>9435241.0</t>
  </si>
  <si>
    <t>5120771.0</t>
  </si>
  <si>
    <t>4314470.0</t>
  </si>
  <si>
    <t>98431.0</t>
  </si>
  <si>
    <t>79581.0</t>
  </si>
  <si>
    <t>99.85</t>
  </si>
  <si>
    <t>13564284.0</t>
  </si>
  <si>
    <t>67542.0</t>
  </si>
  <si>
    <t>1459.938</t>
  </si>
  <si>
    <t>9525479.0</t>
  </si>
  <si>
    <t>5139529.0</t>
  </si>
  <si>
    <t>4385950.0</t>
  </si>
  <si>
    <t>90238.0</t>
  </si>
  <si>
    <t>77707.0</t>
  </si>
  <si>
    <t>13636076.0</t>
  </si>
  <si>
    <t>71792.0</t>
  </si>
  <si>
    <t>1467.665</t>
  </si>
  <si>
    <t>65725.0</t>
  </si>
  <si>
    <t>9602193.0</t>
  </si>
  <si>
    <t>5157233.0</t>
  </si>
  <si>
    <t>4444960.0</t>
  </si>
  <si>
    <t>76714.0</t>
  </si>
  <si>
    <t>17165.0</t>
  </si>
  <si>
    <t>13695675.0</t>
  </si>
  <si>
    <t>1474.08</t>
  </si>
  <si>
    <t>62971.0</t>
  </si>
  <si>
    <t>9676368.0</t>
  </si>
  <si>
    <t>5173283.0</t>
  </si>
  <si>
    <t>4503085.0</t>
  </si>
  <si>
    <t>74175.0</t>
  </si>
  <si>
    <t>74340.0</t>
  </si>
  <si>
    <t>13753717.0</t>
  </si>
  <si>
    <t>58042.0</t>
  </si>
  <si>
    <t>1480.327</t>
  </si>
  <si>
    <t>9711304.0</t>
  </si>
  <si>
    <t>5180239.0</t>
  </si>
  <si>
    <t>4531065.0</t>
  </si>
  <si>
    <t>34936.0</t>
  </si>
  <si>
    <t>25.823</t>
  </si>
  <si>
    <t>13772383.0</t>
  </si>
  <si>
    <t>18666.0</t>
  </si>
  <si>
    <t>1482.336</t>
  </si>
  <si>
    <t>58580.0</t>
  </si>
  <si>
    <t>9731832.0</t>
  </si>
  <si>
    <t>5185466.0</t>
  </si>
  <si>
    <t>4546366.0</t>
  </si>
  <si>
    <t>69992.0</t>
  </si>
  <si>
    <t>104.244</t>
  </si>
  <si>
    <t>64.769</t>
  </si>
  <si>
    <t>13817051.0</t>
  </si>
  <si>
    <t>1487.144</t>
  </si>
  <si>
    <t>57238.0</t>
  </si>
  <si>
    <t>9785513.0</t>
  </si>
  <si>
    <t>5198637.0</t>
  </si>
  <si>
    <t>4586876.0</t>
  </si>
  <si>
    <t>64100.0</t>
  </si>
  <si>
    <t>4062.9</t>
  </si>
  <si>
    <t>429.982008678167</t>
  </si>
  <si>
    <t>25.611</t>
  </si>
  <si>
    <t>13872948.0</t>
  </si>
  <si>
    <t>1493.16</t>
  </si>
  <si>
    <t>6.016</t>
  </si>
  <si>
    <t>53744.0</t>
  </si>
  <si>
    <t>9839634.0</t>
  </si>
  <si>
    <t>5212217.0</t>
  </si>
  <si>
    <t>4627417.0</t>
  </si>
  <si>
    <t>54121.0</t>
  </si>
  <si>
    <t>13912024.0</t>
  </si>
  <si>
    <t>39076.0</t>
  </si>
  <si>
    <t>1497.366</t>
  </si>
  <si>
    <t>49677.0</t>
  </si>
  <si>
    <t>9849780.0</t>
  </si>
  <si>
    <t>5215061.0</t>
  </si>
  <si>
    <t>4634719.0</t>
  </si>
  <si>
    <t>13953694.0</t>
  </si>
  <si>
    <t>41670.0</t>
  </si>
  <si>
    <t>1501.851</t>
  </si>
  <si>
    <t>9907340.0</t>
  </si>
  <si>
    <t>5226064.0</t>
  </si>
  <si>
    <t>4681276.0</t>
  </si>
  <si>
    <t>104.85</t>
  </si>
  <si>
    <t>14014627.0</t>
  </si>
  <si>
    <t>1508.409</t>
  </si>
  <si>
    <t>45565.0</t>
  </si>
  <si>
    <t>9953049.0</t>
  </si>
  <si>
    <t>5236335.0</t>
  </si>
  <si>
    <t>4716714.0</t>
  </si>
  <si>
    <t>45709.0</t>
  </si>
  <si>
    <t>48.365</t>
  </si>
  <si>
    <t>14060787.0</t>
  </si>
  <si>
    <t>1513.377</t>
  </si>
  <si>
    <t>9970569.0</t>
  </si>
  <si>
    <t>5240521.0</t>
  </si>
  <si>
    <t>4730048.0</t>
  </si>
  <si>
    <t>17520.0</t>
  </si>
  <si>
    <t>37038.0</t>
  </si>
  <si>
    <t>14077159.0</t>
  </si>
  <si>
    <t>1515.139</t>
  </si>
  <si>
    <t>43539.0</t>
  </si>
  <si>
    <t>9976624.0</t>
  </si>
  <si>
    <t>5242307.0</t>
  </si>
  <si>
    <t>4734317.0</t>
  </si>
  <si>
    <t>14088310.0</t>
  </si>
  <si>
    <t>1516.339</t>
  </si>
  <si>
    <t>38751.0</t>
  </si>
  <si>
    <t>9983348.0</t>
  </si>
  <si>
    <t>5244420.0</t>
  </si>
  <si>
    <t>4738928.0</t>
  </si>
  <si>
    <t>28262.0</t>
  </si>
  <si>
    <t>4165.5</t>
  </si>
  <si>
    <t>440.840300560906</t>
  </si>
  <si>
    <t>77.363</t>
  </si>
  <si>
    <t>14127558.0</t>
  </si>
  <si>
    <t>1520.564</t>
  </si>
  <si>
    <t>36373.0</t>
  </si>
  <si>
    <t>5251336.0</t>
  </si>
  <si>
    <t>4768945.0</t>
  </si>
  <si>
    <t>36933.0</t>
  </si>
  <si>
    <t>25807.0</t>
  </si>
  <si>
    <t>14167909.0</t>
  </si>
  <si>
    <t>1524.907</t>
  </si>
  <si>
    <t>10050628.0</t>
  </si>
  <si>
    <t>5259229.0</t>
  </si>
  <si>
    <t>4791399.0</t>
  </si>
  <si>
    <t>14204657.0</t>
  </si>
  <si>
    <t>36748.0</t>
  </si>
  <si>
    <t>1528.862</t>
  </si>
  <si>
    <t>35852.0</t>
  </si>
  <si>
    <t>10078282.0</t>
  </si>
  <si>
    <t>5267382.0</t>
  </si>
  <si>
    <t>4810900.0</t>
  </si>
  <si>
    <t>14237452.0</t>
  </si>
  <si>
    <t>1532.392</t>
  </si>
  <si>
    <t>10105198.0</t>
  </si>
  <si>
    <t>5275597.0</t>
  </si>
  <si>
    <t>4829601.0</t>
  </si>
  <si>
    <t>26916.0</t>
  </si>
  <si>
    <t>21736.0</t>
  </si>
  <si>
    <t>20.002</t>
  </si>
  <si>
    <t>14269779.0</t>
  </si>
  <si>
    <t>32327.0</t>
  </si>
  <si>
    <t>1535.871</t>
  </si>
  <si>
    <t>10116271.0</t>
  </si>
  <si>
    <t>5278539.0</t>
  </si>
  <si>
    <t>20815.0</t>
  </si>
  <si>
    <t>14281549.0</t>
  </si>
  <si>
    <t>1537.138</t>
  </si>
  <si>
    <t>10120686.0</t>
  </si>
  <si>
    <t>5279972.0</t>
  </si>
  <si>
    <t>4840714.0</t>
  </si>
  <si>
    <t>14312218.0</t>
  </si>
  <si>
    <t>30669.0</t>
  </si>
  <si>
    <t>1540.439</t>
  </si>
  <si>
    <t>10153136.0</t>
  </si>
  <si>
    <t>5289590.0</t>
  </si>
  <si>
    <t>4863546.0</t>
  </si>
  <si>
    <t>32450.0</t>
  </si>
  <si>
    <t>24255.0</t>
  </si>
  <si>
    <t>4166.1</t>
  </si>
  <si>
    <t>440.903799343846</t>
  </si>
  <si>
    <t>14361234.0</t>
  </si>
  <si>
    <t>1545.715</t>
  </si>
  <si>
    <t>10184774.0</t>
  </si>
  <si>
    <t>5299953.0</t>
  </si>
  <si>
    <t>4884821.0</t>
  </si>
  <si>
    <t>14411015.0</t>
  </si>
  <si>
    <t>1551.073</t>
  </si>
  <si>
    <t>34729.0</t>
  </si>
  <si>
    <t>10210597.0</t>
  </si>
  <si>
    <t>5308983.0</t>
  </si>
  <si>
    <t>4901614.0</t>
  </si>
  <si>
    <t>54.503</t>
  </si>
  <si>
    <t>14456384.0</t>
  </si>
  <si>
    <t>1555.956</t>
  </si>
  <si>
    <t>10234838.0</t>
  </si>
  <si>
    <t>5317913.0</t>
  </si>
  <si>
    <t>4916925.0</t>
  </si>
  <si>
    <t>22365.0</t>
  </si>
  <si>
    <t>108.32</t>
  </si>
  <si>
    <t>14493048.0</t>
  </si>
  <si>
    <t>1559.902</t>
  </si>
  <si>
    <t>36514.0</t>
  </si>
  <si>
    <t>10261284.0</t>
  </si>
  <si>
    <t>5327342.0</t>
  </si>
  <si>
    <t>4933942.0</t>
  </si>
  <si>
    <t>26446.0</t>
  </si>
  <si>
    <t>14528056.0</t>
  </si>
  <si>
    <t>35008.0</t>
  </si>
  <si>
    <t>1563.67</t>
  </si>
  <si>
    <t>10271149.0</t>
  </si>
  <si>
    <t>5330949.0</t>
  </si>
  <si>
    <t>4940200.0</t>
  </si>
  <si>
    <t>14538927.0</t>
  </si>
  <si>
    <t>1564.84</t>
  </si>
  <si>
    <t>36768.0</t>
  </si>
  <si>
    <t>10276303.0</t>
  </si>
  <si>
    <t>5332583.0</t>
  </si>
  <si>
    <t>4943720.0</t>
  </si>
  <si>
    <t>108.76</t>
  </si>
  <si>
    <t>14570496.0</t>
  </si>
  <si>
    <t>31569.0</t>
  </si>
  <si>
    <t>1568.238</t>
  </si>
  <si>
    <t>10299596.0</t>
  </si>
  <si>
    <t>5341628.0</t>
  </si>
  <si>
    <t>4957968.0</t>
  </si>
  <si>
    <t>20923.0</t>
  </si>
  <si>
    <t>4274.9</t>
  </si>
  <si>
    <t>452.418245316965</t>
  </si>
  <si>
    <t>14619739.0</t>
  </si>
  <si>
    <t>1573.538</t>
  </si>
  <si>
    <t>10321765.0</t>
  </si>
  <si>
    <t>5350563.0</t>
  </si>
  <si>
    <t>4971202.0</t>
  </si>
  <si>
    <t>22169.0</t>
  </si>
  <si>
    <t>14679035.0</t>
  </si>
  <si>
    <t>59296.0</t>
  </si>
  <si>
    <t>1579.92</t>
  </si>
  <si>
    <t>6.382</t>
  </si>
  <si>
    <t>10332565.0</t>
  </si>
  <si>
    <t>5356404.0</t>
  </si>
  <si>
    <t>4976161.0</t>
  </si>
  <si>
    <t>109.35</t>
  </si>
  <si>
    <t>14725819.0</t>
  </si>
  <si>
    <t>46784.0</t>
  </si>
  <si>
    <t>1584.955</t>
  </si>
  <si>
    <t>38491.0</t>
  </si>
  <si>
    <t>10341526.0</t>
  </si>
  <si>
    <t>5360055.0</t>
  </si>
  <si>
    <t>4981471.0</t>
  </si>
  <si>
    <t>14739643.0</t>
  </si>
  <si>
    <t>1586.443</t>
  </si>
  <si>
    <t>10342805.0</t>
  </si>
  <si>
    <t>5360752.0</t>
  </si>
  <si>
    <t>4982053.0</t>
  </si>
  <si>
    <t>109.46</t>
  </si>
  <si>
    <t>14769334.0</t>
  </si>
  <si>
    <t>1589.639</t>
  </si>
  <si>
    <t>10352873.0</t>
  </si>
  <si>
    <t>5364169.0</t>
  </si>
  <si>
    <t>4988704.0</t>
  </si>
  <si>
    <t>109.57</t>
  </si>
  <si>
    <t>14780191.0</t>
  </si>
  <si>
    <t>1590.807</t>
  </si>
  <si>
    <t>10355667.0</t>
  </si>
  <si>
    <t>5364991.0</t>
  </si>
  <si>
    <t>4990676.0</t>
  </si>
  <si>
    <t>14812091.0</t>
  </si>
  <si>
    <t>31900.0</t>
  </si>
  <si>
    <t>1594.241</t>
  </si>
  <si>
    <t>34514.0</t>
  </si>
  <si>
    <t>10370199.0</t>
  </si>
  <si>
    <t>5372090.0</t>
  </si>
  <si>
    <t>4998109.0</t>
  </si>
  <si>
    <t>109.75</t>
  </si>
  <si>
    <t>4334.7</t>
  </si>
  <si>
    <t>458.746957349984</t>
  </si>
  <si>
    <t>11.006</t>
  </si>
  <si>
    <t>14855997.0</t>
  </si>
  <si>
    <t>1598.966</t>
  </si>
  <si>
    <t>33751.0</t>
  </si>
  <si>
    <t>10383739.0</t>
  </si>
  <si>
    <t>5378496.0</t>
  </si>
  <si>
    <t>5005243.0</t>
  </si>
  <si>
    <t>14898981.0</t>
  </si>
  <si>
    <t>1603.593</t>
  </si>
  <si>
    <t>31421.0</t>
  </si>
  <si>
    <t>10396907.0</t>
  </si>
  <si>
    <t>5384777.0</t>
  </si>
  <si>
    <t>5012130.0</t>
  </si>
  <si>
    <t>110.03</t>
  </si>
  <si>
    <t>14937530.0</t>
  </si>
  <si>
    <t>1607.742</t>
  </si>
  <si>
    <t>10410396.0</t>
  </si>
  <si>
    <t>5391158.0</t>
  </si>
  <si>
    <t>5019238.0</t>
  </si>
  <si>
    <t>14968571.0</t>
  </si>
  <si>
    <t>1611.083</t>
  </si>
  <si>
    <t>32704.0</t>
  </si>
  <si>
    <t>10424033.0</t>
  </si>
  <si>
    <t>5397106.0</t>
  </si>
  <si>
    <t>5026927.0</t>
  </si>
  <si>
    <t>110.32</t>
  </si>
  <si>
    <t>15003124.0</t>
  </si>
  <si>
    <t>1614.802</t>
  </si>
  <si>
    <t>33399.0</t>
  </si>
  <si>
    <t>10430189.0</t>
  </si>
  <si>
    <t>5399872.0</t>
  </si>
  <si>
    <t>5030317.0</t>
  </si>
  <si>
    <t>15011706.0</t>
  </si>
  <si>
    <t>1615.726</t>
  </si>
  <si>
    <t>10432246.0</t>
  </si>
  <si>
    <t>5400639.0</t>
  </si>
  <si>
    <t>5031607.0</t>
  </si>
  <si>
    <t>15039272.0</t>
  </si>
  <si>
    <t>1618.692</t>
  </si>
  <si>
    <t>10443998.0</t>
  </si>
  <si>
    <t>5405467.0</t>
  </si>
  <si>
    <t>5038531.0</t>
  </si>
  <si>
    <t>11752.0</t>
  </si>
  <si>
    <t>110.53</t>
  </si>
  <si>
    <t>4353.7</t>
  </si>
  <si>
    <t>460.757752143084</t>
  </si>
  <si>
    <t>15074605.0</t>
  </si>
  <si>
    <t>1622.495</t>
  </si>
  <si>
    <t>10457366.0</t>
  </si>
  <si>
    <t>5410946.0</t>
  </si>
  <si>
    <t>5046420.0</t>
  </si>
  <si>
    <t>24.235</t>
  </si>
  <si>
    <t>15105355.0</t>
  </si>
  <si>
    <t>30750.0</t>
  </si>
  <si>
    <t>1625.805</t>
  </si>
  <si>
    <t>10468497.0</t>
  </si>
  <si>
    <t>5415452.0</t>
  </si>
  <si>
    <t>5053045.0</t>
  </si>
  <si>
    <t>15139772.0</t>
  </si>
  <si>
    <t>1629.509</t>
  </si>
  <si>
    <t>10480331.0</t>
  </si>
  <si>
    <t>5419953.0</t>
  </si>
  <si>
    <t>5060378.0</t>
  </si>
  <si>
    <t>110.91</t>
  </si>
  <si>
    <t>15170892.0</t>
  </si>
  <si>
    <t>1632.859</t>
  </si>
  <si>
    <t>10491999.0</t>
  </si>
  <si>
    <t>5424329.0</t>
  </si>
  <si>
    <t>5067670.0</t>
  </si>
  <si>
    <t>15205689.0</t>
  </si>
  <si>
    <t>1636.604</t>
  </si>
  <si>
    <t>10497123.0</t>
  </si>
  <si>
    <t>5426252.0</t>
  </si>
  <si>
    <t>5070871.0</t>
  </si>
  <si>
    <t>15214707.0</t>
  </si>
  <si>
    <t>1637.575</t>
  </si>
  <si>
    <t>29000.0</t>
  </si>
  <si>
    <t>10498476.0</t>
  </si>
  <si>
    <t>5426710.0</t>
  </si>
  <si>
    <t>5071766.0</t>
  </si>
  <si>
    <t>9461.0</t>
  </si>
  <si>
    <t>15239586.0</t>
  </si>
  <si>
    <t>1640.253</t>
  </si>
  <si>
    <t>10507793.0</t>
  </si>
  <si>
    <t>5429935.0</t>
  </si>
  <si>
    <t>5077858.0</t>
  </si>
  <si>
    <t>4364.1</t>
  </si>
  <si>
    <t>461.858397714044</t>
  </si>
  <si>
    <t>15272315.0</t>
  </si>
  <si>
    <t>32729.0</t>
  </si>
  <si>
    <t>1643.775</t>
  </si>
  <si>
    <t>10517161.0</t>
  </si>
  <si>
    <t>5433470.0</t>
  </si>
  <si>
    <t>5083691.0</t>
  </si>
  <si>
    <t>15305504.0</t>
  </si>
  <si>
    <t>33189.0</t>
  </si>
  <si>
    <t>1647.347</t>
  </si>
  <si>
    <t>10525489.0</t>
  </si>
  <si>
    <t>5437062.0</t>
  </si>
  <si>
    <t>5088427.0</t>
  </si>
  <si>
    <t>15339193.0</t>
  </si>
  <si>
    <t>1650.973</t>
  </si>
  <si>
    <t>3.626</t>
  </si>
  <si>
    <t>28489.0</t>
  </si>
  <si>
    <t>10532873.0</t>
  </si>
  <si>
    <t>5440353.0</t>
  </si>
  <si>
    <t>5092520.0</t>
  </si>
  <si>
    <t>111.47</t>
  </si>
  <si>
    <t>15367171.0</t>
  </si>
  <si>
    <t>1653.985</t>
  </si>
  <si>
    <t>10539659.0</t>
  </si>
  <si>
    <t>5443996.0</t>
  </si>
  <si>
    <t>5095663.0</t>
  </si>
  <si>
    <t>111.54</t>
  </si>
  <si>
    <t>15399647.0</t>
  </si>
  <si>
    <t>32476.0</t>
  </si>
  <si>
    <t>1657.48</t>
  </si>
  <si>
    <t>10544012.0</t>
  </si>
  <si>
    <t>5445841.0</t>
  </si>
  <si>
    <t>5098171.0</t>
  </si>
  <si>
    <t>15409885.0</t>
  </si>
  <si>
    <t>1658.582</t>
  </si>
  <si>
    <t>10544761.0</t>
  </si>
  <si>
    <t>5446083.0</t>
  </si>
  <si>
    <t>5098678.0</t>
  </si>
  <si>
    <t>15432972.0</t>
  </si>
  <si>
    <t>1661.067</t>
  </si>
  <si>
    <t>27627.0</t>
  </si>
  <si>
    <t>10552363.0</t>
  </si>
  <si>
    <t>5448934.0</t>
  </si>
  <si>
    <t>5103429.0</t>
  </si>
  <si>
    <t>463.107207111864</t>
  </si>
  <si>
    <t>15467651.0</t>
  </si>
  <si>
    <t>1664.799</t>
  </si>
  <si>
    <t>27905.0</t>
  </si>
  <si>
    <t>10559972.0</t>
  </si>
  <si>
    <t>5451832.0</t>
  </si>
  <si>
    <t>5108140.0</t>
  </si>
  <si>
    <t>111.76</t>
  </si>
  <si>
    <t>15498631.0</t>
  </si>
  <si>
    <t>1668.134</t>
  </si>
  <si>
    <t>27590.0</t>
  </si>
  <si>
    <t>10566474.0</t>
  </si>
  <si>
    <t>5454454.0</t>
  </si>
  <si>
    <t>5112020.0</t>
  </si>
  <si>
    <t>15526962.0</t>
  </si>
  <si>
    <t>1671.183</t>
  </si>
  <si>
    <t>10571845.0</t>
  </si>
  <si>
    <t>5456485.0</t>
  </si>
  <si>
    <t>5115360.0</t>
  </si>
  <si>
    <t>15547600.0</t>
  </si>
  <si>
    <t>20638.0</t>
  </si>
  <si>
    <t>1673.404</t>
  </si>
  <si>
    <t>10577570.0</t>
  </si>
  <si>
    <t>5458526.0</t>
  </si>
  <si>
    <t>5119044.0</t>
  </si>
  <si>
    <t>15567453.0</t>
  </si>
  <si>
    <t>19853.0</t>
  </si>
  <si>
    <t>1675.541</t>
  </si>
  <si>
    <t>23972.0</t>
  </si>
  <si>
    <t>10580042.0</t>
  </si>
  <si>
    <t>5459504.0</t>
  </si>
  <si>
    <t>5120538.0</t>
  </si>
  <si>
    <t>15572861.0</t>
  </si>
  <si>
    <t>1676.123</t>
  </si>
  <si>
    <t>10580557.0</t>
  </si>
  <si>
    <t>5459760.0</t>
  </si>
  <si>
    <t>5120797.0</t>
  </si>
  <si>
    <t>15587483.0</t>
  </si>
  <si>
    <t>1677.697</t>
  </si>
  <si>
    <t>10582292.0</t>
  </si>
  <si>
    <t>5460289.0</t>
  </si>
  <si>
    <t>5122003.0</t>
  </si>
  <si>
    <t>4433.3</t>
  </si>
  <si>
    <t>469.181924013123</t>
  </si>
  <si>
    <t>15596078.0</t>
  </si>
  <si>
    <t>1678.622</t>
  </si>
  <si>
    <t>10583441.0</t>
  </si>
  <si>
    <t>5460590.0</t>
  </si>
  <si>
    <t>5122851.0</t>
  </si>
  <si>
    <t>15619366.0</t>
  </si>
  <si>
    <t>1681.129</t>
  </si>
  <si>
    <t>10590339.0</t>
  </si>
  <si>
    <t>5462551.0</t>
  </si>
  <si>
    <t>5127788.0</t>
  </si>
  <si>
    <t>15647342.0</t>
  </si>
  <si>
    <t>27976.0</t>
  </si>
  <si>
    <t>1684.14</t>
  </si>
  <si>
    <t>10597612.0</t>
  </si>
  <si>
    <t>5464783.0</t>
  </si>
  <si>
    <t>5132829.0</t>
  </si>
  <si>
    <t>15668898.0</t>
  </si>
  <si>
    <t>1686.46</t>
  </si>
  <si>
    <t>10603803.0</t>
  </si>
  <si>
    <t>5467095.0</t>
  </si>
  <si>
    <t>5136708.0</t>
  </si>
  <si>
    <t>15695493.0</t>
  </si>
  <si>
    <t>1689.322</t>
  </si>
  <si>
    <t>10606411.0</t>
  </si>
  <si>
    <t>5468289.0</t>
  </si>
  <si>
    <t>5138122.0</t>
  </si>
  <si>
    <t>15702318.0</t>
  </si>
  <si>
    <t>1690.057</t>
  </si>
  <si>
    <t>10607013.0</t>
  </si>
  <si>
    <t>5468495.0</t>
  </si>
  <si>
    <t>5138518.0</t>
  </si>
  <si>
    <t>15720385.0</t>
  </si>
  <si>
    <t>1692.001</t>
  </si>
  <si>
    <t>18986.0</t>
  </si>
  <si>
    <t>10612500.0</t>
  </si>
  <si>
    <t>5470766.0</t>
  </si>
  <si>
    <t>5141734.0</t>
  </si>
  <si>
    <t>4478.7</t>
  </si>
  <si>
    <t>473.986665255582</t>
  </si>
  <si>
    <t>15752139.0</t>
  </si>
  <si>
    <t>1695.419</t>
  </si>
  <si>
    <t>10618235.0</t>
  </si>
  <si>
    <t>5472905.0</t>
  </si>
  <si>
    <t>5145330.0</t>
  </si>
  <si>
    <t>15778533.0</t>
  </si>
  <si>
    <t>26394.0</t>
  </si>
  <si>
    <t>1698.26</t>
  </si>
  <si>
    <t>22738.0</t>
  </si>
  <si>
    <t>10622644.0</t>
  </si>
  <si>
    <t>5474727.0</t>
  </si>
  <si>
    <t>5147917.0</t>
  </si>
  <si>
    <t>15804077.0</t>
  </si>
  <si>
    <t>1701.009</t>
  </si>
  <si>
    <t>10626557.0</t>
  </si>
  <si>
    <t>5476137.0</t>
  </si>
  <si>
    <t>5150420.0</t>
  </si>
  <si>
    <t>15831527.0</t>
  </si>
  <si>
    <t>27450.0</t>
  </si>
  <si>
    <t>1703.964</t>
  </si>
  <si>
    <t>10631609.0</t>
  </si>
  <si>
    <t>5478001.0</t>
  </si>
  <si>
    <t>5153608.0</t>
  </si>
  <si>
    <t>15862921.0</t>
  </si>
  <si>
    <t>31394.0</t>
  </si>
  <si>
    <t>1707.343</t>
  </si>
  <si>
    <t>10633806.0</t>
  </si>
  <si>
    <t>5478792.0</t>
  </si>
  <si>
    <t>5155014.0</t>
  </si>
  <si>
    <t>15872102.0</t>
  </si>
  <si>
    <t>1708.331</t>
  </si>
  <si>
    <t>10634221.0</t>
  </si>
  <si>
    <t>5478982.0</t>
  </si>
  <si>
    <t>5155239.0</t>
  </si>
  <si>
    <t>15891600.0</t>
  </si>
  <si>
    <t>1710.429</t>
  </si>
  <si>
    <t>10637802.0</t>
  </si>
  <si>
    <t>5480626.0</t>
  </si>
  <si>
    <t>5157176.0</t>
  </si>
  <si>
    <t>4486.5</t>
  </si>
  <si>
    <t>474.812149433802</t>
  </si>
  <si>
    <t>15916690.0</t>
  </si>
  <si>
    <t>1713.13</t>
  </si>
  <si>
    <t>23507.0</t>
  </si>
  <si>
    <t>10641634.0</t>
  </si>
  <si>
    <t>5482365.0</t>
  </si>
  <si>
    <t>5159269.0</t>
  </si>
  <si>
    <t>15938110.0</t>
  </si>
  <si>
    <t>1715.435</t>
  </si>
  <si>
    <t>22797.0</t>
  </si>
  <si>
    <t>10644842.0</t>
  </si>
  <si>
    <t>5483750.0</t>
  </si>
  <si>
    <t>5161092.0</t>
  </si>
  <si>
    <t>15955011.0</t>
  </si>
  <si>
    <t>1717.254</t>
  </si>
  <si>
    <t>10647963.0</t>
  </si>
  <si>
    <t>5485263.0</t>
  </si>
  <si>
    <t>5162700.0</t>
  </si>
  <si>
    <t>15970568.0</t>
  </si>
  <si>
    <t>1718.929</t>
  </si>
  <si>
    <t>10651142.0</t>
  </si>
  <si>
    <t>5486949.0</t>
  </si>
  <si>
    <t>5164193.0</t>
  </si>
  <si>
    <t>15988395.0</t>
  </si>
  <si>
    <t>1720.848</t>
  </si>
  <si>
    <t>10653027.0</t>
  </si>
  <si>
    <t>5488050.0</t>
  </si>
  <si>
    <t>5164977.0</t>
  </si>
  <si>
    <t>15995636.0</t>
  </si>
  <si>
    <t>1721.627</t>
  </si>
  <si>
    <t>10653370.0</t>
  </si>
  <si>
    <t>5488234.0</t>
  </si>
  <si>
    <t>5165136.0</t>
  </si>
  <si>
    <t>16011484.0</t>
  </si>
  <si>
    <t>1723.333</t>
  </si>
  <si>
    <t>10658664.0</t>
  </si>
  <si>
    <t>5492526.0</t>
  </si>
  <si>
    <t>5166138.0</t>
  </si>
  <si>
    <t>4464.1</t>
  </si>
  <si>
    <t>472.441528204043</t>
  </si>
  <si>
    <t>16034260.0</t>
  </si>
  <si>
    <t>1725.784</t>
  </si>
  <si>
    <t>10663915.0</t>
  </si>
  <si>
    <t>5496964.0</t>
  </si>
  <si>
    <t>5166951.0</t>
  </si>
  <si>
    <t>16055274.0</t>
  </si>
  <si>
    <t>1728.046</t>
  </si>
  <si>
    <t>10668828.0</t>
  </si>
  <si>
    <t>5500703.0</t>
  </si>
  <si>
    <t>5168125.0</t>
  </si>
  <si>
    <t>112.91</t>
  </si>
  <si>
    <t>16072033.0</t>
  </si>
  <si>
    <t>1729.85</t>
  </si>
  <si>
    <t>10673772.0</t>
  </si>
  <si>
    <t>5504318.0</t>
  </si>
  <si>
    <t>5169454.0</t>
  </si>
  <si>
    <t>16089575.0</t>
  </si>
  <si>
    <t>1731.738</t>
  </si>
  <si>
    <t>17001.0</t>
  </si>
  <si>
    <t>10678433.0</t>
  </si>
  <si>
    <t>5507679.0</t>
  </si>
  <si>
    <t>5170754.0</t>
  </si>
  <si>
    <t>16106766.0</t>
  </si>
  <si>
    <t>1733.588</t>
  </si>
  <si>
    <t>10680420.0</t>
  </si>
  <si>
    <t>5509078.0</t>
  </si>
  <si>
    <t>5171342.0</t>
  </si>
  <si>
    <t>16117131.0</t>
  </si>
  <si>
    <t>1734.704</t>
  </si>
  <si>
    <t>10680812.0</t>
  </si>
  <si>
    <t>5509297.0</t>
  </si>
  <si>
    <t>5171515.0</t>
  </si>
  <si>
    <t>16135419.0</t>
  </si>
  <si>
    <t>1736.672</t>
  </si>
  <si>
    <t>10685173.0</t>
  </si>
  <si>
    <t>5512398.0</t>
  </si>
  <si>
    <t>5172775.0</t>
  </si>
  <si>
    <t>4442.5</t>
  </si>
  <si>
    <t>470.155572018203</t>
  </si>
  <si>
    <t>16161115.0</t>
  </si>
  <si>
    <t>1739.438</t>
  </si>
  <si>
    <t>10689761.0</t>
  </si>
  <si>
    <t>5515455.0</t>
  </si>
  <si>
    <t>5174306.0</t>
  </si>
  <si>
    <t>16183095.0</t>
  </si>
  <si>
    <t>1741.803</t>
  </si>
  <si>
    <t>18260.0</t>
  </si>
  <si>
    <t>10694273.0</t>
  </si>
  <si>
    <t>5518592.0</t>
  </si>
  <si>
    <t>5175681.0</t>
  </si>
  <si>
    <t>16201170.0</t>
  </si>
  <si>
    <t>1743.749</t>
  </si>
  <si>
    <t>10698005.0</t>
  </si>
  <si>
    <t>5521323.0</t>
  </si>
  <si>
    <t>5176682.0</t>
  </si>
  <si>
    <t>113.22</t>
  </si>
  <si>
    <t>16217223.0</t>
  </si>
  <si>
    <t>1745.477</t>
  </si>
  <si>
    <t>10701944.0</t>
  </si>
  <si>
    <t>5524055.0</t>
  </si>
  <si>
    <t>5177889.0</t>
  </si>
  <si>
    <t>16236209.0</t>
  </si>
  <si>
    <t>1747.52</t>
  </si>
  <si>
    <t>10703717.0</t>
  </si>
  <si>
    <t>5525322.0</t>
  </si>
  <si>
    <t>5178395.0</t>
  </si>
  <si>
    <t>16248215.0</t>
  </si>
  <si>
    <t>12006.0</t>
  </si>
  <si>
    <t>1748.812</t>
  </si>
  <si>
    <t>10704098.0</t>
  </si>
  <si>
    <t>5525564.0</t>
  </si>
  <si>
    <t>5178534.0</t>
  </si>
  <si>
    <t>16270625.0</t>
  </si>
  <si>
    <t>1751.224</t>
  </si>
  <si>
    <t>19315.0</t>
  </si>
  <si>
    <t>10708744.0</t>
  </si>
  <si>
    <t>5528880.0</t>
  </si>
  <si>
    <t>5179864.0</t>
  </si>
  <si>
    <t>16301938.0</t>
  </si>
  <si>
    <t>1754.595</t>
  </si>
  <si>
    <t>10715206.0</t>
  </si>
  <si>
    <t>5534125.0</t>
  </si>
  <si>
    <t>5181081.0</t>
  </si>
  <si>
    <t>16330557.0</t>
  </si>
  <si>
    <t>28619.0</t>
  </si>
  <si>
    <t>1757.675</t>
  </si>
  <si>
    <t>21066.0</t>
  </si>
  <si>
    <t>10723238.0</t>
  </si>
  <si>
    <t>5541058.0</t>
  </si>
  <si>
    <t>5182180.0</t>
  </si>
  <si>
    <t>113.49</t>
  </si>
  <si>
    <t>16358403.0</t>
  </si>
  <si>
    <t>1760.672</t>
  </si>
  <si>
    <t>10735297.0</t>
  </si>
  <si>
    <t>5551813.0</t>
  </si>
  <si>
    <t>5183484.0</t>
  </si>
  <si>
    <t>113.61</t>
  </si>
  <si>
    <t>16386093.0</t>
  </si>
  <si>
    <t>27690.0</t>
  </si>
  <si>
    <t>1763.652</t>
  </si>
  <si>
    <t>24124.0</t>
  </si>
  <si>
    <t>10748812.0</t>
  </si>
  <si>
    <t>5563862.0</t>
  </si>
  <si>
    <t>5184950.0</t>
  </si>
  <si>
    <t>16423991.0</t>
  </si>
  <si>
    <t>37898.0</t>
  </si>
  <si>
    <t>1767.731</t>
  </si>
  <si>
    <t>10756871.0</t>
  </si>
  <si>
    <t>5570977.0</t>
  </si>
  <si>
    <t>5185894.0</t>
  </si>
  <si>
    <t>16444385.0</t>
  </si>
  <si>
    <t>1769.926</t>
  </si>
  <si>
    <t>10759345.0</t>
  </si>
  <si>
    <t>5573251.0</t>
  </si>
  <si>
    <t>5186094.0</t>
  </si>
  <si>
    <t>16473460.0</t>
  </si>
  <si>
    <t>29075.0</t>
  </si>
  <si>
    <t>1773.056</t>
  </si>
  <si>
    <t>10776412.0</t>
  </si>
  <si>
    <t>5586882.0</t>
  </si>
  <si>
    <t>5189530.0</t>
  </si>
  <si>
    <t>4534.9</t>
  </si>
  <si>
    <t>479.934384590962</t>
  </si>
  <si>
    <t>16518187.0</t>
  </si>
  <si>
    <t>44727.0</t>
  </si>
  <si>
    <t>1777.87</t>
  </si>
  <si>
    <t>10794605.0</t>
  </si>
  <si>
    <t>5601400.0</t>
  </si>
  <si>
    <t>5193205.0</t>
  </si>
  <si>
    <t>114.24</t>
  </si>
  <si>
    <t>9611.0</t>
  </si>
  <si>
    <t>16562712.0</t>
  </si>
  <si>
    <t>44525.0</t>
  </si>
  <si>
    <t>1782.662</t>
  </si>
  <si>
    <t>10815058.0</t>
  </si>
  <si>
    <t>5618110.0</t>
  </si>
  <si>
    <t>5196948.0</t>
  </si>
  <si>
    <t>16603342.0</t>
  </si>
  <si>
    <t>1787.035</t>
  </si>
  <si>
    <t>34991.0</t>
  </si>
  <si>
    <t>10834939.0</t>
  </si>
  <si>
    <t>5634595.0</t>
  </si>
  <si>
    <t>5200344.0</t>
  </si>
  <si>
    <t>16646230.0</t>
  </si>
  <si>
    <t>42888.0</t>
  </si>
  <si>
    <t>1791.651</t>
  </si>
  <si>
    <t>10855275.0</t>
  </si>
  <si>
    <t>5651433.0</t>
  </si>
  <si>
    <t>5203721.0</t>
  </si>
  <si>
    <t>20336.0</t>
  </si>
  <si>
    <t>16693620.0</t>
  </si>
  <si>
    <t>47390.0</t>
  </si>
  <si>
    <t>1796.752</t>
  </si>
  <si>
    <t>38518.0</t>
  </si>
  <si>
    <t>10866724.0</t>
  </si>
  <si>
    <t>5661269.0</t>
  </si>
  <si>
    <t>5205327.0</t>
  </si>
  <si>
    <t>16719219.0</t>
  </si>
  <si>
    <t>1799.507</t>
  </si>
  <si>
    <t>10869698.0</t>
  </si>
  <si>
    <t>5663946.0</t>
  </si>
  <si>
    <t>5205623.0</t>
  </si>
  <si>
    <t>16752675.0</t>
  </si>
  <si>
    <t>33456.0</t>
  </si>
  <si>
    <t>1803.108</t>
  </si>
  <si>
    <t>10890596.0</t>
  </si>
  <si>
    <t>5681681.0</t>
  </si>
  <si>
    <t>5208784.0</t>
  </si>
  <si>
    <t>115.26</t>
  </si>
  <si>
    <t>4584.7</t>
  </si>
  <si>
    <t>485.204783574981</t>
  </si>
  <si>
    <t>16804489.0</t>
  </si>
  <si>
    <t>1808.685</t>
  </si>
  <si>
    <t>10911499.0</t>
  </si>
  <si>
    <t>5699531.0</t>
  </si>
  <si>
    <t>5211830.0</t>
  </si>
  <si>
    <t>14019.0</t>
  </si>
  <si>
    <t>16861284.0</t>
  </si>
  <si>
    <t>1814.798</t>
  </si>
  <si>
    <t>6.113</t>
  </si>
  <si>
    <t>42653.0</t>
  </si>
  <si>
    <t>10932766.0</t>
  </si>
  <si>
    <t>5717378.0</t>
  </si>
  <si>
    <t>5215239.0</t>
  </si>
  <si>
    <t>21267.0</t>
  </si>
  <si>
    <t>16913324.0</t>
  </si>
  <si>
    <t>1820.399</t>
  </si>
  <si>
    <t>44283.0</t>
  </si>
  <si>
    <t>10951008.0</t>
  </si>
  <si>
    <t>5732907.0</t>
  </si>
  <si>
    <t>5217940.0</t>
  </si>
  <si>
    <t>16962596.0</t>
  </si>
  <si>
    <t>1825.702</t>
  </si>
  <si>
    <t>5.303</t>
  </si>
  <si>
    <t>10970492.0</t>
  </si>
  <si>
    <t>5749494.0</t>
  </si>
  <si>
    <t>5220820.0</t>
  </si>
  <si>
    <t>17021668.0</t>
  </si>
  <si>
    <t>59072.0</t>
  </si>
  <si>
    <t>1832.06</t>
  </si>
  <si>
    <t>46864.0</t>
  </si>
  <si>
    <t>10983156.0</t>
  </si>
  <si>
    <t>5760619.0</t>
  </si>
  <si>
    <t>5222355.0</t>
  </si>
  <si>
    <t>14193.0</t>
  </si>
  <si>
    <t>17053917.0</t>
  </si>
  <si>
    <t>1835.531</t>
  </si>
  <si>
    <t>10988538.0</t>
  </si>
  <si>
    <t>5765606.0</t>
  </si>
  <si>
    <t>5222744.0</t>
  </si>
  <si>
    <t>116.29</t>
  </si>
  <si>
    <t>17094422.0</t>
  </si>
  <si>
    <t>1839.89</t>
  </si>
  <si>
    <t>10992850.0</t>
  </si>
  <si>
    <t>5767062.0</t>
  </si>
  <si>
    <t>5225592.0</t>
  </si>
  <si>
    <t>4619.1</t>
  </si>
  <si>
    <t>488.845380463541</t>
  </si>
  <si>
    <t>17153353.0</t>
  </si>
  <si>
    <t>58931.0</t>
  </si>
  <si>
    <t>1846.233</t>
  </si>
  <si>
    <t>5.364</t>
  </si>
  <si>
    <t>10999023.0</t>
  </si>
  <si>
    <t>5769488.0</t>
  </si>
  <si>
    <t>5229283.0</t>
  </si>
  <si>
    <t>17211980.0</t>
  </si>
  <si>
    <t>58627.0</t>
  </si>
  <si>
    <t>1852.543</t>
  </si>
  <si>
    <t>11007570.0</t>
  </si>
  <si>
    <t>5772453.0</t>
  </si>
  <si>
    <t>5234741.0</t>
  </si>
  <si>
    <t>17271246.0</t>
  </si>
  <si>
    <t>59266.0</t>
  </si>
  <si>
    <t>1858.922</t>
  </si>
  <si>
    <t>6.379</t>
  </si>
  <si>
    <t>11018290.0</t>
  </si>
  <si>
    <t>5775200.0</t>
  </si>
  <si>
    <t>5242273.0</t>
  </si>
  <si>
    <t>116.61</t>
  </si>
  <si>
    <t>17331310.0</t>
  </si>
  <si>
    <t>1865.387</t>
  </si>
  <si>
    <t>52673.0</t>
  </si>
  <si>
    <t>11030969.0</t>
  </si>
  <si>
    <t>5778206.0</t>
  </si>
  <si>
    <t>5251572.0</t>
  </si>
  <si>
    <t>8640.0</t>
  </si>
  <si>
    <t>17406197.0</t>
  </si>
  <si>
    <t>74887.0</t>
  </si>
  <si>
    <t>1873.447</t>
  </si>
  <si>
    <t>11038229.0</t>
  </si>
  <si>
    <t>5779502.0</t>
  </si>
  <si>
    <t>5257470.0</t>
  </si>
  <si>
    <t>17437134.0</t>
  </si>
  <si>
    <t>1876.777</t>
  </si>
  <si>
    <t>11039998.0</t>
  </si>
  <si>
    <t>5779872.0</t>
  </si>
  <si>
    <t>5258861.0</t>
  </si>
  <si>
    <t>17489014.0</t>
  </si>
  <si>
    <t>1882.361</t>
  </si>
  <si>
    <t>56370.0</t>
  </si>
  <si>
    <t>11052074.0</t>
  </si>
  <si>
    <t>5268629.0</t>
  </si>
  <si>
    <t>4578.1</t>
  </si>
  <si>
    <t>484.506296962641</t>
  </si>
  <si>
    <t>17568847.0</t>
  </si>
  <si>
    <t>79833.0</t>
  </si>
  <si>
    <t>1890.953</t>
  </si>
  <si>
    <t>8.593</t>
  </si>
  <si>
    <t>59356.0</t>
  </si>
  <si>
    <t>11067090.0</t>
  </si>
  <si>
    <t>5785155.0</t>
  </si>
  <si>
    <t>5279974.0</t>
  </si>
  <si>
    <t>17653344.0</t>
  </si>
  <si>
    <t>84497.0</t>
  </si>
  <si>
    <t>1900.048</t>
  </si>
  <si>
    <t>9.095</t>
  </si>
  <si>
    <t>63052.0</t>
  </si>
  <si>
    <t>11082062.0</t>
  </si>
  <si>
    <t>5787842.0</t>
  </si>
  <si>
    <t>5291886.0</t>
  </si>
  <si>
    <t>17733164.0</t>
  </si>
  <si>
    <t>79820.0</t>
  </si>
  <si>
    <t>1908.639</t>
  </si>
  <si>
    <t>65988.0</t>
  </si>
  <si>
    <t>11096672.0</t>
  </si>
  <si>
    <t>5790247.0</t>
  </si>
  <si>
    <t>5303766.0</t>
  </si>
  <si>
    <t>117.44</t>
  </si>
  <si>
    <t>17807414.0</t>
  </si>
  <si>
    <t>74250.0</t>
  </si>
  <si>
    <t>1916.631</t>
  </si>
  <si>
    <t>7.992</t>
  </si>
  <si>
    <t>68015.0</t>
  </si>
  <si>
    <t>7.321</t>
  </si>
  <si>
    <t>11113216.0</t>
  </si>
  <si>
    <t>5793123.0</t>
  </si>
  <si>
    <t>5317043.0</t>
  </si>
  <si>
    <t>117.61</t>
  </si>
  <si>
    <t>17898529.0</t>
  </si>
  <si>
    <t>91115.0</t>
  </si>
  <si>
    <t>1926.437</t>
  </si>
  <si>
    <t>11123608.0</t>
  </si>
  <si>
    <t>5795159.0</t>
  </si>
  <si>
    <t>5325293.0</t>
  </si>
  <si>
    <t>17954618.0</t>
  </si>
  <si>
    <t>1932.474</t>
  </si>
  <si>
    <t>73926.0</t>
  </si>
  <si>
    <t>7.957</t>
  </si>
  <si>
    <t>11125743.0</t>
  </si>
  <si>
    <t>5795802.0</t>
  </si>
  <si>
    <t>5326778.0</t>
  </si>
  <si>
    <t>18022635.0</t>
  </si>
  <si>
    <t>68017.0</t>
  </si>
  <si>
    <t>1939.795</t>
  </si>
  <si>
    <t>11145879.0</t>
  </si>
  <si>
    <t>5800218.0</t>
  </si>
  <si>
    <t>5342275.0</t>
  </si>
  <si>
    <t>4691.5</t>
  </si>
  <si>
    <t>496.5075669383</t>
  </si>
  <si>
    <t>18119844.0</t>
  </si>
  <si>
    <t>1950.258</t>
  </si>
  <si>
    <t>10.463</t>
  </si>
  <si>
    <t>78714.0</t>
  </si>
  <si>
    <t>8.472</t>
  </si>
  <si>
    <t>11164907.0</t>
  </si>
  <si>
    <t>5805388.0</t>
  </si>
  <si>
    <t>5355808.0</t>
  </si>
  <si>
    <t>18219953.0</t>
  </si>
  <si>
    <t>100109.0</t>
  </si>
  <si>
    <t>1961.033</t>
  </si>
  <si>
    <t>80944.0</t>
  </si>
  <si>
    <t>11184391.0</t>
  </si>
  <si>
    <t>5810880.0</t>
  </si>
  <si>
    <t>5369386.0</t>
  </si>
  <si>
    <t>18317462.0</t>
  </si>
  <si>
    <t>97509.0</t>
  </si>
  <si>
    <t>1971.527</t>
  </si>
  <si>
    <t>83471.0</t>
  </si>
  <si>
    <t>11201195.0</t>
  </si>
  <si>
    <t>5814869.0</t>
  </si>
  <si>
    <t>5381729.0</t>
  </si>
  <si>
    <t>18412998.0</t>
  </si>
  <si>
    <t>95536.0</t>
  </si>
  <si>
    <t>1981.81</t>
  </si>
  <si>
    <t>86512.0</t>
  </si>
  <si>
    <t>11220590.0</t>
  </si>
  <si>
    <t>5819533.0</t>
  </si>
  <si>
    <t>5395928.0</t>
  </si>
  <si>
    <t>18516819.0</t>
  </si>
  <si>
    <t>103821.0</t>
  </si>
  <si>
    <t>1992.985</t>
  </si>
  <si>
    <t>88327.0</t>
  </si>
  <si>
    <t>11238220.0</t>
  </si>
  <si>
    <t>5822186.0</t>
  </si>
  <si>
    <t>5406783.0</t>
  </si>
  <si>
    <t>18586083.0</t>
  </si>
  <si>
    <t>69264.0</t>
  </si>
  <si>
    <t>2000.439</t>
  </si>
  <si>
    <t>7.455</t>
  </si>
  <si>
    <t>9.709</t>
  </si>
  <si>
    <t>11249338.0</t>
  </si>
  <si>
    <t>5823592.0</t>
  </si>
  <si>
    <t>5410336.0</t>
  </si>
  <si>
    <t>18661230.0</t>
  </si>
  <si>
    <t>75147.0</t>
  </si>
  <si>
    <t>2008.528</t>
  </si>
  <si>
    <t>91228.0</t>
  </si>
  <si>
    <t>11286826.0</t>
  </si>
  <si>
    <t>5826669.0</t>
  </si>
  <si>
    <t>5413700.0</t>
  </si>
  <si>
    <t>46457.0</t>
  </si>
  <si>
    <t>37488.0</t>
  </si>
  <si>
    <t>20135.0</t>
  </si>
  <si>
    <t>4759.1</t>
  </si>
  <si>
    <t>503.66176314954</t>
  </si>
  <si>
    <t>61.488</t>
  </si>
  <si>
    <t>18769056.0</t>
  </si>
  <si>
    <t>107826.0</t>
  </si>
  <si>
    <t>2020.133</t>
  </si>
  <si>
    <t>92745.0</t>
  </si>
  <si>
    <t>11351646.0</t>
  </si>
  <si>
    <t>5829801.0</t>
  </si>
  <si>
    <t>5416874.0</t>
  </si>
  <si>
    <t>104971.0</t>
  </si>
  <si>
    <t>18870124.0</t>
  </si>
  <si>
    <t>2031.011</t>
  </si>
  <si>
    <t>92882.0</t>
  </si>
  <si>
    <t>11437312.0</t>
  </si>
  <si>
    <t>5833186.0</t>
  </si>
  <si>
    <t>5420202.0</t>
  </si>
  <si>
    <t>85666.0</t>
  </si>
  <si>
    <t>121.04</t>
  </si>
  <si>
    <t>18979872.0</t>
  </si>
  <si>
    <t>109748.0</t>
  </si>
  <si>
    <t>2042.823</t>
  </si>
  <si>
    <t>11524862.0</t>
  </si>
  <si>
    <t>5836717.0</t>
  </si>
  <si>
    <t>5423457.0</t>
  </si>
  <si>
    <t>264688.0</t>
  </si>
  <si>
    <t>46238.0</t>
  </si>
  <si>
    <t>19087465.0</t>
  </si>
  <si>
    <t>107593.0</t>
  </si>
  <si>
    <t>2054.404</t>
  </si>
  <si>
    <t>96352.0</t>
  </si>
  <si>
    <t>11621386.0</t>
  </si>
  <si>
    <t>5841230.0</t>
  </si>
  <si>
    <t>5427026.0</t>
  </si>
  <si>
    <t>353130.0</t>
  </si>
  <si>
    <t>122.99</t>
  </si>
  <si>
    <t>77.045</t>
  </si>
  <si>
    <t>19195111.0</t>
  </si>
  <si>
    <t>107646.0</t>
  </si>
  <si>
    <t>2065.99</t>
  </si>
  <si>
    <t>11.586</t>
  </si>
  <si>
    <t>10.429</t>
  </si>
  <si>
    <t>11670426.0</t>
  </si>
  <si>
    <t>5843666.0</t>
  </si>
  <si>
    <t>397874.0</t>
  </si>
  <si>
    <t>49040.0</t>
  </si>
  <si>
    <t>19274706.0</t>
  </si>
  <si>
    <t>79595.0</t>
  </si>
  <si>
    <t>2074.557</t>
  </si>
  <si>
    <t>8.567</t>
  </si>
  <si>
    <t>98375.0</t>
  </si>
  <si>
    <t>11699510.0</t>
  </si>
  <si>
    <t>5844699.0</t>
  </si>
  <si>
    <t>5429584.0</t>
  </si>
  <si>
    <t>425227.0</t>
  </si>
  <si>
    <t>29084.0</t>
  </si>
  <si>
    <t>64310.0</t>
  </si>
  <si>
    <t>19359351.0</t>
  </si>
  <si>
    <t>84645.0</t>
  </si>
  <si>
    <t>2083.667</t>
  </si>
  <si>
    <t>99732.0</t>
  </si>
  <si>
    <t>11787668.0</t>
  </si>
  <si>
    <t>5849688.0</t>
  </si>
  <si>
    <t>5432666.0</t>
  </si>
  <si>
    <t>505314.0</t>
  </si>
  <si>
    <t>88158.0</t>
  </si>
  <si>
    <t>71549.0</t>
  </si>
  <si>
    <t>4909.1</t>
  </si>
  <si>
    <t>519.536458884538</t>
  </si>
  <si>
    <t>19491311.0</t>
  </si>
  <si>
    <t>131960.0</t>
  </si>
  <si>
    <t>2097.87</t>
  </si>
  <si>
    <t>14.203</t>
  </si>
  <si>
    <t>11872558.0</t>
  </si>
  <si>
    <t>5855028.0</t>
  </si>
  <si>
    <t>5435727.0</t>
  </si>
  <si>
    <t>581803.0</t>
  </si>
  <si>
    <t>74416.0</t>
  </si>
  <si>
    <t>19616651.0</t>
  </si>
  <si>
    <t>125340.0</t>
  </si>
  <si>
    <t>2111.361</t>
  </si>
  <si>
    <t>11956740.0</t>
  </si>
  <si>
    <t>5860580.0</t>
  </si>
  <si>
    <t>5438930.0</t>
  </si>
  <si>
    <t>657230.0</t>
  </si>
  <si>
    <t>84182.0</t>
  </si>
  <si>
    <t>74204.0</t>
  </si>
  <si>
    <t>104.879</t>
  </si>
  <si>
    <t>19748240.0</t>
  </si>
  <si>
    <t>131589.0</t>
  </si>
  <si>
    <t>2125.524</t>
  </si>
  <si>
    <t>14.163</t>
  </si>
  <si>
    <t>109767.0</t>
  </si>
  <si>
    <t>12028020.0</t>
  </si>
  <si>
    <t>5866275.0</t>
  </si>
  <si>
    <t>5441876.0</t>
  </si>
  <si>
    <t>719869.0</t>
  </si>
  <si>
    <t>71280.0</t>
  </si>
  <si>
    <t>19871313.0</t>
  </si>
  <si>
    <t>123073.0</t>
  </si>
  <si>
    <t>2138.77</t>
  </si>
  <si>
    <t>111978.0</t>
  </si>
  <si>
    <t>12.052</t>
  </si>
  <si>
    <t>12097810.0</t>
  </si>
  <si>
    <t>5873315.0</t>
  </si>
  <si>
    <t>5445164.0</t>
  </si>
  <si>
    <t>779331.0</t>
  </si>
  <si>
    <t>69790.0</t>
  </si>
  <si>
    <t>68061.0</t>
  </si>
  <si>
    <t>19993189.0</t>
  </si>
  <si>
    <t>2151.888</t>
  </si>
  <si>
    <t>114011.0</t>
  </si>
  <si>
    <t>12147571.0</t>
  </si>
  <si>
    <t>5877135.0</t>
  </si>
  <si>
    <t>5447236.0</t>
  </si>
  <si>
    <t>823200.0</t>
  </si>
  <si>
    <t>49761.0</t>
  </si>
  <si>
    <t>20072230.0</t>
  </si>
  <si>
    <t>79041.0</t>
  </si>
  <si>
    <t>2160.395</t>
  </si>
  <si>
    <t>8.507</t>
  </si>
  <si>
    <t>113932.0</t>
  </si>
  <si>
    <t>12195159.0</t>
  </si>
  <si>
    <t>5879387.0</t>
  </si>
  <si>
    <t>5448086.0</t>
  </si>
  <si>
    <t>47588.0</t>
  </si>
  <si>
    <t>20157851.0</t>
  </si>
  <si>
    <t>85621.0</t>
  </si>
  <si>
    <t>2169.61</t>
  </si>
  <si>
    <t>12304817.0</t>
  </si>
  <si>
    <t>5886531.0</t>
  </si>
  <si>
    <t>5452617.0</t>
  </si>
  <si>
    <t>965669.0</t>
  </si>
  <si>
    <t>109658.0</t>
  </si>
  <si>
    <t>73878.0</t>
  </si>
  <si>
    <t>5113.9</t>
  </si>
  <si>
    <t>541.210710128056</t>
  </si>
  <si>
    <t>20299957.0</t>
  </si>
  <si>
    <t>142106.0</t>
  </si>
  <si>
    <t>2184.905</t>
  </si>
  <si>
    <t>115521.0</t>
  </si>
  <si>
    <t>12406076.0</t>
  </si>
  <si>
    <t>5893522.0</t>
  </si>
  <si>
    <t>5457364.0</t>
  </si>
  <si>
    <t>1055190.0</t>
  </si>
  <si>
    <t>101259.0</t>
  </si>
  <si>
    <t>76217.0</t>
  </si>
  <si>
    <t>20443326.0</t>
  </si>
  <si>
    <t>143369.0</t>
  </si>
  <si>
    <t>2200.336</t>
  </si>
  <si>
    <t>15.431</t>
  </si>
  <si>
    <t>118096.0</t>
  </si>
  <si>
    <t>12.711</t>
  </si>
  <si>
    <t>12502102.0</t>
  </si>
  <si>
    <t>5901094.0</t>
  </si>
  <si>
    <t>5462498.0</t>
  </si>
  <si>
    <t>1138510.0</t>
  </si>
  <si>
    <t>77909.0</t>
  </si>
  <si>
    <t>20589305.0</t>
  </si>
  <si>
    <t>145979.0</t>
  </si>
  <si>
    <t>2216.048</t>
  </si>
  <si>
    <t>15.712</t>
  </si>
  <si>
    <t>120152.0</t>
  </si>
  <si>
    <t>12.932</t>
  </si>
  <si>
    <t>12584615.0</t>
  </si>
  <si>
    <t>5909737.0</t>
  </si>
  <si>
    <t>5467101.0</t>
  </si>
  <si>
    <t>1207777.0</t>
  </si>
  <si>
    <t>82513.0</t>
  </si>
  <si>
    <t>79514.0</t>
  </si>
  <si>
    <t>20731123.0</t>
  </si>
  <si>
    <t>141818.0</t>
  </si>
  <si>
    <t>2231.312</t>
  </si>
  <si>
    <t>122830.0</t>
  </si>
  <si>
    <t>12665885.0</t>
  </si>
  <si>
    <t>5919817.0</t>
  </si>
  <si>
    <t>5472317.0</t>
  </si>
  <si>
    <t>1273751.0</t>
  </si>
  <si>
    <t>81270.0</t>
  </si>
  <si>
    <t>81154.0</t>
  </si>
  <si>
    <t>20876564.0</t>
  </si>
  <si>
    <t>145441.0</t>
  </si>
  <si>
    <t>2246.966</t>
  </si>
  <si>
    <t>15.654</t>
  </si>
  <si>
    <t>126196.0</t>
  </si>
  <si>
    <t>12733931.0</t>
  </si>
  <si>
    <t>5924585.0</t>
  </si>
  <si>
    <t>5475143.0</t>
  </si>
  <si>
    <t>1334203.0</t>
  </si>
  <si>
    <t>134.76</t>
  </si>
  <si>
    <t>20976679.0</t>
  </si>
  <si>
    <t>100115.0</t>
  </si>
  <si>
    <t>2257.742</t>
  </si>
  <si>
    <t>12789734.0</t>
  </si>
  <si>
    <t>5928083.0</t>
  </si>
  <si>
    <t>5476723.0</t>
  </si>
  <si>
    <t>1384928.0</t>
  </si>
  <si>
    <t>55803.0</t>
  </si>
  <si>
    <t>84939.0</t>
  </si>
  <si>
    <t>21084211.0</t>
  </si>
  <si>
    <t>2269.316</t>
  </si>
  <si>
    <t>132337.0</t>
  </si>
  <si>
    <t>14.244</t>
  </si>
  <si>
    <t>12909469.0</t>
  </si>
  <si>
    <t>5937904.0</t>
  </si>
  <si>
    <t>5481530.0</t>
  </si>
  <si>
    <t>1490035.0</t>
  </si>
  <si>
    <t>86379.0</t>
  </si>
  <si>
    <t>136.62</t>
  </si>
  <si>
    <t>5359.9</t>
  </si>
  <si>
    <t>567.245211133453</t>
  </si>
  <si>
    <t>21237258.0</t>
  </si>
  <si>
    <t>153047.0</t>
  </si>
  <si>
    <t>2285.788</t>
  </si>
  <si>
    <t>16.473</t>
  </si>
  <si>
    <t>133900.0</t>
  </si>
  <si>
    <t>13018873.0</t>
  </si>
  <si>
    <t>5948828.0</t>
  </si>
  <si>
    <t>5485978.0</t>
  </si>
  <si>
    <t>1584067.0</t>
  </si>
  <si>
    <t>109404.0</t>
  </si>
  <si>
    <t>9265.0</t>
  </si>
  <si>
    <t>21388108.0</t>
  </si>
  <si>
    <t>150850.0</t>
  </si>
  <si>
    <t>2302.024</t>
  </si>
  <si>
    <t>134969.0</t>
  </si>
  <si>
    <t>14.527</t>
  </si>
  <si>
    <t>13133848.0</t>
  </si>
  <si>
    <t>5960549.0</t>
  </si>
  <si>
    <t>5490681.0</t>
  </si>
  <si>
    <t>1682618.0</t>
  </si>
  <si>
    <t>114975.0</t>
  </si>
  <si>
    <t>90249.0</t>
  </si>
  <si>
    <t>21528884.0</t>
  </si>
  <si>
    <t>140776.0</t>
  </si>
  <si>
    <t>2317.176</t>
  </si>
  <si>
    <t>15.152</t>
  </si>
  <si>
    <t>13247496.0</t>
  </si>
  <si>
    <t>5970163.0</t>
  </si>
  <si>
    <t>5495163.0</t>
  </si>
  <si>
    <t>1782170.0</t>
  </si>
  <si>
    <t>113648.0</t>
  </si>
  <si>
    <t>94697.0</t>
  </si>
  <si>
    <t>21664360.0</t>
  </si>
  <si>
    <t>135476.0</t>
  </si>
  <si>
    <t>2331.758</t>
  </si>
  <si>
    <t>133320.0</t>
  </si>
  <si>
    <t>14.349</t>
  </si>
  <si>
    <t>13363891.0</t>
  </si>
  <si>
    <t>5980271.0</t>
  </si>
  <si>
    <t>5500221.0</t>
  </si>
  <si>
    <t>1883399.0</t>
  </si>
  <si>
    <t>116395.0</t>
  </si>
  <si>
    <t>21795539.0</t>
  </si>
  <si>
    <t>131179.0</t>
  </si>
  <si>
    <t>2345.877</t>
  </si>
  <si>
    <t>14.119</t>
  </si>
  <si>
    <t>131282.0</t>
  </si>
  <si>
    <t>13427697.0</t>
  </si>
  <si>
    <t>5984596.0</t>
  </si>
  <si>
    <t>5503008.0</t>
  </si>
  <si>
    <t>1940093.0</t>
  </si>
  <si>
    <t>63806.0</t>
  </si>
  <si>
    <t>99109.0</t>
  </si>
  <si>
    <t>152.82</t>
  </si>
  <si>
    <t>21898958.0</t>
  </si>
  <si>
    <t>103419.0</t>
  </si>
  <si>
    <t>2357.008</t>
  </si>
  <si>
    <t>131754.0</t>
  </si>
  <si>
    <t>13466434.0</t>
  </si>
  <si>
    <t>5988297.0</t>
  </si>
  <si>
    <t>5504505.0</t>
  </si>
  <si>
    <t>1973632.0</t>
  </si>
  <si>
    <t>38737.0</t>
  </si>
  <si>
    <t>96671.0</t>
  </si>
  <si>
    <t>21986457.0</t>
  </si>
  <si>
    <t>87499.0</t>
  </si>
  <si>
    <t>2366.425</t>
  </si>
  <si>
    <t>9.418</t>
  </si>
  <si>
    <t>128892.0</t>
  </si>
  <si>
    <t>13.873</t>
  </si>
  <si>
    <t>13562235.0</t>
  </si>
  <si>
    <t>5998618.0</t>
  </si>
  <si>
    <t>5510436.0</t>
  </si>
  <si>
    <t>2053181.0</t>
  </si>
  <si>
    <t>95801.0</t>
  </si>
  <si>
    <t>93252.0</t>
  </si>
  <si>
    <t>5599.9</t>
  </si>
  <si>
    <t>592.644724309451</t>
  </si>
  <si>
    <t>22132580.0</t>
  </si>
  <si>
    <t>146123.0</t>
  </si>
  <si>
    <t>2382.153</t>
  </si>
  <si>
    <t>127903.0</t>
  </si>
  <si>
    <t>13.766</t>
  </si>
  <si>
    <t>13697590.0</t>
  </si>
  <si>
    <t>6010952.0</t>
  </si>
  <si>
    <t>5517451.0</t>
  </si>
  <si>
    <t>2169187.0</t>
  </si>
  <si>
    <t>96960.0</t>
  </si>
  <si>
    <t>144.96</t>
  </si>
  <si>
    <t>22287897.0</t>
  </si>
  <si>
    <t>155317.0</t>
  </si>
  <si>
    <t>2398.87</t>
  </si>
  <si>
    <t>128541.0</t>
  </si>
  <si>
    <t>13.835</t>
  </si>
  <si>
    <t>13831068.0</t>
  </si>
  <si>
    <t>6023028.0</t>
  </si>
  <si>
    <t>5523979.0</t>
  </si>
  <si>
    <t>2284061.0</t>
  </si>
  <si>
    <t>22431030.0</t>
  </si>
  <si>
    <t>143133.0</t>
  </si>
  <si>
    <t>2414.275</t>
  </si>
  <si>
    <t>15.406</t>
  </si>
  <si>
    <t>128878.0</t>
  </si>
  <si>
    <t>13958632.0</t>
  </si>
  <si>
    <t>6032061.0</t>
  </si>
  <si>
    <t>5530018.0</t>
  </si>
  <si>
    <t>2396553.0</t>
  </si>
  <si>
    <t>101591.0</t>
  </si>
  <si>
    <t>8843.0</t>
  </si>
  <si>
    <t>22565955.0</t>
  </si>
  <si>
    <t>134925.0</t>
  </si>
  <si>
    <t>2428.797</t>
  </si>
  <si>
    <t>128799.0</t>
  </si>
  <si>
    <t>14086140.0</t>
  </si>
  <si>
    <t>6040846.0</t>
  </si>
  <si>
    <t>5537199.0</t>
  </si>
  <si>
    <t>2508095.0</t>
  </si>
  <si>
    <t>103178.0</t>
  </si>
  <si>
    <t>149.08</t>
  </si>
  <si>
    <t>22709744.0</t>
  </si>
  <si>
    <t>143789.0</t>
  </si>
  <si>
    <t>2444.273</t>
  </si>
  <si>
    <t>15.476</t>
  </si>
  <si>
    <t>130601.0</t>
  </si>
  <si>
    <t>14.057</t>
  </si>
  <si>
    <t>14152889.0</t>
  </si>
  <si>
    <t>6044596.0</t>
  </si>
  <si>
    <t>5541314.0</t>
  </si>
  <si>
    <t>2566979.0</t>
  </si>
  <si>
    <t>66749.0</t>
  </si>
  <si>
    <t>103599.0</t>
  </si>
  <si>
    <t>22797552.0</t>
  </si>
  <si>
    <t>87808.0</t>
  </si>
  <si>
    <t>2453.724</t>
  </si>
  <si>
    <t>128371.0</t>
  </si>
  <si>
    <t>14187552.0</t>
  </si>
  <si>
    <t>6047287.0</t>
  </si>
  <si>
    <t>5543335.0</t>
  </si>
  <si>
    <t>2596930.0</t>
  </si>
  <si>
    <t>103017.0</t>
  </si>
  <si>
    <t>22907938.0</t>
  </si>
  <si>
    <t>110386.0</t>
  </si>
  <si>
    <t>2465.605</t>
  </si>
  <si>
    <t>131640.0</t>
  </si>
  <si>
    <t>14.169</t>
  </si>
  <si>
    <t>14274329.0</t>
  </si>
  <si>
    <t>6054278.0</t>
  </si>
  <si>
    <t>5549795.0</t>
  </si>
  <si>
    <t>2670256.0</t>
  </si>
  <si>
    <t>86777.0</t>
  </si>
  <si>
    <t>101728.0</t>
  </si>
  <si>
    <t>151.07</t>
  </si>
  <si>
    <t>5872.3</t>
  </si>
  <si>
    <t>621.473171764208</t>
  </si>
  <si>
    <t>138.427</t>
  </si>
  <si>
    <t>23087811.0</t>
  </si>
  <si>
    <t>179873.0</t>
  </si>
  <si>
    <t>2484.965</t>
  </si>
  <si>
    <t>136462.0</t>
  </si>
  <si>
    <t>14.688</t>
  </si>
  <si>
    <t>14302677.0</t>
  </si>
  <si>
    <t>6057115.0</t>
  </si>
  <si>
    <t>5552509.0</t>
  </si>
  <si>
    <t>2693053.0</t>
  </si>
  <si>
    <t>86441.0</t>
  </si>
  <si>
    <t>23182975.0</t>
  </si>
  <si>
    <t>2495.208</t>
  </si>
  <si>
    <t>10.243</t>
  </si>
  <si>
    <t>127868.0</t>
  </si>
  <si>
    <t>13.763</t>
  </si>
  <si>
    <t>14310154.0</t>
  </si>
  <si>
    <t>6058315.0</t>
  </si>
  <si>
    <t>5553389.0</t>
  </si>
  <si>
    <t>2698450.0</t>
  </si>
  <si>
    <t>151.45</t>
  </si>
  <si>
    <t>23243642.0</t>
  </si>
  <si>
    <t>2501.737</t>
  </si>
  <si>
    <t>116087.0</t>
  </si>
  <si>
    <t>14319351.0</t>
  </si>
  <si>
    <t>6059695.0</t>
  </si>
  <si>
    <t>5554585.0</t>
  </si>
  <si>
    <t>2705071.0</t>
  </si>
  <si>
    <t>23371198.0</t>
  </si>
  <si>
    <t>127556.0</t>
  </si>
  <si>
    <t>2515.466</t>
  </si>
  <si>
    <t>115035.0</t>
  </si>
  <si>
    <t>12.381</t>
  </si>
  <si>
    <t>14412859.0</t>
  </si>
  <si>
    <t>6066786.0</t>
  </si>
  <si>
    <t>5567157.0</t>
  </si>
  <si>
    <t>2778916.0</t>
  </si>
  <si>
    <t>93508.0</t>
  </si>
  <si>
    <t>23521969.0</t>
  </si>
  <si>
    <t>150771.0</t>
  </si>
  <si>
    <t>2531.694</t>
  </si>
  <si>
    <t>14459069.0</t>
  </si>
  <si>
    <t>6070044.0</t>
  </si>
  <si>
    <t>5572173.0</t>
  </si>
  <si>
    <t>2816852.0</t>
  </si>
  <si>
    <t>46210.0</t>
  </si>
  <si>
    <t>43740.0</t>
  </si>
  <si>
    <t>126.68</t>
  </si>
  <si>
    <t>23678829.0</t>
  </si>
  <si>
    <t>156860.0</t>
  </si>
  <si>
    <t>2548.577</t>
  </si>
  <si>
    <t>125897.0</t>
  </si>
  <si>
    <t>14478500.0</t>
  </si>
  <si>
    <t>6072153.0</t>
  </si>
  <si>
    <t>5574679.0</t>
  </si>
  <si>
    <t>2831668.0</t>
  </si>
  <si>
    <t>41564.0</t>
  </si>
  <si>
    <t>23829387.0</t>
  </si>
  <si>
    <t>150558.0</t>
  </si>
  <si>
    <t>2564.782</t>
  </si>
  <si>
    <t>14.168</t>
  </si>
  <si>
    <t>14547329.0</t>
  </si>
  <si>
    <t>6078260.0</t>
  </si>
  <si>
    <t>5583266.0</t>
  </si>
  <si>
    <t>2885803.0</t>
  </si>
  <si>
    <t>39000.0</t>
  </si>
  <si>
    <t>153.96</t>
  </si>
  <si>
    <t>6063.1</t>
  </si>
  <si>
    <t>641.665784739126</t>
  </si>
  <si>
    <t>24009152.0</t>
  </si>
  <si>
    <t>179765.0</t>
  </si>
  <si>
    <t>2584.13</t>
  </si>
  <si>
    <t>131620.0</t>
  </si>
  <si>
    <t>14.166</t>
  </si>
  <si>
    <t>14609184.0</t>
  </si>
  <si>
    <t>6083872.0</t>
  </si>
  <si>
    <t>5591528.0</t>
  </si>
  <si>
    <t>2933784.0</t>
  </si>
  <si>
    <t>61855.0</t>
  </si>
  <si>
    <t>43787.0</t>
  </si>
  <si>
    <t>24175691.0</t>
  </si>
  <si>
    <t>166539.0</t>
  </si>
  <si>
    <t>2602.055</t>
  </si>
  <si>
    <t>141817.0</t>
  </si>
  <si>
    <t>14670420.0</t>
  </si>
  <si>
    <t>6088833.0</t>
  </si>
  <si>
    <t>5598949.0</t>
  </si>
  <si>
    <t>2982638.0</t>
  </si>
  <si>
    <t>51467.0</t>
  </si>
  <si>
    <t>24326052.0</t>
  </si>
  <si>
    <t>2618.238</t>
  </si>
  <si>
    <t>14691573.0</t>
  </si>
  <si>
    <t>6090583.0</t>
  </si>
  <si>
    <t>5601666.0</t>
  </si>
  <si>
    <t>2999324.0</t>
  </si>
  <si>
    <t>53175.0</t>
  </si>
  <si>
    <t>155.48</t>
  </si>
  <si>
    <t>24378135.0</t>
  </si>
  <si>
    <t>52083.0</t>
  </si>
  <si>
    <t>2623.844</t>
  </si>
  <si>
    <t>143848.0</t>
  </si>
  <si>
    <t>15.483</t>
  </si>
  <si>
    <t>14694205.0</t>
  </si>
  <si>
    <t>6090926.0</t>
  </si>
  <si>
    <t>5602215.0</t>
  </si>
  <si>
    <t>3001064.0</t>
  </si>
  <si>
    <t>40192.0</t>
  </si>
  <si>
    <t>24467768.0</t>
  </si>
  <si>
    <t>89633.0</t>
  </si>
  <si>
    <t>2633.491</t>
  </si>
  <si>
    <t>9.647</t>
  </si>
  <si>
    <t>135114.0</t>
  </si>
  <si>
    <t>14747811.0</t>
  </si>
  <si>
    <t>6094608.0</t>
  </si>
  <si>
    <t>5609235.0</t>
  </si>
  <si>
    <t>3043968.0</t>
  </si>
  <si>
    <t>41249.0</t>
  </si>
  <si>
    <t>24607039.0</t>
  </si>
  <si>
    <t>2648.481</t>
  </si>
  <si>
    <t>132601.0</t>
  </si>
  <si>
    <t>14.272</t>
  </si>
  <si>
    <t>14765797.0</t>
  </si>
  <si>
    <t>6096866.0</t>
  </si>
  <si>
    <t>5612180.0</t>
  </si>
  <si>
    <t>3056751.0</t>
  </si>
  <si>
    <t>41042.0</t>
  </si>
  <si>
    <t>156.27</t>
  </si>
  <si>
    <t>24733859.0</t>
  </si>
  <si>
    <t>126820.0</t>
  </si>
  <si>
    <t>2662.131</t>
  </si>
  <si>
    <t>14826781.0</t>
  </si>
  <si>
    <t>6102808.0</t>
  </si>
  <si>
    <t>5622890.0</t>
  </si>
  <si>
    <t>3101083.0</t>
  </si>
  <si>
    <t>60984.0</t>
  </si>
  <si>
    <t>6302.5</t>
  </si>
  <si>
    <t>667.001799132183</t>
  </si>
  <si>
    <t>24906783.0</t>
  </si>
  <si>
    <t>172924.0</t>
  </si>
  <si>
    <t>2680.743</t>
  </si>
  <si>
    <t>18.612</t>
  </si>
  <si>
    <t>128233.0</t>
  </si>
  <si>
    <t>13.802</t>
  </si>
  <si>
    <t>14851379.0</t>
  </si>
  <si>
    <t>6106053.0</t>
  </si>
  <si>
    <t>5627535.0</t>
  </si>
  <si>
    <t>3117791.0</t>
  </si>
  <si>
    <t>25009947.0</t>
  </si>
  <si>
    <t>2691.847</t>
  </si>
  <si>
    <t>119179.0</t>
  </si>
  <si>
    <t>14858254.0</t>
  </si>
  <si>
    <t>6107392.0</t>
  </si>
  <si>
    <t>5629595.0</t>
  </si>
  <si>
    <t>3121267.0</t>
  </si>
  <si>
    <t>26833.0</t>
  </si>
  <si>
    <t>138.639</t>
  </si>
  <si>
    <t>25116783.0</t>
  </si>
  <si>
    <t>106836.0</t>
  </si>
  <si>
    <t>2703.345</t>
  </si>
  <si>
    <t>11.499</t>
  </si>
  <si>
    <t>112962.0</t>
  </si>
  <si>
    <t>12.158</t>
  </si>
  <si>
    <t>14894833.0</t>
  </si>
  <si>
    <t>6111649.0</t>
  </si>
  <si>
    <t>5636845.0</t>
  </si>
  <si>
    <t>3146339.0</t>
  </si>
  <si>
    <t>36579.0</t>
  </si>
  <si>
    <t>157.63</t>
  </si>
  <si>
    <t>25241771.0</t>
  </si>
  <si>
    <t>124988.0</t>
  </si>
  <si>
    <t>2716.798</t>
  </si>
  <si>
    <t>13.453</t>
  </si>
  <si>
    <t>123377.0</t>
  </si>
  <si>
    <t>14932970.0</t>
  </si>
  <si>
    <t>6116039.0</t>
  </si>
  <si>
    <t>5642759.0</t>
  </si>
  <si>
    <t>3174172.0</t>
  </si>
  <si>
    <t>25357719.0</t>
  </si>
  <si>
    <t>115948.0</t>
  </si>
  <si>
    <t>2729.278</t>
  </si>
  <si>
    <t>14968079.0</t>
  </si>
  <si>
    <t>6119241.0</t>
  </si>
  <si>
    <t>5646944.0</t>
  </si>
  <si>
    <t>3201894.0</t>
  </si>
  <si>
    <t>158.41</t>
  </si>
  <si>
    <t>25424620.0</t>
  </si>
  <si>
    <t>2736.478</t>
  </si>
  <si>
    <t>116797.0</t>
  </si>
  <si>
    <t>14982862.0</t>
  </si>
  <si>
    <t>6121320.0</t>
  </si>
  <si>
    <t>5649205.0</t>
  </si>
  <si>
    <t>3212337.0</t>
  </si>
  <si>
    <t>31009.0</t>
  </si>
  <si>
    <t>25516650.0</t>
  </si>
  <si>
    <t>92030.0</t>
  </si>
  <si>
    <t>2746.384</t>
  </si>
  <si>
    <t>111827.0</t>
  </si>
  <si>
    <t>12.036</t>
  </si>
  <si>
    <t>15030708.0</t>
  </si>
  <si>
    <t>6126924.0</t>
  </si>
  <si>
    <t>5655177.0</t>
  </si>
  <si>
    <t>3248607.0</t>
  </si>
  <si>
    <t>47846.0</t>
  </si>
  <si>
    <t>29132.0</t>
  </si>
  <si>
    <t>6452.9</t>
  </si>
  <si>
    <t>682.918827389142</t>
  </si>
  <si>
    <t>25652214.0</t>
  </si>
  <si>
    <t>2760.974</t>
  </si>
  <si>
    <t>106490.0</t>
  </si>
  <si>
    <t>15070326.0</t>
  </si>
  <si>
    <t>6131618.0</t>
  </si>
  <si>
    <t>5659646.0</t>
  </si>
  <si>
    <t>3279062.0</t>
  </si>
  <si>
    <t>39618.0</t>
  </si>
  <si>
    <t>25723093.0</t>
  </si>
  <si>
    <t>2768.603</t>
  </si>
  <si>
    <t>101878.0</t>
  </si>
  <si>
    <t>15079230.0</t>
  </si>
  <si>
    <t>6133090.0</t>
  </si>
  <si>
    <t>5660829.0</t>
  </si>
  <si>
    <t>3285311.0</t>
  </si>
  <si>
    <t>31568.0</t>
  </si>
  <si>
    <t>159.59</t>
  </si>
  <si>
    <t>25823606.0</t>
  </si>
  <si>
    <t>100513.0</t>
  </si>
  <si>
    <t>2779.422</t>
  </si>
  <si>
    <t>100975.0</t>
  </si>
  <si>
    <t>15157521.0</t>
  </si>
  <si>
    <t>6142710.0</t>
  </si>
  <si>
    <t>5669176.0</t>
  </si>
  <si>
    <t>3345635.0</t>
  </si>
  <si>
    <t>37527.0</t>
  </si>
  <si>
    <t>25938864.0</t>
  </si>
  <si>
    <t>115258.0</t>
  </si>
  <si>
    <t>2791.827</t>
  </si>
  <si>
    <t>15256768.0</t>
  </si>
  <si>
    <t>6153684.0</t>
  </si>
  <si>
    <t>5677752.0</t>
  </si>
  <si>
    <t>3425332.0</t>
  </si>
  <si>
    <t>99247.0</t>
  </si>
  <si>
    <t>26053392.0</t>
  </si>
  <si>
    <t>114528.0</t>
  </si>
  <si>
    <t>2804.154</t>
  </si>
  <si>
    <t>99382.0</t>
  </si>
  <si>
    <t>10.697</t>
  </si>
  <si>
    <t>15312313.0</t>
  </si>
  <si>
    <t>6158809.0</t>
  </si>
  <si>
    <t>5681627.0</t>
  </si>
  <si>
    <t>3471877.0</t>
  </si>
  <si>
    <t>26116229.0</t>
  </si>
  <si>
    <t>62837.0</t>
  </si>
  <si>
    <t>2810.917</t>
  </si>
  <si>
    <t>6.763</t>
  </si>
  <si>
    <t>98801.0</t>
  </si>
  <si>
    <t>10.634</t>
  </si>
  <si>
    <t>15339734.0</t>
  </si>
  <si>
    <t>6161671.0</t>
  </si>
  <si>
    <t>5683754.0</t>
  </si>
  <si>
    <t>3494309.0</t>
  </si>
  <si>
    <t>27421.0</t>
  </si>
  <si>
    <t>50982.0</t>
  </si>
  <si>
    <t>26211560.0</t>
  </si>
  <si>
    <t>95331.0</t>
  </si>
  <si>
    <t>2821.177</t>
  </si>
  <si>
    <t>10.261</t>
  </si>
  <si>
    <t>15429399.0</t>
  </si>
  <si>
    <t>6173338.0</t>
  </si>
  <si>
    <t>5691027.0</t>
  </si>
  <si>
    <t>3565034.0</t>
  </si>
  <si>
    <t>89665.0</t>
  </si>
  <si>
    <t>6599.9</t>
  </si>
  <si>
    <t>698.47602920944</t>
  </si>
  <si>
    <t>79.585</t>
  </si>
  <si>
    <t>26331887.0</t>
  </si>
  <si>
    <t>2834.128</t>
  </si>
  <si>
    <t>97096.0</t>
  </si>
  <si>
    <t>15498388.0</t>
  </si>
  <si>
    <t>6183658.0</t>
  </si>
  <si>
    <t>5697786.0</t>
  </si>
  <si>
    <t>3616944.0</t>
  </si>
  <si>
    <t>68989.0</t>
  </si>
  <si>
    <t>164.02</t>
  </si>
  <si>
    <t>26441401.0</t>
  </si>
  <si>
    <t>2845.916</t>
  </si>
  <si>
    <t>11.787</t>
  </si>
  <si>
    <t>102615.0</t>
  </si>
  <si>
    <t>15552640.0</t>
  </si>
  <si>
    <t>6192117.0</t>
  </si>
  <si>
    <t>5703100.0</t>
  </si>
  <si>
    <t>3657423.0</t>
  </si>
  <si>
    <t>54252.0</t>
  </si>
  <si>
    <t>67630.0</t>
  </si>
  <si>
    <t>24.765</t>
  </si>
  <si>
    <t>26545741.0</t>
  </si>
  <si>
    <t>104340.0</t>
  </si>
  <si>
    <t>2857.146</t>
  </si>
  <si>
    <t>103162.0</t>
  </si>
  <si>
    <t>15598514.0</t>
  </si>
  <si>
    <t>6199660.0</t>
  </si>
  <si>
    <t>5707283.0</t>
  </si>
  <si>
    <t>3691571.0</t>
  </si>
  <si>
    <t>62999.0</t>
  </si>
  <si>
    <t>26644501.0</t>
  </si>
  <si>
    <t>98760.0</t>
  </si>
  <si>
    <t>2867.775</t>
  </si>
  <si>
    <t>100805.0</t>
  </si>
  <si>
    <t>15643482.0</t>
  </si>
  <si>
    <t>6206552.0</t>
  </si>
  <si>
    <t>5711292.0</t>
  </si>
  <si>
    <t>3725638.0</t>
  </si>
  <si>
    <t>165.56</t>
  </si>
  <si>
    <t>26744523.0</t>
  </si>
  <si>
    <t>100022.0</t>
  </si>
  <si>
    <t>2878.541</t>
  </si>
  <si>
    <t>98733.0</t>
  </si>
  <si>
    <t>15668461.0</t>
  </si>
  <si>
    <t>6209638.0</t>
  </si>
  <si>
    <t>5713935.0</t>
  </si>
  <si>
    <t>3744888.0</t>
  </si>
  <si>
    <t>50878.0</t>
  </si>
  <si>
    <t>165.82</t>
  </si>
  <si>
    <t>26796421.0</t>
  </si>
  <si>
    <t>2884.127</t>
  </si>
  <si>
    <t>97170.0</t>
  </si>
  <si>
    <t>15678682.0</t>
  </si>
  <si>
    <t>6210975.0</t>
  </si>
  <si>
    <t>5715378.0</t>
  </si>
  <si>
    <t>3752329.0</t>
  </si>
  <si>
    <t>165.93</t>
  </si>
  <si>
    <t>26875835.0</t>
  </si>
  <si>
    <t>2892.674</t>
  </si>
  <si>
    <t>8.547</t>
  </si>
  <si>
    <t>94896.0</t>
  </si>
  <si>
    <t>10.214</t>
  </si>
  <si>
    <t>15708624.0</t>
  </si>
  <si>
    <t>6215651.0</t>
  </si>
  <si>
    <t>5719126.0</t>
  </si>
  <si>
    <t>3773847.0</t>
  </si>
  <si>
    <t>39889.0</t>
  </si>
  <si>
    <t>6743.5</t>
  </si>
  <si>
    <t>713.673404593079</t>
  </si>
  <si>
    <t>26992967.0</t>
  </si>
  <si>
    <t>117132.0</t>
  </si>
  <si>
    <t>2905.281</t>
  </si>
  <si>
    <t>94440.0</t>
  </si>
  <si>
    <t>15733134.0</t>
  </si>
  <si>
    <t>6219950.0</t>
  </si>
  <si>
    <t>5722069.0</t>
  </si>
  <si>
    <t>3791115.0</t>
  </si>
  <si>
    <t>33535.0</t>
  </si>
  <si>
    <t>166.51</t>
  </si>
  <si>
    <t>27099958.0</t>
  </si>
  <si>
    <t>2916.797</t>
  </si>
  <si>
    <t>11.516</t>
  </si>
  <si>
    <t>94080.0</t>
  </si>
  <si>
    <t>15755467.0</t>
  </si>
  <si>
    <t>6223924.0</t>
  </si>
  <si>
    <t>5725072.0</t>
  </si>
  <si>
    <t>3806471.0</t>
  </si>
  <si>
    <t>28975.0</t>
  </si>
  <si>
    <t>27201778.0</t>
  </si>
  <si>
    <t>101820.0</t>
  </si>
  <si>
    <t>2927.756</t>
  </si>
  <si>
    <t>93720.0</t>
  </si>
  <si>
    <t>15774992.0</t>
  </si>
  <si>
    <t>6227411.0</t>
  </si>
  <si>
    <t>5727523.0</t>
  </si>
  <si>
    <t>3820058.0</t>
  </si>
  <si>
    <t>166.95</t>
  </si>
  <si>
    <t>27292927.0</t>
  </si>
  <si>
    <t>2937.566</t>
  </si>
  <si>
    <t>92632.0</t>
  </si>
  <si>
    <t>15798113.0</t>
  </si>
  <si>
    <t>6231280.0</t>
  </si>
  <si>
    <t>5730208.0</t>
  </si>
  <si>
    <t>3836625.0</t>
  </si>
  <si>
    <t>27391300.0</t>
  </si>
  <si>
    <t>2948.154</t>
  </si>
  <si>
    <t>92397.0</t>
  </si>
  <si>
    <t>15810508.0</t>
  </si>
  <si>
    <t>6232983.0</t>
  </si>
  <si>
    <t>5731891.0</t>
  </si>
  <si>
    <t>3845634.0</t>
  </si>
  <si>
    <t>27436387.0</t>
  </si>
  <si>
    <t>45087.0</t>
  </si>
  <si>
    <t>2953.007</t>
  </si>
  <si>
    <t>91424.0</t>
  </si>
  <si>
    <t>15816226.0</t>
  </si>
  <si>
    <t>6233710.0</t>
  </si>
  <si>
    <t>5732847.0</t>
  </si>
  <si>
    <t>3849669.0</t>
  </si>
  <si>
    <t>27520523.0</t>
  </si>
  <si>
    <t>2962.063</t>
  </si>
  <si>
    <t>9.056</t>
  </si>
  <si>
    <t>9.913</t>
  </si>
  <si>
    <t>15834639.0</t>
  </si>
  <si>
    <t>6236800.0</t>
  </si>
  <si>
    <t>5735372.0</t>
  </si>
  <si>
    <t>3862467.0</t>
  </si>
  <si>
    <t>6834.1</t>
  </si>
  <si>
    <t>723.261720817018</t>
  </si>
  <si>
    <t>64.028</t>
  </si>
  <si>
    <t>36.723</t>
  </si>
  <si>
    <t>27625781.0</t>
  </si>
  <si>
    <t>2973.392</t>
  </si>
  <si>
    <t>15848858.0</t>
  </si>
  <si>
    <t>6239260.0</t>
  </si>
  <si>
    <t>5737062.0</t>
  </si>
  <si>
    <t>3872536.0</t>
  </si>
  <si>
    <t>27714856.0</t>
  </si>
  <si>
    <t>89075.0</t>
  </si>
  <si>
    <t>2982.979</t>
  </si>
  <si>
    <t>87843.0</t>
  </si>
  <si>
    <t>9.455</t>
  </si>
  <si>
    <t>15861833.0</t>
  </si>
  <si>
    <t>6241657.0</t>
  </si>
  <si>
    <t>5738346.0</t>
  </si>
  <si>
    <t>3881830.0</t>
  </si>
  <si>
    <t>12975.0</t>
  </si>
  <si>
    <t>27812626.0</t>
  </si>
  <si>
    <t>2993.502</t>
  </si>
  <si>
    <t>15876672.0</t>
  </si>
  <si>
    <t>6244091.0</t>
  </si>
  <si>
    <t>5740651.0</t>
  </si>
  <si>
    <t>3891930.0</t>
  </si>
  <si>
    <t>27896584.0</t>
  </si>
  <si>
    <t>83958.0</t>
  </si>
  <si>
    <t>3002.538</t>
  </si>
  <si>
    <t>86237.0</t>
  </si>
  <si>
    <t>9.282</t>
  </si>
  <si>
    <t>15894963.0</t>
  </si>
  <si>
    <t>6247123.0</t>
  </si>
  <si>
    <t>5743747.0</t>
  </si>
  <si>
    <t>3904093.0</t>
  </si>
  <si>
    <t>27987663.0</t>
  </si>
  <si>
    <t>3012.341</t>
  </si>
  <si>
    <t>85195.0</t>
  </si>
  <si>
    <t>15903513.0</t>
  </si>
  <si>
    <t>6248402.0</t>
  </si>
  <si>
    <t>5745183.0</t>
  </si>
  <si>
    <t>3909928.0</t>
  </si>
  <si>
    <t>28021634.0</t>
  </si>
  <si>
    <t>33971.0</t>
  </si>
  <si>
    <t>3015.998</t>
  </si>
  <si>
    <t>15907915.0</t>
  </si>
  <si>
    <t>6248974.0</t>
  </si>
  <si>
    <t>5746449.0</t>
  </si>
  <si>
    <t>3912492.0</t>
  </si>
  <si>
    <t>28103604.0</t>
  </si>
  <si>
    <t>81970.0</t>
  </si>
  <si>
    <t>3024.82</t>
  </si>
  <si>
    <t>8.823</t>
  </si>
  <si>
    <t>8.965</t>
  </si>
  <si>
    <t>15922938.0</t>
  </si>
  <si>
    <t>6251489.0</t>
  </si>
  <si>
    <t>5749102.0</t>
  </si>
  <si>
    <t>3922347.0</t>
  </si>
  <si>
    <t>6956.7</t>
  </si>
  <si>
    <t>736.236638797756</t>
  </si>
  <si>
    <t>28203751.0</t>
  </si>
  <si>
    <t>100147.0</t>
  </si>
  <si>
    <t>3035.599</t>
  </si>
  <si>
    <t>82567.0</t>
  </si>
  <si>
    <t>8.887</t>
  </si>
  <si>
    <t>15936834.0</t>
  </si>
  <si>
    <t>6254125.0</t>
  </si>
  <si>
    <t>5751853.0</t>
  </si>
  <si>
    <t>3930856.0</t>
  </si>
  <si>
    <t>168.66</t>
  </si>
  <si>
    <t>28290375.0</t>
  </si>
  <si>
    <t>86624.0</t>
  </si>
  <si>
    <t>3044.923</t>
  </si>
  <si>
    <t>82217.0</t>
  </si>
  <si>
    <t>15949794.0</t>
  </si>
  <si>
    <t>6256505.0</t>
  </si>
  <si>
    <t>5753909.0</t>
  </si>
  <si>
    <t>3939380.0</t>
  </si>
  <si>
    <t>12960.0</t>
  </si>
  <si>
    <t>28369979.0</t>
  </si>
  <si>
    <t>79604.0</t>
  </si>
  <si>
    <t>3053.49</t>
  </si>
  <si>
    <t>79622.0</t>
  </si>
  <si>
    <t>15962603.0</t>
  </si>
  <si>
    <t>6258794.0</t>
  </si>
  <si>
    <t>5756475.0</t>
  </si>
  <si>
    <t>3947334.0</t>
  </si>
  <si>
    <t>28441662.0</t>
  </si>
  <si>
    <t>71683.0</t>
  </si>
  <si>
    <t>3061.206</t>
  </si>
  <si>
    <t>7.715</t>
  </si>
  <si>
    <t>77868.0</t>
  </si>
  <si>
    <t>15976558.0</t>
  </si>
  <si>
    <t>6261297.0</t>
  </si>
  <si>
    <t>5759254.0</t>
  </si>
  <si>
    <t>3956007.0</t>
  </si>
  <si>
    <t>169.08</t>
  </si>
  <si>
    <t>28519497.0</t>
  </si>
  <si>
    <t>3069.583</t>
  </si>
  <si>
    <t>8.377</t>
  </si>
  <si>
    <t>75976.0</t>
  </si>
  <si>
    <t>8.177</t>
  </si>
  <si>
    <t>15982747.0</t>
  </si>
  <si>
    <t>6262198.0</t>
  </si>
  <si>
    <t>5760405.0</t>
  </si>
  <si>
    <t>3960144.0</t>
  </si>
  <si>
    <t>169.15</t>
  </si>
  <si>
    <t>28555141.0</t>
  </si>
  <si>
    <t>35644.0</t>
  </si>
  <si>
    <t>3073.42</t>
  </si>
  <si>
    <t>76215.0</t>
  </si>
  <si>
    <t>15985355.0</t>
  </si>
  <si>
    <t>6262564.0</t>
  </si>
  <si>
    <t>5760935.0</t>
  </si>
  <si>
    <t>3961856.0</t>
  </si>
  <si>
    <t>169.18</t>
  </si>
  <si>
    <t>28634377.0</t>
  </si>
  <si>
    <t>79236.0</t>
  </si>
  <si>
    <t>3081.948</t>
  </si>
  <si>
    <t>75825.0</t>
  </si>
  <si>
    <t>15998365.0</t>
  </si>
  <si>
    <t>6264824.0</t>
  </si>
  <si>
    <t>5763430.0</t>
  </si>
  <si>
    <t>3970111.0</t>
  </si>
  <si>
    <t>6990.9</t>
  </si>
  <si>
    <t>739.856069425336</t>
  </si>
  <si>
    <t>28724547.0</t>
  </si>
  <si>
    <t>3091.653</t>
  </si>
  <si>
    <t>74399.0</t>
  </si>
  <si>
    <t>16008673.0</t>
  </si>
  <si>
    <t>6266561.0</t>
  </si>
  <si>
    <t>5765522.0</t>
  </si>
  <si>
    <t>3976590.0</t>
  </si>
  <si>
    <t>28802772.0</t>
  </si>
  <si>
    <t>78225.0</t>
  </si>
  <si>
    <t>3100.072</t>
  </si>
  <si>
    <t>8.419</t>
  </si>
  <si>
    <t>16019039.0</t>
  </si>
  <si>
    <t>6268587.0</t>
  </si>
  <si>
    <t>5767566.0</t>
  </si>
  <si>
    <t>3982886.0</t>
  </si>
  <si>
    <t>28884157.0</t>
  </si>
  <si>
    <t>81385.0</t>
  </si>
  <si>
    <t>3108.832</t>
  </si>
  <si>
    <t>16028255.0</t>
  </si>
  <si>
    <t>6270350.0</t>
  </si>
  <si>
    <t>5769463.0</t>
  </si>
  <si>
    <t>3988442.0</t>
  </si>
  <si>
    <t>169.63</t>
  </si>
  <si>
    <t>28953446.0</t>
  </si>
  <si>
    <t>69289.0</t>
  </si>
  <si>
    <t>3116.29</t>
  </si>
  <si>
    <t>73112.0</t>
  </si>
  <si>
    <t>16040296.0</t>
  </si>
  <si>
    <t>6272460.0</t>
  </si>
  <si>
    <t>5772266.0</t>
  </si>
  <si>
    <t>3995570.0</t>
  </si>
  <si>
    <t>29026786.0</t>
  </si>
  <si>
    <t>3124.183</t>
  </si>
  <si>
    <t>72470.0</t>
  </si>
  <si>
    <t>16045475.0</t>
  </si>
  <si>
    <t>6273249.0</t>
  </si>
  <si>
    <t>5773170.0</t>
  </si>
  <si>
    <t>3999056.0</t>
  </si>
  <si>
    <t>169.81</t>
  </si>
  <si>
    <t>29055938.0</t>
  </si>
  <si>
    <t>29152.0</t>
  </si>
  <si>
    <t>3127.321</t>
  </si>
  <si>
    <t>71542.0</t>
  </si>
  <si>
    <t>16047582.0</t>
  </si>
  <si>
    <t>6273596.0</t>
  </si>
  <si>
    <t>5773557.0</t>
  </si>
  <si>
    <t>4000429.0</t>
  </si>
  <si>
    <t>29135660.0</t>
  </si>
  <si>
    <t>79722.0</t>
  </si>
  <si>
    <t>3135.901</t>
  </si>
  <si>
    <t>7.708</t>
  </si>
  <si>
    <t>16057063.0</t>
  </si>
  <si>
    <t>6275174.0</t>
  </si>
  <si>
    <t>5775326.0</t>
  </si>
  <si>
    <t>4006563.0</t>
  </si>
  <si>
    <t>169.93</t>
  </si>
  <si>
    <t>7035.1</t>
  </si>
  <si>
    <t>744.533813101915</t>
  </si>
  <si>
    <t>29222613.0</t>
  </si>
  <si>
    <t>3145.26</t>
  </si>
  <si>
    <t>71152.0</t>
  </si>
  <si>
    <t>16065589.0</t>
  </si>
  <si>
    <t>6276693.0</t>
  </si>
  <si>
    <t>5776928.0</t>
  </si>
  <si>
    <t>4011968.0</t>
  </si>
  <si>
    <t>170.02</t>
  </si>
  <si>
    <t>29302572.0</t>
  </si>
  <si>
    <t>79959.0</t>
  </si>
  <si>
    <t>3153.866</t>
  </si>
  <si>
    <t>71400.0</t>
  </si>
  <si>
    <t>16073959.0</t>
  </si>
  <si>
    <t>6278121.0</t>
  </si>
  <si>
    <t>5778539.0</t>
  </si>
  <si>
    <t>4017299.0</t>
  </si>
  <si>
    <t>29378145.0</t>
  </si>
  <si>
    <t>75573.0</t>
  </si>
  <si>
    <t>70570.0</t>
  </si>
  <si>
    <t>16081821.0</t>
  </si>
  <si>
    <t>6279545.0</t>
  </si>
  <si>
    <t>5780199.0</t>
  </si>
  <si>
    <t>4022077.0</t>
  </si>
  <si>
    <t>29447055.0</t>
  </si>
  <si>
    <t>3169.417</t>
  </si>
  <si>
    <t>16091111.0</t>
  </si>
  <si>
    <t>6281173.0</t>
  </si>
  <si>
    <t>5782144.0</t>
  </si>
  <si>
    <t>4027794.0</t>
  </si>
  <si>
    <t>29520517.0</t>
  </si>
  <si>
    <t>73462.0</t>
  </si>
  <si>
    <t>3177.324</t>
  </si>
  <si>
    <t>16095494.0</t>
  </si>
  <si>
    <t>6281807.0</t>
  </si>
  <si>
    <t>5782970.0</t>
  </si>
  <si>
    <t>4030717.0</t>
  </si>
  <si>
    <t>170.34</t>
  </si>
  <si>
    <t>29551428.0</t>
  </si>
  <si>
    <t>3180.651</t>
  </si>
  <si>
    <t>70784.0</t>
  </si>
  <si>
    <t>16097169.0</t>
  </si>
  <si>
    <t>6282064.0</t>
  </si>
  <si>
    <t>5783258.0</t>
  </si>
  <si>
    <t>4031847.0</t>
  </si>
  <si>
    <t>170.36</t>
  </si>
  <si>
    <t>29625165.0</t>
  </si>
  <si>
    <t>3188.587</t>
  </si>
  <si>
    <t>69929.0</t>
  </si>
  <si>
    <t>7.527</t>
  </si>
  <si>
    <t>16105452.0</t>
  </si>
  <si>
    <t>6283600.0</t>
  </si>
  <si>
    <t>5784895.0</t>
  </si>
  <si>
    <t>4036957.0</t>
  </si>
  <si>
    <t>7114.5</t>
  </si>
  <si>
    <t>752.936818710975</t>
  </si>
  <si>
    <t>29711174.0</t>
  </si>
  <si>
    <t>86009.0</t>
  </si>
  <si>
    <t>3197.845</t>
  </si>
  <si>
    <t>69794.0</t>
  </si>
  <si>
    <t>16113118.0</t>
  </si>
  <si>
    <t>6284874.0</t>
  </si>
  <si>
    <t>5786517.0</t>
  </si>
  <si>
    <t>4041727.0</t>
  </si>
  <si>
    <t>29791610.0</t>
  </si>
  <si>
    <t>80436.0</t>
  </si>
  <si>
    <t>3206.502</t>
  </si>
  <si>
    <t>8.657</t>
  </si>
  <si>
    <t>69863.0</t>
  </si>
  <si>
    <t>16120155.0</t>
  </si>
  <si>
    <t>6286147.0</t>
  </si>
  <si>
    <t>5787933.0</t>
  </si>
  <si>
    <t>4046075.0</t>
  </si>
  <si>
    <t>29862878.0</t>
  </si>
  <si>
    <t>71268.0</t>
  </si>
  <si>
    <t>3214.173</t>
  </si>
  <si>
    <t>69248.0</t>
  </si>
  <si>
    <t>16126840.0</t>
  </si>
  <si>
    <t>6287352.0</t>
  </si>
  <si>
    <t>5789498.0</t>
  </si>
  <si>
    <t>4049990.0</t>
  </si>
  <si>
    <t>29930095.0</t>
  </si>
  <si>
    <t>3221.407</t>
  </si>
  <si>
    <t>69006.0</t>
  </si>
  <si>
    <t>7.427</t>
  </si>
  <si>
    <t>16134904.0</t>
  </si>
  <si>
    <t>6288714.0</t>
  </si>
  <si>
    <t>5791190.0</t>
  </si>
  <si>
    <t>4055000.0</t>
  </si>
  <si>
    <t>30007417.0</t>
  </si>
  <si>
    <t>77322.0</t>
  </si>
  <si>
    <t>3229.73</t>
  </si>
  <si>
    <t>69557.0</t>
  </si>
  <si>
    <t>16138714.0</t>
  </si>
  <si>
    <t>6289302.0</t>
  </si>
  <si>
    <t>5791953.0</t>
  </si>
  <si>
    <t>4057459.0</t>
  </si>
  <si>
    <t>30036259.0</t>
  </si>
  <si>
    <t>28842.0</t>
  </si>
  <si>
    <t>3232.834</t>
  </si>
  <si>
    <t>69262.0</t>
  </si>
  <si>
    <t>16140138.0</t>
  </si>
  <si>
    <t>6289540.0</t>
  </si>
  <si>
    <t>5792210.0</t>
  </si>
  <si>
    <t>4058388.0</t>
  </si>
  <si>
    <t>30110663.0</t>
  </si>
  <si>
    <t>74404.0</t>
  </si>
  <si>
    <t>3240.842</t>
  </si>
  <si>
    <t>69357.0</t>
  </si>
  <si>
    <t>16147968.0</t>
  </si>
  <si>
    <t>6290949.0</t>
  </si>
  <si>
    <t>5793751.0</t>
  </si>
  <si>
    <t>4063268.0</t>
  </si>
  <si>
    <t>7088.7</t>
  </si>
  <si>
    <t>750.206371044555</t>
  </si>
  <si>
    <t>30204480.0</t>
  </si>
  <si>
    <t>3250.94</t>
  </si>
  <si>
    <t>10.098</t>
  </si>
  <si>
    <t>70472.0</t>
  </si>
  <si>
    <t>16155409.0</t>
  </si>
  <si>
    <t>6292629.0</t>
  </si>
  <si>
    <t>5795273.0</t>
  </si>
  <si>
    <t>4067507.0</t>
  </si>
  <si>
    <t>170.97</t>
  </si>
  <si>
    <t>30287590.0</t>
  </si>
  <si>
    <t>83110.0</t>
  </si>
  <si>
    <t>3259.885</t>
  </si>
  <si>
    <t>70854.0</t>
  </si>
  <si>
    <t>16169727.0</t>
  </si>
  <si>
    <t>6301251.0</t>
  </si>
  <si>
    <t>5796961.0</t>
  </si>
  <si>
    <t>4071515.0</t>
  </si>
  <si>
    <t>30366196.0</t>
  </si>
  <si>
    <t>78606.0</t>
  </si>
  <si>
    <t>3268.345</t>
  </si>
  <si>
    <t>7.739</t>
  </si>
  <si>
    <t>16184317.0</t>
  </si>
  <si>
    <t>6310600.0</t>
  </si>
  <si>
    <t>5798279.0</t>
  </si>
  <si>
    <t>4075438.0</t>
  </si>
  <si>
    <t>171.28</t>
  </si>
  <si>
    <t>30444726.0</t>
  </si>
  <si>
    <t>3276.798</t>
  </si>
  <si>
    <t>73519.0</t>
  </si>
  <si>
    <t>16200569.0</t>
  </si>
  <si>
    <t>6320412.0</t>
  </si>
  <si>
    <t>5799879.0</t>
  </si>
  <si>
    <t>4080278.0</t>
  </si>
  <si>
    <t>30524412.0</t>
  </si>
  <si>
    <t>79686.0</t>
  </si>
  <si>
    <t>3285.374</t>
  </si>
  <si>
    <t>8.577</t>
  </si>
  <si>
    <t>73856.0</t>
  </si>
  <si>
    <t>7.949</t>
  </si>
  <si>
    <t>16209729.0</t>
  </si>
  <si>
    <t>6326022.0</t>
  </si>
  <si>
    <t>5800628.0</t>
  </si>
  <si>
    <t>4083079.0</t>
  </si>
  <si>
    <t>30557425.0</t>
  </si>
  <si>
    <t>33013.0</t>
  </si>
  <si>
    <t>3288.927</t>
  </si>
  <si>
    <t>8.013</t>
  </si>
  <si>
    <t>16215995.0</t>
  </si>
  <si>
    <t>6330801.0</t>
  </si>
  <si>
    <t>5800951.0</t>
  </si>
  <si>
    <t>4084243.0</t>
  </si>
  <si>
    <t>30638600.0</t>
  </si>
  <si>
    <t>81175.0</t>
  </si>
  <si>
    <t>3297.664</t>
  </si>
  <si>
    <t>16232527.0</t>
  </si>
  <si>
    <t>6340953.0</t>
  </si>
  <si>
    <t>5802430.0</t>
  </si>
  <si>
    <t>4089144.0</t>
  </si>
  <si>
    <t>171.79</t>
  </si>
  <si>
    <t>7061.9</t>
  </si>
  <si>
    <t>747.370092073235</t>
  </si>
  <si>
    <t>30744235.0</t>
  </si>
  <si>
    <t>105635.0</t>
  </si>
  <si>
    <t>3309.034</t>
  </si>
  <si>
    <t>77108.0</t>
  </si>
  <si>
    <t>16247077.0</t>
  </si>
  <si>
    <t>6349995.0</t>
  </si>
  <si>
    <t>5803562.0</t>
  </si>
  <si>
    <t>4093520.0</t>
  </si>
  <si>
    <t>30834969.0</t>
  </si>
  <si>
    <t>90734.0</t>
  </si>
  <si>
    <t>3318.8</t>
  </si>
  <si>
    <t>8.416</t>
  </si>
  <si>
    <t>16262240.0</t>
  </si>
  <si>
    <t>5804597.0</t>
  </si>
  <si>
    <t>4097604.0</t>
  </si>
  <si>
    <t>30927789.0</t>
  </si>
  <si>
    <t>92820.0</t>
  </si>
  <si>
    <t>3328.79</t>
  </si>
  <si>
    <t>16276416.0</t>
  </si>
  <si>
    <t>6368672.0</t>
  </si>
  <si>
    <t>5805692.0</t>
  </si>
  <si>
    <t>4102052.0</t>
  </si>
  <si>
    <t>172.26</t>
  </si>
  <si>
    <t>31018650.0</t>
  </si>
  <si>
    <t>3338.57</t>
  </si>
  <si>
    <t>16292177.0</t>
  </si>
  <si>
    <t>6377848.0</t>
  </si>
  <si>
    <t>5807146.0</t>
  </si>
  <si>
    <t>4107183.0</t>
  </si>
  <si>
    <t>15761.0</t>
  </si>
  <si>
    <t>31109077.0</t>
  </si>
  <si>
    <t>90427.0</t>
  </si>
  <si>
    <t>3348.302</t>
  </si>
  <si>
    <t>16302051.0</t>
  </si>
  <si>
    <t>6384180.0</t>
  </si>
  <si>
    <t>5807820.0</t>
  </si>
  <si>
    <t>4110051.0</t>
  </si>
  <si>
    <t>31148774.0</t>
  </si>
  <si>
    <t>3352.575</t>
  </si>
  <si>
    <t>84478.0</t>
  </si>
  <si>
    <t>9.092</t>
  </si>
  <si>
    <t>16305722.0</t>
  </si>
  <si>
    <t>6386689.0</t>
  </si>
  <si>
    <t>5808056.0</t>
  </si>
  <si>
    <t>4110977.0</t>
  </si>
  <si>
    <t>31237146.0</t>
  </si>
  <si>
    <t>3362.087</t>
  </si>
  <si>
    <t>85507.0</t>
  </si>
  <si>
    <t>16319994.0</t>
  </si>
  <si>
    <t>6395024.0</t>
  </si>
  <si>
    <t>5809309.0</t>
  </si>
  <si>
    <t>4115661.0</t>
  </si>
  <si>
    <t>172.72</t>
  </si>
  <si>
    <t>7025.9</t>
  </si>
  <si>
    <t>743.560165096835</t>
  </si>
  <si>
    <t>31343930.0</t>
  </si>
  <si>
    <t>106784.0</t>
  </si>
  <si>
    <t>3373.58</t>
  </si>
  <si>
    <t>11.493</t>
  </si>
  <si>
    <t>85671.0</t>
  </si>
  <si>
    <t>16332272.0</t>
  </si>
  <si>
    <t>6401747.0</t>
  </si>
  <si>
    <t>5810509.0</t>
  </si>
  <si>
    <t>4120016.0</t>
  </si>
  <si>
    <t>31451060.0</t>
  </si>
  <si>
    <t>3385.11</t>
  </si>
  <si>
    <t>9.473</t>
  </si>
  <si>
    <t>16343302.0</t>
  </si>
  <si>
    <t>6407300.0</t>
  </si>
  <si>
    <t>5812012.0</t>
  </si>
  <si>
    <t>4123990.0</t>
  </si>
  <si>
    <t>11030.0</t>
  </si>
  <si>
    <t>31548718.0</t>
  </si>
  <si>
    <t>97658.0</t>
  </si>
  <si>
    <t>3395.621</t>
  </si>
  <si>
    <t>10.511</t>
  </si>
  <si>
    <t>88704.0</t>
  </si>
  <si>
    <t>16353329.0</t>
  </si>
  <si>
    <t>6412235.0</t>
  </si>
  <si>
    <t>5813211.0</t>
  </si>
  <si>
    <t>4127883.0</t>
  </si>
  <si>
    <t>173.07</t>
  </si>
  <si>
    <t>31641862.0</t>
  </si>
  <si>
    <t>93144.0</t>
  </si>
  <si>
    <t>3405.647</t>
  </si>
  <si>
    <t>89030.0</t>
  </si>
  <si>
    <t>16365320.0</t>
  </si>
  <si>
    <t>6418473.0</t>
  </si>
  <si>
    <t>5814450.0</t>
  </si>
  <si>
    <t>4132397.0</t>
  </si>
  <si>
    <t>31726673.0</t>
  </si>
  <si>
    <t>84811.0</t>
  </si>
  <si>
    <t>3414.775</t>
  </si>
  <si>
    <t>88228.0</t>
  </si>
  <si>
    <t>16371719.0</t>
  </si>
  <si>
    <t>6421478.0</t>
  </si>
  <si>
    <t>5815153.0</t>
  </si>
  <si>
    <t>4135088.0</t>
  </si>
  <si>
    <t>31762621.0</t>
  </si>
  <si>
    <t>3418.644</t>
  </si>
  <si>
    <t>9.438</t>
  </si>
  <si>
    <t>16374479.0</t>
  </si>
  <si>
    <t>6422969.0</t>
  </si>
  <si>
    <t>5815406.0</t>
  </si>
  <si>
    <t>4136104.0</t>
  </si>
  <si>
    <t>31849811.0</t>
  </si>
  <si>
    <t>87190.0</t>
  </si>
  <si>
    <t>3428.028</t>
  </si>
  <si>
    <t>16388448.0</t>
  </si>
  <si>
    <t>6430243.0</t>
  </si>
  <si>
    <t>5816850.0</t>
  </si>
  <si>
    <t>4141355.0</t>
  </si>
  <si>
    <t>7096.3</t>
  </si>
  <si>
    <t>751.010688961795</t>
  </si>
  <si>
    <t>31950993.0</t>
  </si>
  <si>
    <t>101182.0</t>
  </si>
  <si>
    <t>3438.919</t>
  </si>
  <si>
    <t>86723.0</t>
  </si>
  <si>
    <t>9.334</t>
  </si>
  <si>
    <t>16400360.0</t>
  </si>
  <si>
    <t>6436424.0</t>
  </si>
  <si>
    <t>5818226.0</t>
  </si>
  <si>
    <t>4145710.0</t>
  </si>
  <si>
    <t>32049539.0</t>
  </si>
  <si>
    <t>3449.525</t>
  </si>
  <si>
    <t>10.607</t>
  </si>
  <si>
    <t>85497.0</t>
  </si>
  <si>
    <t>9.202</t>
  </si>
  <si>
    <t>16418729.0</t>
  </si>
  <si>
    <t>6443741.0</t>
  </si>
  <si>
    <t>5824327.0</t>
  </si>
  <si>
    <t>4150661.0</t>
  </si>
  <si>
    <t>18369.0</t>
  </si>
  <si>
    <t>32145548.0</t>
  </si>
  <si>
    <t>96009.0</t>
  </si>
  <si>
    <t>3459.859</t>
  </si>
  <si>
    <t>85261.0</t>
  </si>
  <si>
    <t>9.177</t>
  </si>
  <si>
    <t>16438788.0</t>
  </si>
  <si>
    <t>6450945.0</t>
  </si>
  <si>
    <t>5831731.0</t>
  </si>
  <si>
    <t>4156112.0</t>
  </si>
  <si>
    <t>32241445.0</t>
  </si>
  <si>
    <t>95897.0</t>
  </si>
  <si>
    <t>3470.18</t>
  </si>
  <si>
    <t>10.321</t>
  </si>
  <si>
    <t>85655.0</t>
  </si>
  <si>
    <t>16462051.0</t>
  </si>
  <si>
    <t>6459024.0</t>
  </si>
  <si>
    <t>5840344.0</t>
  </si>
  <si>
    <t>4162683.0</t>
  </si>
  <si>
    <t>23263.0</t>
  </si>
  <si>
    <t>32333419.0</t>
  </si>
  <si>
    <t>91974.0</t>
  </si>
  <si>
    <t>3480.08</t>
  </si>
  <si>
    <t>9.899</t>
  </si>
  <si>
    <t>86678.0</t>
  </si>
  <si>
    <t>9.329</t>
  </si>
  <si>
    <t>16475553.0</t>
  </si>
  <si>
    <t>6463430.0</t>
  </si>
  <si>
    <t>5845484.0</t>
  </si>
  <si>
    <t>4166639.0</t>
  </si>
  <si>
    <t>174.36</t>
  </si>
  <si>
    <t>32369056.0</t>
  </si>
  <si>
    <t>3483.915</t>
  </si>
  <si>
    <t>86634.0</t>
  </si>
  <si>
    <t>16483770.0</t>
  </si>
  <si>
    <t>6467371.0</t>
  </si>
  <si>
    <t>5848398.0</t>
  </si>
  <si>
    <t>4168001.0</t>
  </si>
  <si>
    <t>32463043.0</t>
  </si>
  <si>
    <t>93987.0</t>
  </si>
  <si>
    <t>3494.031</t>
  </si>
  <si>
    <t>87605.0</t>
  </si>
  <si>
    <t>16506360.0</t>
  </si>
  <si>
    <t>6474351.0</t>
  </si>
  <si>
    <t>5857729.0</t>
  </si>
  <si>
    <t>4174280.0</t>
  </si>
  <si>
    <t>22590.0</t>
  </si>
  <si>
    <t>7147.9</t>
  </si>
  <si>
    <t>756.471584294634</t>
  </si>
  <si>
    <t>32567496.0</t>
  </si>
  <si>
    <t>104453.0</t>
  </si>
  <si>
    <t>3505.273</t>
  </si>
  <si>
    <t>11.242</t>
  </si>
  <si>
    <t>88072.0</t>
  </si>
  <si>
    <t>9.479</t>
  </si>
  <si>
    <t>16527301.0</t>
  </si>
  <si>
    <t>6482323.0</t>
  </si>
  <si>
    <t>5865246.0</t>
  </si>
  <si>
    <t>4179732.0</t>
  </si>
  <si>
    <t>174.91</t>
  </si>
  <si>
    <t>32664519.0</t>
  </si>
  <si>
    <t>97023.0</t>
  </si>
  <si>
    <t>3515.716</t>
  </si>
  <si>
    <t>16551998.0</t>
  </si>
  <si>
    <t>6491872.0</t>
  </si>
  <si>
    <t>5873895.0</t>
  </si>
  <si>
    <t>4186231.0</t>
  </si>
  <si>
    <t>32763409.0</t>
  </si>
  <si>
    <t>3526.36</t>
  </si>
  <si>
    <t>88266.0</t>
  </si>
  <si>
    <t>16576079.0</t>
  </si>
  <si>
    <t>6501536.0</t>
  </si>
  <si>
    <t>5882050.0</t>
  </si>
  <si>
    <t>4192493.0</t>
  </si>
  <si>
    <t>19613.0</t>
  </si>
  <si>
    <t>175.43</t>
  </si>
  <si>
    <t>32870564.0</t>
  </si>
  <si>
    <t>107155.0</t>
  </si>
  <si>
    <t>3537.893</t>
  </si>
  <si>
    <t>11.533</t>
  </si>
  <si>
    <t>9.673</t>
  </si>
  <si>
    <t>16606057.0</t>
  </si>
  <si>
    <t>6513075.0</t>
  </si>
  <si>
    <t>5892314.0</t>
  </si>
  <si>
    <t>4200668.0</t>
  </si>
  <si>
    <t>29978.0</t>
  </si>
  <si>
    <t>32969629.0</t>
  </si>
  <si>
    <t>3548.555</t>
  </si>
  <si>
    <t>16623463.0</t>
  </si>
  <si>
    <t>6518948.0</t>
  </si>
  <si>
    <t>5898555.0</t>
  </si>
  <si>
    <t>4205960.0</t>
  </si>
  <si>
    <t>33007437.0</t>
  </si>
  <si>
    <t>3552.625</t>
  </si>
  <si>
    <t>91197.0</t>
  </si>
  <si>
    <t>16631394.0</t>
  </si>
  <si>
    <t>6522286.0</t>
  </si>
  <si>
    <t>5901121.0</t>
  </si>
  <si>
    <t>4207987.0</t>
  </si>
  <si>
    <t>33101931.0</t>
  </si>
  <si>
    <t>94494.0</t>
  </si>
  <si>
    <t>3562.795</t>
  </si>
  <si>
    <t>16659166.0</t>
  </si>
  <si>
    <t>6532939.0</t>
  </si>
  <si>
    <t>5910031.0</t>
  </si>
  <si>
    <t>4216196.0</t>
  </si>
  <si>
    <t>21829.0</t>
  </si>
  <si>
    <t>176.31</t>
  </si>
  <si>
    <t>7190.9</t>
  </si>
  <si>
    <t>761.022330405334</t>
  </si>
  <si>
    <t>33228857.0</t>
  </si>
  <si>
    <t>126926.0</t>
  </si>
  <si>
    <t>3576.456</t>
  </si>
  <si>
    <t>13.661</t>
  </si>
  <si>
    <t>94480.0</t>
  </si>
  <si>
    <t>16684889.0</t>
  </si>
  <si>
    <t>6543310.0</t>
  </si>
  <si>
    <t>5917176.0</t>
  </si>
  <si>
    <t>4224403.0</t>
  </si>
  <si>
    <t>176.58</t>
  </si>
  <si>
    <t>33358448.0</t>
  </si>
  <si>
    <t>129591.0</t>
  </si>
  <si>
    <t>3590.404</t>
  </si>
  <si>
    <t>99133.0</t>
  </si>
  <si>
    <t>16713380.0</t>
  </si>
  <si>
    <t>6554685.0</t>
  </si>
  <si>
    <t>5924628.0</t>
  </si>
  <si>
    <t>4234067.0</t>
  </si>
  <si>
    <t>33495085.0</t>
  </si>
  <si>
    <t>136637.0</t>
  </si>
  <si>
    <t>3605.111</t>
  </si>
  <si>
    <t>104525.0</t>
  </si>
  <si>
    <t>16737671.0</t>
  </si>
  <si>
    <t>6564618.0</t>
  </si>
  <si>
    <t>5930591.0</t>
  </si>
  <si>
    <t>4242462.0</t>
  </si>
  <si>
    <t>23085.0</t>
  </si>
  <si>
    <t>33654447.0</t>
  </si>
  <si>
    <t>3622.263</t>
  </si>
  <si>
    <t>111983.0</t>
  </si>
  <si>
    <t>16768667.0</t>
  </si>
  <si>
    <t>6575629.0</t>
  </si>
  <si>
    <t>5938326.0</t>
  </si>
  <si>
    <t>4254712.0</t>
  </si>
  <si>
    <t>177.46</t>
  </si>
  <si>
    <t>33793776.0</t>
  </si>
  <si>
    <t>139329.0</t>
  </si>
  <si>
    <t>3637.259</t>
  </si>
  <si>
    <t>117735.0</t>
  </si>
  <si>
    <t>12.672</t>
  </si>
  <si>
    <t>16784597.0</t>
  </si>
  <si>
    <t>6580458.0</t>
  </si>
  <si>
    <t>5941998.0</t>
  </si>
  <si>
    <t>4262141.0</t>
  </si>
  <si>
    <t>23019.0</t>
  </si>
  <si>
    <t>33886288.0</t>
  </si>
  <si>
    <t>3647.216</t>
  </si>
  <si>
    <t>125550.0</t>
  </si>
  <si>
    <t>16790987.0</t>
  </si>
  <si>
    <t>6582450.0</t>
  </si>
  <si>
    <t>5943589.0</t>
  </si>
  <si>
    <t>4264948.0</t>
  </si>
  <si>
    <t>22799.0</t>
  </si>
  <si>
    <t>34022839.0</t>
  </si>
  <si>
    <t>136551.0</t>
  </si>
  <si>
    <t>3661.914</t>
  </si>
  <si>
    <t>14.697</t>
  </si>
  <si>
    <t>131558.0</t>
  </si>
  <si>
    <t>16821283.0</t>
  </si>
  <si>
    <t>6592667.0</t>
  </si>
  <si>
    <t>5950076.0</t>
  </si>
  <si>
    <t>4278540.0</t>
  </si>
  <si>
    <t>30296.0</t>
  </si>
  <si>
    <t>178.02</t>
  </si>
  <si>
    <t>7288.3</t>
  </si>
  <si>
    <t>771.330299502593</t>
  </si>
  <si>
    <t>34221071.0</t>
  </si>
  <si>
    <t>198232.0</t>
  </si>
  <si>
    <t>3683.249</t>
  </si>
  <si>
    <t>141745.0</t>
  </si>
  <si>
    <t>16872319.0</t>
  </si>
  <si>
    <t>6602051.0</t>
  </si>
  <si>
    <t>5955334.0</t>
  </si>
  <si>
    <t>4314934.0</t>
  </si>
  <si>
    <t>51036.0</t>
  </si>
  <si>
    <t>178.56</t>
  </si>
  <si>
    <t>34411810.0</t>
  </si>
  <si>
    <t>190739.0</t>
  </si>
  <si>
    <t>3703.779</t>
  </si>
  <si>
    <t>20.529</t>
  </si>
  <si>
    <t>16948418.0</t>
  </si>
  <si>
    <t>6611018.0</t>
  </si>
  <si>
    <t>5961283.0</t>
  </si>
  <si>
    <t>4376117.0</t>
  </si>
  <si>
    <t>76099.0</t>
  </si>
  <si>
    <t>179.37</t>
  </si>
  <si>
    <t>34725209.0</t>
  </si>
  <si>
    <t>313399.0</t>
  </si>
  <si>
    <t>3737.51</t>
  </si>
  <si>
    <t>33.731</t>
  </si>
  <si>
    <t>17032793.0</t>
  </si>
  <si>
    <t>6619571.0</t>
  </si>
  <si>
    <t>5967022.0</t>
  </si>
  <si>
    <t>4446200.0</t>
  </si>
  <si>
    <t>42160.0</t>
  </si>
  <si>
    <t>35032699.0</t>
  </si>
  <si>
    <t>307490.0</t>
  </si>
  <si>
    <t>3770.606</t>
  </si>
  <si>
    <t>33.095</t>
  </si>
  <si>
    <t>196893.0</t>
  </si>
  <si>
    <t>21.192</t>
  </si>
  <si>
    <t>17128620.0</t>
  </si>
  <si>
    <t>6629910.0</t>
  </si>
  <si>
    <t>5974981.0</t>
  </si>
  <si>
    <t>4523729.0</t>
  </si>
  <si>
    <t>51422.0</t>
  </si>
  <si>
    <t>35316884.0</t>
  </si>
  <si>
    <t>284185.0</t>
  </si>
  <si>
    <t>3801.193</t>
  </si>
  <si>
    <t>30.587</t>
  </si>
  <si>
    <t>217587.0</t>
  </si>
  <si>
    <t>23.419</t>
  </si>
  <si>
    <t>17177236.0</t>
  </si>
  <si>
    <t>6634670.0</t>
  </si>
  <si>
    <t>5979537.0</t>
  </si>
  <si>
    <t>4563029.0</t>
  </si>
  <si>
    <t>56091.0</t>
  </si>
  <si>
    <t>104.35</t>
  </si>
  <si>
    <t>35581629.0</t>
  </si>
  <si>
    <t>264745.0</t>
  </si>
  <si>
    <t>3829.688</t>
  </si>
  <si>
    <t>28.495</t>
  </si>
  <si>
    <t>26.067</t>
  </si>
  <si>
    <t>17215570.0</t>
  </si>
  <si>
    <t>6637420.0</t>
  </si>
  <si>
    <t>5981989.0</t>
  </si>
  <si>
    <t>4596161.0</t>
  </si>
  <si>
    <t>38334.0</t>
  </si>
  <si>
    <t>60655.0</t>
  </si>
  <si>
    <t>35924508.0</t>
  </si>
  <si>
    <t>342879.0</t>
  </si>
  <si>
    <t>3866.592</t>
  </si>
  <si>
    <t>36.904</t>
  </si>
  <si>
    <t>271667.0</t>
  </si>
  <si>
    <t>17311231.0</t>
  </si>
  <si>
    <t>6646726.0</t>
  </si>
  <si>
    <t>5989711.0</t>
  </si>
  <si>
    <t>4674794.0</t>
  </si>
  <si>
    <t>69993.0</t>
  </si>
  <si>
    <t>183.21</t>
  </si>
  <si>
    <t>7305.4</t>
  </si>
  <si>
    <t>773.140014816383</t>
  </si>
  <si>
    <t>36304112.0</t>
  </si>
  <si>
    <t>379604.0</t>
  </si>
  <si>
    <t>3907.449</t>
  </si>
  <si>
    <t>40.857</t>
  </si>
  <si>
    <t>297577.0</t>
  </si>
  <si>
    <t>32.029</t>
  </si>
  <si>
    <t>17403880.0</t>
  </si>
  <si>
    <t>6655076.0</t>
  </si>
  <si>
    <t>5997357.0</t>
  </si>
  <si>
    <t>4751447.0</t>
  </si>
  <si>
    <t>92649.0</t>
  </si>
  <si>
    <t>184.19</t>
  </si>
  <si>
    <t>36704924.0</t>
  </si>
  <si>
    <t>400812.0</t>
  </si>
  <si>
    <t>3950.589</t>
  </si>
  <si>
    <t>327588.0</t>
  </si>
  <si>
    <t>17489229.0</t>
  </si>
  <si>
    <t>6663176.0</t>
  </si>
  <si>
    <t>6005978.0</t>
  </si>
  <si>
    <t>4820075.0</t>
  </si>
  <si>
    <t>85349.0</t>
  </si>
  <si>
    <t>37114016.0</t>
  </si>
  <si>
    <t>409092.0</t>
  </si>
  <si>
    <t>3994.62</t>
  </si>
  <si>
    <t>341258.0</t>
  </si>
  <si>
    <t>17560554.0</t>
  </si>
  <si>
    <t>6670453.0</t>
  </si>
  <si>
    <t>6014281.0</t>
  </si>
  <si>
    <t>4875820.0</t>
  </si>
  <si>
    <t>71325.0</t>
  </si>
  <si>
    <t>75394.0</t>
  </si>
  <si>
    <t>37517842.0</t>
  </si>
  <si>
    <t>4038.084</t>
  </si>
  <si>
    <t>43.464</t>
  </si>
  <si>
    <t>355020.0</t>
  </si>
  <si>
    <t>38.211</t>
  </si>
  <si>
    <t>17623985.0</t>
  </si>
  <si>
    <t>6677960.0</t>
  </si>
  <si>
    <t>6023897.0</t>
  </si>
  <si>
    <t>4922128.0</t>
  </si>
  <si>
    <t>70766.0</t>
  </si>
  <si>
    <t>37839907.0</t>
  </si>
  <si>
    <t>322065.0</t>
  </si>
  <si>
    <t>4072.749</t>
  </si>
  <si>
    <t>34.664</t>
  </si>
  <si>
    <t>360432.0</t>
  </si>
  <si>
    <t>38.794</t>
  </si>
  <si>
    <t>17648760.0</t>
  </si>
  <si>
    <t>6680515.0</t>
  </si>
  <si>
    <t>6028832.0</t>
  </si>
  <si>
    <t>4939413.0</t>
  </si>
  <si>
    <t>24775.0</t>
  </si>
  <si>
    <t>67361.0</t>
  </si>
  <si>
    <t>186.78</t>
  </si>
  <si>
    <t>38156488.0</t>
  </si>
  <si>
    <t>316581.0</t>
  </si>
  <si>
    <t>4106.823</t>
  </si>
  <si>
    <t>34.074</t>
  </si>
  <si>
    <t>367837.0</t>
  </si>
  <si>
    <t>39.591</t>
  </si>
  <si>
    <t>17662999.0</t>
  </si>
  <si>
    <t>6681984.0</t>
  </si>
  <si>
    <t>6032002.0</t>
  </si>
  <si>
    <t>4949013.0</t>
  </si>
  <si>
    <t>38583025.0</t>
  </si>
  <si>
    <t>426537.0</t>
  </si>
  <si>
    <t>4152.731</t>
  </si>
  <si>
    <t>45.909</t>
  </si>
  <si>
    <t>40.877</t>
  </si>
  <si>
    <t>17703016.0</t>
  </si>
  <si>
    <t>6685802.0</t>
  </si>
  <si>
    <t>6040528.0</t>
  </si>
  <si>
    <t>4976686.0</t>
  </si>
  <si>
    <t>55969.0</t>
  </si>
  <si>
    <t>187.35</t>
  </si>
  <si>
    <t>7422.7</t>
  </si>
  <si>
    <t>785.554026881151</t>
  </si>
  <si>
    <t>39030614.0</t>
  </si>
  <si>
    <t>447589.0</t>
  </si>
  <si>
    <t>4200.906</t>
  </si>
  <si>
    <t>48.174</t>
  </si>
  <si>
    <t>389500.0</t>
  </si>
  <si>
    <t>17736874.0</t>
  </si>
  <si>
    <t>6688611.0</t>
  </si>
  <si>
    <t>6047574.0</t>
  </si>
  <si>
    <t>5000689.0</t>
  </si>
  <si>
    <t>47571.0</t>
  </si>
  <si>
    <t>187.71</t>
  </si>
  <si>
    <t>39474227.0</t>
  </si>
  <si>
    <t>443613.0</t>
  </si>
  <si>
    <t>4248.652</t>
  </si>
  <si>
    <t>47.747</t>
  </si>
  <si>
    <t>395615.0</t>
  </si>
  <si>
    <t>17767085.0</t>
  </si>
  <si>
    <t>6691086.0</t>
  </si>
  <si>
    <t>6054959.0</t>
  </si>
  <si>
    <t>5021040.0</t>
  </si>
  <si>
    <t>39694.0</t>
  </si>
  <si>
    <t>305.747</t>
  </si>
  <si>
    <t>39884419.0</t>
  </si>
  <si>
    <t>410192.0</t>
  </si>
  <si>
    <t>4292.802</t>
  </si>
  <si>
    <t>44.149</t>
  </si>
  <si>
    <t>395772.0</t>
  </si>
  <si>
    <t>42.597</t>
  </si>
  <si>
    <t>17788349.0</t>
  </si>
  <si>
    <t>6693000.0</t>
  </si>
  <si>
    <t>6061328.0</t>
  </si>
  <si>
    <t>5034021.0</t>
  </si>
  <si>
    <t>32542.0</t>
  </si>
  <si>
    <t>188.26</t>
  </si>
  <si>
    <t>40258748.0</t>
  </si>
  <si>
    <t>4333.091</t>
  </si>
  <si>
    <t>40.289</t>
  </si>
  <si>
    <t>391558.0</t>
  </si>
  <si>
    <t>42.144</t>
  </si>
  <si>
    <t>17809930.0</t>
  </si>
  <si>
    <t>6694779.0</t>
  </si>
  <si>
    <t>6068297.0</t>
  </si>
  <si>
    <t>5046854.0</t>
  </si>
  <si>
    <t>26564.0</t>
  </si>
  <si>
    <t>188.48</t>
  </si>
  <si>
    <t>40571822.0</t>
  </si>
  <si>
    <t>313074.0</t>
  </si>
  <si>
    <t>4366.787</t>
  </si>
  <si>
    <t>33.696</t>
  </si>
  <si>
    <t>390274.0</t>
  </si>
  <si>
    <t>17820564.0</t>
  </si>
  <si>
    <t>6695684.0</t>
  </si>
  <si>
    <t>6072022.0</t>
  </si>
  <si>
    <t>5052858.0</t>
  </si>
  <si>
    <t>40899643.0</t>
  </si>
  <si>
    <t>327821.0</t>
  </si>
  <si>
    <t>4402.071</t>
  </si>
  <si>
    <t>35.284</t>
  </si>
  <si>
    <t>391879.0</t>
  </si>
  <si>
    <t>42.178</t>
  </si>
  <si>
    <t>17824532.0</t>
  </si>
  <si>
    <t>6696012.0</t>
  </si>
  <si>
    <t>6073483.0</t>
  </si>
  <si>
    <t>5055037.0</t>
  </si>
  <si>
    <t>188.64</t>
  </si>
  <si>
    <t>41277798.0</t>
  </si>
  <si>
    <t>378155.0</t>
  </si>
  <si>
    <t>4442.772</t>
  </si>
  <si>
    <t>40.701</t>
  </si>
  <si>
    <t>384968.0</t>
  </si>
  <si>
    <t>17840193.0</t>
  </si>
  <si>
    <t>6697080.0</t>
  </si>
  <si>
    <t>6079115.0</t>
  </si>
  <si>
    <t>5063998.0</t>
  </si>
  <si>
    <t>7741.8</t>
  </si>
  <si>
    <t>819.324796274738</t>
  </si>
  <si>
    <t>41669064.0</t>
  </si>
  <si>
    <t>391266.0</t>
  </si>
  <si>
    <t>4484.885</t>
  </si>
  <si>
    <t>376921.0</t>
  </si>
  <si>
    <t>40.568</t>
  </si>
  <si>
    <t>17852754.0</t>
  </si>
  <si>
    <t>6697839.0</t>
  </si>
  <si>
    <t>6083595.0</t>
  </si>
  <si>
    <t>5071320.0</t>
  </si>
  <si>
    <t>16554.0</t>
  </si>
  <si>
    <t>188.94</t>
  </si>
  <si>
    <t>42029584.0</t>
  </si>
  <si>
    <t>360520.0</t>
  </si>
  <si>
    <t>4523.688</t>
  </si>
  <si>
    <t>365051.0</t>
  </si>
  <si>
    <t>39.291</t>
  </si>
  <si>
    <t>17867183.0</t>
  </si>
  <si>
    <t>6698583.0</t>
  </si>
  <si>
    <t>6087996.0</t>
  </si>
  <si>
    <t>5080604.0</t>
  </si>
  <si>
    <t>393.057</t>
  </si>
  <si>
    <t>42314123.0</t>
  </si>
  <si>
    <t>284539.0</t>
  </si>
  <si>
    <t>4554.313</t>
  </si>
  <si>
    <t>30.625</t>
  </si>
  <si>
    <t>347101.0</t>
  </si>
  <si>
    <t>37.359</t>
  </si>
  <si>
    <t>17876956.0</t>
  </si>
  <si>
    <t>6699198.0</t>
  </si>
  <si>
    <t>6091281.0</t>
  </si>
  <si>
    <t>5086477.0</t>
  </si>
  <si>
    <t>189.19</t>
  </si>
  <si>
    <t>42549048.0</t>
  </si>
  <si>
    <t>234925.0</t>
  </si>
  <si>
    <t>4579.598</t>
  </si>
  <si>
    <t>25.285</t>
  </si>
  <si>
    <t>327186.0</t>
  </si>
  <si>
    <t>35.215</t>
  </si>
  <si>
    <t>17889606.0</t>
  </si>
  <si>
    <t>6699996.0</t>
  </si>
  <si>
    <t>6095687.0</t>
  </si>
  <si>
    <t>5093923.0</t>
  </si>
  <si>
    <t>42751481.0</t>
  </si>
  <si>
    <t>202433.0</t>
  </si>
  <si>
    <t>4601.386</t>
  </si>
  <si>
    <t>311380.0</t>
  </si>
  <si>
    <t>17897009.0</t>
  </si>
  <si>
    <t>6700391.0</t>
  </si>
  <si>
    <t>6098063.0</t>
  </si>
  <si>
    <t>5098555.0</t>
  </si>
  <si>
    <t>189.41</t>
  </si>
  <si>
    <t>42939414.0</t>
  </si>
  <si>
    <t>187933.0</t>
  </si>
  <si>
    <t>4621.614</t>
  </si>
  <si>
    <t>31.363</t>
  </si>
  <si>
    <t>17899765.0</t>
  </si>
  <si>
    <t>6700515.0</t>
  </si>
  <si>
    <t>5100141.0</t>
  </si>
  <si>
    <t>189.44</t>
  </si>
  <si>
    <t>43201671.0</t>
  </si>
  <si>
    <t>262257.0</t>
  </si>
  <si>
    <t>4649.841</t>
  </si>
  <si>
    <t>29.581</t>
  </si>
  <si>
    <t>17915372.0</t>
  </si>
  <si>
    <t>6701284.0</t>
  </si>
  <si>
    <t>6103828.0</t>
  </si>
  <si>
    <t>5110260.0</t>
  </si>
  <si>
    <t>8141.1</t>
  </si>
  <si>
    <t>861.583236321304</t>
  </si>
  <si>
    <t>43466096.0</t>
  </si>
  <si>
    <t>264425.0</t>
  </si>
  <si>
    <t>4678.301</t>
  </si>
  <si>
    <t>256719.0</t>
  </si>
  <si>
    <t>27.631</t>
  </si>
  <si>
    <t>17927166.0</t>
  </si>
  <si>
    <t>6701812.0</t>
  </si>
  <si>
    <t>6107012.0</t>
  </si>
  <si>
    <t>5118342.0</t>
  </si>
  <si>
    <t>43703833.0</t>
  </si>
  <si>
    <t>237737.0</t>
  </si>
  <si>
    <t>4703.889</t>
  </si>
  <si>
    <t>25.588</t>
  </si>
  <si>
    <t>25.743</t>
  </si>
  <si>
    <t>17937700.0</t>
  </si>
  <si>
    <t>6702293.0</t>
  </si>
  <si>
    <t>6109819.0</t>
  </si>
  <si>
    <t>5125588.0</t>
  </si>
  <si>
    <t>189.84</t>
  </si>
  <si>
    <t>43917273.0</t>
  </si>
  <si>
    <t>4726.862</t>
  </si>
  <si>
    <t>229021.0</t>
  </si>
  <si>
    <t>17946926.0</t>
  </si>
  <si>
    <t>6702668.0</t>
  </si>
  <si>
    <t>6112214.0</t>
  </si>
  <si>
    <t>5132044.0</t>
  </si>
  <si>
    <t>44104527.0</t>
  </si>
  <si>
    <t>187254.0</t>
  </si>
  <si>
    <t>4747.016</t>
  </si>
  <si>
    <t>20.154</t>
  </si>
  <si>
    <t>222211.0</t>
  </si>
  <si>
    <t>23.917</t>
  </si>
  <si>
    <t>17957216.0</t>
  </si>
  <si>
    <t>6703114.0</t>
  </si>
  <si>
    <t>6114990.0</t>
  </si>
  <si>
    <t>5139112.0</t>
  </si>
  <si>
    <t>44254583.0</t>
  </si>
  <si>
    <t>150056.0</t>
  </si>
  <si>
    <t>4763.167</t>
  </si>
  <si>
    <t>16.151</t>
  </si>
  <si>
    <t>214729.0</t>
  </si>
  <si>
    <t>17961592.0</t>
  </si>
  <si>
    <t>6703288.0</t>
  </si>
  <si>
    <t>6115981.0</t>
  </si>
  <si>
    <t>5142323.0</t>
  </si>
  <si>
    <t>44371160.0</t>
  </si>
  <si>
    <t>4775.714</t>
  </si>
  <si>
    <t>204535.0</t>
  </si>
  <si>
    <t>22.014</t>
  </si>
  <si>
    <t>17962637.0</t>
  </si>
  <si>
    <t>6703350.0</t>
  </si>
  <si>
    <t>6116323.0</t>
  </si>
  <si>
    <t>5142964.0</t>
  </si>
  <si>
    <t>38.205</t>
  </si>
  <si>
    <t>44558286.0</t>
  </si>
  <si>
    <t>187126.0</t>
  </si>
  <si>
    <t>4795.855</t>
  </si>
  <si>
    <t>20.141</t>
  </si>
  <si>
    <t>193802.0</t>
  </si>
  <si>
    <t>17972392.0</t>
  </si>
  <si>
    <t>6703756.0</t>
  </si>
  <si>
    <t>6118643.0</t>
  </si>
  <si>
    <t>5149993.0</t>
  </si>
  <si>
    <t>8609.6</t>
  </si>
  <si>
    <t>911.165202666949</t>
  </si>
  <si>
    <t>44740468.0</t>
  </si>
  <si>
    <t>182182.0</t>
  </si>
  <si>
    <t>4815.463</t>
  </si>
  <si>
    <t>182053.0</t>
  </si>
  <si>
    <t>17980924.0</t>
  </si>
  <si>
    <t>6704038.0</t>
  </si>
  <si>
    <t>6119950.0</t>
  </si>
  <si>
    <t>5156936.0</t>
  </si>
  <si>
    <t>44897740.0</t>
  </si>
  <si>
    <t>157272.0</t>
  </si>
  <si>
    <t>4832.39</t>
  </si>
  <si>
    <t>170558.0</t>
  </si>
  <si>
    <t>18.357</t>
  </si>
  <si>
    <t>17989944.0</t>
  </si>
  <si>
    <t>6704355.0</t>
  </si>
  <si>
    <t>6121448.0</t>
  </si>
  <si>
    <t>5164141.0</t>
  </si>
  <si>
    <t>190.39</t>
  </si>
  <si>
    <t>45046118.0</t>
  </si>
  <si>
    <t>148378.0</t>
  </si>
  <si>
    <t>4848.361</t>
  </si>
  <si>
    <t>161264.0</t>
  </si>
  <si>
    <t>17996815.0</t>
  </si>
  <si>
    <t>6704609.0</t>
  </si>
  <si>
    <t>6122550.0</t>
  </si>
  <si>
    <t>5169656.0</t>
  </si>
  <si>
    <t>190.46</t>
  </si>
  <si>
    <t>45174594.0</t>
  </si>
  <si>
    <t>128476.0</t>
  </si>
  <si>
    <t>4862.189</t>
  </si>
  <si>
    <t>152867.0</t>
  </si>
  <si>
    <t>16.453</t>
  </si>
  <si>
    <t>18004132.0</t>
  </si>
  <si>
    <t>6704882.0</t>
  </si>
  <si>
    <t>6123843.0</t>
  </si>
  <si>
    <t>5175407.0</t>
  </si>
  <si>
    <t>190.54</t>
  </si>
  <si>
    <t>45273583.0</t>
  </si>
  <si>
    <t>4872.843</t>
  </si>
  <si>
    <t>10.654</t>
  </si>
  <si>
    <t>145571.0</t>
  </si>
  <si>
    <t>18007957.0</t>
  </si>
  <si>
    <t>6705093.0</t>
  </si>
  <si>
    <t>6124400.0</t>
  </si>
  <si>
    <t>5178464.0</t>
  </si>
  <si>
    <t>190.58</t>
  </si>
  <si>
    <t>45342823.0</t>
  </si>
  <si>
    <t>69240.0</t>
  </si>
  <si>
    <t>4880.295</t>
  </si>
  <si>
    <t>138809.0</t>
  </si>
  <si>
    <t>18008481.0</t>
  </si>
  <si>
    <t>6705125.0</t>
  </si>
  <si>
    <t>6124490.0</t>
  </si>
  <si>
    <t>5178866.0</t>
  </si>
  <si>
    <t>190.59</t>
  </si>
  <si>
    <t>45469563.0</t>
  </si>
  <si>
    <t>126740.0</t>
  </si>
  <si>
    <t>4893.936</t>
  </si>
  <si>
    <t>130182.0</t>
  </si>
  <si>
    <t>18015677.0</t>
  </si>
  <si>
    <t>6705411.0</t>
  </si>
  <si>
    <t>6125436.0</t>
  </si>
  <si>
    <t>5184830.0</t>
  </si>
  <si>
    <t>190.66</t>
  </si>
  <si>
    <t>8975.1</t>
  </si>
  <si>
    <t>949.846544607895</t>
  </si>
  <si>
    <t>45593526.0</t>
  </si>
  <si>
    <t>123963.0</t>
  </si>
  <si>
    <t>4907.279</t>
  </si>
  <si>
    <t>121865.0</t>
  </si>
  <si>
    <t>13.116</t>
  </si>
  <si>
    <t>18020386.0</t>
  </si>
  <si>
    <t>6705591.0</t>
  </si>
  <si>
    <t>6126063.0</t>
  </si>
  <si>
    <t>5188732.0</t>
  </si>
  <si>
    <t>190.71</t>
  </si>
  <si>
    <t>45702347.0</t>
  </si>
  <si>
    <t>108821.0</t>
  </si>
  <si>
    <t>4918.991</t>
  </si>
  <si>
    <t>114944.0</t>
  </si>
  <si>
    <t>18026169.0</t>
  </si>
  <si>
    <t>6705857.0</t>
  </si>
  <si>
    <t>6126826.0</t>
  </si>
  <si>
    <t>5193486.0</t>
  </si>
  <si>
    <t>45815284.0</t>
  </si>
  <si>
    <t>112937.0</t>
  </si>
  <si>
    <t>4931.147</t>
  </si>
  <si>
    <t>12.156</t>
  </si>
  <si>
    <t>109881.0</t>
  </si>
  <si>
    <t>18030216.0</t>
  </si>
  <si>
    <t>6706036.0</t>
  </si>
  <si>
    <t>6127403.0</t>
  </si>
  <si>
    <t>5196777.0</t>
  </si>
  <si>
    <t>45910739.0</t>
  </si>
  <si>
    <t>95455.0</t>
  </si>
  <si>
    <t>4941.421</t>
  </si>
  <si>
    <t>10.274</t>
  </si>
  <si>
    <t>105164.0</t>
  </si>
  <si>
    <t>18035038.0</t>
  </si>
  <si>
    <t>6706282.0</t>
  </si>
  <si>
    <t>6128143.0</t>
  </si>
  <si>
    <t>5200613.0</t>
  </si>
  <si>
    <t>45983590.0</t>
  </si>
  <si>
    <t>72851.0</t>
  </si>
  <si>
    <t>4949.262</t>
  </si>
  <si>
    <t>101430.0</t>
  </si>
  <si>
    <t>18037066.0</t>
  </si>
  <si>
    <t>6706413.0</t>
  </si>
  <si>
    <t>6128485.0</t>
  </si>
  <si>
    <t>5202168.0</t>
  </si>
  <si>
    <t>46034084.0</t>
  </si>
  <si>
    <t>50494.0</t>
  </si>
  <si>
    <t>4954.696</t>
  </si>
  <si>
    <t>98752.0</t>
  </si>
  <si>
    <t>18037344.0</t>
  </si>
  <si>
    <t>6706446.0</t>
  </si>
  <si>
    <t>6128569.0</t>
  </si>
  <si>
    <t>5202329.0</t>
  </si>
  <si>
    <t>46124436.0</t>
  </si>
  <si>
    <t>90352.0</t>
  </si>
  <si>
    <t>4964.421</t>
  </si>
  <si>
    <t>9.725</t>
  </si>
  <si>
    <t>93553.0</t>
  </si>
  <si>
    <t>18041446.0</t>
  </si>
  <si>
    <t>6706649.0</t>
  </si>
  <si>
    <t>6129173.0</t>
  </si>
  <si>
    <t>5205624.0</t>
  </si>
  <si>
    <t>190.93</t>
  </si>
  <si>
    <t>977.246269446502</t>
  </si>
  <si>
    <t>46220461.0</t>
  </si>
  <si>
    <t>4974.756</t>
  </si>
  <si>
    <t>89562.0</t>
  </si>
  <si>
    <t>18044063.0</t>
  </si>
  <si>
    <t>6706822.0</t>
  </si>
  <si>
    <t>6129586.0</t>
  </si>
  <si>
    <t>5207655.0</t>
  </si>
  <si>
    <t>46304975.0</t>
  </si>
  <si>
    <t>4983.853</t>
  </si>
  <si>
    <t>86090.0</t>
  </si>
  <si>
    <t>18047116.0</t>
  </si>
  <si>
    <t>6706980.0</t>
  </si>
  <si>
    <t>6130040.0</t>
  </si>
  <si>
    <t>5210096.0</t>
  </si>
  <si>
    <t>46383861.0</t>
  </si>
  <si>
    <t>78886.0</t>
  </si>
  <si>
    <t>4992.343</t>
  </si>
  <si>
    <t>18049184.0</t>
  </si>
  <si>
    <t>6707089.0</t>
  </si>
  <si>
    <t>6130393.0</t>
  </si>
  <si>
    <t>5211702.0</t>
  </si>
  <si>
    <t>191.02</t>
  </si>
  <si>
    <t>46460687.0</t>
  </si>
  <si>
    <t>5000.612</t>
  </si>
  <si>
    <t>78564.0</t>
  </si>
  <si>
    <t>18051844.0</t>
  </si>
  <si>
    <t>6707227.0</t>
  </si>
  <si>
    <t>6130855.0</t>
  </si>
  <si>
    <t>5213762.0</t>
  </si>
  <si>
    <t>46516874.0</t>
  </si>
  <si>
    <t>5006.66</t>
  </si>
  <si>
    <t>6.047</t>
  </si>
  <si>
    <t>76183.0</t>
  </si>
  <si>
    <t>18052693.0</t>
  </si>
  <si>
    <t>6707286.0</t>
  </si>
  <si>
    <t>6130999.0</t>
  </si>
  <si>
    <t>5214408.0</t>
  </si>
  <si>
    <t>46553261.0</t>
  </si>
  <si>
    <t>36387.0</t>
  </si>
  <si>
    <t>5010.576</t>
  </si>
  <si>
    <t>74168.0</t>
  </si>
  <si>
    <t>18052934.0</t>
  </si>
  <si>
    <t>6707303.0</t>
  </si>
  <si>
    <t>6131027.0</t>
  </si>
  <si>
    <t>5214604.0</t>
  </si>
  <si>
    <t>191.06</t>
  </si>
  <si>
    <t>46620821.0</t>
  </si>
  <si>
    <t>67560.0</t>
  </si>
  <si>
    <t>5017.847</t>
  </si>
  <si>
    <t>18054954.0</t>
  </si>
  <si>
    <t>6707415.0</t>
  </si>
  <si>
    <t>6131368.0</t>
  </si>
  <si>
    <t>5216171.0</t>
  </si>
  <si>
    <t>191.08</t>
  </si>
  <si>
    <t>9404.1</t>
  </si>
  <si>
    <t>995.24817440999</t>
  </si>
  <si>
    <t>46690191.0</t>
  </si>
  <si>
    <t>69370.0</t>
  </si>
  <si>
    <t>5025.314</t>
  </si>
  <si>
    <t>67104.0</t>
  </si>
  <si>
    <t>18056663.0</t>
  </si>
  <si>
    <t>6707523.0</t>
  </si>
  <si>
    <t>6131640.0</t>
  </si>
  <si>
    <t>5217500.0</t>
  </si>
  <si>
    <t>46762455.0</t>
  </si>
  <si>
    <t>72264.0</t>
  </si>
  <si>
    <t>5033.092</t>
  </si>
  <si>
    <t>7.778</t>
  </si>
  <si>
    <t>7.034</t>
  </si>
  <si>
    <t>18058208.0</t>
  </si>
  <si>
    <t>6707618.0</t>
  </si>
  <si>
    <t>6131921.0</t>
  </si>
  <si>
    <t>5218669.0</t>
  </si>
  <si>
    <t>191.11</t>
  </si>
  <si>
    <t>24.447</t>
  </si>
  <si>
    <t>46836503.0</t>
  </si>
  <si>
    <t>74048.0</t>
  </si>
  <si>
    <t>5041.062</t>
  </si>
  <si>
    <t>18059505.0</t>
  </si>
  <si>
    <t>6707695.0</t>
  </si>
  <si>
    <t>6132120.0</t>
  </si>
  <si>
    <t>5219690.0</t>
  </si>
  <si>
    <t>191.13</t>
  </si>
  <si>
    <t>46898093.0</t>
  </si>
  <si>
    <t>61590.0</t>
  </si>
  <si>
    <t>5047.691</t>
  </si>
  <si>
    <t>62487.0</t>
  </si>
  <si>
    <t>18061516.0</t>
  </si>
  <si>
    <t>6707851.0</t>
  </si>
  <si>
    <t>6132492.0</t>
  </si>
  <si>
    <t>5221173.0</t>
  </si>
  <si>
    <t>191.15</t>
  </si>
  <si>
    <t>46947281.0</t>
  </si>
  <si>
    <t>49188.0</t>
  </si>
  <si>
    <t>5052.985</t>
  </si>
  <si>
    <t>6.618</t>
  </si>
  <si>
    <t>18062136.0</t>
  </si>
  <si>
    <t>6707904.0</t>
  </si>
  <si>
    <t>6132662.0</t>
  </si>
  <si>
    <t>5221570.0</t>
  </si>
  <si>
    <t>46978204.0</t>
  </si>
  <si>
    <t>5056.313</t>
  </si>
  <si>
    <t>18062240.0</t>
  </si>
  <si>
    <t>6707908.0</t>
  </si>
  <si>
    <t>6132687.0</t>
  </si>
  <si>
    <t>5221645.0</t>
  </si>
  <si>
    <t>191.16</t>
  </si>
  <si>
    <t>47034127.0</t>
  </si>
  <si>
    <t>55923.0</t>
  </si>
  <si>
    <t>5062.332</t>
  </si>
  <si>
    <t>59044.0</t>
  </si>
  <si>
    <t>18063773.0</t>
  </si>
  <si>
    <t>6708005.0</t>
  </si>
  <si>
    <t>6132945.0</t>
  </si>
  <si>
    <t>5222823.0</t>
  </si>
  <si>
    <t>191.17</t>
  </si>
  <si>
    <t>9505.6</t>
  </si>
  <si>
    <t>1005.99005185734</t>
  </si>
  <si>
    <t>47107447.0</t>
  </si>
  <si>
    <t>5070.224</t>
  </si>
  <si>
    <t>6.416</t>
  </si>
  <si>
    <t>18065078.0</t>
  </si>
  <si>
    <t>6708092.0</t>
  </si>
  <si>
    <t>6133205.0</t>
  </si>
  <si>
    <t>5223781.0</t>
  </si>
  <si>
    <t>191.19</t>
  </si>
  <si>
    <t>47167948.0</t>
  </si>
  <si>
    <t>60501.0</t>
  </si>
  <si>
    <t>5076.735</t>
  </si>
  <si>
    <t>6.235</t>
  </si>
  <si>
    <t>18066323.0</t>
  </si>
  <si>
    <t>6708191.0</t>
  </si>
  <si>
    <t>6133468.0</t>
  </si>
  <si>
    <t>5224664.0</t>
  </si>
  <si>
    <t>191.2</t>
  </si>
  <si>
    <t>47229210.0</t>
  </si>
  <si>
    <t>61262.0</t>
  </si>
  <si>
    <t>5083.329</t>
  </si>
  <si>
    <t>6.038</t>
  </si>
  <si>
    <t>18067454.0</t>
  </si>
  <si>
    <t>6708280.0</t>
  </si>
  <si>
    <t>6133681.0</t>
  </si>
  <si>
    <t>5225493.0</t>
  </si>
  <si>
    <t>191.21</t>
  </si>
  <si>
    <t>47287754.0</t>
  </si>
  <si>
    <t>58544.0</t>
  </si>
  <si>
    <t>5089.63</t>
  </si>
  <si>
    <t>18068991.0</t>
  </si>
  <si>
    <t>6708396.0</t>
  </si>
  <si>
    <t>6134055.0</t>
  </si>
  <si>
    <t>5226540.0</t>
  </si>
  <si>
    <t>47335929.0</t>
  </si>
  <si>
    <t>5094.815</t>
  </si>
  <si>
    <t>5.185</t>
  </si>
  <si>
    <t>18069368.0</t>
  </si>
  <si>
    <t>6708420.0</t>
  </si>
  <si>
    <t>6134141.0</t>
  </si>
  <si>
    <t>5226807.0</t>
  </si>
  <si>
    <t>105.09</t>
  </si>
  <si>
    <t>47362011.0</t>
  </si>
  <si>
    <t>5097.623</t>
  </si>
  <si>
    <t>54830.0</t>
  </si>
  <si>
    <t>5.901</t>
  </si>
  <si>
    <t>18069452.0</t>
  </si>
  <si>
    <t>6708431.0</t>
  </si>
  <si>
    <t>6134153.0</t>
  </si>
  <si>
    <t>5226868.0</t>
  </si>
  <si>
    <t>47413289.0</t>
  </si>
  <si>
    <t>5103.142</t>
  </si>
  <si>
    <t>18070776.0</t>
  </si>
  <si>
    <t>6708531.0</t>
  </si>
  <si>
    <t>6134424.0</t>
  </si>
  <si>
    <t>5227821.0</t>
  </si>
  <si>
    <t>9544.1</t>
  </si>
  <si>
    <t>1010.06455709599</t>
  </si>
  <si>
    <t>47481247.0</t>
  </si>
  <si>
    <t>67958.0</t>
  </si>
  <si>
    <t>5110.456</t>
  </si>
  <si>
    <t>18071969.0</t>
  </si>
  <si>
    <t>6708596.0</t>
  </si>
  <si>
    <t>6134677.0</t>
  </si>
  <si>
    <t>5228696.0</t>
  </si>
  <si>
    <t>47539179.0</t>
  </si>
  <si>
    <t>57932.0</t>
  </si>
  <si>
    <t>5116.691</t>
  </si>
  <si>
    <t>18073117.0</t>
  </si>
  <si>
    <t>6708675.0</t>
  </si>
  <si>
    <t>6134862.0</t>
  </si>
  <si>
    <t>5229580.0</t>
  </si>
  <si>
    <t>47596010.0</t>
  </si>
  <si>
    <t>56831.0</t>
  </si>
  <si>
    <t>5122.808</t>
  </si>
  <si>
    <t>18074371.0</t>
  </si>
  <si>
    <t>6708751.0</t>
  </si>
  <si>
    <t>6135067.0</t>
  </si>
  <si>
    <t>5230553.0</t>
  </si>
  <si>
    <t>191.28</t>
  </si>
  <si>
    <t>47651208.0</t>
  </si>
  <si>
    <t>5128.749</t>
  </si>
  <si>
    <t>51922.0</t>
  </si>
  <si>
    <t>18075456.0</t>
  </si>
  <si>
    <t>6708816.0</t>
  </si>
  <si>
    <t>6135188.0</t>
  </si>
  <si>
    <t>5231452.0</t>
  </si>
  <si>
    <t>47696325.0</t>
  </si>
  <si>
    <t>5133.605</t>
  </si>
  <si>
    <t>51485.0</t>
  </si>
  <si>
    <t>18075864.0</t>
  </si>
  <si>
    <t>6708836.0</t>
  </si>
  <si>
    <t>6135242.0</t>
  </si>
  <si>
    <t>5231786.0</t>
  </si>
  <si>
    <t>191.3</t>
  </si>
  <si>
    <t>47733482.0</t>
  </si>
  <si>
    <t>37157.0</t>
  </si>
  <si>
    <t>5137.604</t>
  </si>
  <si>
    <t>18075947.0</t>
  </si>
  <si>
    <t>6708841.0</t>
  </si>
  <si>
    <t>6135253.0</t>
  </si>
  <si>
    <t>5231853.0</t>
  </si>
  <si>
    <t>47796656.0</t>
  </si>
  <si>
    <t>63174.0</t>
  </si>
  <si>
    <t>5144.404</t>
  </si>
  <si>
    <t>54767.0</t>
  </si>
  <si>
    <t>18078243.0</t>
  </si>
  <si>
    <t>6708960.0</t>
  </si>
  <si>
    <t>6135513.0</t>
  </si>
  <si>
    <t>5233770.0</t>
  </si>
  <si>
    <t>9610.6</t>
  </si>
  <si>
    <t>1017.10233887184</t>
  </si>
  <si>
    <t>47884480.0</t>
  </si>
  <si>
    <t>5153.856</t>
  </si>
  <si>
    <t>57605.0</t>
  </si>
  <si>
    <t>18080098.0</t>
  </si>
  <si>
    <t>6709057.0</t>
  </si>
  <si>
    <t>6135760.0</t>
  </si>
  <si>
    <t>5235281.0</t>
  </si>
  <si>
    <t>191.34</t>
  </si>
  <si>
    <t>47962579.0</t>
  </si>
  <si>
    <t>78099.0</t>
  </si>
  <si>
    <t>5162.262</t>
  </si>
  <si>
    <t>8.406</t>
  </si>
  <si>
    <t>60486.0</t>
  </si>
  <si>
    <t>18082858.0</t>
  </si>
  <si>
    <t>6709198.0</t>
  </si>
  <si>
    <t>6136102.0</t>
  </si>
  <si>
    <t>5237558.0</t>
  </si>
  <si>
    <t>48039250.0</t>
  </si>
  <si>
    <t>76671.0</t>
  </si>
  <si>
    <t>5170.514</t>
  </si>
  <si>
    <t>63320.0</t>
  </si>
  <si>
    <t>18085317.0</t>
  </si>
  <si>
    <t>6709306.0</t>
  </si>
  <si>
    <t>6136314.0</t>
  </si>
  <si>
    <t>5239697.0</t>
  </si>
  <si>
    <t>48106943.0</t>
  </si>
  <si>
    <t>67693.0</t>
  </si>
  <si>
    <t>5177.8</t>
  </si>
  <si>
    <t>7.007</t>
  </si>
  <si>
    <t>18088966.0</t>
  </si>
  <si>
    <t>6709480.0</t>
  </si>
  <si>
    <t>6136659.0</t>
  </si>
  <si>
    <t>191.44</t>
  </si>
  <si>
    <t>48165543.0</t>
  </si>
  <si>
    <t>5184.108</t>
  </si>
  <si>
    <t>6.307</t>
  </si>
  <si>
    <t>18089872.0</t>
  </si>
  <si>
    <t>6709519.0</t>
  </si>
  <si>
    <t>6136741.0</t>
  </si>
  <si>
    <t>5243612.0</t>
  </si>
  <si>
    <t>48207228.0</t>
  </si>
  <si>
    <t>5188.594</t>
  </si>
  <si>
    <t>67678.0</t>
  </si>
  <si>
    <t>18090022.0</t>
  </si>
  <si>
    <t>6709531.0</t>
  </si>
  <si>
    <t>6136754.0</t>
  </si>
  <si>
    <t>5243737.0</t>
  </si>
  <si>
    <t>48278700.0</t>
  </si>
  <si>
    <t>5196.287</t>
  </si>
  <si>
    <t>7.693</t>
  </si>
  <si>
    <t>68863.0</t>
  </si>
  <si>
    <t>18094484.0</t>
  </si>
  <si>
    <t>6709698.0</t>
  </si>
  <si>
    <t>6137098.0</t>
  </si>
  <si>
    <t>5247688.0</t>
  </si>
  <si>
    <t>9724.1</t>
  </si>
  <si>
    <t>1029.11419197799</t>
  </si>
  <si>
    <t>48364881.0</t>
  </si>
  <si>
    <t>86181.0</t>
  </si>
  <si>
    <t>5205.562</t>
  </si>
  <si>
    <t>68629.0</t>
  </si>
  <si>
    <t>18097906.0</t>
  </si>
  <si>
    <t>6709811.0</t>
  </si>
  <si>
    <t>6137368.0</t>
  </si>
  <si>
    <t>5250727.0</t>
  </si>
  <si>
    <t>191.53</t>
  </si>
  <si>
    <t>48443776.0</t>
  </si>
  <si>
    <t>5214.054</t>
  </si>
  <si>
    <t>68742.0</t>
  </si>
  <si>
    <t>7.399</t>
  </si>
  <si>
    <t>18101702.0</t>
  </si>
  <si>
    <t>6709936.0</t>
  </si>
  <si>
    <t>6137627.0</t>
  </si>
  <si>
    <t>5254139.0</t>
  </si>
  <si>
    <t>191.57</t>
  </si>
  <si>
    <t>48514999.0</t>
  </si>
  <si>
    <t>71223.0</t>
  </si>
  <si>
    <t>5221.72</t>
  </si>
  <si>
    <t>67964.0</t>
  </si>
  <si>
    <t>18104950.0</t>
  </si>
  <si>
    <t>6710068.0</t>
  </si>
  <si>
    <t>6137834.0</t>
  </si>
  <si>
    <t>5257048.0</t>
  </si>
  <si>
    <t>48578443.0</t>
  </si>
  <si>
    <t>5228.548</t>
  </si>
  <si>
    <t>67357.0</t>
  </si>
  <si>
    <t>18109000.0</t>
  </si>
  <si>
    <t>6710234.0</t>
  </si>
  <si>
    <t>6138136.0</t>
  </si>
  <si>
    <t>5260630.0</t>
  </si>
  <si>
    <t>48633642.0</t>
  </si>
  <si>
    <t>5234.49</t>
  </si>
  <si>
    <t>66871.0</t>
  </si>
  <si>
    <t>18110145.0</t>
  </si>
  <si>
    <t>6710356.0</t>
  </si>
  <si>
    <t>6138297.0</t>
  </si>
  <si>
    <t>5261492.0</t>
  </si>
  <si>
    <t>48666269.0</t>
  </si>
  <si>
    <t>5238.001</t>
  </si>
  <si>
    <t>65577.0</t>
  </si>
  <si>
    <t>7.058</t>
  </si>
  <si>
    <t>18110248.0</t>
  </si>
  <si>
    <t>6710363.0</t>
  </si>
  <si>
    <t>6138304.0</t>
  </si>
  <si>
    <t>5261581.0</t>
  </si>
  <si>
    <t>48726523.0</t>
  </si>
  <si>
    <t>5244.486</t>
  </si>
  <si>
    <t>63975.0</t>
  </si>
  <si>
    <t>18113724.0</t>
  </si>
  <si>
    <t>6710522.0</t>
  </si>
  <si>
    <t>6138574.0</t>
  </si>
  <si>
    <t>5264628.0</t>
  </si>
  <si>
    <t>9928.6</t>
  </si>
  <si>
    <t>1050.75669383003</t>
  </si>
  <si>
    <t>48794129.0</t>
  </si>
  <si>
    <t>67606.0</t>
  </si>
  <si>
    <t>5251.763</t>
  </si>
  <si>
    <t>18116742.0</t>
  </si>
  <si>
    <t>6710625.0</t>
  </si>
  <si>
    <t>6138781.0</t>
  </si>
  <si>
    <t>5267336.0</t>
  </si>
  <si>
    <t>48854005.0</t>
  </si>
  <si>
    <t>5258.207</t>
  </si>
  <si>
    <t>6.308</t>
  </si>
  <si>
    <t>18119838.0</t>
  </si>
  <si>
    <t>6710747.0</t>
  </si>
  <si>
    <t>6139000.0</t>
  </si>
  <si>
    <t>5270091.0</t>
  </si>
  <si>
    <t>48910492.0</t>
  </si>
  <si>
    <t>56487.0</t>
  </si>
  <si>
    <t>5264.287</t>
  </si>
  <si>
    <t>56499.0</t>
  </si>
  <si>
    <t>18122489.0</t>
  </si>
  <si>
    <t>6710839.0</t>
  </si>
  <si>
    <t>6139155.0</t>
  </si>
  <si>
    <t>5272495.0</t>
  </si>
  <si>
    <t>191.79</t>
  </si>
  <si>
    <t>48963427.0</t>
  </si>
  <si>
    <t>52935.0</t>
  </si>
  <si>
    <t>5269.985</t>
  </si>
  <si>
    <t>18126092.0</t>
  </si>
  <si>
    <t>6711030.0</t>
  </si>
  <si>
    <t>6139370.0</t>
  </si>
  <si>
    <t>5275692.0</t>
  </si>
  <si>
    <t>49012380.0</t>
  </si>
  <si>
    <t>48953.0</t>
  </si>
  <si>
    <t>5275.253</t>
  </si>
  <si>
    <t>18126818.0</t>
  </si>
  <si>
    <t>6711060.0</t>
  </si>
  <si>
    <t>6139431.0</t>
  </si>
  <si>
    <t>5276327.0</t>
  </si>
  <si>
    <t>191.84</t>
  </si>
  <si>
    <t>49040535.0</t>
  </si>
  <si>
    <t>28155.0</t>
  </si>
  <si>
    <t>5278.284</t>
  </si>
  <si>
    <t>18126916.0</t>
  </si>
  <si>
    <t>6711066.0</t>
  </si>
  <si>
    <t>6139448.0</t>
  </si>
  <si>
    <t>5276402.0</t>
  </si>
  <si>
    <t>49094190.0</t>
  </si>
  <si>
    <t>5284.059</t>
  </si>
  <si>
    <t>52524.0</t>
  </si>
  <si>
    <t>18129557.0</t>
  </si>
  <si>
    <t>6711169.0</t>
  </si>
  <si>
    <t>6139712.0</t>
  </si>
  <si>
    <t>5278676.0</t>
  </si>
  <si>
    <t>191.87</t>
  </si>
  <si>
    <t>10080.3</t>
  </si>
  <si>
    <t>1066.81130278336</t>
  </si>
  <si>
    <t>49154666.0</t>
  </si>
  <si>
    <t>60476.0</t>
  </si>
  <si>
    <t>5290.568</t>
  </si>
  <si>
    <t>51505.0</t>
  </si>
  <si>
    <t>5.544</t>
  </si>
  <si>
    <t>18131632.0</t>
  </si>
  <si>
    <t>6711247.0</t>
  </si>
  <si>
    <t>6139913.0</t>
  </si>
  <si>
    <t>5280472.0</t>
  </si>
  <si>
    <t>49209319.0</t>
  </si>
  <si>
    <t>54653.0</t>
  </si>
  <si>
    <t>5296.45</t>
  </si>
  <si>
    <t>5.882</t>
  </si>
  <si>
    <t>50759.0</t>
  </si>
  <si>
    <t>18133739.0</t>
  </si>
  <si>
    <t>6711451.0</t>
  </si>
  <si>
    <t>6140081.0</t>
  </si>
  <si>
    <t>5282207.0</t>
  </si>
  <si>
    <t>191.91</t>
  </si>
  <si>
    <t>49267001.0</t>
  </si>
  <si>
    <t>5302.659</t>
  </si>
  <si>
    <t>6.208</t>
  </si>
  <si>
    <t>50930.0</t>
  </si>
  <si>
    <t>18135521.0</t>
  </si>
  <si>
    <t>6711570.0</t>
  </si>
  <si>
    <t>6140231.0</t>
  </si>
  <si>
    <t>5283720.0</t>
  </si>
  <si>
    <t>49323204.0</t>
  </si>
  <si>
    <t>5308.708</t>
  </si>
  <si>
    <t>51397.0</t>
  </si>
  <si>
    <t>18137216.0</t>
  </si>
  <si>
    <t>6711655.0</t>
  </si>
  <si>
    <t>6140452.0</t>
  </si>
  <si>
    <t>5285109.0</t>
  </si>
  <si>
    <t>191.95</t>
  </si>
  <si>
    <t>49371487.0</t>
  </si>
  <si>
    <t>48283.0</t>
  </si>
  <si>
    <t>5313.905</t>
  </si>
  <si>
    <t>18137405.0</t>
  </si>
  <si>
    <t>6711664.0</t>
  </si>
  <si>
    <t>6140503.0</t>
  </si>
  <si>
    <t>5285238.0</t>
  </si>
  <si>
    <t>49397176.0</t>
  </si>
  <si>
    <t>25689.0</t>
  </si>
  <si>
    <t>5316.669</t>
  </si>
  <si>
    <t>5.484</t>
  </si>
  <si>
    <t>18137466.0</t>
  </si>
  <si>
    <t>6711667.0</t>
  </si>
  <si>
    <t>6140511.0</t>
  </si>
  <si>
    <t>5285288.0</t>
  </si>
  <si>
    <t>49437004.0</t>
  </si>
  <si>
    <t>5320.956</t>
  </si>
  <si>
    <t>48973.0</t>
  </si>
  <si>
    <t>18138695.0</t>
  </si>
  <si>
    <t>6711729.0</t>
  </si>
  <si>
    <t>6140642.0</t>
  </si>
  <si>
    <t>5286324.0</t>
  </si>
  <si>
    <t>1068.36702296539</t>
  </si>
  <si>
    <t>49485252.0</t>
  </si>
  <si>
    <t>5326.149</t>
  </si>
  <si>
    <t>5.083</t>
  </si>
  <si>
    <t>18139874.0</t>
  </si>
  <si>
    <t>6711798.0</t>
  </si>
  <si>
    <t>6140751.0</t>
  </si>
  <si>
    <t>5287325.0</t>
  </si>
  <si>
    <t>49536875.0</t>
  </si>
  <si>
    <t>51623.0</t>
  </si>
  <si>
    <t>5331.705</t>
  </si>
  <si>
    <t>18141196.0</t>
  </si>
  <si>
    <t>6711861.0</t>
  </si>
  <si>
    <t>6140895.0</t>
  </si>
  <si>
    <t>5288440.0</t>
  </si>
  <si>
    <t>191.99</t>
  </si>
  <si>
    <t>49589131.0</t>
  </si>
  <si>
    <t>52256.0</t>
  </si>
  <si>
    <t>5337.33</t>
  </si>
  <si>
    <t>4.953</t>
  </si>
  <si>
    <t>18142264.0</t>
  </si>
  <si>
    <t>6711921.0</t>
  </si>
  <si>
    <t>6141012.0</t>
  </si>
  <si>
    <t>5289331.0</t>
  </si>
  <si>
    <t>49645340.0</t>
  </si>
  <si>
    <t>5343.38</t>
  </si>
  <si>
    <t>18143102.0</t>
  </si>
  <si>
    <t>6711974.0</t>
  </si>
  <si>
    <t>6141121.0</t>
  </si>
  <si>
    <t>5290007.0</t>
  </si>
  <si>
    <t>49691526.0</t>
  </si>
  <si>
    <t>5348.351</t>
  </si>
  <si>
    <t>45720.0</t>
  </si>
  <si>
    <t>18143160.0</t>
  </si>
  <si>
    <t>6711977.0</t>
  </si>
  <si>
    <t>6141138.0</t>
  </si>
  <si>
    <t>5290045.0</t>
  </si>
  <si>
    <t>49726306.0</t>
  </si>
  <si>
    <t>34780.0</t>
  </si>
  <si>
    <t>5352.094</t>
  </si>
  <si>
    <t>47019.0</t>
  </si>
  <si>
    <t>18143203.0</t>
  </si>
  <si>
    <t>6711983.0</t>
  </si>
  <si>
    <t>6141147.0</t>
  </si>
  <si>
    <t>5290073.0</t>
  </si>
  <si>
    <t>49790783.0</t>
  </si>
  <si>
    <t>5359.034</t>
  </si>
  <si>
    <t>18144746.0</t>
  </si>
  <si>
    <t>6712075.0</t>
  </si>
  <si>
    <t>6141397.0</t>
  </si>
  <si>
    <t>5291274.0</t>
  </si>
  <si>
    <t>10151.9</t>
  </si>
  <si>
    <t>1074.3888242142</t>
  </si>
  <si>
    <t>49868410.0</t>
  </si>
  <si>
    <t>77627.0</t>
  </si>
  <si>
    <t>5367.389</t>
  </si>
  <si>
    <t>18146096.0</t>
  </si>
  <si>
    <t>6712180.0</t>
  </si>
  <si>
    <t>6141588.0</t>
  </si>
  <si>
    <t>5292328.0</t>
  </si>
  <si>
    <t>192.04</t>
  </si>
  <si>
    <t>44.026</t>
  </si>
  <si>
    <t>49928721.0</t>
  </si>
  <si>
    <t>60311.0</t>
  </si>
  <si>
    <t>5373.88</t>
  </si>
  <si>
    <t>18147437.0</t>
  </si>
  <si>
    <t>6712255.0</t>
  </si>
  <si>
    <t>6141763.0</t>
  </si>
  <si>
    <t>5293419.0</t>
  </si>
  <si>
    <t>49986805.0</t>
  </si>
  <si>
    <t>5380.132</t>
  </si>
  <si>
    <t>6.115</t>
  </si>
  <si>
    <t>18148518.0</t>
  </si>
  <si>
    <t>6712309.0</t>
  </si>
  <si>
    <t>6141923.0</t>
  </si>
  <si>
    <t>5294286.0</t>
  </si>
  <si>
    <t>50038966.0</t>
  </si>
  <si>
    <t>5385.746</t>
  </si>
  <si>
    <t>56232.0</t>
  </si>
  <si>
    <t>18150046.0</t>
  </si>
  <si>
    <t>6712405.0</t>
  </si>
  <si>
    <t>6142155.0</t>
  </si>
  <si>
    <t>5295486.0</t>
  </si>
  <si>
    <t>50088113.0</t>
  </si>
  <si>
    <t>5391.036</t>
  </si>
  <si>
    <t>56655.0</t>
  </si>
  <si>
    <t>18150696.0</t>
  </si>
  <si>
    <t>6712518.0</t>
  </si>
  <si>
    <t>6142314.0</t>
  </si>
  <si>
    <t>5295864.0</t>
  </si>
  <si>
    <t>50114838.0</t>
  </si>
  <si>
    <t>5393.912</t>
  </si>
  <si>
    <t>55505.0</t>
  </si>
  <si>
    <t>18150746.0</t>
  </si>
  <si>
    <t>6712519.0</t>
  </si>
  <si>
    <t>6142317.0</t>
  </si>
  <si>
    <t>5295910.0</t>
  </si>
  <si>
    <t>50164580.0</t>
  </si>
  <si>
    <t>5399.266</t>
  </si>
  <si>
    <t>18152012.0</t>
  </si>
  <si>
    <t>6712654.0</t>
  </si>
  <si>
    <t>6142502.0</t>
  </si>
  <si>
    <t>5296856.0</t>
  </si>
  <si>
    <t>10184.2</t>
  </si>
  <si>
    <t>1077.80717536247</t>
  </si>
  <si>
    <t>50224181.0</t>
  </si>
  <si>
    <t>5405.681</t>
  </si>
  <si>
    <t>18152955.0</t>
  </si>
  <si>
    <t>6712716.0</t>
  </si>
  <si>
    <t>6142657.0</t>
  </si>
  <si>
    <t>5297582.0</t>
  </si>
  <si>
    <t>192.12</t>
  </si>
  <si>
    <t>50273225.0</t>
  </si>
  <si>
    <t>5410.96</t>
  </si>
  <si>
    <t>49215.0</t>
  </si>
  <si>
    <t>18153974.0</t>
  </si>
  <si>
    <t>6712788.0</t>
  </si>
  <si>
    <t>6142808.0</t>
  </si>
  <si>
    <t>5298378.0</t>
  </si>
  <si>
    <t>192.13</t>
  </si>
  <si>
    <t>50315569.0</t>
  </si>
  <si>
    <t>42344.0</t>
  </si>
  <si>
    <t>5415.517</t>
  </si>
  <si>
    <t>18154242.0</t>
  </si>
  <si>
    <t>6712811.0</t>
  </si>
  <si>
    <t>6142864.0</t>
  </si>
  <si>
    <t>5298567.0</t>
  </si>
  <si>
    <t>50349791.0</t>
  </si>
  <si>
    <t>4.779</t>
  </si>
  <si>
    <t>18154268.0</t>
  </si>
  <si>
    <t>6712815.0</t>
  </si>
  <si>
    <t>6142865.0</t>
  </si>
  <si>
    <t>5298588.0</t>
  </si>
  <si>
    <t>50398526.0</t>
  </si>
  <si>
    <t>48735.0</t>
  </si>
  <si>
    <t>5424.446</t>
  </si>
  <si>
    <t>44345.0</t>
  </si>
  <si>
    <t>18154562.0</t>
  </si>
  <si>
    <t>6712835.0</t>
  </si>
  <si>
    <t>6142924.0</t>
  </si>
  <si>
    <t>5298803.0</t>
  </si>
  <si>
    <t>50434173.0</t>
  </si>
  <si>
    <t>5428.283</t>
  </si>
  <si>
    <t>18154621.0</t>
  </si>
  <si>
    <t>6712836.0</t>
  </si>
  <si>
    <t>6142931.0</t>
  </si>
  <si>
    <t>5298854.0</t>
  </si>
  <si>
    <t>50499319.0</t>
  </si>
  <si>
    <t>65146.0</t>
  </si>
  <si>
    <t>5435.294</t>
  </si>
  <si>
    <t>7.012</t>
  </si>
  <si>
    <t>18155673.0</t>
  </si>
  <si>
    <t>6712954.0</t>
  </si>
  <si>
    <t>6143138.0</t>
  </si>
  <si>
    <t>5299581.0</t>
  </si>
  <si>
    <t>192.14</t>
  </si>
  <si>
    <t>10264.9</t>
  </si>
  <si>
    <t>1086.3477616679</t>
  </si>
  <si>
    <t>50570556.0</t>
  </si>
  <si>
    <t>71237.0</t>
  </si>
  <si>
    <t>5442.962</t>
  </si>
  <si>
    <t>49482.0</t>
  </si>
  <si>
    <t>18156650.0</t>
  </si>
  <si>
    <t>6713013.0</t>
  </si>
  <si>
    <t>6143300.0</t>
  </si>
  <si>
    <t>5300337.0</t>
  </si>
  <si>
    <t>50631524.0</t>
  </si>
  <si>
    <t>60968.0</t>
  </si>
  <si>
    <t>5449.524</t>
  </si>
  <si>
    <t>51186.0</t>
  </si>
  <si>
    <t>18157719.0</t>
  </si>
  <si>
    <t>6713144.0</t>
  </si>
  <si>
    <t>6143469.0</t>
  </si>
  <si>
    <t>5301106.0</t>
  </si>
  <si>
    <t>192.17</t>
  </si>
  <si>
    <t>50684818.0</t>
  </si>
  <si>
    <t>5455.26</t>
  </si>
  <si>
    <t>52750.0</t>
  </si>
  <si>
    <t>18158541.0</t>
  </si>
  <si>
    <t>6713202.0</t>
  </si>
  <si>
    <t>6143587.0</t>
  </si>
  <si>
    <t>5301752.0</t>
  </si>
  <si>
    <t>50720956.0</t>
  </si>
  <si>
    <t>36138.0</t>
  </si>
  <si>
    <t>5459.149</t>
  </si>
  <si>
    <t>18159803.0</t>
  </si>
  <si>
    <t>6713321.0</t>
  </si>
  <si>
    <t>6143787.0</t>
  </si>
  <si>
    <t>5302695.0</t>
  </si>
  <si>
    <t>50776707.0</t>
  </si>
  <si>
    <t>55751.0</t>
  </si>
  <si>
    <t>5465.15</t>
  </si>
  <si>
    <t>6.001</t>
  </si>
  <si>
    <t>54026.0</t>
  </si>
  <si>
    <t>18160039.0</t>
  </si>
  <si>
    <t>6713332.0</t>
  </si>
  <si>
    <t>6143831.0</t>
  </si>
  <si>
    <t>5302876.0</t>
  </si>
  <si>
    <t>50801189.0</t>
  </si>
  <si>
    <t>24482.0</t>
  </si>
  <si>
    <t>5467.785</t>
  </si>
  <si>
    <t>52431.0</t>
  </si>
  <si>
    <t>18160094.0</t>
  </si>
  <si>
    <t>6713338.0</t>
  </si>
  <si>
    <t>6143844.0</t>
  </si>
  <si>
    <t>5302912.0</t>
  </si>
  <si>
    <t>50852223.0</t>
  </si>
  <si>
    <t>51034.0</t>
  </si>
  <si>
    <t>5473.278</t>
  </si>
  <si>
    <t>50415.0</t>
  </si>
  <si>
    <t>18161270.0</t>
  </si>
  <si>
    <t>6713428.0</t>
  </si>
  <si>
    <t>5303823.0</t>
  </si>
  <si>
    <t>10274.2</t>
  </si>
  <si>
    <t>1087.33199280347</t>
  </si>
  <si>
    <t>50913257.0</t>
  </si>
  <si>
    <t>61034.0</t>
  </si>
  <si>
    <t>5479.847</t>
  </si>
  <si>
    <t>18162217.0</t>
  </si>
  <si>
    <t>6713496.0</t>
  </si>
  <si>
    <t>6144160.0</t>
  </si>
  <si>
    <t>5304561.0</t>
  </si>
  <si>
    <t>50968189.0</t>
  </si>
  <si>
    <t>54932.0</t>
  </si>
  <si>
    <t>5485.759</t>
  </si>
  <si>
    <t>18163329.0</t>
  </si>
  <si>
    <t>6713569.0</t>
  </si>
  <si>
    <t>6144313.0</t>
  </si>
  <si>
    <t>5305447.0</t>
  </si>
  <si>
    <t>51018679.0</t>
  </si>
  <si>
    <t>50490.0</t>
  </si>
  <si>
    <t>5491.194</t>
  </si>
  <si>
    <t>47694.0</t>
  </si>
  <si>
    <t>18164087.0</t>
  </si>
  <si>
    <t>6713612.0</t>
  </si>
  <si>
    <t>6144412.0</t>
  </si>
  <si>
    <t>5306063.0</t>
  </si>
  <si>
    <t>192.23</t>
  </si>
  <si>
    <t>51067059.0</t>
  </si>
  <si>
    <t>5496.401</t>
  </si>
  <si>
    <t>49443.0</t>
  </si>
  <si>
    <t>18165033.0</t>
  </si>
  <si>
    <t>6713676.0</t>
  </si>
  <si>
    <t>6144583.0</t>
  </si>
  <si>
    <t>5306774.0</t>
  </si>
  <si>
    <t>192.24</t>
  </si>
  <si>
    <t>51108169.0</t>
  </si>
  <si>
    <t>5500.825</t>
  </si>
  <si>
    <t>18165490.0</t>
  </si>
  <si>
    <t>6713751.0</t>
  </si>
  <si>
    <t>6144697.0</t>
  </si>
  <si>
    <t>5307042.0</t>
  </si>
  <si>
    <t>192.25</t>
  </si>
  <si>
    <t>51120839.0</t>
  </si>
  <si>
    <t>5502.189</t>
  </si>
  <si>
    <t>18165533.0</t>
  </si>
  <si>
    <t>6713755.0</t>
  </si>
  <si>
    <t>6144704.0</t>
  </si>
  <si>
    <t>5307074.0</t>
  </si>
  <si>
    <t>51144709.0</t>
  </si>
  <si>
    <t>5504.758</t>
  </si>
  <si>
    <t>18166450.0</t>
  </si>
  <si>
    <t>6713842.0</t>
  </si>
  <si>
    <t>6144892.0</t>
  </si>
  <si>
    <t>5307716.0</t>
  </si>
  <si>
    <t>10276.5</t>
  </si>
  <si>
    <t>1087.57540480474</t>
  </si>
  <si>
    <t>51173821.0</t>
  </si>
  <si>
    <t>29112.0</t>
  </si>
  <si>
    <t>5507.892</t>
  </si>
  <si>
    <t>18167136.0</t>
  </si>
  <si>
    <t>6713906.0</t>
  </si>
  <si>
    <t>6145012.0</t>
  </si>
  <si>
    <t>5308218.0</t>
  </si>
  <si>
    <t>51199058.0</t>
  </si>
  <si>
    <t>5510.608</t>
  </si>
  <si>
    <t>32981.0</t>
  </si>
  <si>
    <t>18167850.0</t>
  </si>
  <si>
    <t>6713949.0</t>
  </si>
  <si>
    <t>6145132.0</t>
  </si>
  <si>
    <t>5308769.0</t>
  </si>
  <si>
    <t>51223660.0</t>
  </si>
  <si>
    <t>5513.256</t>
  </si>
  <si>
    <t>18168519.0</t>
  </si>
  <si>
    <t>6714010.0</t>
  </si>
  <si>
    <t>6145235.0</t>
  </si>
  <si>
    <t>5309274.0</t>
  </si>
  <si>
    <t>51244011.0</t>
  </si>
  <si>
    <t>5515.446</t>
  </si>
  <si>
    <t>18169261.0</t>
  </si>
  <si>
    <t>6714082.0</t>
  </si>
  <si>
    <t>6145371.0</t>
  </si>
  <si>
    <t>5309808.0</t>
  </si>
  <si>
    <t>51254604.0</t>
  </si>
  <si>
    <t>5516.586</t>
  </si>
  <si>
    <t>18169404.0</t>
  </si>
  <si>
    <t>6714094.0</t>
  </si>
  <si>
    <t>6145400.0</t>
  </si>
  <si>
    <t>5309910.0</t>
  </si>
  <si>
    <t>51262816.0</t>
  </si>
  <si>
    <t>5517.47</t>
  </si>
  <si>
    <t>18169431.0</t>
  </si>
  <si>
    <t>6714096.0</t>
  </si>
  <si>
    <t>6145405.0</t>
  </si>
  <si>
    <t>5309930.0</t>
  </si>
  <si>
    <t>51284162.0</t>
  </si>
  <si>
    <t>21346.0</t>
  </si>
  <si>
    <t>5519.768</t>
  </si>
  <si>
    <t>18170151.0</t>
  </si>
  <si>
    <t>6714185.0</t>
  </si>
  <si>
    <t>6145558.0</t>
  </si>
  <si>
    <t>5310408.0</t>
  </si>
  <si>
    <t>10320.2</t>
  </si>
  <si>
    <t>1092.20023282887</t>
  </si>
  <si>
    <t>51310399.0</t>
  </si>
  <si>
    <t>5522.592</t>
  </si>
  <si>
    <t>18170756.0</t>
  </si>
  <si>
    <t>6714241.0</t>
  </si>
  <si>
    <t>6145691.0</t>
  </si>
  <si>
    <t>5310824.0</t>
  </si>
  <si>
    <t>51326715.0</t>
  </si>
  <si>
    <t>5524.348</t>
  </si>
  <si>
    <t>18171409.0</t>
  </si>
  <si>
    <t>6714286.0</t>
  </si>
  <si>
    <t>6145795.0</t>
  </si>
  <si>
    <t>5311328.0</t>
  </si>
  <si>
    <t>192.31</t>
  </si>
  <si>
    <t>51345464.0</t>
  </si>
  <si>
    <t>5526.366</t>
  </si>
  <si>
    <t>17401.0</t>
  </si>
  <si>
    <t>18171956.0</t>
  </si>
  <si>
    <t>6714349.0</t>
  </si>
  <si>
    <t>6145886.0</t>
  </si>
  <si>
    <t>5311721.0</t>
  </si>
  <si>
    <t>51359011.0</t>
  </si>
  <si>
    <t>5527.824</t>
  </si>
  <si>
    <t>18172621.0</t>
  </si>
  <si>
    <t>6714426.0</t>
  </si>
  <si>
    <t>6146042.0</t>
  </si>
  <si>
    <t>5312153.0</t>
  </si>
  <si>
    <t>51369842.0</t>
  </si>
  <si>
    <t>5528.99</t>
  </si>
  <si>
    <t>18172708.0</t>
  </si>
  <si>
    <t>6714436.0</t>
  </si>
  <si>
    <t>6146065.0</t>
  </si>
  <si>
    <t>5312207.0</t>
  </si>
  <si>
    <t>51376032.0</t>
  </si>
  <si>
    <t>5529.656</t>
  </si>
  <si>
    <t>16174.0</t>
  </si>
  <si>
    <t>18172728.0</t>
  </si>
  <si>
    <t>6146072.0</t>
  </si>
  <si>
    <t>5312220.0</t>
  </si>
  <si>
    <t>51384435.0</t>
  </si>
  <si>
    <t>5530.56</t>
  </si>
  <si>
    <t>18172762.0</t>
  </si>
  <si>
    <t>6714447.0</t>
  </si>
  <si>
    <t>6146086.0</t>
  </si>
  <si>
    <t>5312229.0</t>
  </si>
  <si>
    <t>10333.7</t>
  </si>
  <si>
    <t>1093.62895544502</t>
  </si>
  <si>
    <t>51404704.0</t>
  </si>
  <si>
    <t>5532.742</t>
  </si>
  <si>
    <t>18173388.0</t>
  </si>
  <si>
    <t>6714505.0</t>
  </si>
  <si>
    <t>6146231.0</t>
  </si>
  <si>
    <t>5312652.0</t>
  </si>
  <si>
    <t>192.33</t>
  </si>
  <si>
    <t>51427767.0</t>
  </si>
  <si>
    <t>5535.224</t>
  </si>
  <si>
    <t>18174097.0</t>
  </si>
  <si>
    <t>6714559.0</t>
  </si>
  <si>
    <t>6146365.0</t>
  </si>
  <si>
    <t>5313173.0</t>
  </si>
  <si>
    <t>192.34</t>
  </si>
  <si>
    <t>41.274</t>
  </si>
  <si>
    <t>51449742.0</t>
  </si>
  <si>
    <t>21975.0</t>
  </si>
  <si>
    <t>5537.589</t>
  </si>
  <si>
    <t>18174887.0</t>
  </si>
  <si>
    <t>6714617.0</t>
  </si>
  <si>
    <t>6146469.0</t>
  </si>
  <si>
    <t>5313801.0</t>
  </si>
  <si>
    <t>192.35</t>
  </si>
  <si>
    <t>51470732.0</t>
  </si>
  <si>
    <t>5539.848</t>
  </si>
  <si>
    <t>18176054.0</t>
  </si>
  <si>
    <t>6714701.0</t>
  </si>
  <si>
    <t>6146676.0</t>
  </si>
  <si>
    <t>5314677.0</t>
  </si>
  <si>
    <t>51484979.0</t>
  </si>
  <si>
    <t>14247.0</t>
  </si>
  <si>
    <t>5541.382</t>
  </si>
  <si>
    <t>18176319.0</t>
  </si>
  <si>
    <t>6714715.0</t>
  </si>
  <si>
    <t>6146727.0</t>
  </si>
  <si>
    <t>5314877.0</t>
  </si>
  <si>
    <t>51496241.0</t>
  </si>
  <si>
    <t>5542.594</t>
  </si>
  <si>
    <t>18176348.0</t>
  </si>
  <si>
    <t>6146730.0</t>
  </si>
  <si>
    <t>5314903.0</t>
  </si>
  <si>
    <t>51518500.0</t>
  </si>
  <si>
    <t>5544.99</t>
  </si>
  <si>
    <t>18177614.0</t>
  </si>
  <si>
    <t>6714824.0</t>
  </si>
  <si>
    <t>6146929.0</t>
  </si>
  <si>
    <t>5315861.0</t>
  </si>
  <si>
    <t>1099.05810138639</t>
  </si>
  <si>
    <t>51548103.0</t>
  </si>
  <si>
    <t>5548.176</t>
  </si>
  <si>
    <t>18178633.0</t>
  </si>
  <si>
    <t>6714908.0</t>
  </si>
  <si>
    <t>6147071.0</t>
  </si>
  <si>
    <t>5316654.0</t>
  </si>
  <si>
    <t>51570603.0</t>
  </si>
  <si>
    <t>5550.598</t>
  </si>
  <si>
    <t>18179889.0</t>
  </si>
  <si>
    <t>6715024.0</t>
  </si>
  <si>
    <t>6147244.0</t>
  </si>
  <si>
    <t>5317621.0</t>
  </si>
  <si>
    <t>51596422.0</t>
  </si>
  <si>
    <t>25819.0</t>
  </si>
  <si>
    <t>5553.377</t>
  </si>
  <si>
    <t>18181008.0</t>
  </si>
  <si>
    <t>6715095.0</t>
  </si>
  <si>
    <t>6147385.0</t>
  </si>
  <si>
    <t>5318528.0</t>
  </si>
  <si>
    <t>192.41</t>
  </si>
  <si>
    <t>51621379.0</t>
  </si>
  <si>
    <t>5556.063</t>
  </si>
  <si>
    <t>18182198.0</t>
  </si>
  <si>
    <t>6715189.0</t>
  </si>
  <si>
    <t>6147521.0</t>
  </si>
  <si>
    <t>5319488.0</t>
  </si>
  <si>
    <t>51640224.0</t>
  </si>
  <si>
    <t>5558.091</t>
  </si>
  <si>
    <t>18182454.0</t>
  </si>
  <si>
    <t>6715205.0</t>
  </si>
  <si>
    <t>6147584.0</t>
  </si>
  <si>
    <t>5319665.0</t>
  </si>
  <si>
    <t>51652506.0</t>
  </si>
  <si>
    <t>5559.413</t>
  </si>
  <si>
    <t>18182487.0</t>
  </si>
  <si>
    <t>6715208.0</t>
  </si>
  <si>
    <t>6147588.0</t>
  </si>
  <si>
    <t>5319691.0</t>
  </si>
  <si>
    <t>51678784.0</t>
  </si>
  <si>
    <t>5562.241</t>
  </si>
  <si>
    <t>18184004.0</t>
  </si>
  <si>
    <t>6715323.0</t>
  </si>
  <si>
    <t>6147795.0</t>
  </si>
  <si>
    <t>5320886.0</t>
  </si>
  <si>
    <t>192.44</t>
  </si>
  <si>
    <t>10456.5</t>
  </si>
  <si>
    <t>1106.62503968674</t>
  </si>
  <si>
    <t>51718112.0</t>
  </si>
  <si>
    <t>39328.0</t>
  </si>
  <si>
    <t>5566.474</t>
  </si>
  <si>
    <t>18185484.0</t>
  </si>
  <si>
    <t>6715422.0</t>
  </si>
  <si>
    <t>6147947.0</t>
  </si>
  <si>
    <t>5322115.0</t>
  </si>
  <si>
    <t>192.46</t>
  </si>
  <si>
    <t>51749127.0</t>
  </si>
  <si>
    <t>5569.812</t>
  </si>
  <si>
    <t>25503.0</t>
  </si>
  <si>
    <t>18187336.0</t>
  </si>
  <si>
    <t>6715516.0</t>
  </si>
  <si>
    <t>6148101.0</t>
  </si>
  <si>
    <t>5323719.0</t>
  </si>
  <si>
    <t>51780014.0</t>
  </si>
  <si>
    <t>5573.137</t>
  </si>
  <si>
    <t>18188814.0</t>
  </si>
  <si>
    <t>6715626.0</t>
  </si>
  <si>
    <t>6148236.0</t>
  </si>
  <si>
    <t>5324952.0</t>
  </si>
  <si>
    <t>18190834.0</t>
  </si>
  <si>
    <t>6715758.0</t>
  </si>
  <si>
    <t>6148453.0</t>
  </si>
  <si>
    <t>5326623.0</t>
  </si>
  <si>
    <t>192.52</t>
  </si>
  <si>
    <t>18191206.0</t>
  </si>
  <si>
    <t>6715777.0</t>
  </si>
  <si>
    <t>6148488.0</t>
  </si>
  <si>
    <t>5326941.0</t>
  </si>
  <si>
    <t>18191238.0</t>
  </si>
  <si>
    <t>6715778.0</t>
  </si>
  <si>
    <t>6148491.0</t>
  </si>
  <si>
    <t>5326969.0</t>
  </si>
  <si>
    <t>18192815.0</t>
  </si>
  <si>
    <t>6715885.0</t>
  </si>
  <si>
    <t>6148649.0</t>
  </si>
  <si>
    <t>5328281.0</t>
  </si>
  <si>
    <t>10486.2</t>
  </si>
  <si>
    <t>1109.76822944227</t>
  </si>
  <si>
    <t>18194493.0</t>
  </si>
  <si>
    <t>6715971.0</t>
  </si>
  <si>
    <t>6148821.0</t>
  </si>
  <si>
    <t>5329701.0</t>
  </si>
  <si>
    <t>192.55</t>
  </si>
  <si>
    <t>18196024.0</t>
  </si>
  <si>
    <t>6716055.0</t>
  </si>
  <si>
    <t>6148972.0</t>
  </si>
  <si>
    <t>18197287.0</t>
  </si>
  <si>
    <t>6716131.0</t>
  </si>
  <si>
    <t>6149078.0</t>
  </si>
  <si>
    <t>5332078.0</t>
  </si>
  <si>
    <t>192.58</t>
  </si>
  <si>
    <t>18198955.0</t>
  </si>
  <si>
    <t>6716217.0</t>
  </si>
  <si>
    <t>6149243.0</t>
  </si>
  <si>
    <t>5333495.0</t>
  </si>
  <si>
    <t>18199140.0</t>
  </si>
  <si>
    <t>6716239.0</t>
  </si>
  <si>
    <t>6149271.0</t>
  </si>
  <si>
    <t>5333630.0</t>
  </si>
  <si>
    <t>18199169.0</t>
  </si>
  <si>
    <t>6716240.0</t>
  </si>
  <si>
    <t>6149273.0</t>
  </si>
  <si>
    <t>5333656.0</t>
  </si>
  <si>
    <t>18200405.0</t>
  </si>
  <si>
    <t>6716340.0</t>
  </si>
  <si>
    <t>6149450.0</t>
  </si>
  <si>
    <t>5334615.0</t>
  </si>
  <si>
    <t>192.62</t>
  </si>
  <si>
    <t>10606.9</t>
  </si>
  <si>
    <t>1122.5420679437</t>
  </si>
  <si>
    <t>18201648.0</t>
  </si>
  <si>
    <t>6716416.0</t>
  </si>
  <si>
    <t>6149590.0</t>
  </si>
  <si>
    <t>5335642.0</t>
  </si>
  <si>
    <t>18202839.0</t>
  </si>
  <si>
    <t>6716475.0</t>
  </si>
  <si>
    <t>6149732.0</t>
  </si>
  <si>
    <t>5336632.0</t>
  </si>
  <si>
    <t>192.64</t>
  </si>
  <si>
    <t>18203898.0</t>
  </si>
  <si>
    <t>6716553.0</t>
  </si>
  <si>
    <t>6149856.0</t>
  </si>
  <si>
    <t>5337489.0</t>
  </si>
  <si>
    <t>192.65</t>
  </si>
  <si>
    <t>18205132.0</t>
  </si>
  <si>
    <t>6716635.0</t>
  </si>
  <si>
    <t>6150020.0</t>
  </si>
  <si>
    <t>5338477.0</t>
  </si>
  <si>
    <t>18205382.0</t>
  </si>
  <si>
    <t>6716652.0</t>
  </si>
  <si>
    <t>6150053.0</t>
  </si>
  <si>
    <t>5338677.0</t>
  </si>
  <si>
    <t>18205388.0</t>
  </si>
  <si>
    <t>6150054.0</t>
  </si>
  <si>
    <t>5338682.0</t>
  </si>
  <si>
    <t>18206341.0</t>
  </si>
  <si>
    <t>6716742.0</t>
  </si>
  <si>
    <t>6150218.0</t>
  </si>
  <si>
    <t>5339381.0</t>
  </si>
  <si>
    <t>192.68</t>
  </si>
  <si>
    <t>10756.2</t>
  </si>
  <si>
    <t>1138.34268176527</t>
  </si>
  <si>
    <t>18207370.0</t>
  </si>
  <si>
    <t>6716806.0</t>
  </si>
  <si>
    <t>6150360.0</t>
  </si>
  <si>
    <t>5340204.0</t>
  </si>
  <si>
    <t>174.41</t>
  </si>
  <si>
    <t>18208333.0</t>
  </si>
  <si>
    <t>6716875.0</t>
  </si>
  <si>
    <t>6150489.0</t>
  </si>
  <si>
    <t>5340969.0</t>
  </si>
  <si>
    <t>18209130.0</t>
  </si>
  <si>
    <t>6716918.0</t>
  </si>
  <si>
    <t>6150590.0</t>
  </si>
  <si>
    <t>5341622.0</t>
  </si>
  <si>
    <t>18210067.0</t>
  </si>
  <si>
    <t>6716987.0</t>
  </si>
  <si>
    <t>6150737.0</t>
  </si>
  <si>
    <t>5342343.0</t>
  </si>
  <si>
    <t>183.194</t>
  </si>
  <si>
    <t>18210512.0</t>
  </si>
  <si>
    <t>6717051.0</t>
  </si>
  <si>
    <t>6150825.0</t>
  </si>
  <si>
    <t>5342636.0</t>
  </si>
  <si>
    <t>18210533.0</t>
  </si>
  <si>
    <t>6150831.0</t>
  </si>
  <si>
    <t>5342651.0</t>
  </si>
  <si>
    <t>18211502.0</t>
  </si>
  <si>
    <t>6717128.0</t>
  </si>
  <si>
    <t>6151014.0</t>
  </si>
  <si>
    <t>5343360.0</t>
  </si>
  <si>
    <t>192.73</t>
  </si>
  <si>
    <t>1151.56101174727</t>
  </si>
  <si>
    <t>18212440.0</t>
  </si>
  <si>
    <t>6717190.0</t>
  </si>
  <si>
    <t>6151172.0</t>
  </si>
  <si>
    <t>5344078.0</t>
  </si>
  <si>
    <t>18213191.0</t>
  </si>
  <si>
    <t>6717252.0</t>
  </si>
  <si>
    <t>6151319.0</t>
  </si>
  <si>
    <t>5344620.0</t>
  </si>
  <si>
    <t>192.75</t>
  </si>
  <si>
    <t>18213936.0</t>
  </si>
  <si>
    <t>6717304.0</t>
  </si>
  <si>
    <t>6151452.0</t>
  </si>
  <si>
    <t>5345180.0</t>
  </si>
  <si>
    <t>18214672.0</t>
  </si>
  <si>
    <t>6717365.0</t>
  </si>
  <si>
    <t>6151610.0</t>
  </si>
  <si>
    <t>5345697.0</t>
  </si>
  <si>
    <t>18214817.0</t>
  </si>
  <si>
    <t>6717375.0</t>
  </si>
  <si>
    <t>6151646.0</t>
  </si>
  <si>
    <t>5345796.0</t>
  </si>
  <si>
    <t>18214834.0</t>
  </si>
  <si>
    <t>6151650.0</t>
  </si>
  <si>
    <t>5345809.0</t>
  </si>
  <si>
    <t>18215581.0</t>
  </si>
  <si>
    <t>6717433.0</t>
  </si>
  <si>
    <t>6151778.0</t>
  </si>
  <si>
    <t>5346370.0</t>
  </si>
  <si>
    <t>192.78</t>
  </si>
  <si>
    <t>11023.4</t>
  </si>
  <si>
    <t>1166.62080643454</t>
  </si>
  <si>
    <t>18216244.0</t>
  </si>
  <si>
    <t>6717481.0</t>
  </si>
  <si>
    <t>6151885.0</t>
  </si>
  <si>
    <t>5346878.0</t>
  </si>
  <si>
    <t>18216771.0</t>
  </si>
  <si>
    <t>6717528.0</t>
  </si>
  <si>
    <t>6151984.0</t>
  </si>
  <si>
    <t>5347259.0</t>
  </si>
  <si>
    <t>192.79</t>
  </si>
  <si>
    <t>18217314.0</t>
  </si>
  <si>
    <t>6717571.0</t>
  </si>
  <si>
    <t>6152109.0</t>
  </si>
  <si>
    <t>5347634.0</t>
  </si>
  <si>
    <t>18217886.0</t>
  </si>
  <si>
    <t>6717633.0</t>
  </si>
  <si>
    <t>6152252.0</t>
  </si>
  <si>
    <t>5348001.0</t>
  </si>
  <si>
    <t>18217979.0</t>
  </si>
  <si>
    <t>6717643.0</t>
  </si>
  <si>
    <t>6152277.0</t>
  </si>
  <si>
    <t>5348059.0</t>
  </si>
  <si>
    <t>18218554.0</t>
  </si>
  <si>
    <t>6717699.0</t>
  </si>
  <si>
    <t>6152411.0</t>
  </si>
  <si>
    <t>5348444.0</t>
  </si>
  <si>
    <t>192.81</t>
  </si>
  <si>
    <t>11173.9</t>
  </si>
  <si>
    <t>1182.54841782199</t>
  </si>
  <si>
    <t>18218925.0</t>
  </si>
  <si>
    <t>6717753.0</t>
  </si>
  <si>
    <t>6152487.0</t>
  </si>
  <si>
    <t>5348685.0</t>
  </si>
  <si>
    <t>18219576.0</t>
  </si>
  <si>
    <t>6717864.0</t>
  </si>
  <si>
    <t>6152606.0</t>
  </si>
  <si>
    <t>5349106.0</t>
  </si>
  <si>
    <t>192.82</t>
  </si>
  <si>
    <t>18219993.0</t>
  </si>
  <si>
    <t>6717940.0</t>
  </si>
  <si>
    <t>6152677.0</t>
  </si>
  <si>
    <t>5349376.0</t>
  </si>
  <si>
    <t>18220616.0</t>
  </si>
  <si>
    <t>6718073.0</t>
  </si>
  <si>
    <t>6152810.0</t>
  </si>
  <si>
    <t>5349733.0</t>
  </si>
  <si>
    <t>192.83</t>
  </si>
  <si>
    <t>18220706.0</t>
  </si>
  <si>
    <t>6718103.0</t>
  </si>
  <si>
    <t>6152833.0</t>
  </si>
  <si>
    <t>5349770.0</t>
  </si>
  <si>
    <t>18220715.0</t>
  </si>
  <si>
    <t>6718104.0</t>
  </si>
  <si>
    <t>6152835.0</t>
  </si>
  <si>
    <t>5349776.0</t>
  </si>
  <si>
    <t>18221139.0</t>
  </si>
  <si>
    <t>6718193.0</t>
  </si>
  <si>
    <t>6152932.0</t>
  </si>
  <si>
    <t>5350014.0</t>
  </si>
  <si>
    <t>192.84</t>
  </si>
  <si>
    <t>11261.8</t>
  </si>
  <si>
    <t>1191.8509895227</t>
  </si>
  <si>
    <t>18221604.0</t>
  </si>
  <si>
    <t>6718269.0</t>
  </si>
  <si>
    <t>6153027.0</t>
  </si>
  <si>
    <t>5350308.0</t>
  </si>
  <si>
    <t>80.008</t>
  </si>
  <si>
    <t>18222102.0</t>
  </si>
  <si>
    <t>6718365.0</t>
  </si>
  <si>
    <t>6153117.0</t>
  </si>
  <si>
    <t>5350620.0</t>
  </si>
  <si>
    <t>18222429.0</t>
  </si>
  <si>
    <t>6718442.0</t>
  </si>
  <si>
    <t>6153176.0</t>
  </si>
  <si>
    <t>5350811.0</t>
  </si>
  <si>
    <t>18222830.0</t>
  </si>
  <si>
    <t>6718496.0</t>
  </si>
  <si>
    <t>6153277.0</t>
  </si>
  <si>
    <t>5351057.0</t>
  </si>
  <si>
    <t>18222897.0</t>
  </si>
  <si>
    <t>6718504.0</t>
  </si>
  <si>
    <t>6153289.0</t>
  </si>
  <si>
    <t>5351104.0</t>
  </si>
  <si>
    <t>18222904.0</t>
  </si>
  <si>
    <t>6153291.0</t>
  </si>
  <si>
    <t>5351109.0</t>
  </si>
  <si>
    <t>18223285.0</t>
  </si>
  <si>
    <t>6718578.0</t>
  </si>
  <si>
    <t>6153366.0</t>
  </si>
  <si>
    <t>5351341.0</t>
  </si>
  <si>
    <t>11353.5</t>
  </si>
  <si>
    <t>1201.55572018203</t>
  </si>
  <si>
    <t>92.708</t>
  </si>
  <si>
    <t>18223670.0</t>
  </si>
  <si>
    <t>6718646.0</t>
  </si>
  <si>
    <t>6153447.0</t>
  </si>
  <si>
    <t>5351577.0</t>
  </si>
  <si>
    <t>18224107.0</t>
  </si>
  <si>
    <t>6718728.0</t>
  </si>
  <si>
    <t>6153531.0</t>
  </si>
  <si>
    <t>5351848.0</t>
  </si>
  <si>
    <t>192.87</t>
  </si>
  <si>
    <t>18224360.0</t>
  </si>
  <si>
    <t>6718775.0</t>
  </si>
  <si>
    <t>6153586.0</t>
  </si>
  <si>
    <t>5351999.0</t>
  </si>
  <si>
    <t>18224815.0</t>
  </si>
  <si>
    <t>6718844.0</t>
  </si>
  <si>
    <t>6153679.0</t>
  </si>
  <si>
    <t>5352292.0</t>
  </si>
  <si>
    <t>75.881</t>
  </si>
  <si>
    <t>18225053.0</t>
  </si>
  <si>
    <t>6718921.0</t>
  </si>
  <si>
    <t>6153746.0</t>
  </si>
  <si>
    <t>5352386.0</t>
  </si>
  <si>
    <t>18225061.0</t>
  </si>
  <si>
    <t>6718922.0</t>
  </si>
  <si>
    <t>6153747.0</t>
  </si>
  <si>
    <t>5352392.0</t>
  </si>
  <si>
    <t>18225478.0</t>
  </si>
  <si>
    <t>6718973.0</t>
  </si>
  <si>
    <t>6153832.0</t>
  </si>
  <si>
    <t>5352673.0</t>
  </si>
  <si>
    <t>11419.4</t>
  </si>
  <si>
    <t>1208.53000317494</t>
  </si>
  <si>
    <t>18225887.0</t>
  </si>
  <si>
    <t>6719062.0</t>
  </si>
  <si>
    <t>6153906.0</t>
  </si>
  <si>
    <t>5352919.0</t>
  </si>
  <si>
    <t>192.89</t>
  </si>
  <si>
    <t>18226329.0</t>
  </si>
  <si>
    <t>6719134.0</t>
  </si>
  <si>
    <t>6154012.0</t>
  </si>
  <si>
    <t>5353183.0</t>
  </si>
  <si>
    <t>18226629.0</t>
  </si>
  <si>
    <t>6719172.0</t>
  </si>
  <si>
    <t>6154092.0</t>
  </si>
  <si>
    <t>18227047.0</t>
  </si>
  <si>
    <t>6719225.0</t>
  </si>
  <si>
    <t>6154167.0</t>
  </si>
  <si>
    <t>5353655.0</t>
  </si>
  <si>
    <t>18227089.0</t>
  </si>
  <si>
    <t>6719229.0</t>
  </si>
  <si>
    <t>6154182.0</t>
  </si>
  <si>
    <t>5353678.0</t>
  </si>
  <si>
    <t>18227411.0</t>
  </si>
  <si>
    <t>6719284.0</t>
  </si>
  <si>
    <t>6154262.0</t>
  </si>
  <si>
    <t>5353865.0</t>
  </si>
  <si>
    <t>11484.3</t>
  </si>
  <si>
    <t>1215.39845486295</t>
  </si>
  <si>
    <t>18227723.0</t>
  </si>
  <si>
    <t>6719332.0</t>
  </si>
  <si>
    <t>6154330.0</t>
  </si>
  <si>
    <t>5354061.0</t>
  </si>
  <si>
    <t>18228136.0</t>
  </si>
  <si>
    <t>6719417.0</t>
  </si>
  <si>
    <t>6154443.0</t>
  </si>
  <si>
    <t>5354276.0</t>
  </si>
  <si>
    <t>18228432.0</t>
  </si>
  <si>
    <t>6719459.0</t>
  </si>
  <si>
    <t>6154531.0</t>
  </si>
  <si>
    <t>5354442.0</t>
  </si>
  <si>
    <t>18228716.0</t>
  </si>
  <si>
    <t>6719488.0</t>
  </si>
  <si>
    <t>6154615.0</t>
  </si>
  <si>
    <t>5354613.0</t>
  </si>
  <si>
    <t>192.92</t>
  </si>
  <si>
    <t>18228765.0</t>
  </si>
  <si>
    <t>6719494.0</t>
  </si>
  <si>
    <t>6154635.0</t>
  </si>
  <si>
    <t>5354636.0</t>
  </si>
  <si>
    <t>18228771.0</t>
  </si>
  <si>
    <t>6719496.0</t>
  </si>
  <si>
    <t>5354640.0</t>
  </si>
  <si>
    <t>18229169.0</t>
  </si>
  <si>
    <t>6719560.0</t>
  </si>
  <si>
    <t>6154768.0</t>
  </si>
  <si>
    <t>5354841.0</t>
  </si>
  <si>
    <t>11523.6</t>
  </si>
  <si>
    <t>1219.55762514552</t>
  </si>
  <si>
    <t>18229438.0</t>
  </si>
  <si>
    <t>6719604.0</t>
  </si>
  <si>
    <t>6154845.0</t>
  </si>
  <si>
    <t>5354989.0</t>
  </si>
  <si>
    <t>18229810.0</t>
  </si>
  <si>
    <t>6719664.0</t>
  </si>
  <si>
    <t>6154949.0</t>
  </si>
  <si>
    <t>5355197.0</t>
  </si>
  <si>
    <t>192.93</t>
  </si>
  <si>
    <t>18230048.0</t>
  </si>
  <si>
    <t>6719691.0</t>
  </si>
  <si>
    <t>6155012.0</t>
  </si>
  <si>
    <t>5355345.0</t>
  </si>
  <si>
    <t>18230346.0</t>
  </si>
  <si>
    <t>6719741.0</t>
  </si>
  <si>
    <t>6155113.0</t>
  </si>
  <si>
    <t>5355492.0</t>
  </si>
  <si>
    <t>18230410.0</t>
  </si>
  <si>
    <t>6719751.0</t>
  </si>
  <si>
    <t>6155134.0</t>
  </si>
  <si>
    <t>5355525.0</t>
  </si>
  <si>
    <t>18230767.0</t>
  </si>
  <si>
    <t>6719790.0</t>
  </si>
  <si>
    <t>6155251.0</t>
  </si>
  <si>
    <t>5355726.0</t>
  </si>
  <si>
    <t>11566.3</t>
  </si>
  <si>
    <t>1224.07662186475</t>
  </si>
  <si>
    <t>18230983.0</t>
  </si>
  <si>
    <t>6719814.0</t>
  </si>
  <si>
    <t>6155323.0</t>
  </si>
  <si>
    <t>5355846.0</t>
  </si>
  <si>
    <t>18231297.0</t>
  </si>
  <si>
    <t>6719858.0</t>
  </si>
  <si>
    <t>6155436.0</t>
  </si>
  <si>
    <t>5356003.0</t>
  </si>
  <si>
    <t>18231498.0</t>
  </si>
  <si>
    <t>6719879.0</t>
  </si>
  <si>
    <t>6155500.0</t>
  </si>
  <si>
    <t>5356119.0</t>
  </si>
  <si>
    <t>18231777.0</t>
  </si>
  <si>
    <t>6719911.0</t>
  </si>
  <si>
    <t>6155577.0</t>
  </si>
  <si>
    <t>5356289.0</t>
  </si>
  <si>
    <t>18231933.0</t>
  </si>
  <si>
    <t>6719959.0</t>
  </si>
  <si>
    <t>6155629.0</t>
  </si>
  <si>
    <t>5356345.0</t>
  </si>
  <si>
    <t>18231937.0</t>
  </si>
  <si>
    <t>6719962.0</t>
  </si>
  <si>
    <t>5356346.0</t>
  </si>
  <si>
    <t>18232197.0</t>
  </si>
  <si>
    <t>6719990.0</t>
  </si>
  <si>
    <t>6155695.0</t>
  </si>
  <si>
    <t>5356512.0</t>
  </si>
  <si>
    <t>11600.6</t>
  </si>
  <si>
    <t>1227.70663562282</t>
  </si>
  <si>
    <t>18232399.0</t>
  </si>
  <si>
    <t>6720017.0</t>
  </si>
  <si>
    <t>6155769.0</t>
  </si>
  <si>
    <t>5356613.0</t>
  </si>
  <si>
    <t>192.96</t>
  </si>
  <si>
    <t>18232710.0</t>
  </si>
  <si>
    <t>6720058.0</t>
  </si>
  <si>
    <t>6155862.0</t>
  </si>
  <si>
    <t>5356790.0</t>
  </si>
  <si>
    <t>18232954.0</t>
  </si>
  <si>
    <t>6720080.0</t>
  </si>
  <si>
    <t>6155916.0</t>
  </si>
  <si>
    <t>5356958.0</t>
  </si>
  <si>
    <t>18235022.0</t>
  </si>
  <si>
    <t>6720120.0</t>
  </si>
  <si>
    <t>6155972.0</t>
  </si>
  <si>
    <t>5358930.0</t>
  </si>
  <si>
    <t>192.98</t>
  </si>
  <si>
    <t>18236365.0</t>
  </si>
  <si>
    <t>6720127.0</t>
  </si>
  <si>
    <t>6155983.0</t>
  </si>
  <si>
    <t>5360255.0</t>
  </si>
  <si>
    <t>18237377.0</t>
  </si>
  <si>
    <t>6720132.0</t>
  </si>
  <si>
    <t>6156003.0</t>
  </si>
  <si>
    <t>5361242.0</t>
  </si>
  <si>
    <t>193.01</t>
  </si>
  <si>
    <t>11637.9</t>
  </si>
  <si>
    <t>1231.65414329559</t>
  </si>
  <si>
    <t>18237657.0</t>
  </si>
  <si>
    <t>6156008.0</t>
  </si>
  <si>
    <t>5361517.0</t>
  </si>
  <si>
    <t>18237682.0</t>
  </si>
  <si>
    <t>6720134.0</t>
  </si>
  <si>
    <t>5361540.0</t>
  </si>
  <si>
    <t>18241765.0</t>
  </si>
  <si>
    <t>6720158.0</t>
  </si>
  <si>
    <t>6156044.0</t>
  </si>
  <si>
    <t>5365563.0</t>
  </si>
  <si>
    <t>18247451.0</t>
  </si>
  <si>
    <t>6720190.0</t>
  </si>
  <si>
    <t>6156105.0</t>
  </si>
  <si>
    <t>5371156.0</t>
  </si>
  <si>
    <t>18249098.0</t>
  </si>
  <si>
    <t>6720193.0</t>
  </si>
  <si>
    <t>6156117.0</t>
  </si>
  <si>
    <t>5372788.0</t>
  </si>
  <si>
    <t>193.13</t>
  </si>
  <si>
    <t>18249116.0</t>
  </si>
  <si>
    <t>6156118.0</t>
  </si>
  <si>
    <t>5372805.0</t>
  </si>
  <si>
    <t>18254659.0</t>
  </si>
  <si>
    <t>6720220.0</t>
  </si>
  <si>
    <t>6156169.0</t>
  </si>
  <si>
    <t>5378270.0</t>
  </si>
  <si>
    <t>193.19</t>
  </si>
  <si>
    <t>11711.8</t>
  </si>
  <si>
    <t>1239.4750767277</t>
  </si>
  <si>
    <t>18260617.0</t>
  </si>
  <si>
    <t>6720243.0</t>
  </si>
  <si>
    <t>6156198.0</t>
  </si>
  <si>
    <t>5384176.0</t>
  </si>
  <si>
    <t>18261790.0</t>
  </si>
  <si>
    <t>6720250.0</t>
  </si>
  <si>
    <t>6156208.0</t>
  </si>
  <si>
    <t>5385332.0</t>
  </si>
  <si>
    <t>18261792.0</t>
  </si>
  <si>
    <t>6720251.0</t>
  </si>
  <si>
    <t>5385333.0</t>
  </si>
  <si>
    <t>18269696.0</t>
  </si>
  <si>
    <t>6720268.0</t>
  </si>
  <si>
    <t>6156251.0</t>
  </si>
  <si>
    <t>5393177.0</t>
  </si>
  <si>
    <t>193.35</t>
  </si>
  <si>
    <t>18271117.0</t>
  </si>
  <si>
    <t>6720271.0</t>
  </si>
  <si>
    <t>6156254.0</t>
  </si>
  <si>
    <t>5394592.0</t>
  </si>
  <si>
    <t>18271120.0</t>
  </si>
  <si>
    <t>6720272.0</t>
  </si>
  <si>
    <t>6156255.0</t>
  </si>
  <si>
    <t>5394593.0</t>
  </si>
  <si>
    <t>18273214.0</t>
  </si>
  <si>
    <t>6720279.0</t>
  </si>
  <si>
    <t>6156277.0</t>
  </si>
  <si>
    <t>5396658.0</t>
  </si>
  <si>
    <t>11803.3</t>
  </si>
  <si>
    <t>1249.15864112604</t>
  </si>
  <si>
    <t>18273283.0</t>
  </si>
  <si>
    <t>6720284.0</t>
  </si>
  <si>
    <t>6156279.0</t>
  </si>
  <si>
    <t>5396720.0</t>
  </si>
  <si>
    <t>18278038.0</t>
  </si>
  <si>
    <t>6720296.0</t>
  </si>
  <si>
    <t>6156311.0</t>
  </si>
  <si>
    <t>5401431.0</t>
  </si>
  <si>
    <t>193.44</t>
  </si>
  <si>
    <t>18283377.0</t>
  </si>
  <si>
    <t>6720309.0</t>
  </si>
  <si>
    <t>6156335.0</t>
  </si>
  <si>
    <t>5406733.0</t>
  </si>
  <si>
    <t>18287412.0</t>
  </si>
  <si>
    <t>6720326.0</t>
  </si>
  <si>
    <t>6156351.0</t>
  </si>
  <si>
    <t>5410735.0</t>
  </si>
  <si>
    <t>18288737.0</t>
  </si>
  <si>
    <t>6720332.0</t>
  </si>
  <si>
    <t>6156358.0</t>
  </si>
  <si>
    <t>5412047.0</t>
  </si>
  <si>
    <t>193.55</t>
  </si>
  <si>
    <t>18290686.0</t>
  </si>
  <si>
    <t>6720336.0</t>
  </si>
  <si>
    <t>6156371.0</t>
  </si>
  <si>
    <t>5413979.0</t>
  </si>
  <si>
    <t>193.57</t>
  </si>
  <si>
    <t>11825.8</t>
  </si>
  <si>
    <t>1251.53984548629</t>
  </si>
  <si>
    <t>18290719.0</t>
  </si>
  <si>
    <t>6720337.0</t>
  </si>
  <si>
    <t>6156372.0</t>
  </si>
  <si>
    <t>5414010.0</t>
  </si>
  <si>
    <t>18296005.0</t>
  </si>
  <si>
    <t>6720361.0</t>
  </si>
  <si>
    <t>6156403.0</t>
  </si>
  <si>
    <t>5419241.0</t>
  </si>
  <si>
    <t>193.63</t>
  </si>
  <si>
    <t>18302414.0</t>
  </si>
  <si>
    <t>6720379.0</t>
  </si>
  <si>
    <t>6156428.0</t>
  </si>
  <si>
    <t>5425607.0</t>
  </si>
  <si>
    <t>193.7</t>
  </si>
  <si>
    <t>18309017.0</t>
  </si>
  <si>
    <t>6720405.0</t>
  </si>
  <si>
    <t>6156472.0</t>
  </si>
  <si>
    <t>5432140.0</t>
  </si>
  <si>
    <t>18310539.0</t>
  </si>
  <si>
    <t>6720409.0</t>
  </si>
  <si>
    <t>6156479.0</t>
  </si>
  <si>
    <t>5433651.0</t>
  </si>
  <si>
    <t>18315757.0</t>
  </si>
  <si>
    <t>6720424.0</t>
  </si>
  <si>
    <t>6156512.0</t>
  </si>
  <si>
    <t>5438821.0</t>
  </si>
  <si>
    <t>193.84</t>
  </si>
  <si>
    <t>11837.3</t>
  </si>
  <si>
    <t>1252.75690549264</t>
  </si>
  <si>
    <t>18321161.0</t>
  </si>
  <si>
    <t>6720444.0</t>
  </si>
  <si>
    <t>6156528.0</t>
  </si>
  <si>
    <t>5444189.0</t>
  </si>
  <si>
    <t>18327670.0</t>
  </si>
  <si>
    <t>6720462.0</t>
  </si>
  <si>
    <t>6156562.0</t>
  </si>
  <si>
    <t>5450646.0</t>
  </si>
  <si>
    <t>18334653.0</t>
  </si>
  <si>
    <t>6720480.0</t>
  </si>
  <si>
    <t>6156587.0</t>
  </si>
  <si>
    <t>5457586.0</t>
  </si>
  <si>
    <t>194.04</t>
  </si>
  <si>
    <t>18342992.0</t>
  </si>
  <si>
    <t>6720498.0</t>
  </si>
  <si>
    <t>6156613.0</t>
  </si>
  <si>
    <t>5465881.0</t>
  </si>
  <si>
    <t>18344997.0</t>
  </si>
  <si>
    <t>6720543.0</t>
  </si>
  <si>
    <t>6156660.0</t>
  </si>
  <si>
    <t>5467794.0</t>
  </si>
  <si>
    <t>18351013.0</t>
  </si>
  <si>
    <t>6720557.0</t>
  </si>
  <si>
    <t>6156683.0</t>
  </si>
  <si>
    <t>5473773.0</t>
  </si>
  <si>
    <t>194.21</t>
  </si>
  <si>
    <t>11853.4</t>
  </si>
  <si>
    <t>1254.46078950153</t>
  </si>
  <si>
    <t>18357376.0</t>
  </si>
  <si>
    <t>6720574.0</t>
  </si>
  <si>
    <t>6156699.0</t>
  </si>
  <si>
    <t>5480103.0</t>
  </si>
  <si>
    <t>194.28</t>
  </si>
  <si>
    <t>18358649.0</t>
  </si>
  <si>
    <t>6720576.0</t>
  </si>
  <si>
    <t>6156700.0</t>
  </si>
  <si>
    <t>5481373.0</t>
  </si>
  <si>
    <t>194.29</t>
  </si>
  <si>
    <t>18364786.0</t>
  </si>
  <si>
    <t>6720589.0</t>
  </si>
  <si>
    <t>6156713.0</t>
  </si>
  <si>
    <t>5487484.0</t>
  </si>
  <si>
    <t>18371646.0</t>
  </si>
  <si>
    <t>6720605.0</t>
  </si>
  <si>
    <t>6156731.0</t>
  </si>
  <si>
    <t>5494310.0</t>
  </si>
  <si>
    <t>194.43</t>
  </si>
  <si>
    <t>18373318.0</t>
  </si>
  <si>
    <t>6720609.0</t>
  </si>
  <si>
    <t>6156737.0</t>
  </si>
  <si>
    <t>5495972.0</t>
  </si>
  <si>
    <t>194.45</t>
  </si>
  <si>
    <t>18380225.0</t>
  </si>
  <si>
    <t>6720633.0</t>
  </si>
  <si>
    <t>6156771.0</t>
  </si>
  <si>
    <t>5502821.0</t>
  </si>
  <si>
    <t>11843.5</t>
  </si>
  <si>
    <t>1253.41305958302</t>
  </si>
  <si>
    <t>18387737.0</t>
  </si>
  <si>
    <t>6720648.0</t>
  </si>
  <si>
    <t>6156782.0</t>
  </si>
  <si>
    <t>5510307.0</t>
  </si>
  <si>
    <t>18394721.0</t>
  </si>
  <si>
    <t>6720676.0</t>
  </si>
  <si>
    <t>6156808.0</t>
  </si>
  <si>
    <t>194.67</t>
  </si>
  <si>
    <t>18402283.0</t>
  </si>
  <si>
    <t>6720692.0</t>
  </si>
  <si>
    <t>6156828.0</t>
  </si>
  <si>
    <t>5524763.0</t>
  </si>
  <si>
    <t>194.75</t>
  </si>
  <si>
    <t>18411175.0</t>
  </si>
  <si>
    <t>6720718.0</t>
  </si>
  <si>
    <t>6156842.0</t>
  </si>
  <si>
    <t>5533615.0</t>
  </si>
  <si>
    <t>18413750.0</t>
  </si>
  <si>
    <t>6720719.0</t>
  </si>
  <si>
    <t>6156859.0</t>
  </si>
  <si>
    <t>5536172.0</t>
  </si>
  <si>
    <t>18413802.0</t>
  </si>
  <si>
    <t>6720720.0</t>
  </si>
  <si>
    <t>5536223.0</t>
  </si>
  <si>
    <t>18421155.0</t>
  </si>
  <si>
    <t>6720744.0</t>
  </si>
  <si>
    <t>6156889.0</t>
  </si>
  <si>
    <t>5543522.0</t>
  </si>
  <si>
    <t>11833.8</t>
  </si>
  <si>
    <t>1252.38649592549</t>
  </si>
  <si>
    <t>18429215.0</t>
  </si>
  <si>
    <t>6720764.0</t>
  </si>
  <si>
    <t>6156906.0</t>
  </si>
  <si>
    <t>18436840.0</t>
  </si>
  <si>
    <t>6720804.0</t>
  </si>
  <si>
    <t>6156931.0</t>
  </si>
  <si>
    <t>5559105.0</t>
  </si>
  <si>
    <t>18444532.0</t>
  </si>
  <si>
    <t>6720818.0</t>
  </si>
  <si>
    <t>6156958.0</t>
  </si>
  <si>
    <t>5566756.0</t>
  </si>
  <si>
    <t>18452966.0</t>
  </si>
  <si>
    <t>6720838.0</t>
  </si>
  <si>
    <t>6156991.0</t>
  </si>
  <si>
    <t>5575137.0</t>
  </si>
  <si>
    <t>18455534.0</t>
  </si>
  <si>
    <t>6720844.0</t>
  </si>
  <si>
    <t>6156995.0</t>
  </si>
  <si>
    <t>5577695.0</t>
  </si>
  <si>
    <t>195.32</t>
  </si>
  <si>
    <t>18461819.0</t>
  </si>
  <si>
    <t>6720863.0</t>
  </si>
  <si>
    <t>6157014.0</t>
  </si>
  <si>
    <t>5583942.0</t>
  </si>
  <si>
    <t>195.38</t>
  </si>
  <si>
    <t>11753.9</t>
  </si>
  <si>
    <t>-8.95</t>
  </si>
  <si>
    <t>1243.93057466399</t>
  </si>
  <si>
    <t>18468890.0</t>
  </si>
  <si>
    <t>6720877.0</t>
  </si>
  <si>
    <t>6157027.0</t>
  </si>
  <si>
    <t>5590986.0</t>
  </si>
  <si>
    <t>18475930.0</t>
  </si>
  <si>
    <t>6720903.0</t>
  </si>
  <si>
    <t>6157040.0</t>
  </si>
  <si>
    <t>5597987.0</t>
  </si>
  <si>
    <t>195.53</t>
  </si>
  <si>
    <t>18482671.0</t>
  </si>
  <si>
    <t>6720920.0</t>
  </si>
  <si>
    <t>6157060.0</t>
  </si>
  <si>
    <t>5604691.0</t>
  </si>
  <si>
    <t>18489879.0</t>
  </si>
  <si>
    <t>6720929.0</t>
  </si>
  <si>
    <t>6157076.0</t>
  </si>
  <si>
    <t>5611874.0</t>
  </si>
  <si>
    <t>18491947.0</t>
  </si>
  <si>
    <t>6720946.0</t>
  </si>
  <si>
    <t>6157109.0</t>
  </si>
  <si>
    <t>5613892.0</t>
  </si>
  <si>
    <t>195.7</t>
  </si>
  <si>
    <t>18491959.0</t>
  </si>
  <si>
    <t>6157111.0</t>
  </si>
  <si>
    <t>5613902.0</t>
  </si>
  <si>
    <t>18497977.0</t>
  </si>
  <si>
    <t>6720960.0</t>
  </si>
  <si>
    <t>6157126.0</t>
  </si>
  <si>
    <t>5619891.0</t>
  </si>
  <si>
    <t>18503710.0</t>
  </si>
  <si>
    <t>6720968.0</t>
  </si>
  <si>
    <t>6157149.0</t>
  </si>
  <si>
    <t>5625593.0</t>
  </si>
  <si>
    <t>195.83</t>
  </si>
  <si>
    <t>18510159.0</t>
  </si>
  <si>
    <t>6721005.0</t>
  </si>
  <si>
    <t>6157180.0</t>
  </si>
  <si>
    <t>5631974.0</t>
  </si>
  <si>
    <t>18516841.0</t>
  </si>
  <si>
    <t>6721017.0</t>
  </si>
  <si>
    <t>6157205.0</t>
  </si>
  <si>
    <t>5638619.0</t>
  </si>
  <si>
    <t>195.97</t>
  </si>
  <si>
    <t>18524287.0</t>
  </si>
  <si>
    <t>6721030.0</t>
  </si>
  <si>
    <t>6157221.0</t>
  </si>
  <si>
    <t>5646036.0</t>
  </si>
  <si>
    <t>18526156.0</t>
  </si>
  <si>
    <t>6721032.0</t>
  </si>
  <si>
    <t>6157228.0</t>
  </si>
  <si>
    <t>5647896.0</t>
  </si>
  <si>
    <t>59.477</t>
  </si>
  <si>
    <t>18532011.0</t>
  </si>
  <si>
    <t>6721061.0</t>
  </si>
  <si>
    <t>6157251.0</t>
  </si>
  <si>
    <t>5653699.0</t>
  </si>
  <si>
    <t>18537573.0</t>
  </si>
  <si>
    <t>6721070.0</t>
  </si>
  <si>
    <t>6157268.0</t>
  </si>
  <si>
    <t>5659235.0</t>
  </si>
  <si>
    <t>196.19</t>
  </si>
  <si>
    <t>18542554.0</t>
  </si>
  <si>
    <t>6721102.0</t>
  </si>
  <si>
    <t>6157294.0</t>
  </si>
  <si>
    <t>5664158.0</t>
  </si>
  <si>
    <t>18547312.0</t>
  </si>
  <si>
    <t>6721112.0</t>
  </si>
  <si>
    <t>6157311.0</t>
  </si>
  <si>
    <t>5668889.0</t>
  </si>
  <si>
    <t>18553112.0</t>
  </si>
  <si>
    <t>6721130.0</t>
  </si>
  <si>
    <t>6157337.0</t>
  </si>
  <si>
    <t>5674645.0</t>
  </si>
  <si>
    <t>18554911.0</t>
  </si>
  <si>
    <t>6721134.0</t>
  </si>
  <si>
    <t>6157338.0</t>
  </si>
  <si>
    <t>5676439.0</t>
  </si>
  <si>
    <t>18554922.0</t>
  </si>
  <si>
    <t>6721135.0</t>
  </si>
  <si>
    <t>5676449.0</t>
  </si>
  <si>
    <t>56.196</t>
  </si>
  <si>
    <t>18559189.0</t>
  </si>
  <si>
    <t>6721149.0</t>
  </si>
  <si>
    <t>6157357.0</t>
  </si>
  <si>
    <t>5680683.0</t>
  </si>
  <si>
    <t>18563708.0</t>
  </si>
  <si>
    <t>6721163.0</t>
  </si>
  <si>
    <t>6157370.0</t>
  </si>
  <si>
    <t>5685175.0</t>
  </si>
  <si>
    <t>196.46</t>
  </si>
  <si>
    <t>18568467.0</t>
  </si>
  <si>
    <t>6721180.0</t>
  </si>
  <si>
    <t>6157414.0</t>
  </si>
  <si>
    <t>5689873.0</t>
  </si>
  <si>
    <t>18573147.0</t>
  </si>
  <si>
    <t>6721197.0</t>
  </si>
  <si>
    <t>6157430.0</t>
  </si>
  <si>
    <t>5694520.0</t>
  </si>
  <si>
    <t>18578579.0</t>
  </si>
  <si>
    <t>6721219.0</t>
  </si>
  <si>
    <t>6157446.0</t>
  </si>
  <si>
    <t>5699914.0</t>
  </si>
  <si>
    <t>18580088.0</t>
  </si>
  <si>
    <t>6721229.0</t>
  </si>
  <si>
    <t>6157448.0</t>
  </si>
  <si>
    <t>5701411.0</t>
  </si>
  <si>
    <t>18583264.0</t>
  </si>
  <si>
    <t>6721238.0</t>
  </si>
  <si>
    <t>6157465.0</t>
  </si>
  <si>
    <t>5704561.0</t>
  </si>
  <si>
    <t>196.67</t>
  </si>
  <si>
    <t>18586537.0</t>
  </si>
  <si>
    <t>6721245.0</t>
  </si>
  <si>
    <t>5707813.0</t>
  </si>
  <si>
    <t>196.7</t>
  </si>
  <si>
    <t>18588598.0</t>
  </si>
  <si>
    <t>6721257.0</t>
  </si>
  <si>
    <t>6157496.0</t>
  </si>
  <si>
    <t>5709845.0</t>
  </si>
  <si>
    <t>18591011.0</t>
  </si>
  <si>
    <t>6721266.0</t>
  </si>
  <si>
    <t>6157510.0</t>
  </si>
  <si>
    <t>5712235.0</t>
  </si>
  <si>
    <t>18593980.0</t>
  </si>
  <si>
    <t>6721270.0</t>
  </si>
  <si>
    <t>6157520.0</t>
  </si>
  <si>
    <t>5715190.0</t>
  </si>
  <si>
    <t>18594891.0</t>
  </si>
  <si>
    <t>6721278.0</t>
  </si>
  <si>
    <t>5716093.0</t>
  </si>
  <si>
    <t>196.79</t>
  </si>
  <si>
    <t>18596694.0</t>
  </si>
  <si>
    <t>6721283.0</t>
  </si>
  <si>
    <t>6157536.0</t>
  </si>
  <si>
    <t>5717875.0</t>
  </si>
  <si>
    <t>18598424.0</t>
  </si>
  <si>
    <t>6721296.0</t>
  </si>
  <si>
    <t>6157540.0</t>
  </si>
  <si>
    <t>5719588.0</t>
  </si>
  <si>
    <t>18600471.0</t>
  </si>
  <si>
    <t>6721313.0</t>
  </si>
  <si>
    <t>6157560.0</t>
  </si>
  <si>
    <t>5721598.0</t>
  </si>
  <si>
    <t>196.85</t>
  </si>
  <si>
    <t>18602110.0</t>
  </si>
  <si>
    <t>6721325.0</t>
  </si>
  <si>
    <t>6157573.0</t>
  </si>
  <si>
    <t>5723212.0</t>
  </si>
  <si>
    <t>196.87</t>
  </si>
  <si>
    <t>18604366.0</t>
  </si>
  <si>
    <t>6721336.0</t>
  </si>
  <si>
    <t>6157594.0</t>
  </si>
  <si>
    <t>5725436.0</t>
  </si>
  <si>
    <t>18605038.0</t>
  </si>
  <si>
    <t>6721340.0</t>
  </si>
  <si>
    <t>6157599.0</t>
  </si>
  <si>
    <t>5726099.0</t>
  </si>
  <si>
    <t>64.663</t>
  </si>
  <si>
    <t>18605041.0</t>
  </si>
  <si>
    <t>6157600.0</t>
  </si>
  <si>
    <t>5726101.0</t>
  </si>
  <si>
    <t>18606439.0</t>
  </si>
  <si>
    <t>6721346.0</t>
  </si>
  <si>
    <t>6157614.0</t>
  </si>
  <si>
    <t>5727479.0</t>
  </si>
  <si>
    <t>18607791.0</t>
  </si>
  <si>
    <t>6721356.0</t>
  </si>
  <si>
    <t>6157621.0</t>
  </si>
  <si>
    <t>5728814.0</t>
  </si>
  <si>
    <t>196.93</t>
  </si>
  <si>
    <t>18609222.0</t>
  </si>
  <si>
    <t>6721370.0</t>
  </si>
  <si>
    <t>6157634.0</t>
  </si>
  <si>
    <t>5730218.0</t>
  </si>
  <si>
    <t>18610403.0</t>
  </si>
  <si>
    <t>6721373.0</t>
  </si>
  <si>
    <t>6157645.0</t>
  </si>
  <si>
    <t>5731385.0</t>
  </si>
  <si>
    <t>18611027.0</t>
  </si>
  <si>
    <t>6721377.0</t>
  </si>
  <si>
    <t>6157649.0</t>
  </si>
  <si>
    <t>5732001.0</t>
  </si>
  <si>
    <t>ITA</t>
  </si>
  <si>
    <t>Italy</t>
  </si>
  <si>
    <t>-6878.1</t>
  </si>
  <si>
    <t>-6.19</t>
  </si>
  <si>
    <t>-116.503972256807</t>
  </si>
  <si>
    <t>-7684.4</t>
  </si>
  <si>
    <t>-8.48</t>
  </si>
  <si>
    <t>-130.161399864818</t>
  </si>
  <si>
    <t>-8225.1</t>
  </si>
  <si>
    <t>-7.85</t>
  </si>
  <si>
    <t>-139.319989853224</t>
  </si>
  <si>
    <t>-8888.8</t>
  </si>
  <si>
    <t>-4.77</t>
  </si>
  <si>
    <t>-150.562002383842</t>
  </si>
  <si>
    <t>6.928</t>
  </si>
  <si>
    <t>15695.0</t>
  </si>
  <si>
    <t>8.571</t>
  </si>
  <si>
    <t>18661.0</t>
  </si>
  <si>
    <t>-9038.9</t>
  </si>
  <si>
    <t>-6.82</t>
  </si>
  <si>
    <t>-153.104455421126</t>
  </si>
  <si>
    <t>23345.0</t>
  </si>
  <si>
    <t>4.997</t>
  </si>
  <si>
    <t>29837.0</t>
  </si>
  <si>
    <t>5.945</t>
  </si>
  <si>
    <t>36359.0</t>
  </si>
  <si>
    <t>42062.0</t>
  </si>
  <si>
    <t>49937.0</t>
  </si>
  <si>
    <t>-7883.4</t>
  </si>
  <si>
    <t>-5.4</t>
  </si>
  <si>
    <t>-133.532140400592</t>
  </si>
  <si>
    <t>53826.0</t>
  </si>
  <si>
    <t>14.855</t>
  </si>
  <si>
    <t>60761.0</t>
  </si>
  <si>
    <t>17.413</t>
  </si>
  <si>
    <t>73154.0</t>
  </si>
  <si>
    <t>132.17</t>
  </si>
  <si>
    <t>148.279</t>
  </si>
  <si>
    <t>11098.0</t>
  </si>
  <si>
    <t>97488.0</t>
  </si>
  <si>
    <t>109170.0</t>
  </si>
  <si>
    <t>11682.0</t>
  </si>
  <si>
    <t>191.997</t>
  </si>
  <si>
    <t>124899.0</t>
  </si>
  <si>
    <t>-2833.7</t>
  </si>
  <si>
    <t>-47.9983289257372</t>
  </si>
  <si>
    <t>14954.0</t>
  </si>
  <si>
    <t>148657.0</t>
  </si>
  <si>
    <t>165541.0</t>
  </si>
  <si>
    <t>182777.0</t>
  </si>
  <si>
    <t>0.2679</t>
  </si>
  <si>
    <t>206886.0</t>
  </si>
  <si>
    <t>24109.0</t>
  </si>
  <si>
    <t>15628.0</t>
  </si>
  <si>
    <t>233222.0</t>
  </si>
  <si>
    <t>26336.0</t>
  </si>
  <si>
    <t>17722.0</t>
  </si>
  <si>
    <t>258402.0</t>
  </si>
  <si>
    <t>6413.4</t>
  </si>
  <si>
    <t>108.632700261962</t>
  </si>
  <si>
    <t>54.271</t>
  </si>
  <si>
    <t>275468.0</t>
  </si>
  <si>
    <t>17066.0</t>
  </si>
  <si>
    <t>296964.0</t>
  </si>
  <si>
    <t>5.013</t>
  </si>
  <si>
    <t>324445.0</t>
  </si>
  <si>
    <t>28365.0</t>
  </si>
  <si>
    <t>17314.0</t>
  </si>
  <si>
    <t>394079.0</t>
  </si>
  <si>
    <t>6.652</t>
  </si>
  <si>
    <t>26742.0</t>
  </si>
  <si>
    <t>429526.0</t>
  </si>
  <si>
    <t>7.251</t>
  </si>
  <si>
    <t>454030.0</t>
  </si>
  <si>
    <t>24504.0</t>
  </si>
  <si>
    <t>7.664</t>
  </si>
  <si>
    <t>17233.3</t>
  </si>
  <si>
    <t>291.90443655853</t>
  </si>
  <si>
    <t>477359.0</t>
  </si>
  <si>
    <t>506968.0</t>
  </si>
  <si>
    <t>32438.0</t>
  </si>
  <si>
    <t>541423.0</t>
  </si>
  <si>
    <t>581232.0</t>
  </si>
  <si>
    <t>39809.0</t>
  </si>
  <si>
    <t>9.811</t>
  </si>
  <si>
    <t>31453.0</t>
  </si>
  <si>
    <t>619849.0</t>
  </si>
  <si>
    <t>32253.0</t>
  </si>
  <si>
    <t>657224.0</t>
  </si>
  <si>
    <t>691461.0</t>
  </si>
  <si>
    <t>25765.4</t>
  </si>
  <si>
    <t>436.424513569958</t>
  </si>
  <si>
    <t>721732.0</t>
  </si>
  <si>
    <t>30271.0</t>
  </si>
  <si>
    <t>32510.0</t>
  </si>
  <si>
    <t>755445.0</t>
  </si>
  <si>
    <t>807125.0</t>
  </si>
  <si>
    <t>51680.0</t>
  </si>
  <si>
    <t>13.625</t>
  </si>
  <si>
    <t>853369.0</t>
  </si>
  <si>
    <t>46244.0</t>
  </si>
  <si>
    <t>14.405</t>
  </si>
  <si>
    <t>906864.0</t>
  </si>
  <si>
    <t>53495.0</t>
  </si>
  <si>
    <t>15.308</t>
  </si>
  <si>
    <t>963473.0</t>
  </si>
  <si>
    <t>16.264</t>
  </si>
  <si>
    <t>1010193.0</t>
  </si>
  <si>
    <t>46720.0</t>
  </si>
  <si>
    <t>17.052</t>
  </si>
  <si>
    <t>32570.5</t>
  </si>
  <si>
    <t>551.691983017159</t>
  </si>
  <si>
    <t>31283.0</t>
  </si>
  <si>
    <t>1046910.0</t>
  </si>
  <si>
    <t>17.672</t>
  </si>
  <si>
    <t>46454.0</t>
  </si>
  <si>
    <t>1073689.0</t>
  </si>
  <si>
    <t>26779.0</t>
  </si>
  <si>
    <t>18.124</t>
  </si>
  <si>
    <t>45463.0</t>
  </si>
  <si>
    <t>96.905</t>
  </si>
  <si>
    <t>1117404.0</t>
  </si>
  <si>
    <t>18.862</t>
  </si>
  <si>
    <t>29829.0</t>
  </si>
  <si>
    <t>1178403.0</t>
  </si>
  <si>
    <t>60999.0</t>
  </si>
  <si>
    <t>19.892</t>
  </si>
  <si>
    <t>1244108.0</t>
  </si>
  <si>
    <t>65705.0</t>
  </si>
  <si>
    <t>21.001</t>
  </si>
  <si>
    <t>48178.0</t>
  </si>
  <si>
    <t>46.293</t>
  </si>
  <si>
    <t>27740.0</t>
  </si>
  <si>
    <t>1305833.0</t>
  </si>
  <si>
    <t>61725.0</t>
  </si>
  <si>
    <t>22.043</t>
  </si>
  <si>
    <t>48909.0</t>
  </si>
  <si>
    <t>1356541.0</t>
  </si>
  <si>
    <t>22.899</t>
  </si>
  <si>
    <t>37374.0</t>
  </si>
  <si>
    <t>633.055561728659</t>
  </si>
  <si>
    <t>27479.0</t>
  </si>
  <si>
    <t>1398024.0</t>
  </si>
  <si>
    <t>23.599</t>
  </si>
  <si>
    <t>50159.0</t>
  </si>
  <si>
    <t>1450150.0</t>
  </si>
  <si>
    <t>1513251.0</t>
  </si>
  <si>
    <t>25.544</t>
  </si>
  <si>
    <t>56550.0</t>
  </si>
  <si>
    <t>1579909.0</t>
  </si>
  <si>
    <t>66658.0</t>
  </si>
  <si>
    <t>1642356.0</t>
  </si>
  <si>
    <t>27.724</t>
  </si>
  <si>
    <t>56893.0</t>
  </si>
  <si>
    <t>1707743.0</t>
  </si>
  <si>
    <t>23381.0</t>
  </si>
  <si>
    <t>1757659.0</t>
  </si>
  <si>
    <t>49916.0</t>
  </si>
  <si>
    <t>57303.0</t>
  </si>
  <si>
    <t>40332.9</t>
  </si>
  <si>
    <t>683.174577664843</t>
  </si>
  <si>
    <t>1789662.0</t>
  </si>
  <si>
    <t>55948.0</t>
  </si>
  <si>
    <t>1846934.0</t>
  </si>
  <si>
    <t>57272.0</t>
  </si>
  <si>
    <t>56683.0</t>
  </si>
  <si>
    <t>56.337</t>
  </si>
  <si>
    <t>1910761.0</t>
  </si>
  <si>
    <t>63827.0</t>
  </si>
  <si>
    <t>32.254</t>
  </si>
  <si>
    <t>52.526</t>
  </si>
  <si>
    <t>1979217.0</t>
  </si>
  <si>
    <t>68456.0</t>
  </si>
  <si>
    <t>2053425.0</t>
  </si>
  <si>
    <t>74208.0</t>
  </si>
  <si>
    <t>58724.0</t>
  </si>
  <si>
    <t>2108837.0</t>
  </si>
  <si>
    <t>55412.0</t>
  </si>
  <si>
    <t>35.598</t>
  </si>
  <si>
    <t>57299.0</t>
  </si>
  <si>
    <t>25.425</t>
  </si>
  <si>
    <t>41.652</t>
  </si>
  <si>
    <t>2153772.0</t>
  </si>
  <si>
    <t>44935.0</t>
  </si>
  <si>
    <t>36.357</t>
  </si>
  <si>
    <t>41903.2</t>
  </si>
  <si>
    <t>709.772938787081</t>
  </si>
  <si>
    <t>2191403.0</t>
  </si>
  <si>
    <t>37631.0</t>
  </si>
  <si>
    <t>36.992</t>
  </si>
  <si>
    <t>57392.0</t>
  </si>
  <si>
    <t>17697.0</t>
  </si>
  <si>
    <t>2246666.0</t>
  </si>
  <si>
    <t>37.925</t>
  </si>
  <si>
    <t>57105.0</t>
  </si>
  <si>
    <t>2310929.0</t>
  </si>
  <si>
    <t>64263.0</t>
  </si>
  <si>
    <t>39.009</t>
  </si>
  <si>
    <t>279.229</t>
  </si>
  <si>
    <t>2381288.0</t>
  </si>
  <si>
    <t>70359.0</t>
  </si>
  <si>
    <t>40.197</t>
  </si>
  <si>
    <t>2445063.0</t>
  </si>
  <si>
    <t>63775.0</t>
  </si>
  <si>
    <t>2514234.0</t>
  </si>
  <si>
    <t>57914.0</t>
  </si>
  <si>
    <t>17.396</t>
  </si>
  <si>
    <t>2565912.0</t>
  </si>
  <si>
    <t>43.314</t>
  </si>
  <si>
    <t>58877.0</t>
  </si>
  <si>
    <t>42918.7</t>
  </si>
  <si>
    <t>726.973878556318</t>
  </si>
  <si>
    <t>246.25</t>
  </si>
  <si>
    <t>31.827</t>
  </si>
  <si>
    <t>2606652.0</t>
  </si>
  <si>
    <t>59321.0</t>
  </si>
  <si>
    <t>13817.0</t>
  </si>
  <si>
    <t>2673655.0</t>
  </si>
  <si>
    <t>67003.0</t>
  </si>
  <si>
    <t>45.132</t>
  </si>
  <si>
    <t>2735628.0</t>
  </si>
  <si>
    <t>61973.0</t>
  </si>
  <si>
    <t>46.178</t>
  </si>
  <si>
    <t>2807504.0</t>
  </si>
  <si>
    <t>71876.0</t>
  </si>
  <si>
    <t>60888.0</t>
  </si>
  <si>
    <t>2875680.0</t>
  </si>
  <si>
    <t>48.543</t>
  </si>
  <si>
    <t>61517.0</t>
  </si>
  <si>
    <t>2944859.0</t>
  </si>
  <si>
    <t>61518.0</t>
  </si>
  <si>
    <t>3004960.0</t>
  </si>
  <si>
    <t>60101.0</t>
  </si>
  <si>
    <t>50.725</t>
  </si>
  <si>
    <t>62721.0</t>
  </si>
  <si>
    <t>43641.2</t>
  </si>
  <si>
    <t>739.211868692481</t>
  </si>
  <si>
    <t>3041366.0</t>
  </si>
  <si>
    <t>3104524.0</t>
  </si>
  <si>
    <t>63158.0</t>
  </si>
  <si>
    <t>52.406</t>
  </si>
  <si>
    <t>61553.0</t>
  </si>
  <si>
    <t>3171719.0</t>
  </si>
  <si>
    <t>67195.0</t>
  </si>
  <si>
    <t>62299.0</t>
  </si>
  <si>
    <t>3243398.0</t>
  </si>
  <si>
    <t>71679.0</t>
  </si>
  <si>
    <t>62271.0</t>
  </si>
  <si>
    <t>10.078</t>
  </si>
  <si>
    <t>3318778.0</t>
  </si>
  <si>
    <t>75380.0</t>
  </si>
  <si>
    <t>56.022</t>
  </si>
  <si>
    <t>17.582</t>
  </si>
  <si>
    <t>3391188.0</t>
  </si>
  <si>
    <t>72410.0</t>
  </si>
  <si>
    <t>63761.0</t>
  </si>
  <si>
    <t>9.367</t>
  </si>
  <si>
    <t>3447012.0</t>
  </si>
  <si>
    <t>58.187</t>
  </si>
  <si>
    <t>63150.0</t>
  </si>
  <si>
    <t>43726.5</t>
  </si>
  <si>
    <t>740.656713756307</t>
  </si>
  <si>
    <t>9.164</t>
  </si>
  <si>
    <t>16.905</t>
  </si>
  <si>
    <t>3482253.0</t>
  </si>
  <si>
    <t>58.782</t>
  </si>
  <si>
    <t>62984.0</t>
  </si>
  <si>
    <t>3539927.0</t>
  </si>
  <si>
    <t>57674.0</t>
  </si>
  <si>
    <t>59.755</t>
  </si>
  <si>
    <t>62200.0</t>
  </si>
  <si>
    <t>3607251.0</t>
  </si>
  <si>
    <t>60.892</t>
  </si>
  <si>
    <t>62219.0</t>
  </si>
  <si>
    <t>3683144.0</t>
  </si>
  <si>
    <t>62.173</t>
  </si>
  <si>
    <t>3755279.0</t>
  </si>
  <si>
    <t>72135.0</t>
  </si>
  <si>
    <t>63.391</t>
  </si>
  <si>
    <t>62357.0</t>
  </si>
  <si>
    <t>7.622</t>
  </si>
  <si>
    <t>3824621.0</t>
  </si>
  <si>
    <t>69342.0</t>
  </si>
  <si>
    <t>64.561</t>
  </si>
  <si>
    <t>3878739.0</t>
  </si>
  <si>
    <t>65.475</t>
  </si>
  <si>
    <t>61675.0</t>
  </si>
  <si>
    <t>43575.2</t>
  </si>
  <si>
    <t>738.09393464544</t>
  </si>
  <si>
    <t>13.297</t>
  </si>
  <si>
    <t>3910133.0</t>
  </si>
  <si>
    <t>66.005</t>
  </si>
  <si>
    <t>61126.0</t>
  </si>
  <si>
    <t>3962292.0</t>
  </si>
  <si>
    <t>52159.0</t>
  </si>
  <si>
    <t>66.885</t>
  </si>
  <si>
    <t>60338.0</t>
  </si>
  <si>
    <t>12.145</t>
  </si>
  <si>
    <t>3999591.0</t>
  </si>
  <si>
    <t>37299.0</t>
  </si>
  <si>
    <t>67.515</t>
  </si>
  <si>
    <t>5.725</t>
  </si>
  <si>
    <t>4049544.0</t>
  </si>
  <si>
    <t>49953.0</t>
  </si>
  <si>
    <t>68.358</t>
  </si>
  <si>
    <t>52343.0</t>
  </si>
  <si>
    <t>95.143</t>
  </si>
  <si>
    <t>4114572.0</t>
  </si>
  <si>
    <t>65028.0</t>
  </si>
  <si>
    <t>4.963</t>
  </si>
  <si>
    <t>89.689</t>
  </si>
  <si>
    <t>4187057.0</t>
  </si>
  <si>
    <t>72485.0</t>
  </si>
  <si>
    <t>70.679</t>
  </si>
  <si>
    <t>4236535.0</t>
  </si>
  <si>
    <t>71.514</t>
  </si>
  <si>
    <t>43323.1</t>
  </si>
  <si>
    <t>733.823765353639</t>
  </si>
  <si>
    <t>11.027</t>
  </si>
  <si>
    <t>4263647.0</t>
  </si>
  <si>
    <t>27112.0</t>
  </si>
  <si>
    <t>71.972</t>
  </si>
  <si>
    <t>4318650.0</t>
  </si>
  <si>
    <t>55003.0</t>
  </si>
  <si>
    <t>72.901</t>
  </si>
  <si>
    <t>4381349.0</t>
  </si>
  <si>
    <t>62699.0</t>
  </si>
  <si>
    <t>73.959</t>
  </si>
  <si>
    <t>54537.0</t>
  </si>
  <si>
    <t>10.248</t>
  </si>
  <si>
    <t>4443821.0</t>
  </si>
  <si>
    <t>62472.0</t>
  </si>
  <si>
    <t>56325.0</t>
  </si>
  <si>
    <t>10.129</t>
  </si>
  <si>
    <t>4514441.0</t>
  </si>
  <si>
    <t>76.206</t>
  </si>
  <si>
    <t>4564191.0</t>
  </si>
  <si>
    <t>4620718.0</t>
  </si>
  <si>
    <t>42724.0</t>
  </si>
  <si>
    <t>723.675973117548</t>
  </si>
  <si>
    <t>4648825.0</t>
  </si>
  <si>
    <t>78.474</t>
  </si>
  <si>
    <t>55025.0</t>
  </si>
  <si>
    <t>58.912</t>
  </si>
  <si>
    <t>4695707.0</t>
  </si>
  <si>
    <t>46882.0</t>
  </si>
  <si>
    <t>79.265</t>
  </si>
  <si>
    <t>9.841</t>
  </si>
  <si>
    <t>4773408.0</t>
  </si>
  <si>
    <t>80.577</t>
  </si>
  <si>
    <t>56008.0</t>
  </si>
  <si>
    <t>4831562.0</t>
  </si>
  <si>
    <t>81.559</t>
  </si>
  <si>
    <t>55392.0</t>
  </si>
  <si>
    <t>10.231</t>
  </si>
  <si>
    <t>4889103.0</t>
  </si>
  <si>
    <t>57541.0</t>
  </si>
  <si>
    <t>53523.0</t>
  </si>
  <si>
    <t>4943825.0</t>
  </si>
  <si>
    <t>54722.0</t>
  </si>
  <si>
    <t>83.454</t>
  </si>
  <si>
    <t>54233.0</t>
  </si>
  <si>
    <t>41.702</t>
  </si>
  <si>
    <t>4984370.0</t>
  </si>
  <si>
    <t>51950.0</t>
  </si>
  <si>
    <t>42673.7</t>
  </si>
  <si>
    <t>722.823971866546</t>
  </si>
  <si>
    <t>5013342.0</t>
  </si>
  <si>
    <t>52074.0</t>
  </si>
  <si>
    <t>5053827.0</t>
  </si>
  <si>
    <t>85.311</t>
  </si>
  <si>
    <t>51160.0</t>
  </si>
  <si>
    <t>5107093.0</t>
  </si>
  <si>
    <t>47669.0</t>
  </si>
  <si>
    <t>5163154.0</t>
  </si>
  <si>
    <t>87.156</t>
  </si>
  <si>
    <t>5215922.0</t>
  </si>
  <si>
    <t>52768.0</t>
  </si>
  <si>
    <t>88.047</t>
  </si>
  <si>
    <t>5277273.0</t>
  </si>
  <si>
    <t>61351.0</t>
  </si>
  <si>
    <t>89.082</t>
  </si>
  <si>
    <t>5314619.0</t>
  </si>
  <si>
    <t>89.713</t>
  </si>
  <si>
    <t>182.4</t>
  </si>
  <si>
    <t>43505.4</t>
  </si>
  <si>
    <t>736.911634698722</t>
  </si>
  <si>
    <t>9.519</t>
  </si>
  <si>
    <t>5341837.0</t>
  </si>
  <si>
    <t>90.172</t>
  </si>
  <si>
    <t>9.486</t>
  </si>
  <si>
    <t>5390110.0</t>
  </si>
  <si>
    <t>90.987</t>
  </si>
  <si>
    <t>5445476.0</t>
  </si>
  <si>
    <t>55366.0</t>
  </si>
  <si>
    <t>91.922</t>
  </si>
  <si>
    <t>9.079</t>
  </si>
  <si>
    <t>5498719.0</t>
  </si>
  <si>
    <t>53243.0</t>
  </si>
  <si>
    <t>47938.0</t>
  </si>
  <si>
    <t>267.4</t>
  </si>
  <si>
    <t>5548815.0</t>
  </si>
  <si>
    <t>50096.0</t>
  </si>
  <si>
    <t>93.666</t>
  </si>
  <si>
    <t>5600826.0</t>
  </si>
  <si>
    <t>94.544</t>
  </si>
  <si>
    <t>5638288.0</t>
  </si>
  <si>
    <t>37462.0</t>
  </si>
  <si>
    <t>95.177</t>
  </si>
  <si>
    <t>44399.9</t>
  </si>
  <si>
    <t>752.063028715051</t>
  </si>
  <si>
    <t>5660454.0</t>
  </si>
  <si>
    <t>95.551</t>
  </si>
  <si>
    <t>5703673.0</t>
  </si>
  <si>
    <t>43219.0</t>
  </si>
  <si>
    <t>5754116.0</t>
  </si>
  <si>
    <t>97.132</t>
  </si>
  <si>
    <t>5806668.0</t>
  </si>
  <si>
    <t>5854621.0</t>
  </si>
  <si>
    <t>98.828</t>
  </si>
  <si>
    <t>43687.0</t>
  </si>
  <si>
    <t>8.537</t>
  </si>
  <si>
    <t>5900552.0</t>
  </si>
  <si>
    <t>45931.0</t>
  </si>
  <si>
    <t>99.604</t>
  </si>
  <si>
    <t>5938811.0</t>
  </si>
  <si>
    <t>100.249</t>
  </si>
  <si>
    <t>747.64380155031</t>
  </si>
  <si>
    <t>5962744.0</t>
  </si>
  <si>
    <t>100.653</t>
  </si>
  <si>
    <t>43184.0</t>
  </si>
  <si>
    <t>6004611.0</t>
  </si>
  <si>
    <t>101.36</t>
  </si>
  <si>
    <t>6053060.0</t>
  </si>
  <si>
    <t>48449.0</t>
  </si>
  <si>
    <t>102.178</t>
  </si>
  <si>
    <t>42706.0</t>
  </si>
  <si>
    <t>6103492.0</t>
  </si>
  <si>
    <t>50432.0</t>
  </si>
  <si>
    <t>6154259.0</t>
  </si>
  <si>
    <t>103.886</t>
  </si>
  <si>
    <t>42805.0</t>
  </si>
  <si>
    <t>8.656</t>
  </si>
  <si>
    <t>6202524.0</t>
  </si>
  <si>
    <t>104.701</t>
  </si>
  <si>
    <t>43139.0</t>
  </si>
  <si>
    <t>13.415</t>
  </si>
  <si>
    <t>8.605</t>
  </si>
  <si>
    <t>6238049.0</t>
  </si>
  <si>
    <t>105.301</t>
  </si>
  <si>
    <t>42748.0</t>
  </si>
  <si>
    <t>43553.1</t>
  </si>
  <si>
    <t>737.719596123628</t>
  </si>
  <si>
    <t>6262302.0</t>
  </si>
  <si>
    <t>24253.0</t>
  </si>
  <si>
    <t>6305412.0</t>
  </si>
  <si>
    <t>106.438</t>
  </si>
  <si>
    <t>42972.0</t>
  </si>
  <si>
    <t>6354730.0</t>
  </si>
  <si>
    <t>49318.0</t>
  </si>
  <si>
    <t>6415041.0</t>
  </si>
  <si>
    <t>108.288</t>
  </si>
  <si>
    <t>6468375.0</t>
  </si>
  <si>
    <t>53334.0</t>
  </si>
  <si>
    <t>109.189</t>
  </si>
  <si>
    <t>44874.0</t>
  </si>
  <si>
    <t>9.045</t>
  </si>
  <si>
    <t>6520046.0</t>
  </si>
  <si>
    <t>9.214</t>
  </si>
  <si>
    <t>6560572.0</t>
  </si>
  <si>
    <t>110.745</t>
  </si>
  <si>
    <t>46075.0</t>
  </si>
  <si>
    <t>43026.2</t>
  </si>
  <si>
    <t>728.794755981421</t>
  </si>
  <si>
    <t>6586123.0</t>
  </si>
  <si>
    <t>25551.0</t>
  </si>
  <si>
    <t>46260.0</t>
  </si>
  <si>
    <t>13.364</t>
  </si>
  <si>
    <t>6634293.0</t>
  </si>
  <si>
    <t>111.989</t>
  </si>
  <si>
    <t>6690311.0</t>
  </si>
  <si>
    <t>112.935</t>
  </si>
  <si>
    <t>8.486</t>
  </si>
  <si>
    <t>6752169.0</t>
  </si>
  <si>
    <t>113.979</t>
  </si>
  <si>
    <t>48161.0</t>
  </si>
  <si>
    <t>8.689</t>
  </si>
  <si>
    <t>6813113.0</t>
  </si>
  <si>
    <t>60944.0</t>
  </si>
  <si>
    <t>115.008</t>
  </si>
  <si>
    <t>6873496.0</t>
  </si>
  <si>
    <t>116.027</t>
  </si>
  <si>
    <t>6916765.0</t>
  </si>
  <si>
    <t>43269.0</t>
  </si>
  <si>
    <t>116.758</t>
  </si>
  <si>
    <t>50885.0</t>
  </si>
  <si>
    <t>43940.7</t>
  </si>
  <si>
    <t>744.284917890793</t>
  </si>
  <si>
    <t>6940801.0</t>
  </si>
  <si>
    <t>117.163</t>
  </si>
  <si>
    <t>50668.0</t>
  </si>
  <si>
    <t>6984589.0</t>
  </si>
  <si>
    <t>117.903</t>
  </si>
  <si>
    <t>50042.0</t>
  </si>
  <si>
    <t>7041040.0</t>
  </si>
  <si>
    <t>118.856</t>
  </si>
  <si>
    <t>50104.0</t>
  </si>
  <si>
    <t>13.618</t>
  </si>
  <si>
    <t>7099713.0</t>
  </si>
  <si>
    <t>58673.0</t>
  </si>
  <si>
    <t>119.846</t>
  </si>
  <si>
    <t>49649.0</t>
  </si>
  <si>
    <t>7158909.0</t>
  </si>
  <si>
    <t>59196.0</t>
  </si>
  <si>
    <t>120.845</t>
  </si>
  <si>
    <t>49399.0</t>
  </si>
  <si>
    <t>9.316</t>
  </si>
  <si>
    <t>7212207.0</t>
  </si>
  <si>
    <t>53298.0</t>
  </si>
  <si>
    <t>121.745</t>
  </si>
  <si>
    <t>48387.0</t>
  </si>
  <si>
    <t>7249844.0</t>
  </si>
  <si>
    <t>122.38</t>
  </si>
  <si>
    <t>47583.0</t>
  </si>
  <si>
    <t>43893.0</t>
  </si>
  <si>
    <t>743.476956465887</t>
  </si>
  <si>
    <t>7276276.0</t>
  </si>
  <si>
    <t>26432.0</t>
  </si>
  <si>
    <t>122.826</t>
  </si>
  <si>
    <t>47925.0</t>
  </si>
  <si>
    <t>7316918.0</t>
  </si>
  <si>
    <t>40642.0</t>
  </si>
  <si>
    <t>123.512</t>
  </si>
  <si>
    <t>7369576.0</t>
  </si>
  <si>
    <t>52658.0</t>
  </si>
  <si>
    <t>124.401</t>
  </si>
  <si>
    <t>46934.0</t>
  </si>
  <si>
    <t>14.245</t>
  </si>
  <si>
    <t>7420764.0</t>
  </si>
  <si>
    <t>45864.0</t>
  </si>
  <si>
    <t>7467487.0</t>
  </si>
  <si>
    <t>46723.0</t>
  </si>
  <si>
    <t>126.054</t>
  </si>
  <si>
    <t>44083.0</t>
  </si>
  <si>
    <t>7520610.0</t>
  </si>
  <si>
    <t>53123.0</t>
  </si>
  <si>
    <t>126.951</t>
  </si>
  <si>
    <t>7557417.0</t>
  </si>
  <si>
    <t>36807.0</t>
  </si>
  <si>
    <t>127.572</t>
  </si>
  <si>
    <t>44953.3</t>
  </si>
  <si>
    <t>761.436736315539</t>
  </si>
  <si>
    <t>7588083.0</t>
  </si>
  <si>
    <t>44544.0</t>
  </si>
  <si>
    <t>7642059.0</t>
  </si>
  <si>
    <t>53976.0</t>
  </si>
  <si>
    <t>129.001</t>
  </si>
  <si>
    <t>7713154.0</t>
  </si>
  <si>
    <t>130.201</t>
  </si>
  <si>
    <t>11.772</t>
  </si>
  <si>
    <t>7790596.0</t>
  </si>
  <si>
    <t>131.508</t>
  </si>
  <si>
    <t>52833.0</t>
  </si>
  <si>
    <t>12.009</t>
  </si>
  <si>
    <t>7862592.0</t>
  </si>
  <si>
    <t>71996.0</t>
  </si>
  <si>
    <t>56444.0</t>
  </si>
  <si>
    <t>12.975</t>
  </si>
  <si>
    <t>7940266.0</t>
  </si>
  <si>
    <t>134.035</t>
  </si>
  <si>
    <t>59951.0</t>
  </si>
  <si>
    <t>17.616</t>
  </si>
  <si>
    <t>8007637.0</t>
  </si>
  <si>
    <t>135.172</t>
  </si>
  <si>
    <t>64317.0</t>
  </si>
  <si>
    <t>45922.4</t>
  </si>
  <si>
    <t>777.851734572917</t>
  </si>
  <si>
    <t>13.856</t>
  </si>
  <si>
    <t>8053551.0</t>
  </si>
  <si>
    <t>135.947</t>
  </si>
  <si>
    <t>66495.0</t>
  </si>
  <si>
    <t>8125892.0</t>
  </si>
  <si>
    <t>72341.0</t>
  </si>
  <si>
    <t>137.168</t>
  </si>
  <si>
    <t>69119.0</t>
  </si>
  <si>
    <t>8219421.0</t>
  </si>
  <si>
    <t>93529.0</t>
  </si>
  <si>
    <t>138.747</t>
  </si>
  <si>
    <t>8313445.0</t>
  </si>
  <si>
    <t>94024.0</t>
  </si>
  <si>
    <t>140.334</t>
  </si>
  <si>
    <t>74693.0</t>
  </si>
  <si>
    <t>16.447</t>
  </si>
  <si>
    <t>8410510.0</t>
  </si>
  <si>
    <t>97065.0</t>
  </si>
  <si>
    <t>141.973</t>
  </si>
  <si>
    <t>78274.0</t>
  </si>
  <si>
    <t>8509618.0</t>
  </si>
  <si>
    <t>99108.0</t>
  </si>
  <si>
    <t>143.646</t>
  </si>
  <si>
    <t>81336.0</t>
  </si>
  <si>
    <t>8586341.0</t>
  </si>
  <si>
    <t>144.941</t>
  </si>
  <si>
    <t>82672.0</t>
  </si>
  <si>
    <t>46785.7</t>
  </si>
  <si>
    <t>792.4746506761</t>
  </si>
  <si>
    <t>8644859.0</t>
  </si>
  <si>
    <t>145.929</t>
  </si>
  <si>
    <t>84473.0</t>
  </si>
  <si>
    <t>8725909.0</t>
  </si>
  <si>
    <t>81050.0</t>
  </si>
  <si>
    <t>147.297</t>
  </si>
  <si>
    <t>85717.0</t>
  </si>
  <si>
    <t>8828868.0</t>
  </si>
  <si>
    <t>102959.0</t>
  </si>
  <si>
    <t>149.035</t>
  </si>
  <si>
    <t>8921658.0</t>
  </si>
  <si>
    <t>150.601</t>
  </si>
  <si>
    <t>86888.0</t>
  </si>
  <si>
    <t>18.598</t>
  </si>
  <si>
    <t>9034743.0</t>
  </si>
  <si>
    <t>113085.0</t>
  </si>
  <si>
    <t>9142401.0</t>
  </si>
  <si>
    <t>107658.0</t>
  </si>
  <si>
    <t>154.327</t>
  </si>
  <si>
    <t>90398.0</t>
  </si>
  <si>
    <t>19.378</t>
  </si>
  <si>
    <t>9219257.0</t>
  </si>
  <si>
    <t>76856.0</t>
  </si>
  <si>
    <t>155.625</t>
  </si>
  <si>
    <t>90417.0</t>
  </si>
  <si>
    <t>47330.8</t>
  </si>
  <si>
    <t>801.707769600975</t>
  </si>
  <si>
    <t>31.522</t>
  </si>
  <si>
    <t>9271810.0</t>
  </si>
  <si>
    <t>52553.0</t>
  </si>
  <si>
    <t>89564.0</t>
  </si>
  <si>
    <t>9364213.0</t>
  </si>
  <si>
    <t>92403.0</t>
  </si>
  <si>
    <t>9460203.0</t>
  </si>
  <si>
    <t>95990.0</t>
  </si>
  <si>
    <t>159.692</t>
  </si>
  <si>
    <t>90191.0</t>
  </si>
  <si>
    <t>33.877</t>
  </si>
  <si>
    <t>21.664</t>
  </si>
  <si>
    <t>9554389.0</t>
  </si>
  <si>
    <t>94186.0</t>
  </si>
  <si>
    <t>161.282</t>
  </si>
  <si>
    <t>90390.0</t>
  </si>
  <si>
    <t>2.964</t>
  </si>
  <si>
    <t>9653269.0</t>
  </si>
  <si>
    <t>98880.0</t>
  </si>
  <si>
    <t>162.951</t>
  </si>
  <si>
    <t>88361.0</t>
  </si>
  <si>
    <t>9745975.0</t>
  </si>
  <si>
    <t>164.516</t>
  </si>
  <si>
    <t>86225.0</t>
  </si>
  <si>
    <t>23.578</t>
  </si>
  <si>
    <t>9818118.0</t>
  </si>
  <si>
    <t>72143.0</t>
  </si>
  <si>
    <t>165.734</t>
  </si>
  <si>
    <t>48182.1</t>
  </si>
  <si>
    <t>816.127424968332</t>
  </si>
  <si>
    <t>9863427.0</t>
  </si>
  <si>
    <t>9943944.0</t>
  </si>
  <si>
    <t>80517.0</t>
  </si>
  <si>
    <t>167.858</t>
  </si>
  <si>
    <t>10044551.0</t>
  </si>
  <si>
    <t>100607.0</t>
  </si>
  <si>
    <t>169.556</t>
  </si>
  <si>
    <t>83478.0</t>
  </si>
  <si>
    <t>10146324.0</t>
  </si>
  <si>
    <t>101773.0</t>
  </si>
  <si>
    <t>171.274</t>
  </si>
  <si>
    <t>84562.0</t>
  </si>
  <si>
    <t>26.695</t>
  </si>
  <si>
    <t>10246163.0</t>
  </si>
  <si>
    <t>172.959</t>
  </si>
  <si>
    <t>10349386.0</t>
  </si>
  <si>
    <t>174.702</t>
  </si>
  <si>
    <t>86202.0</t>
  </si>
  <si>
    <t>26.627</t>
  </si>
  <si>
    <t>10432814.0</t>
  </si>
  <si>
    <t>83428.0</t>
  </si>
  <si>
    <t>87814.0</t>
  </si>
  <si>
    <t>49104.2</t>
  </si>
  <si>
    <t>831.74631867706</t>
  </si>
  <si>
    <t>45.852</t>
  </si>
  <si>
    <t>27.152</t>
  </si>
  <si>
    <t>10488676.0</t>
  </si>
  <si>
    <t>177.053</t>
  </si>
  <si>
    <t>89321.0</t>
  </si>
  <si>
    <t>10575979.0</t>
  </si>
  <si>
    <t>87303.0</t>
  </si>
  <si>
    <t>178.527</t>
  </si>
  <si>
    <t>90291.0</t>
  </si>
  <si>
    <t>27.864</t>
  </si>
  <si>
    <t>10679675.0</t>
  </si>
  <si>
    <t>103696.0</t>
  </si>
  <si>
    <t>180.277</t>
  </si>
  <si>
    <t>90732.0</t>
  </si>
  <si>
    <t>50.426</t>
  </si>
  <si>
    <t>10787694.0</t>
  </si>
  <si>
    <t>108019.0</t>
  </si>
  <si>
    <t>182.101</t>
  </si>
  <si>
    <t>91624.0</t>
  </si>
  <si>
    <t>10894963.0</t>
  </si>
  <si>
    <t>107269.0</t>
  </si>
  <si>
    <t>183.911</t>
  </si>
  <si>
    <t>10999350.0</t>
  </si>
  <si>
    <t>185.673</t>
  </si>
  <si>
    <t>92852.0</t>
  </si>
  <si>
    <t>11087064.0</t>
  </si>
  <si>
    <t>87714.0</t>
  </si>
  <si>
    <t>187.154</t>
  </si>
  <si>
    <t>93464.0</t>
  </si>
  <si>
    <t>49306.9</t>
  </si>
  <si>
    <t>835.179731273046</t>
  </si>
  <si>
    <t>11138173.0</t>
  </si>
  <si>
    <t>188.017</t>
  </si>
  <si>
    <t>11228358.0</t>
  </si>
  <si>
    <t>90185.0</t>
  </si>
  <si>
    <t>189.539</t>
  </si>
  <si>
    <t>93197.0</t>
  </si>
  <si>
    <t>11333922.0</t>
  </si>
  <si>
    <t>105564.0</t>
  </si>
  <si>
    <t>191.321</t>
  </si>
  <si>
    <t>11452158.0</t>
  </si>
  <si>
    <t>118236.0</t>
  </si>
  <si>
    <t>193.317</t>
  </si>
  <si>
    <t>94923.0</t>
  </si>
  <si>
    <t>33.674</t>
  </si>
  <si>
    <t>11572459.0</t>
  </si>
  <si>
    <t>120301.0</t>
  </si>
  <si>
    <t>195.348</t>
  </si>
  <si>
    <t>11691391.0</t>
  </si>
  <si>
    <t>118932.0</t>
  </si>
  <si>
    <t>197.355</t>
  </si>
  <si>
    <t>98863.0</t>
  </si>
  <si>
    <t>60.809</t>
  </si>
  <si>
    <t>11784105.0</t>
  </si>
  <si>
    <t>92714.0</t>
  </si>
  <si>
    <t>50095.6</t>
  </si>
  <si>
    <t>848.53904313518</t>
  </si>
  <si>
    <t>11844346.0</t>
  </si>
  <si>
    <t>60241.0</t>
  </si>
  <si>
    <t>199.937</t>
  </si>
  <si>
    <t>100882.0</t>
  </si>
  <si>
    <t>11944088.0</t>
  </si>
  <si>
    <t>99742.0</t>
  </si>
  <si>
    <t>201.621</t>
  </si>
  <si>
    <t>102247.0</t>
  </si>
  <si>
    <t>12069402.0</t>
  </si>
  <si>
    <t>12197500.0</t>
  </si>
  <si>
    <t>205.899</t>
  </si>
  <si>
    <t>12326971.0</t>
  </si>
  <si>
    <t>129471.0</t>
  </si>
  <si>
    <t>208.084</t>
  </si>
  <si>
    <t>107787.0</t>
  </si>
  <si>
    <t>12460055.0</t>
  </si>
  <si>
    <t>133084.0</t>
  </si>
  <si>
    <t>210.331</t>
  </si>
  <si>
    <t>109809.0</t>
  </si>
  <si>
    <t>12564713.0</t>
  </si>
  <si>
    <t>212.097</t>
  </si>
  <si>
    <t>50580.3</t>
  </si>
  <si>
    <t>856.749083023067</t>
  </si>
  <si>
    <t>12650155.0</t>
  </si>
  <si>
    <t>85442.0</t>
  </si>
  <si>
    <t>115116.0</t>
  </si>
  <si>
    <t>12762699.0</t>
  </si>
  <si>
    <t>112544.0</t>
  </si>
  <si>
    <t>116944.0</t>
  </si>
  <si>
    <t>12914895.0</t>
  </si>
  <si>
    <t>152196.0</t>
  </si>
  <si>
    <t>218.008</t>
  </si>
  <si>
    <t>120785.0</t>
  </si>
  <si>
    <t>13077827.0</t>
  </si>
  <si>
    <t>162932.0</t>
  </si>
  <si>
    <t>220.759</t>
  </si>
  <si>
    <t>125761.0</t>
  </si>
  <si>
    <t>13228204.0</t>
  </si>
  <si>
    <t>150377.0</t>
  </si>
  <si>
    <t>128748.0</t>
  </si>
  <si>
    <t>11.942</t>
  </si>
  <si>
    <t>13394041.0</t>
  </si>
  <si>
    <t>165837.0</t>
  </si>
  <si>
    <t>226.097</t>
  </si>
  <si>
    <t>133427.0</t>
  </si>
  <si>
    <t>13540582.0</t>
  </si>
  <si>
    <t>146541.0</t>
  </si>
  <si>
    <t>228.57</t>
  </si>
  <si>
    <t>139410.0</t>
  </si>
  <si>
    <t>51683.4</t>
  </si>
  <si>
    <t>875.43382616383</t>
  </si>
  <si>
    <t>13639444.0</t>
  </si>
  <si>
    <t>98862.0</t>
  </si>
  <si>
    <t>230.239</t>
  </si>
  <si>
    <t>141327.0</t>
  </si>
  <si>
    <t>14.736</t>
  </si>
  <si>
    <t>13784181.0</t>
  </si>
  <si>
    <t>144737.0</t>
  </si>
  <si>
    <t>232.682</t>
  </si>
  <si>
    <t>13962029.0</t>
  </si>
  <si>
    <t>177848.0</t>
  </si>
  <si>
    <t>149591.0</t>
  </si>
  <si>
    <t>14132421.0</t>
  </si>
  <si>
    <t>170392.0</t>
  </si>
  <si>
    <t>238.561</t>
  </si>
  <si>
    <t>150656.0</t>
  </si>
  <si>
    <t>14314453.0</t>
  </si>
  <si>
    <t>182032.0</t>
  </si>
  <si>
    <t>241.634</t>
  </si>
  <si>
    <t>155178.0</t>
  </si>
  <si>
    <t>210.29</t>
  </si>
  <si>
    <t>14492122.0</t>
  </si>
  <si>
    <t>177669.0</t>
  </si>
  <si>
    <t>244.633</t>
  </si>
  <si>
    <t>156869.0</t>
  </si>
  <si>
    <t>14654002.0</t>
  </si>
  <si>
    <t>161880.0</t>
  </si>
  <si>
    <t>247.365</t>
  </si>
  <si>
    <t>159060.0</t>
  </si>
  <si>
    <t>54431.5</t>
  </si>
  <si>
    <t>921.982228507345</t>
  </si>
  <si>
    <t>14778688.0</t>
  </si>
  <si>
    <t>124686.0</t>
  </si>
  <si>
    <t>249.47</t>
  </si>
  <si>
    <t>162749.0</t>
  </si>
  <si>
    <t>14953086.0</t>
  </si>
  <si>
    <t>174398.0</t>
  </si>
  <si>
    <t>252.414</t>
  </si>
  <si>
    <t>166986.0</t>
  </si>
  <si>
    <t>15152038.0</t>
  </si>
  <si>
    <t>198952.0</t>
  </si>
  <si>
    <t>255.772</t>
  </si>
  <si>
    <t>17615.0</t>
  </si>
  <si>
    <t>13031.0</t>
  </si>
  <si>
    <t>15353490.0</t>
  </si>
  <si>
    <t>201452.0</t>
  </si>
  <si>
    <t>259.173</t>
  </si>
  <si>
    <t>13593.0</t>
  </si>
  <si>
    <t>15568575.0</t>
  </si>
  <si>
    <t>215085.0</t>
  </si>
  <si>
    <t>262.804</t>
  </si>
  <si>
    <t>179160.0</t>
  </si>
  <si>
    <t>15784461.0</t>
  </si>
  <si>
    <t>215886.0</t>
  </si>
  <si>
    <t>266.448</t>
  </si>
  <si>
    <t>184620.0</t>
  </si>
  <si>
    <t>15967918.0</t>
  </si>
  <si>
    <t>183457.0</t>
  </si>
  <si>
    <t>269.545</t>
  </si>
  <si>
    <t>187702.0</t>
  </si>
  <si>
    <t>991.52280775166</t>
  </si>
  <si>
    <t>21862.0</t>
  </si>
  <si>
    <t>16103649.0</t>
  </si>
  <si>
    <t>135731.0</t>
  </si>
  <si>
    <t>271.836</t>
  </si>
  <si>
    <t>189280.0</t>
  </si>
  <si>
    <t>16285936.0</t>
  </si>
  <si>
    <t>182287.0</t>
  </si>
  <si>
    <t>274.913</t>
  </si>
  <si>
    <t>190407.0</t>
  </si>
  <si>
    <t>16497767.0</t>
  </si>
  <si>
    <t>211831.0</t>
  </si>
  <si>
    <t>278.489</t>
  </si>
  <si>
    <t>192247.0</t>
  </si>
  <si>
    <t>16423.0</t>
  </si>
  <si>
    <t>16717651.0</t>
  </si>
  <si>
    <t>219884.0</t>
  </si>
  <si>
    <t>282.201</t>
  </si>
  <si>
    <t>16951896.0</t>
  </si>
  <si>
    <t>234245.0</t>
  </si>
  <si>
    <t>286.155</t>
  </si>
  <si>
    <t>17183569.0</t>
  </si>
  <si>
    <t>231673.0</t>
  </si>
  <si>
    <t>290.065</t>
  </si>
  <si>
    <t>29189.0</t>
  </si>
  <si>
    <t>17374713.0</t>
  </si>
  <si>
    <t>191144.0</t>
  </si>
  <si>
    <t>293.292</t>
  </si>
  <si>
    <t>200971.0</t>
  </si>
  <si>
    <t>64016.5</t>
  </si>
  <si>
    <t>1084.336741248</t>
  </si>
  <si>
    <t>17522438.0</t>
  </si>
  <si>
    <t>147725.0</t>
  </si>
  <si>
    <t>295.786</t>
  </si>
  <si>
    <t>202684.0</t>
  </si>
  <si>
    <t>31604.0</t>
  </si>
  <si>
    <t>17740196.0</t>
  </si>
  <si>
    <t>217758.0</t>
  </si>
  <si>
    <t>299.461</t>
  </si>
  <si>
    <t>207751.0</t>
  </si>
  <si>
    <t>17965836.0</t>
  </si>
  <si>
    <t>225640.0</t>
  </si>
  <si>
    <t>209724.0</t>
  </si>
  <si>
    <t>18200508.0</t>
  </si>
  <si>
    <t>234672.0</t>
  </si>
  <si>
    <t>307.232</t>
  </si>
  <si>
    <t>211837.0</t>
  </si>
  <si>
    <t>18455416.0</t>
  </si>
  <si>
    <t>254908.0</t>
  </si>
  <si>
    <t>311.535</t>
  </si>
  <si>
    <t>214789.0</t>
  </si>
  <si>
    <t>18683111.0</t>
  </si>
  <si>
    <t>227695.0</t>
  </si>
  <si>
    <t>315.378</t>
  </si>
  <si>
    <t>214220.0</t>
  </si>
  <si>
    <t>18878386.0</t>
  </si>
  <si>
    <t>195275.0</t>
  </si>
  <si>
    <t>318.675</t>
  </si>
  <si>
    <t>214810.0</t>
  </si>
  <si>
    <t>70608.6</t>
  </si>
  <si>
    <t>1195.9963326343</t>
  </si>
  <si>
    <t>36028.0</t>
  </si>
  <si>
    <t>19031049.0</t>
  </si>
  <si>
    <t>152663.0</t>
  </si>
  <si>
    <t>321.252</t>
  </si>
  <si>
    <t>215516.0</t>
  </si>
  <si>
    <t>36686.0</t>
  </si>
  <si>
    <t>16993.0</t>
  </si>
  <si>
    <t>19239507.0</t>
  </si>
  <si>
    <t>208458.0</t>
  </si>
  <si>
    <t>324.77</t>
  </si>
  <si>
    <t>214187.0</t>
  </si>
  <si>
    <t>37174.0</t>
  </si>
  <si>
    <t>19474341.0</t>
  </si>
  <si>
    <t>234834.0</t>
  </si>
  <si>
    <t>328.735</t>
  </si>
  <si>
    <t>215501.0</t>
  </si>
  <si>
    <t>19724527.0</t>
  </si>
  <si>
    <t>250186.0</t>
  </si>
  <si>
    <t>332.958</t>
  </si>
  <si>
    <t>217717.0</t>
  </si>
  <si>
    <t>19962604.0</t>
  </si>
  <si>
    <t>238077.0</t>
  </si>
  <si>
    <t>336.977</t>
  </si>
  <si>
    <t>215313.0</t>
  </si>
  <si>
    <t>20199829.0</t>
  </si>
  <si>
    <t>237225.0</t>
  </si>
  <si>
    <t>340.981</t>
  </si>
  <si>
    <t>216674.0</t>
  </si>
  <si>
    <t>64.383</t>
  </si>
  <si>
    <t>20388576.0</t>
  </si>
  <si>
    <t>344.167</t>
  </si>
  <si>
    <t>215741.0</t>
  </si>
  <si>
    <t>77290.9</t>
  </si>
  <si>
    <t>1309.18376721822</t>
  </si>
  <si>
    <t>14738.0</t>
  </si>
  <si>
    <t>20537521.0</t>
  </si>
  <si>
    <t>148945.0</t>
  </si>
  <si>
    <t>346.681</t>
  </si>
  <si>
    <t>215210.0</t>
  </si>
  <si>
    <t>20726180.0</t>
  </si>
  <si>
    <t>188659.0</t>
  </si>
  <si>
    <t>349.866</t>
  </si>
  <si>
    <t>212382.0</t>
  </si>
  <si>
    <t>20956187.0</t>
  </si>
  <si>
    <t>230007.0</t>
  </si>
  <si>
    <t>353.749</t>
  </si>
  <si>
    <t>211692.0</t>
  </si>
  <si>
    <t>0.1407</t>
  </si>
  <si>
    <t>224.01</t>
  </si>
  <si>
    <t>21188898.0</t>
  </si>
  <si>
    <t>232711.0</t>
  </si>
  <si>
    <t>357.677</t>
  </si>
  <si>
    <t>21411701.0</t>
  </si>
  <si>
    <t>222803.0</t>
  </si>
  <si>
    <t>361.438</t>
  </si>
  <si>
    <t>207014.0</t>
  </si>
  <si>
    <t>21637641.0</t>
  </si>
  <si>
    <t>225940.0</t>
  </si>
  <si>
    <t>365.252</t>
  </si>
  <si>
    <t>205402.0</t>
  </si>
  <si>
    <t>21814575.0</t>
  </si>
  <si>
    <t>368.239</t>
  </si>
  <si>
    <t>203714.0</t>
  </si>
  <si>
    <t>84044.2</t>
  </si>
  <si>
    <t>1423.57382782244</t>
  </si>
  <si>
    <t>36931.0</t>
  </si>
  <si>
    <t>21945099.0</t>
  </si>
  <si>
    <t>370.442</t>
  </si>
  <si>
    <t>201083.0</t>
  </si>
  <si>
    <t>22127199.0</t>
  </si>
  <si>
    <t>182100.0</t>
  </si>
  <si>
    <t>373.516</t>
  </si>
  <si>
    <t>22334342.0</t>
  </si>
  <si>
    <t>377.012</t>
  </si>
  <si>
    <t>196879.0</t>
  </si>
  <si>
    <t>22554389.0</t>
  </si>
  <si>
    <t>220047.0</t>
  </si>
  <si>
    <t>380.727</t>
  </si>
  <si>
    <t>195070.0</t>
  </si>
  <si>
    <t>34767.0</t>
  </si>
  <si>
    <t>10936.0</t>
  </si>
  <si>
    <t>22767130.0</t>
  </si>
  <si>
    <t>212741.0</t>
  </si>
  <si>
    <t>384.318</t>
  </si>
  <si>
    <t>193633.0</t>
  </si>
  <si>
    <t>22962114.0</t>
  </si>
  <si>
    <t>194984.0</t>
  </si>
  <si>
    <t>387.609</t>
  </si>
  <si>
    <t>189210.0</t>
  </si>
  <si>
    <t>23125664.0</t>
  </si>
  <si>
    <t>163550.0</t>
  </si>
  <si>
    <t>390.37</t>
  </si>
  <si>
    <t>187298.0</t>
  </si>
  <si>
    <t>89541.9</t>
  </si>
  <si>
    <t>1516.69604010145</t>
  </si>
  <si>
    <t>23236881.0</t>
  </si>
  <si>
    <t>392.248</t>
  </si>
  <si>
    <t>184540.0</t>
  </si>
  <si>
    <t>33426.0</t>
  </si>
  <si>
    <t>23386113.0</t>
  </si>
  <si>
    <t>149232.0</t>
  </si>
  <si>
    <t>394.767</t>
  </si>
  <si>
    <t>23504588.0</t>
  </si>
  <si>
    <t>118475.0</t>
  </si>
  <si>
    <t>396.767</t>
  </si>
  <si>
    <t>167178.0</t>
  </si>
  <si>
    <t>23676174.0</t>
  </si>
  <si>
    <t>171586.0</t>
  </si>
  <si>
    <t>160255.0</t>
  </si>
  <si>
    <t>23866590.0</t>
  </si>
  <si>
    <t>190416.0</t>
  </si>
  <si>
    <t>402.877</t>
  </si>
  <si>
    <t>157066.0</t>
  </si>
  <si>
    <t>161.067</t>
  </si>
  <si>
    <t>24063029.0</t>
  </si>
  <si>
    <t>196439.0</t>
  </si>
  <si>
    <t>406.193</t>
  </si>
  <si>
    <t>157274.0</t>
  </si>
  <si>
    <t>24215726.0</t>
  </si>
  <si>
    <t>152697.0</t>
  </si>
  <si>
    <t>408.771</t>
  </si>
  <si>
    <t>155723.0</t>
  </si>
  <si>
    <t>94123.4</t>
  </si>
  <si>
    <t>1594.29929520017</t>
  </si>
  <si>
    <t>24319310.0</t>
  </si>
  <si>
    <t>103584.0</t>
  </si>
  <si>
    <t>410.519</t>
  </si>
  <si>
    <t>24483741.0</t>
  </si>
  <si>
    <t>164431.0</t>
  </si>
  <si>
    <t>413.295</t>
  </si>
  <si>
    <t>156804.0</t>
  </si>
  <si>
    <t>150735.0</t>
  </si>
  <si>
    <t>24635720.0</t>
  </si>
  <si>
    <t>415.861</t>
  </si>
  <si>
    <t>137078.0</t>
  </si>
  <si>
    <t>24815520.0</t>
  </si>
  <si>
    <t>179800.0</t>
  </si>
  <si>
    <t>418.896</t>
  </si>
  <si>
    <t>135561.0</t>
  </si>
  <si>
    <t>24991705.0</t>
  </si>
  <si>
    <t>176185.0</t>
  </si>
  <si>
    <t>421.87</t>
  </si>
  <si>
    <t>132668.0</t>
  </si>
  <si>
    <t>147.33</t>
  </si>
  <si>
    <t>25129125.0</t>
  </si>
  <si>
    <t>424.189</t>
  </si>
  <si>
    <t>130486.0</t>
  </si>
  <si>
    <t>97829.7</t>
  </si>
  <si>
    <t>1657.07806729936</t>
  </si>
  <si>
    <t>27876.0</t>
  </si>
  <si>
    <t>25217014.0</t>
  </si>
  <si>
    <t>425.673</t>
  </si>
  <si>
    <t>20.428</t>
  </si>
  <si>
    <t>25374719.0</t>
  </si>
  <si>
    <t>157705.0</t>
  </si>
  <si>
    <t>428.335</t>
  </si>
  <si>
    <t>127283.0</t>
  </si>
  <si>
    <t>25558583.0</t>
  </si>
  <si>
    <t>183864.0</t>
  </si>
  <si>
    <t>431.439</t>
  </si>
  <si>
    <t>142693.0</t>
  </si>
  <si>
    <t>145.128</t>
  </si>
  <si>
    <t>25752360.0</t>
  </si>
  <si>
    <t>193777.0</t>
  </si>
  <si>
    <t>434.71</t>
  </si>
  <si>
    <t>159520.0</t>
  </si>
  <si>
    <t>25904694.0</t>
  </si>
  <si>
    <t>437.281</t>
  </si>
  <si>
    <t>155596.0</t>
  </si>
  <si>
    <t>43.701</t>
  </si>
  <si>
    <t>25986258.0</t>
  </si>
  <si>
    <t>438.658</t>
  </si>
  <si>
    <t>142079.0</t>
  </si>
  <si>
    <t>26046137.0</t>
  </si>
  <si>
    <t>59879.0</t>
  </si>
  <si>
    <t>439.669</t>
  </si>
  <si>
    <t>99615.8</t>
  </si>
  <si>
    <t>1687.33173398753</t>
  </si>
  <si>
    <t>26497.0</t>
  </si>
  <si>
    <t>26114818.0</t>
  </si>
  <si>
    <t>68681.0</t>
  </si>
  <si>
    <t>440.828</t>
  </si>
  <si>
    <t>128258.0</t>
  </si>
  <si>
    <t>43.176</t>
  </si>
  <si>
    <t>26211.0</t>
  </si>
  <si>
    <t>26243558.0</t>
  </si>
  <si>
    <t>128740.0</t>
  </si>
  <si>
    <t>443.002</t>
  </si>
  <si>
    <t>124120.0</t>
  </si>
  <si>
    <t>26094.0</t>
  </si>
  <si>
    <t>26412603.0</t>
  </si>
  <si>
    <t>169045.0</t>
  </si>
  <si>
    <t>445.855</t>
  </si>
  <si>
    <t>122003.0</t>
  </si>
  <si>
    <t>26598607.0</t>
  </si>
  <si>
    <t>186004.0</t>
  </si>
  <si>
    <t>448.995</t>
  </si>
  <si>
    <t>120892.0</t>
  </si>
  <si>
    <t>40820.0</t>
  </si>
  <si>
    <t>25969.0</t>
  </si>
  <si>
    <t>8991.0</t>
  </si>
  <si>
    <t>26756131.0</t>
  </si>
  <si>
    <t>157524.0</t>
  </si>
  <si>
    <t>451.654</t>
  </si>
  <si>
    <t>121634.0</t>
  </si>
  <si>
    <t>52104.0</t>
  </si>
  <si>
    <t>432.217</t>
  </si>
  <si>
    <t>20.783</t>
  </si>
  <si>
    <t>26823305.0</t>
  </si>
  <si>
    <t>452.788</t>
  </si>
  <si>
    <t>43.752</t>
  </si>
  <si>
    <t>26926279.0</t>
  </si>
  <si>
    <t>102974.0</t>
  </si>
  <si>
    <t>454.526</t>
  </si>
  <si>
    <t>127087.0</t>
  </si>
  <si>
    <t>102036.9</t>
  </si>
  <si>
    <t>1728.34128127979</t>
  </si>
  <si>
    <t>27004272.0</t>
  </si>
  <si>
    <t>77993.0</t>
  </si>
  <si>
    <t>455.843</t>
  </si>
  <si>
    <t>127065.0</t>
  </si>
  <si>
    <t>196748.0</t>
  </si>
  <si>
    <t>69661.0</t>
  </si>
  <si>
    <t>19.445</t>
  </si>
  <si>
    <t>27139378.0</t>
  </si>
  <si>
    <t>135106.0</t>
  </si>
  <si>
    <t>458.123</t>
  </si>
  <si>
    <t>127974.0</t>
  </si>
  <si>
    <t>277027.0</t>
  </si>
  <si>
    <t>80279.0</t>
  </si>
  <si>
    <t>38153.0</t>
  </si>
  <si>
    <t>19.581</t>
  </si>
  <si>
    <t>157.019</t>
  </si>
  <si>
    <t>27317974.0</t>
  </si>
  <si>
    <t>178596.0</t>
  </si>
  <si>
    <t>461.138</t>
  </si>
  <si>
    <t>342223.0</t>
  </si>
  <si>
    <t>65196.0</t>
  </si>
  <si>
    <t>25878.0</t>
  </si>
  <si>
    <t>27439249.0</t>
  </si>
  <si>
    <t>463.185</t>
  </si>
  <si>
    <t>120092.0</t>
  </si>
  <si>
    <t>434895.0</t>
  </si>
  <si>
    <t>92672.0</t>
  </si>
  <si>
    <t>27579516.0</t>
  </si>
  <si>
    <t>140267.0</t>
  </si>
  <si>
    <t>465.553</t>
  </si>
  <si>
    <t>117626.0</t>
  </si>
  <si>
    <t>531909.0</t>
  </si>
  <si>
    <t>97014.0</t>
  </si>
  <si>
    <t>68544.0</t>
  </si>
  <si>
    <t>25853.0</t>
  </si>
  <si>
    <t>27751635.0</t>
  </si>
  <si>
    <t>172119.0</t>
  </si>
  <si>
    <t>468.458</t>
  </si>
  <si>
    <t>132619.0</t>
  </si>
  <si>
    <t>620196.0</t>
  </si>
  <si>
    <t>88287.0</t>
  </si>
  <si>
    <t>75571.0</t>
  </si>
  <si>
    <t>27891393.0</t>
  </si>
  <si>
    <t>139758.0</t>
  </si>
  <si>
    <t>470.818</t>
  </si>
  <si>
    <t>681137.0</t>
  </si>
  <si>
    <t>60941.0</t>
  </si>
  <si>
    <t>79150.0</t>
  </si>
  <si>
    <t>103497.1</t>
  </si>
  <si>
    <t>1753.07472515083</t>
  </si>
  <si>
    <t>27983049.0</t>
  </si>
  <si>
    <t>91656.0</t>
  </si>
  <si>
    <t>472.365</t>
  </si>
  <si>
    <t>139825.0</t>
  </si>
  <si>
    <t>763354.0</t>
  </si>
  <si>
    <t>21.241</t>
  </si>
  <si>
    <t>28124690.0</t>
  </si>
  <si>
    <t>141641.0</t>
  </si>
  <si>
    <t>474.756</t>
  </si>
  <si>
    <t>140759.0</t>
  </si>
  <si>
    <t>846921.0</t>
  </si>
  <si>
    <t>83567.0</t>
  </si>
  <si>
    <t>81413.0</t>
  </si>
  <si>
    <t>26104.0</t>
  </si>
  <si>
    <t>28300119.0</t>
  </si>
  <si>
    <t>175429.0</t>
  </si>
  <si>
    <t>477.717</t>
  </si>
  <si>
    <t>140306.0</t>
  </si>
  <si>
    <t>942438.0</t>
  </si>
  <si>
    <t>85745.0</t>
  </si>
  <si>
    <t>28460704.0</t>
  </si>
  <si>
    <t>480.428</t>
  </si>
  <si>
    <t>145922.0</t>
  </si>
  <si>
    <t>1037042.0</t>
  </si>
  <si>
    <t>94604.0</t>
  </si>
  <si>
    <t>86021.0</t>
  </si>
  <si>
    <t>20.546</t>
  </si>
  <si>
    <t>28734210.0</t>
  </si>
  <si>
    <t>273506.0</t>
  </si>
  <si>
    <t>485.045</t>
  </si>
  <si>
    <t>164956.0</t>
  </si>
  <si>
    <t>1128098.0</t>
  </si>
  <si>
    <t>91056.0</t>
  </si>
  <si>
    <t>85170.0</t>
  </si>
  <si>
    <t>28995614.0</t>
  </si>
  <si>
    <t>489.457</t>
  </si>
  <si>
    <t>177711.0</t>
  </si>
  <si>
    <t>1194245.0</t>
  </si>
  <si>
    <t>66147.0</t>
  </si>
  <si>
    <t>82007.0</t>
  </si>
  <si>
    <t>29206692.0</t>
  </si>
  <si>
    <t>211078.0</t>
  </si>
  <si>
    <t>493.02</t>
  </si>
  <si>
    <t>187900.0</t>
  </si>
  <si>
    <t>1231899.0</t>
  </si>
  <si>
    <t>1228907.0</t>
  </si>
  <si>
    <t>37654.0</t>
  </si>
  <si>
    <t>78253.0</t>
  </si>
  <si>
    <t>104750.1</t>
  </si>
  <si>
    <t>1774.29853364995</t>
  </si>
  <si>
    <t>25428.0</t>
  </si>
  <si>
    <t>29365366.0</t>
  </si>
  <si>
    <t>158674.0</t>
  </si>
  <si>
    <t>495.699</t>
  </si>
  <si>
    <t>197474.0</t>
  </si>
  <si>
    <t>1276616.0</t>
  </si>
  <si>
    <t>1268523.0</t>
  </si>
  <si>
    <t>44717.0</t>
  </si>
  <si>
    <t>73323.0</t>
  </si>
  <si>
    <t>72167.0</t>
  </si>
  <si>
    <t>25186.0</t>
  </si>
  <si>
    <t>29619436.0</t>
  </si>
  <si>
    <t>254070.0</t>
  </si>
  <si>
    <t>499.988</t>
  </si>
  <si>
    <t>213535.0</t>
  </si>
  <si>
    <t>1310250.0</t>
  </si>
  <si>
    <t>1300368.0</t>
  </si>
  <si>
    <t>66190.0</t>
  </si>
  <si>
    <t>18.361</t>
  </si>
  <si>
    <t>29899198.0</t>
  </si>
  <si>
    <t>279762.0</t>
  </si>
  <si>
    <t>504.71</t>
  </si>
  <si>
    <t>228440.0</t>
  </si>
  <si>
    <t>1341797.0</t>
  </si>
  <si>
    <t>1327307.0</t>
  </si>
  <si>
    <t>14508.0</t>
  </si>
  <si>
    <t>54981.0</t>
  </si>
  <si>
    <t>30166765.0</t>
  </si>
  <si>
    <t>267567.0</t>
  </si>
  <si>
    <t>509.227</t>
  </si>
  <si>
    <t>243723.0</t>
  </si>
  <si>
    <t>1378403.0</t>
  </si>
  <si>
    <t>1343957.0</t>
  </si>
  <si>
    <t>36606.0</t>
  </si>
  <si>
    <t>48766.0</t>
  </si>
  <si>
    <t>43845.0</t>
  </si>
  <si>
    <t>40.483</t>
  </si>
  <si>
    <t>129.528</t>
  </si>
  <si>
    <t>30431493.0</t>
  </si>
  <si>
    <t>513.696</t>
  </si>
  <si>
    <t>242469.0</t>
  </si>
  <si>
    <t>1405886.0</t>
  </si>
  <si>
    <t>1357256.0</t>
  </si>
  <si>
    <t>27483.0</t>
  </si>
  <si>
    <t>40.415</t>
  </si>
  <si>
    <t>23789.0</t>
  </si>
  <si>
    <t>18.073</t>
  </si>
  <si>
    <t>30717824.0</t>
  </si>
  <si>
    <t>518.529</t>
  </si>
  <si>
    <t>4.833</t>
  </si>
  <si>
    <t>246030.0</t>
  </si>
  <si>
    <t>1445285.0</t>
  </si>
  <si>
    <t>1363352.0</t>
  </si>
  <si>
    <t>81951.0</t>
  </si>
  <si>
    <t>35863.0</t>
  </si>
  <si>
    <t>30934035.0</t>
  </si>
  <si>
    <t>216211.0</t>
  </si>
  <si>
    <t>522.179</t>
  </si>
  <si>
    <t>246763.0</t>
  </si>
  <si>
    <t>1479336.0</t>
  </si>
  <si>
    <t>1366640.0</t>
  </si>
  <si>
    <t>112714.0</t>
  </si>
  <si>
    <t>34051.0</t>
  </si>
  <si>
    <t>35348.0</t>
  </si>
  <si>
    <t>19676.0</t>
  </si>
  <si>
    <t>106512.9</t>
  </si>
  <si>
    <t>1804.15753574272</t>
  </si>
  <si>
    <t>41.008</t>
  </si>
  <si>
    <t>31060966.0</t>
  </si>
  <si>
    <t>524.321</t>
  </si>
  <si>
    <t>242229.0</t>
  </si>
  <si>
    <t>1549004.0</t>
  </si>
  <si>
    <t>1371630.0</t>
  </si>
  <si>
    <t>69668.0</t>
  </si>
  <si>
    <t>38913.0</t>
  </si>
  <si>
    <t>23727.0</t>
  </si>
  <si>
    <t>31317253.0</t>
  </si>
  <si>
    <t>256287.0</t>
  </si>
  <si>
    <t>528.648</t>
  </si>
  <si>
    <t>242545.0</t>
  </si>
  <si>
    <t>1629891.0</t>
  </si>
  <si>
    <t>1376073.0</t>
  </si>
  <si>
    <t>253836.0</t>
  </si>
  <si>
    <t>45663.0</t>
  </si>
  <si>
    <t>23513.0</t>
  </si>
  <si>
    <t>31611023.0</t>
  </si>
  <si>
    <t>533.606</t>
  </si>
  <si>
    <t>244546.0</t>
  </si>
  <si>
    <t>1701158.0</t>
  </si>
  <si>
    <t>1382553.0</t>
  </si>
  <si>
    <t>318623.0</t>
  </si>
  <si>
    <t>71267.0</t>
  </si>
  <si>
    <t>38.755</t>
  </si>
  <si>
    <t>16.379</t>
  </si>
  <si>
    <t>31886602.0</t>
  </si>
  <si>
    <t>275579.0</t>
  </si>
  <si>
    <t>538.258</t>
  </si>
  <si>
    <t>245691.0</t>
  </si>
  <si>
    <t>1795421.0</t>
  </si>
  <si>
    <t>1387606.0</t>
  </si>
  <si>
    <t>407833.0</t>
  </si>
  <si>
    <t>32155352.0</t>
  </si>
  <si>
    <t>268750.0</t>
  </si>
  <si>
    <t>542.795</t>
  </si>
  <si>
    <t>246266.0</t>
  </si>
  <si>
    <t>1894616.0</t>
  </si>
  <si>
    <t>1392833.0</t>
  </si>
  <si>
    <t>501801.0</t>
  </si>
  <si>
    <t>99195.0</t>
  </si>
  <si>
    <t>69819.0</t>
  </si>
  <si>
    <t>115.892</t>
  </si>
  <si>
    <t>32453362.0</t>
  </si>
  <si>
    <t>298010.0</t>
  </si>
  <si>
    <t>547.825</t>
  </si>
  <si>
    <t>247934.0</t>
  </si>
  <si>
    <t>1985425.0</t>
  </si>
  <si>
    <t>1397140.0</t>
  </si>
  <si>
    <t>588303.0</t>
  </si>
  <si>
    <t>90809.0</t>
  </si>
  <si>
    <t>77163.0</t>
  </si>
  <si>
    <t>32666726.0</t>
  </si>
  <si>
    <t>213364.0</t>
  </si>
  <si>
    <t>551.427</t>
  </si>
  <si>
    <t>247527.0</t>
  </si>
  <si>
    <t>2045438.0</t>
  </si>
  <si>
    <t>1399840.0</t>
  </si>
  <si>
    <t>645616.0</t>
  </si>
  <si>
    <t>60013.0</t>
  </si>
  <si>
    <t>107990.1</t>
  </si>
  <si>
    <t>1829.17893232285</t>
  </si>
  <si>
    <t>32809145.0</t>
  </si>
  <si>
    <t>142419.0</t>
  </si>
  <si>
    <t>553.831</t>
  </si>
  <si>
    <t>249740.0</t>
  </si>
  <si>
    <t>2131698.0</t>
  </si>
  <si>
    <t>1404282.0</t>
  </si>
  <si>
    <t>727434.0</t>
  </si>
  <si>
    <t>86260.0</t>
  </si>
  <si>
    <t>83242.0</t>
  </si>
  <si>
    <t>33053574.0</t>
  </si>
  <si>
    <t>244429.0</t>
  </si>
  <si>
    <t>557.957</t>
  </si>
  <si>
    <t>248046.0</t>
  </si>
  <si>
    <t>2220357.0</t>
  </si>
  <si>
    <t>1410848.0</t>
  </si>
  <si>
    <t>809528.0</t>
  </si>
  <si>
    <t>84352.0</t>
  </si>
  <si>
    <t>33332881.0</t>
  </si>
  <si>
    <t>562.672</t>
  </si>
  <si>
    <t>245980.0</t>
  </si>
  <si>
    <t>2320558.0</t>
  </si>
  <si>
    <t>1419995.0</t>
  </si>
  <si>
    <t>900582.0</t>
  </si>
  <si>
    <t>100201.0</t>
  </si>
  <si>
    <t>33603023.0</t>
  </si>
  <si>
    <t>270142.0</t>
  </si>
  <si>
    <t>567.232</t>
  </si>
  <si>
    <t>245203.0</t>
  </si>
  <si>
    <t>2429613.0</t>
  </si>
  <si>
    <t>1433723.0</t>
  </si>
  <si>
    <t>995914.0</t>
  </si>
  <si>
    <t>109055.0</t>
  </si>
  <si>
    <t>21717.0</t>
  </si>
  <si>
    <t>33873530.0</t>
  </si>
  <si>
    <t>270507.0</t>
  </si>
  <si>
    <t>571.798</t>
  </si>
  <si>
    <t>245454.0</t>
  </si>
  <si>
    <t>2537872.0</t>
  </si>
  <si>
    <t>1451823.0</t>
  </si>
  <si>
    <t>1086073.0</t>
  </si>
  <si>
    <t>108259.0</t>
  </si>
  <si>
    <t>34155937.0</t>
  </si>
  <si>
    <t>282407.0</t>
  </si>
  <si>
    <t>576.566</t>
  </si>
  <si>
    <t>243225.0</t>
  </si>
  <si>
    <t>2615989.0</t>
  </si>
  <si>
    <t>1466579.0</t>
  </si>
  <si>
    <t>1149435.0</t>
  </si>
  <si>
    <t>78117.0</t>
  </si>
  <si>
    <t>16.329</t>
  </si>
  <si>
    <t>34362726.0</t>
  </si>
  <si>
    <t>206789.0</t>
  </si>
  <si>
    <t>580.056</t>
  </si>
  <si>
    <t>242286.0</t>
  </si>
  <si>
    <t>2658437.0</t>
  </si>
  <si>
    <t>1476153.0</t>
  </si>
  <si>
    <t>1182309.0</t>
  </si>
  <si>
    <t>42448.0</t>
  </si>
  <si>
    <t>87571.0</t>
  </si>
  <si>
    <t>108846.3</t>
  </si>
  <si>
    <t>1843.681585824</t>
  </si>
  <si>
    <t>16.227</t>
  </si>
  <si>
    <t>113.098</t>
  </si>
  <si>
    <t>34506996.0</t>
  </si>
  <si>
    <t>144270.0</t>
  </si>
  <si>
    <t>582.492</t>
  </si>
  <si>
    <t>242550.0</t>
  </si>
  <si>
    <t>2725712.0</t>
  </si>
  <si>
    <t>1503167.0</t>
  </si>
  <si>
    <t>1222572.0</t>
  </si>
  <si>
    <t>84859.0</t>
  </si>
  <si>
    <t>34781259.0</t>
  </si>
  <si>
    <t>274263.0</t>
  </si>
  <si>
    <t>587.121</t>
  </si>
  <si>
    <t>246812.0</t>
  </si>
  <si>
    <t>2793012.0</t>
  </si>
  <si>
    <t>1537777.0</t>
  </si>
  <si>
    <t>1255262.0</t>
  </si>
  <si>
    <t>67300.0</t>
  </si>
  <si>
    <t>81808.0</t>
  </si>
  <si>
    <t>35092253.0</t>
  </si>
  <si>
    <t>310994.0</t>
  </si>
  <si>
    <t>592.371</t>
  </si>
  <si>
    <t>251339.0</t>
  </si>
  <si>
    <t>2866383.0</t>
  </si>
  <si>
    <t>1582960.0</t>
  </si>
  <si>
    <t>1283450.0</t>
  </si>
  <si>
    <t>73371.0</t>
  </si>
  <si>
    <t>77975.0</t>
  </si>
  <si>
    <t>35384786.0</t>
  </si>
  <si>
    <t>292533.0</t>
  </si>
  <si>
    <t>597.309</t>
  </si>
  <si>
    <t>254538.0</t>
  </si>
  <si>
    <t>2941724.0</t>
  </si>
  <si>
    <t>1638393.0</t>
  </si>
  <si>
    <t>1303358.0</t>
  </si>
  <si>
    <t>75341.0</t>
  </si>
  <si>
    <t>29239.0</t>
  </si>
  <si>
    <t>352.844</t>
  </si>
  <si>
    <t>35672405.0</t>
  </si>
  <si>
    <t>287619.0</t>
  </si>
  <si>
    <t>602.164</t>
  </si>
  <si>
    <t>256982.0</t>
  </si>
  <si>
    <t>3016346.0</t>
  </si>
  <si>
    <t>1697496.0</t>
  </si>
  <si>
    <t>1318877.0</t>
  </si>
  <si>
    <t>35096.0</t>
  </si>
  <si>
    <t>35962939.0</t>
  </si>
  <si>
    <t>290534.0</t>
  </si>
  <si>
    <t>607.069</t>
  </si>
  <si>
    <t>258143.0</t>
  </si>
  <si>
    <t>3069292.0</t>
  </si>
  <si>
    <t>1743662.0</t>
  </si>
  <si>
    <t>1325657.0</t>
  </si>
  <si>
    <t>52946.0</t>
  </si>
  <si>
    <t>39583.0</t>
  </si>
  <si>
    <t>35.317</t>
  </si>
  <si>
    <t>36168581.0</t>
  </si>
  <si>
    <t>205642.0</t>
  </si>
  <si>
    <t>257979.0</t>
  </si>
  <si>
    <t>3099326.0</t>
  </si>
  <si>
    <t>1771090.0</t>
  </si>
  <si>
    <t>1328263.0</t>
  </si>
  <si>
    <t>30034.0</t>
  </si>
  <si>
    <t>42134.0</t>
  </si>
  <si>
    <t>108843.3</t>
  </si>
  <si>
    <t>1843.63077064004</t>
  </si>
  <si>
    <t>36347859.0</t>
  </si>
  <si>
    <t>179278.0</t>
  </si>
  <si>
    <t>613.566</t>
  </si>
  <si>
    <t>262980.0</t>
  </si>
  <si>
    <t>3162368.0</t>
  </si>
  <si>
    <t>1828074.0</t>
  </si>
  <si>
    <t>1334321.0</t>
  </si>
  <si>
    <t>63042.0</t>
  </si>
  <si>
    <t>62379.0</t>
  </si>
  <si>
    <t>36621878.0</t>
  </si>
  <si>
    <t>274019.0</t>
  </si>
  <si>
    <t>618.192</t>
  </si>
  <si>
    <t>262946.0</t>
  </si>
  <si>
    <t>3233890.0</t>
  </si>
  <si>
    <t>1893386.0</t>
  </si>
  <si>
    <t>1340531.0</t>
  </si>
  <si>
    <t>71522.0</t>
  </si>
  <si>
    <t>62983.0</t>
  </si>
  <si>
    <t>36916289.0</t>
  </si>
  <si>
    <t>294411.0</t>
  </si>
  <si>
    <t>623.161</t>
  </si>
  <si>
    <t>260577.0</t>
  </si>
  <si>
    <t>3314684.0</t>
  </si>
  <si>
    <t>1964575.0</t>
  </si>
  <si>
    <t>1350136.0</t>
  </si>
  <si>
    <t>80794.0</t>
  </si>
  <si>
    <t>64043.0</t>
  </si>
  <si>
    <t>37204747.0</t>
  </si>
  <si>
    <t>628.031</t>
  </si>
  <si>
    <t>259994.0</t>
  </si>
  <si>
    <t>3405334.0</t>
  </si>
  <si>
    <t>2047081.0</t>
  </si>
  <si>
    <t>1358280.0</t>
  </si>
  <si>
    <t>66230.0</t>
  </si>
  <si>
    <t>19890.0</t>
  </si>
  <si>
    <t>37501875.0</t>
  </si>
  <si>
    <t>297128.0</t>
  </si>
  <si>
    <t>633.046</t>
  </si>
  <si>
    <t>261353.0</t>
  </si>
  <si>
    <t>3499030.0</t>
  </si>
  <si>
    <t>2133947.0</t>
  </si>
  <si>
    <t>1365110.0</t>
  </si>
  <si>
    <t>93696.0</t>
  </si>
  <si>
    <t>68955.0</t>
  </si>
  <si>
    <t>62350.0</t>
  </si>
  <si>
    <t>37807953.0</t>
  </si>
  <si>
    <t>306078.0</t>
  </si>
  <si>
    <t>263573.0</t>
  </si>
  <si>
    <t>3577641.0</t>
  </si>
  <si>
    <t>2208042.0</t>
  </si>
  <si>
    <t>1369626.0</t>
  </si>
  <si>
    <t>78611.0</t>
  </si>
  <si>
    <t>72621.0</t>
  </si>
  <si>
    <t>38058939.0</t>
  </si>
  <si>
    <t>250986.0</t>
  </si>
  <si>
    <t>642.45</t>
  </si>
  <si>
    <t>270051.0</t>
  </si>
  <si>
    <t>3628910.0</t>
  </si>
  <si>
    <t>2257051.0</t>
  </si>
  <si>
    <t>1371886.0</t>
  </si>
  <si>
    <t>51269.0</t>
  </si>
  <si>
    <t>75655.0</t>
  </si>
  <si>
    <t>69423.0</t>
  </si>
  <si>
    <t>109642.9</t>
  </si>
  <si>
    <t>1857.17471100389</t>
  </si>
  <si>
    <t>35.876</t>
  </si>
  <si>
    <t>38229611.0</t>
  </si>
  <si>
    <t>645.331</t>
  </si>
  <si>
    <t>268822.0</t>
  </si>
  <si>
    <t>3735179.0</t>
  </si>
  <si>
    <t>2357926.0</t>
  </si>
  <si>
    <t>1377280.0</t>
  </si>
  <si>
    <t>106269.0</t>
  </si>
  <si>
    <t>81830.0</t>
  </si>
  <si>
    <t>75693.0</t>
  </si>
  <si>
    <t>38533461.0</t>
  </si>
  <si>
    <t>303850.0</t>
  </si>
  <si>
    <t>650.46</t>
  </si>
  <si>
    <t>3842240.0</t>
  </si>
  <si>
    <t>2459492.0</t>
  </si>
  <si>
    <t>1382775.0</t>
  </si>
  <si>
    <t>86907.0</t>
  </si>
  <si>
    <t>36.536</t>
  </si>
  <si>
    <t>38873708.0</t>
  </si>
  <si>
    <t>340247.0</t>
  </si>
  <si>
    <t>656.203</t>
  </si>
  <si>
    <t>279631.0</t>
  </si>
  <si>
    <t>3965001.0</t>
  </si>
  <si>
    <t>2574092.0</t>
  </si>
  <si>
    <t>1390936.0</t>
  </si>
  <si>
    <t>87074.0</t>
  </si>
  <si>
    <t>20425.0</t>
  </si>
  <si>
    <t>39227412.0</t>
  </si>
  <si>
    <t>353704.0</t>
  </si>
  <si>
    <t>662.174</t>
  </si>
  <si>
    <t>288952.0</t>
  </si>
  <si>
    <t>4094028.0</t>
  </si>
  <si>
    <t>2690800.0</t>
  </si>
  <si>
    <t>1403255.0</t>
  </si>
  <si>
    <t>91960.0</t>
  </si>
  <si>
    <t>39552816.0</t>
  </si>
  <si>
    <t>325404.0</t>
  </si>
  <si>
    <t>667.667</t>
  </si>
  <si>
    <t>292992.0</t>
  </si>
  <si>
    <t>4233293.0</t>
  </si>
  <si>
    <t>2814606.0</t>
  </si>
  <si>
    <t>1418714.0</t>
  </si>
  <si>
    <t>139265.0</t>
  </si>
  <si>
    <t>97237.0</t>
  </si>
  <si>
    <t>20588.0</t>
  </si>
  <si>
    <t>39875863.0</t>
  </si>
  <si>
    <t>323047.0</t>
  </si>
  <si>
    <t>673.12</t>
  </si>
  <si>
    <t>295416.0</t>
  </si>
  <si>
    <t>4360475.0</t>
  </si>
  <si>
    <t>2929849.0</t>
  </si>
  <si>
    <t>1430653.0</t>
  </si>
  <si>
    <t>127182.0</t>
  </si>
  <si>
    <t>111833.0</t>
  </si>
  <si>
    <t>103115.0</t>
  </si>
  <si>
    <t>40132887.0</t>
  </si>
  <si>
    <t>257024.0</t>
  </si>
  <si>
    <t>677.459</t>
  </si>
  <si>
    <t>296278.0</t>
  </si>
  <si>
    <t>4439005.0</t>
  </si>
  <si>
    <t>3000168.0</t>
  </si>
  <si>
    <t>1438864.0</t>
  </si>
  <si>
    <t>110181.5</t>
  </si>
  <si>
    <t>1866.29773036352</t>
  </si>
  <si>
    <t>40303520.0</t>
  </si>
  <si>
    <t>170633.0</t>
  </si>
  <si>
    <t>680.339</t>
  </si>
  <si>
    <t>296273.0</t>
  </si>
  <si>
    <t>4575218.0</t>
  </si>
  <si>
    <t>3111874.0</t>
  </si>
  <si>
    <t>1463373.0</t>
  </si>
  <si>
    <t>136213.0</t>
  </si>
  <si>
    <t>120006.0</t>
  </si>
  <si>
    <t>107707.0</t>
  </si>
  <si>
    <t>158.205</t>
  </si>
  <si>
    <t>40639503.0</t>
  </si>
  <si>
    <t>335983.0</t>
  </si>
  <si>
    <t>686.011</t>
  </si>
  <si>
    <t>300863.0</t>
  </si>
  <si>
    <t>4737794.0</t>
  </si>
  <si>
    <t>3243659.0</t>
  </si>
  <si>
    <t>1494165.0</t>
  </si>
  <si>
    <t>112024.0</t>
  </si>
  <si>
    <t>40998387.0</t>
  </si>
  <si>
    <t>358884.0</t>
  </si>
  <si>
    <t>692.069</t>
  </si>
  <si>
    <t>303526.0</t>
  </si>
  <si>
    <t>4925866.0</t>
  </si>
  <si>
    <t>3389560.0</t>
  </si>
  <si>
    <t>1536336.0</t>
  </si>
  <si>
    <t>188072.0</t>
  </si>
  <si>
    <t>137266.0</t>
  </si>
  <si>
    <t>116495.0</t>
  </si>
  <si>
    <t>41338022.0</t>
  </si>
  <si>
    <t>339635.0</t>
  </si>
  <si>
    <t>301516.0</t>
  </si>
  <si>
    <t>5124767.0</t>
  </si>
  <si>
    <t>3541169.0</t>
  </si>
  <si>
    <t>1583628.0</t>
  </si>
  <si>
    <t>198901.0</t>
  </si>
  <si>
    <t>147248.0</t>
  </si>
  <si>
    <t>121481.0</t>
  </si>
  <si>
    <t>23.087</t>
  </si>
  <si>
    <t>41716485.0</t>
  </si>
  <si>
    <t>378463.0</t>
  </si>
  <si>
    <t>704.191</t>
  </si>
  <si>
    <t>309096.0</t>
  </si>
  <si>
    <t>5331790.0</t>
  </si>
  <si>
    <t>3695706.0</t>
  </si>
  <si>
    <t>1636114.0</t>
  </si>
  <si>
    <t>156928.0</t>
  </si>
  <si>
    <t>125871.0</t>
  </si>
  <si>
    <t>10719.0</t>
  </si>
  <si>
    <t>42071509.0</t>
  </si>
  <si>
    <t>355024.0</t>
  </si>
  <si>
    <t>710.184</t>
  </si>
  <si>
    <t>313664.0</t>
  </si>
  <si>
    <t>5510493.0</t>
  </si>
  <si>
    <t>3835201.0</t>
  </si>
  <si>
    <t>1675324.0</t>
  </si>
  <si>
    <t>178703.0</t>
  </si>
  <si>
    <t>164288.0</t>
  </si>
  <si>
    <t>129336.0</t>
  </si>
  <si>
    <t>24.459</t>
  </si>
  <si>
    <t>42342845.0</t>
  </si>
  <si>
    <t>271336.0</t>
  </si>
  <si>
    <t>714.764</t>
  </si>
  <si>
    <t>315708.0</t>
  </si>
  <si>
    <t>5613767.0</t>
  </si>
  <si>
    <t>3918050.0</t>
  </si>
  <si>
    <t>1695750.0</t>
  </si>
  <si>
    <t>103274.0</t>
  </si>
  <si>
    <t>167823.0</t>
  </si>
  <si>
    <t>131126.0</t>
  </si>
  <si>
    <t>111102.7</t>
  </si>
  <si>
    <t>1881.90137951706</t>
  </si>
  <si>
    <t>45.734</t>
  </si>
  <si>
    <t>11328.0</t>
  </si>
  <si>
    <t>42527529.0</t>
  </si>
  <si>
    <t>184684.0</t>
  </si>
  <si>
    <t>717.881</t>
  </si>
  <si>
    <t>317716.0</t>
  </si>
  <si>
    <t>5796262.0</t>
  </si>
  <si>
    <t>4052907.0</t>
  </si>
  <si>
    <t>182495.0</t>
  </si>
  <si>
    <t>174435.0</t>
  </si>
  <si>
    <t>134433.0</t>
  </si>
  <si>
    <t>42873501.0</t>
  </si>
  <si>
    <t>345972.0</t>
  </si>
  <si>
    <t>723.722</t>
  </si>
  <si>
    <t>319143.0</t>
  </si>
  <si>
    <t>5992561.0</t>
  </si>
  <si>
    <t>4199661.0</t>
  </si>
  <si>
    <t>1792940.0</t>
  </si>
  <si>
    <t>196299.0</t>
  </si>
  <si>
    <t>179252.0</t>
  </si>
  <si>
    <t>136572.0</t>
  </si>
  <si>
    <t>25709.0</t>
  </si>
  <si>
    <t>43234541.0</t>
  </si>
  <si>
    <t>361040.0</t>
  </si>
  <si>
    <t>729.816</t>
  </si>
  <si>
    <t>319451.0</t>
  </si>
  <si>
    <t>6209302.0</t>
  </si>
  <si>
    <t>4361354.0</t>
  </si>
  <si>
    <t>1847992.0</t>
  </si>
  <si>
    <t>216741.0</t>
  </si>
  <si>
    <t>183348.0</t>
  </si>
  <si>
    <t>138828.0</t>
  </si>
  <si>
    <t>43606758.0</t>
  </si>
  <si>
    <t>372217.0</t>
  </si>
  <si>
    <t>736.099</t>
  </si>
  <si>
    <t>324105.0</t>
  </si>
  <si>
    <t>6434711.0</t>
  </si>
  <si>
    <t>4526899.0</t>
  </si>
  <si>
    <t>1907865.0</t>
  </si>
  <si>
    <t>225409.0</t>
  </si>
  <si>
    <t>187135.0</t>
  </si>
  <si>
    <t>140819.0</t>
  </si>
  <si>
    <t>43976394.0</t>
  </si>
  <si>
    <t>369636.0</t>
  </si>
  <si>
    <t>742.339</t>
  </si>
  <si>
    <t>322844.0</t>
  </si>
  <si>
    <t>6648089.0</t>
  </si>
  <si>
    <t>4679123.0</t>
  </si>
  <si>
    <t>1969027.0</t>
  </si>
  <si>
    <t>213378.0</t>
  </si>
  <si>
    <t>188043.0</t>
  </si>
  <si>
    <t>140488.0</t>
  </si>
  <si>
    <t>12379.0</t>
  </si>
  <si>
    <t>44349338.0</t>
  </si>
  <si>
    <t>372944.0</t>
  </si>
  <si>
    <t>748.634</t>
  </si>
  <si>
    <t>6825792.0</t>
  </si>
  <si>
    <t>4808310.0</t>
  </si>
  <si>
    <t>2017549.0</t>
  </si>
  <si>
    <t>177703.0</t>
  </si>
  <si>
    <t>139016.0</t>
  </si>
  <si>
    <t>467.5</t>
  </si>
  <si>
    <t>44623304.0</t>
  </si>
  <si>
    <t>273966.0</t>
  </si>
  <si>
    <t>753.259</t>
  </si>
  <si>
    <t>325780.0</t>
  </si>
  <si>
    <t>6931910.0</t>
  </si>
  <si>
    <t>4881010.0</t>
  </si>
  <si>
    <t>2050972.0</t>
  </si>
  <si>
    <t>106118.0</t>
  </si>
  <si>
    <t>188306.0</t>
  </si>
  <si>
    <t>137566.0</t>
  </si>
  <si>
    <t>112827.5</t>
  </si>
  <si>
    <t>1911.11672261306</t>
  </si>
  <si>
    <t>44802319.0</t>
  </si>
  <si>
    <t>179015.0</t>
  </si>
  <si>
    <t>756.281</t>
  </si>
  <si>
    <t>7107830.0</t>
  </si>
  <si>
    <t>4986344.0</t>
  </si>
  <si>
    <t>2121568.0</t>
  </si>
  <si>
    <t>175920.0</t>
  </si>
  <si>
    <t>187367.0</t>
  </si>
  <si>
    <t>133348.0</t>
  </si>
  <si>
    <t>29354.0</t>
  </si>
  <si>
    <t>13006.0</t>
  </si>
  <si>
    <t>45171694.0</t>
  </si>
  <si>
    <t>369375.0</t>
  </si>
  <si>
    <t>762.516</t>
  </si>
  <si>
    <t>328313.0</t>
  </si>
  <si>
    <t>7248774.0</t>
  </si>
  <si>
    <t>5054605.0</t>
  </si>
  <si>
    <t>2194268.0</t>
  </si>
  <si>
    <t>140944.0</t>
  </si>
  <si>
    <t>179459.0</t>
  </si>
  <si>
    <t>122135.0</t>
  </si>
  <si>
    <t>56.185</t>
  </si>
  <si>
    <t>45540778.0</t>
  </si>
  <si>
    <t>369084.0</t>
  </si>
  <si>
    <t>768.746</t>
  </si>
  <si>
    <t>329462.0</t>
  </si>
  <si>
    <t>7415200.0</t>
  </si>
  <si>
    <t>5139658.0</t>
  </si>
  <si>
    <t>2275668.0</t>
  </si>
  <si>
    <t>166426.0</t>
  </si>
  <si>
    <t>45894515.0</t>
  </si>
  <si>
    <t>353737.0</t>
  </si>
  <si>
    <t>774.717</t>
  </si>
  <si>
    <t>326822.0</t>
  </si>
  <si>
    <t>7579472.0</t>
  </si>
  <si>
    <t>5224209.0</t>
  </si>
  <si>
    <t>2355409.0</t>
  </si>
  <si>
    <t>164272.0</t>
  </si>
  <si>
    <t>163537.0</t>
  </si>
  <si>
    <t>99616.0</t>
  </si>
  <si>
    <t>56.981</t>
  </si>
  <si>
    <t>32.047</t>
  </si>
  <si>
    <t>46259337.0</t>
  </si>
  <si>
    <t>364822.0</t>
  </si>
  <si>
    <t>780.876</t>
  </si>
  <si>
    <t>326135.0</t>
  </si>
  <si>
    <t>7756309.0</t>
  </si>
  <si>
    <t>5322096.0</t>
  </si>
  <si>
    <t>176837.0</t>
  </si>
  <si>
    <t>158317.0</t>
  </si>
  <si>
    <t>46613817.0</t>
  </si>
  <si>
    <t>354480.0</t>
  </si>
  <si>
    <t>786.86</t>
  </si>
  <si>
    <t>5.984</t>
  </si>
  <si>
    <t>323497.0</t>
  </si>
  <si>
    <t>7932862.0</t>
  </si>
  <si>
    <t>5436383.0</t>
  </si>
  <si>
    <t>2496643.0</t>
  </si>
  <si>
    <t>176553.0</t>
  </si>
  <si>
    <t>158153.0</t>
  </si>
  <si>
    <t>89725.0</t>
  </si>
  <si>
    <t>46890903.0</t>
  </si>
  <si>
    <t>277086.0</t>
  </si>
  <si>
    <t>791.537</t>
  </si>
  <si>
    <t>323943.0</t>
  </si>
  <si>
    <t>8063677.0</t>
  </si>
  <si>
    <t>5521906.0</t>
  </si>
  <si>
    <t>2541938.0</t>
  </si>
  <si>
    <t>130815.0</t>
  </si>
  <si>
    <t>161681.0</t>
  </si>
  <si>
    <t>91557.0</t>
  </si>
  <si>
    <t>115218.5</t>
  </si>
  <si>
    <t>1951.6164242263</t>
  </si>
  <si>
    <t>31559.0</t>
  </si>
  <si>
    <t>534.559</t>
  </si>
  <si>
    <t>47060099.0</t>
  </si>
  <si>
    <t>169196.0</t>
  </si>
  <si>
    <t>794.393</t>
  </si>
  <si>
    <t>322540.0</t>
  </si>
  <si>
    <t>8260503.0</t>
  </si>
  <si>
    <t>5652641.0</t>
  </si>
  <si>
    <t>2608029.0</t>
  </si>
  <si>
    <t>164668.0</t>
  </si>
  <si>
    <t>95185.0</t>
  </si>
  <si>
    <t>47395288.0</t>
  </si>
  <si>
    <t>335189.0</t>
  </si>
  <si>
    <t>800.051</t>
  </si>
  <si>
    <t>317656.0</t>
  </si>
  <si>
    <t>8487926.0</t>
  </si>
  <si>
    <t>5808427.0</t>
  </si>
  <si>
    <t>2679674.0</t>
  </si>
  <si>
    <t>227423.0</t>
  </si>
  <si>
    <t>177022.0</t>
  </si>
  <si>
    <t>107689.0</t>
  </si>
  <si>
    <t>47759055.0</t>
  </si>
  <si>
    <t>363767.0</t>
  </si>
  <si>
    <t>806.192</t>
  </si>
  <si>
    <t>6.141</t>
  </si>
  <si>
    <t>316897.0</t>
  </si>
  <si>
    <t>8746405.0</t>
  </si>
  <si>
    <t>5980524.0</t>
  </si>
  <si>
    <t>2766058.0</t>
  </si>
  <si>
    <t>258479.0</t>
  </si>
  <si>
    <t>190172.0</t>
  </si>
  <si>
    <t>120124.0</t>
  </si>
  <si>
    <t>48108527.0</t>
  </si>
  <si>
    <t>349472.0</t>
  </si>
  <si>
    <t>812.091</t>
  </si>
  <si>
    <t>316287.0</t>
  </si>
  <si>
    <t>9018371.0</t>
  </si>
  <si>
    <t>6167909.0</t>
  </si>
  <si>
    <t>2850642.0</t>
  </si>
  <si>
    <t>271966.0</t>
  </si>
  <si>
    <t>205557.0</t>
  </si>
  <si>
    <t>134814.0</t>
  </si>
  <si>
    <t>48463509.0</t>
  </si>
  <si>
    <t>354982.0</t>
  </si>
  <si>
    <t>818.083</t>
  </si>
  <si>
    <t>314882.0</t>
  </si>
  <si>
    <t>5.315</t>
  </si>
  <si>
    <t>9291347.0</t>
  </si>
  <si>
    <t>6362461.0</t>
  </si>
  <si>
    <t>2929072.0</t>
  </si>
  <si>
    <t>272976.0</t>
  </si>
  <si>
    <t>219291.0</t>
  </si>
  <si>
    <t>148624.0</t>
  </si>
  <si>
    <t>48820585.0</t>
  </si>
  <si>
    <t>357076.0</t>
  </si>
  <si>
    <t>824.111</t>
  </si>
  <si>
    <t>6.028</t>
  </si>
  <si>
    <t>315253.0</t>
  </si>
  <si>
    <t>9532971.0</t>
  </si>
  <si>
    <t>6536711.0</t>
  </si>
  <si>
    <t>2996451.0</t>
  </si>
  <si>
    <t>241624.0</t>
  </si>
  <si>
    <t>49093288.0</t>
  </si>
  <si>
    <t>272703.0</t>
  </si>
  <si>
    <t>828.714</t>
  </si>
  <si>
    <t>314626.0</t>
  </si>
  <si>
    <t>9696775.0</t>
  </si>
  <si>
    <t>6659623.0</t>
  </si>
  <si>
    <t>3037344.0</t>
  </si>
  <si>
    <t>163804.0</t>
  </si>
  <si>
    <t>233300.0</t>
  </si>
  <si>
    <t>162531.0</t>
  </si>
  <si>
    <t>118534.9</t>
  </si>
  <si>
    <t>2007.79091625061</t>
  </si>
  <si>
    <t>208.85</t>
  </si>
  <si>
    <t>49249985.0</t>
  </si>
  <si>
    <t>156697.0</t>
  </si>
  <si>
    <t>831.359</t>
  </si>
  <si>
    <t>312841.0</t>
  </si>
  <si>
    <t>9941296.0</t>
  </si>
  <si>
    <t>6837853.0</t>
  </si>
  <si>
    <t>3103635.0</t>
  </si>
  <si>
    <t>244521.0</t>
  </si>
  <si>
    <t>240113.0</t>
  </si>
  <si>
    <t>169316.0</t>
  </si>
  <si>
    <t>62.943</t>
  </si>
  <si>
    <t>49551432.0</t>
  </si>
  <si>
    <t>301447.0</t>
  </si>
  <si>
    <t>836.448</t>
  </si>
  <si>
    <t>5.089</t>
  </si>
  <si>
    <t>308021.0</t>
  </si>
  <si>
    <t>10212394.0</t>
  </si>
  <si>
    <t>7032513.0</t>
  </si>
  <si>
    <t>3180076.0</t>
  </si>
  <si>
    <t>271098.0</t>
  </si>
  <si>
    <t>246353.0</t>
  </si>
  <si>
    <t>174869.0</t>
  </si>
  <si>
    <t>49902497.0</t>
  </si>
  <si>
    <t>351065.0</t>
  </si>
  <si>
    <t>842.374</t>
  </si>
  <si>
    <t>306206.0</t>
  </si>
  <si>
    <t>10520100.0</t>
  </si>
  <si>
    <t>7249155.0</t>
  </si>
  <si>
    <t>3271158.0</t>
  </si>
  <si>
    <t>307706.0</t>
  </si>
  <si>
    <t>253385.0</t>
  </si>
  <si>
    <t>181233.0</t>
  </si>
  <si>
    <t>50258742.0</t>
  </si>
  <si>
    <t>356245.0</t>
  </si>
  <si>
    <t>848.387</t>
  </si>
  <si>
    <t>307174.0</t>
  </si>
  <si>
    <t>10809218.0</t>
  </si>
  <si>
    <t>7447687.0</t>
  </si>
  <si>
    <t>3361752.0</t>
  </si>
  <si>
    <t>255835.0</t>
  </si>
  <si>
    <t>28.812</t>
  </si>
  <si>
    <t>50589896.0</t>
  </si>
  <si>
    <t>331154.0</t>
  </si>
  <si>
    <t>853.977</t>
  </si>
  <si>
    <t>303770.0</t>
  </si>
  <si>
    <t>11093268.0</t>
  </si>
  <si>
    <t>7652399.0</t>
  </si>
  <si>
    <t>3441093.0</t>
  </si>
  <si>
    <t>284050.0</t>
  </si>
  <si>
    <t>257417.0</t>
  </si>
  <si>
    <t>184277.0</t>
  </si>
  <si>
    <t>50949110.0</t>
  </si>
  <si>
    <t>359214.0</t>
  </si>
  <si>
    <t>860.041</t>
  </si>
  <si>
    <t>304075.0</t>
  </si>
  <si>
    <t>11324492.0</t>
  </si>
  <si>
    <t>7822673.0</t>
  </si>
  <si>
    <t>3502045.0</t>
  </si>
  <si>
    <t>231224.0</t>
  </si>
  <si>
    <t>255932.0</t>
  </si>
  <si>
    <t>183709.0</t>
  </si>
  <si>
    <t>11758.0</t>
  </si>
  <si>
    <t>51200043.0</t>
  </si>
  <si>
    <t>250933.0</t>
  </si>
  <si>
    <t>864.277</t>
  </si>
  <si>
    <t>300965.0</t>
  </si>
  <si>
    <t>11420849.0</t>
  </si>
  <si>
    <t>7898617.0</t>
  </si>
  <si>
    <t>3522458.0</t>
  </si>
  <si>
    <t>96357.0</t>
  </si>
  <si>
    <t>246296.0</t>
  </si>
  <si>
    <t>176999.0</t>
  </si>
  <si>
    <t>121843.1</t>
  </si>
  <si>
    <t>2063.82651343879</t>
  </si>
  <si>
    <t>51302838.0</t>
  </si>
  <si>
    <t>102795.0</t>
  </si>
  <si>
    <t>866.012</t>
  </si>
  <si>
    <t>293265.0</t>
  </si>
  <si>
    <t>11592542.0</t>
  </si>
  <si>
    <t>8032279.0</t>
  </si>
  <si>
    <t>3560497.0</t>
  </si>
  <si>
    <t>171693.0</t>
  </si>
  <si>
    <t>235892.0</t>
  </si>
  <si>
    <t>170632.0</t>
  </si>
  <si>
    <t>33080.0</t>
  </si>
  <si>
    <t>51415800.0</t>
  </si>
  <si>
    <t>867.919</t>
  </si>
  <si>
    <t>266338.0</t>
  </si>
  <si>
    <t>4.496</t>
  </si>
  <si>
    <t>11879909.0</t>
  </si>
  <si>
    <t>8243280.0</t>
  </si>
  <si>
    <t>3636920.0</t>
  </si>
  <si>
    <t>287367.0</t>
  </si>
  <si>
    <t>238216.0</t>
  </si>
  <si>
    <t>172967.0</t>
  </si>
  <si>
    <t>32999.0</t>
  </si>
  <si>
    <t>51755739.0</t>
  </si>
  <si>
    <t>339939.0</t>
  </si>
  <si>
    <t>873.657</t>
  </si>
  <si>
    <t>264749.0</t>
  </si>
  <si>
    <t>12215410.0</t>
  </si>
  <si>
    <t>8488679.0</t>
  </si>
  <si>
    <t>3727029.0</t>
  </si>
  <si>
    <t>335501.0</t>
  </si>
  <si>
    <t>242187.0</t>
  </si>
  <si>
    <t>177075.0</t>
  </si>
  <si>
    <t>52117901.0</t>
  </si>
  <si>
    <t>362162.0</t>
  </si>
  <si>
    <t>879.771</t>
  </si>
  <si>
    <t>265594.0</t>
  </si>
  <si>
    <t>12555769.0</t>
  </si>
  <si>
    <t>8739759.0</t>
  </si>
  <si>
    <t>3816317.0</t>
  </si>
  <si>
    <t>340359.0</t>
  </si>
  <si>
    <t>249507.0</t>
  </si>
  <si>
    <t>184582.0</t>
  </si>
  <si>
    <t>26.576</t>
  </si>
  <si>
    <t>52466904.0</t>
  </si>
  <si>
    <t>349003.0</t>
  </si>
  <si>
    <t>885.662</t>
  </si>
  <si>
    <t>268144.0</t>
  </si>
  <si>
    <t>12893091.0</t>
  </si>
  <si>
    <t>8994866.0</t>
  </si>
  <si>
    <t>3898561.0</t>
  </si>
  <si>
    <t>337322.0</t>
  </si>
  <si>
    <t>257118.0</t>
  </si>
  <si>
    <t>191781.0</t>
  </si>
  <si>
    <t>52801766.0</t>
  </si>
  <si>
    <t>334862.0</t>
  </si>
  <si>
    <t>891.315</t>
  </si>
  <si>
    <t>264665.0</t>
  </si>
  <si>
    <t>13215255.0</t>
  </si>
  <si>
    <t>9248195.0</t>
  </si>
  <si>
    <t>3967401.0</t>
  </si>
  <si>
    <t>322164.0</t>
  </si>
  <si>
    <t>203646.0</t>
  </si>
  <si>
    <t>30836.0</t>
  </si>
  <si>
    <t>53054866.0</t>
  </si>
  <si>
    <t>253100.0</t>
  </si>
  <si>
    <t>895.587</t>
  </si>
  <si>
    <t>4.272</t>
  </si>
  <si>
    <t>264975.0</t>
  </si>
  <si>
    <t>13417864.0</t>
  </si>
  <si>
    <t>9409437.0</t>
  </si>
  <si>
    <t>4008772.0</t>
  </si>
  <si>
    <t>202609.0</t>
  </si>
  <si>
    <t>285288.0</t>
  </si>
  <si>
    <t>215831.0</t>
  </si>
  <si>
    <t>124709.5</t>
  </si>
  <si>
    <t>2112.37872786965</t>
  </si>
  <si>
    <t>53245501.0</t>
  </si>
  <si>
    <t>898.805</t>
  </si>
  <si>
    <t>13686372.0</t>
  </si>
  <si>
    <t>9615386.0</t>
  </si>
  <si>
    <t>4071338.0</t>
  </si>
  <si>
    <t>268508.0</t>
  </si>
  <si>
    <t>299119.0</t>
  </si>
  <si>
    <t>226158.0</t>
  </si>
  <si>
    <t>154.478</t>
  </si>
  <si>
    <t>53550491.0</t>
  </si>
  <si>
    <t>304990.0</t>
  </si>
  <si>
    <t>903.953</t>
  </si>
  <si>
    <t>304956.0</t>
  </si>
  <si>
    <t>13977217.0</t>
  </si>
  <si>
    <t>9838605.0</t>
  </si>
  <si>
    <t>4138972.0</t>
  </si>
  <si>
    <t>299615.0</t>
  </si>
  <si>
    <t>227904.0</t>
  </si>
  <si>
    <t>53885257.0</t>
  </si>
  <si>
    <t>334766.0</t>
  </si>
  <si>
    <t>909.604</t>
  </si>
  <si>
    <t>304217.0</t>
  </si>
  <si>
    <t>14300014.0</t>
  </si>
  <si>
    <t>10081299.0</t>
  </si>
  <si>
    <t>4219077.0</t>
  </si>
  <si>
    <t>322797.0</t>
  </si>
  <si>
    <t>297801.0</t>
  </si>
  <si>
    <t>227517.0</t>
  </si>
  <si>
    <t>29004.0</t>
  </si>
  <si>
    <t>23.527</t>
  </si>
  <si>
    <t>54204890.0</t>
  </si>
  <si>
    <t>319633.0</t>
  </si>
  <si>
    <t>298141.0</t>
  </si>
  <si>
    <t>5.033</t>
  </si>
  <si>
    <t>14653417.0</t>
  </si>
  <si>
    <t>10335596.0</t>
  </si>
  <si>
    <t>4318183.0</t>
  </si>
  <si>
    <t>353403.0</t>
  </si>
  <si>
    <t>299664.0</t>
  </si>
  <si>
    <t>227977.0</t>
  </si>
  <si>
    <t>54532594.0</t>
  </si>
  <si>
    <t>327704.0</t>
  </si>
  <si>
    <t>920.532</t>
  </si>
  <si>
    <t>295099.0</t>
  </si>
  <si>
    <t>4.981</t>
  </si>
  <si>
    <t>15035392.0</t>
  </si>
  <si>
    <t>10617751.0</t>
  </si>
  <si>
    <t>4418005.0</t>
  </si>
  <si>
    <t>306043.0</t>
  </si>
  <si>
    <t>231841.0</t>
  </si>
  <si>
    <t>54864328.0</t>
  </si>
  <si>
    <t>926.131</t>
  </si>
  <si>
    <t>294652.0</t>
  </si>
  <si>
    <t>15396606.0</t>
  </si>
  <si>
    <t>10894655.0</t>
  </si>
  <si>
    <t>4502315.0</t>
  </si>
  <si>
    <t>361214.0</t>
  </si>
  <si>
    <t>311622.0</t>
  </si>
  <si>
    <t>235209.0</t>
  </si>
  <si>
    <t>23.053</t>
  </si>
  <si>
    <t>55094444.0</t>
  </si>
  <si>
    <t>230116.0</t>
  </si>
  <si>
    <t>930.016</t>
  </si>
  <si>
    <t>15639282.0</t>
  </si>
  <si>
    <t>11082973.0</t>
  </si>
  <si>
    <t>4556674.0</t>
  </si>
  <si>
    <t>242676.0</t>
  </si>
  <si>
    <t>317345.0</t>
  </si>
  <si>
    <t>239077.0</t>
  </si>
  <si>
    <t>127227.9</t>
  </si>
  <si>
    <t>2155.03638096157</t>
  </si>
  <si>
    <t>22.613</t>
  </si>
  <si>
    <t>55241172.0</t>
  </si>
  <si>
    <t>146728.0</t>
  </si>
  <si>
    <t>932.493</t>
  </si>
  <si>
    <t>285096.0</t>
  </si>
  <si>
    <t>15951516.0</t>
  </si>
  <si>
    <t>11307252.0</t>
  </si>
  <si>
    <t>4644631.0</t>
  </si>
  <si>
    <t>312234.0</t>
  </si>
  <si>
    <t>323592.0</t>
  </si>
  <si>
    <t>241695.0</t>
  </si>
  <si>
    <t>127.478</t>
  </si>
  <si>
    <t>55535217.0</t>
  </si>
  <si>
    <t>294045.0</t>
  </si>
  <si>
    <t>937.456</t>
  </si>
  <si>
    <t>283532.0</t>
  </si>
  <si>
    <t>16286704.0</t>
  </si>
  <si>
    <t>11544507.0</t>
  </si>
  <si>
    <t>4742565.0</t>
  </si>
  <si>
    <t>20.563</t>
  </si>
  <si>
    <t>55885251.0</t>
  </si>
  <si>
    <t>350034.0</t>
  </si>
  <si>
    <t>943.365</t>
  </si>
  <si>
    <t>285713.0</t>
  </si>
  <si>
    <t>16661439.0</t>
  </si>
  <si>
    <t>11800005.0</t>
  </si>
  <si>
    <t>4861806.0</t>
  </si>
  <si>
    <t>374735.0</t>
  </si>
  <si>
    <t>337346.0</t>
  </si>
  <si>
    <t>245529.0</t>
  </si>
  <si>
    <t>25115.0</t>
  </si>
  <si>
    <t>56250055.0</t>
  </si>
  <si>
    <t>364804.0</t>
  </si>
  <si>
    <t>949.523</t>
  </si>
  <si>
    <t>292166.0</t>
  </si>
  <si>
    <t>17062385.0</t>
  </si>
  <si>
    <t>12064945.0</t>
  </si>
  <si>
    <t>4998103.0</t>
  </si>
  <si>
    <t>400946.0</t>
  </si>
  <si>
    <t>344138.0</t>
  </si>
  <si>
    <t>247050.0</t>
  </si>
  <si>
    <t>124.04</t>
  </si>
  <si>
    <t>56565755.0</t>
  </si>
  <si>
    <t>315700.0</t>
  </si>
  <si>
    <t>954.852</t>
  </si>
  <si>
    <t>290452.0</t>
  </si>
  <si>
    <t>17469720.0</t>
  </si>
  <si>
    <t>12341530.0</t>
  </si>
  <si>
    <t>5129398.0</t>
  </si>
  <si>
    <t>407335.0</t>
  </si>
  <si>
    <t>347761.0</t>
  </si>
  <si>
    <t>246254.0</t>
  </si>
  <si>
    <t>56886535.0</t>
  </si>
  <si>
    <t>320780.0</t>
  </si>
  <si>
    <t>960.267</t>
  </si>
  <si>
    <t>288887.0</t>
  </si>
  <si>
    <t>17857998.0</t>
  </si>
  <si>
    <t>12615133.0</t>
  </si>
  <si>
    <t>5247112.0</t>
  </si>
  <si>
    <t>388278.0</t>
  </si>
  <si>
    <t>351627.0</t>
  </si>
  <si>
    <t>245783.0</t>
  </si>
  <si>
    <t>57126017.0</t>
  </si>
  <si>
    <t>239482.0</t>
  </si>
  <si>
    <t>964.31</t>
  </si>
  <si>
    <t>290225.0</t>
  </si>
  <si>
    <t>18126324.0</t>
  </si>
  <si>
    <t>12836289.0</t>
  </si>
  <si>
    <t>5303035.0</t>
  </si>
  <si>
    <t>268326.0</t>
  </si>
  <si>
    <t>355292.0</t>
  </si>
  <si>
    <t>250474.0</t>
  </si>
  <si>
    <t>129866.7</t>
  </si>
  <si>
    <t>2199.73341676961</t>
  </si>
  <si>
    <t>23484.0</t>
  </si>
  <si>
    <t>57271836.0</t>
  </si>
  <si>
    <t>145819.0</t>
  </si>
  <si>
    <t>966.771</t>
  </si>
  <si>
    <t>290095.0</t>
  </si>
  <si>
    <t>18472245.0</t>
  </si>
  <si>
    <t>13100043.0</t>
  </si>
  <si>
    <t>5394565.0</t>
  </si>
  <si>
    <t>345921.0</t>
  </si>
  <si>
    <t>360104.0</t>
  </si>
  <si>
    <t>256113.0</t>
  </si>
  <si>
    <t>17.751</t>
  </si>
  <si>
    <t>57574570.0</t>
  </si>
  <si>
    <t>302734.0</t>
  </si>
  <si>
    <t>971.881</t>
  </si>
  <si>
    <t>291336.0</t>
  </si>
  <si>
    <t>18847237.0</t>
  </si>
  <si>
    <t>13363362.0</t>
  </si>
  <si>
    <t>5516063.0</t>
  </si>
  <si>
    <t>374992.0</t>
  </si>
  <si>
    <t>365790.0</t>
  </si>
  <si>
    <t>259836.0</t>
  </si>
  <si>
    <t>22571.0</t>
  </si>
  <si>
    <t>57910906.0</t>
  </si>
  <si>
    <t>336336.0</t>
  </si>
  <si>
    <t>977.559</t>
  </si>
  <si>
    <t>19257989.0</t>
  </si>
  <si>
    <t>13634128.0</t>
  </si>
  <si>
    <t>5665000.0</t>
  </si>
  <si>
    <t>410752.0</t>
  </si>
  <si>
    <t>370936.0</t>
  </si>
  <si>
    <t>262018.0</t>
  </si>
  <si>
    <t>58240981.0</t>
  </si>
  <si>
    <t>330075.0</t>
  </si>
  <si>
    <t>983.131</t>
  </si>
  <si>
    <t>5.572</t>
  </si>
  <si>
    <t>284418.0</t>
  </si>
  <si>
    <t>19789929.0</t>
  </si>
  <si>
    <t>13991101.0</t>
  </si>
  <si>
    <t>5850098.0</t>
  </si>
  <si>
    <t>531940.0</t>
  </si>
  <si>
    <t>389649.0</t>
  </si>
  <si>
    <t>275165.0</t>
  </si>
  <si>
    <t>21523.0</t>
  </si>
  <si>
    <t>58579752.0</t>
  </si>
  <si>
    <t>338771.0</t>
  </si>
  <si>
    <t>988.849</t>
  </si>
  <si>
    <t>287714.0</t>
  </si>
  <si>
    <t>20320478.0</t>
  </si>
  <si>
    <t>14331392.0</t>
  </si>
  <si>
    <t>6054993.0</t>
  </si>
  <si>
    <t>530549.0</t>
  </si>
  <si>
    <t>407251.0</t>
  </si>
  <si>
    <t>58957954.0</t>
  </si>
  <si>
    <t>378202.0</t>
  </si>
  <si>
    <t>995.233</t>
  </si>
  <si>
    <t>295917.0</t>
  </si>
  <si>
    <t>20754928.0</t>
  </si>
  <si>
    <t>14616461.0</t>
  </si>
  <si>
    <t>6222228.0</t>
  </si>
  <si>
    <t>434450.0</t>
  </si>
  <si>
    <t>413847.0</t>
  </si>
  <si>
    <t>285904.0</t>
  </si>
  <si>
    <t>59114826.0</t>
  </si>
  <si>
    <t>156872.0</t>
  </si>
  <si>
    <t>997.881</t>
  </si>
  <si>
    <t>284116.0</t>
  </si>
  <si>
    <t>21125779.0</t>
  </si>
  <si>
    <t>14869622.0</t>
  </si>
  <si>
    <t>6351509.0</t>
  </si>
  <si>
    <t>370851.0</t>
  </si>
  <si>
    <t>428494.0</t>
  </si>
  <si>
    <t>290476.0</t>
  </si>
  <si>
    <t>131877.9</t>
  </si>
  <si>
    <t>2233.79991609397</t>
  </si>
  <si>
    <t>20885.0</t>
  </si>
  <si>
    <t>59236655.0</t>
  </si>
  <si>
    <t>121829.0</t>
  </si>
  <si>
    <t>999.938</t>
  </si>
  <si>
    <t>280688.0</t>
  </si>
  <si>
    <t>4.738</t>
  </si>
  <si>
    <t>21539965.0</t>
  </si>
  <si>
    <t>15161616.0</t>
  </si>
  <si>
    <t>6485579.0</t>
  </si>
  <si>
    <t>414186.0</t>
  </si>
  <si>
    <t>438246.0</t>
  </si>
  <si>
    <t>294510.0</t>
  </si>
  <si>
    <t>20599.0</t>
  </si>
  <si>
    <t>59552161.0</t>
  </si>
  <si>
    <t>315506.0</t>
  </si>
  <si>
    <t>1005.264</t>
  </si>
  <si>
    <t>282513.0</t>
  </si>
  <si>
    <t>21993891.0</t>
  </si>
  <si>
    <t>15477757.0</t>
  </si>
  <si>
    <t>6635517.0</t>
  </si>
  <si>
    <t>453926.0</t>
  </si>
  <si>
    <t>449522.0</t>
  </si>
  <si>
    <t>302056.0</t>
  </si>
  <si>
    <t>19888.0</t>
  </si>
  <si>
    <t>94.347</t>
  </si>
  <si>
    <t>59879330.0</t>
  </si>
  <si>
    <t>327169.0</t>
  </si>
  <si>
    <t>1010.787</t>
  </si>
  <si>
    <t>281203.0</t>
  </si>
  <si>
    <t>22481366.0</t>
  </si>
  <si>
    <t>15818906.0</t>
  </si>
  <si>
    <t>6796196.0</t>
  </si>
  <si>
    <t>487475.0</t>
  </si>
  <si>
    <t>460482.0</t>
  </si>
  <si>
    <t>312111.0</t>
  </si>
  <si>
    <t>60203970.0</t>
  </si>
  <si>
    <t>324640.0</t>
  </si>
  <si>
    <t>1016.267</t>
  </si>
  <si>
    <t>280427.0</t>
  </si>
  <si>
    <t>23003900.0</t>
  </si>
  <si>
    <t>16167489.0</t>
  </si>
  <si>
    <t>6983176.0</t>
  </si>
  <si>
    <t>522534.0</t>
  </si>
  <si>
    <t>459139.0</t>
  </si>
  <si>
    <t>310913.0</t>
  </si>
  <si>
    <t>15.024</t>
  </si>
  <si>
    <t>87.758</t>
  </si>
  <si>
    <t>60532582.0</t>
  </si>
  <si>
    <t>328612.0</t>
  </si>
  <si>
    <t>1021.814</t>
  </si>
  <si>
    <t>278976.0</t>
  </si>
  <si>
    <t>23550635.0</t>
  </si>
  <si>
    <t>16524305.0</t>
  </si>
  <si>
    <t>7185652.0</t>
  </si>
  <si>
    <t>546735.0</t>
  </si>
  <si>
    <t>461451.0</t>
  </si>
  <si>
    <t>313273.0</t>
  </si>
  <si>
    <t>60871018.0</t>
  </si>
  <si>
    <t>338436.0</t>
  </si>
  <si>
    <t>1027.527</t>
  </si>
  <si>
    <t>273295.0</t>
  </si>
  <si>
    <t>24065261.0</t>
  </si>
  <si>
    <t>16851822.0</t>
  </si>
  <si>
    <t>7389994.0</t>
  </si>
  <si>
    <t>514626.0</t>
  </si>
  <si>
    <t>472905.0</t>
  </si>
  <si>
    <t>14.364</t>
  </si>
  <si>
    <t>61097024.0</t>
  </si>
  <si>
    <t>226006.0</t>
  </si>
  <si>
    <t>1031.342</t>
  </si>
  <si>
    <t>283171.0</t>
  </si>
  <si>
    <t>24449489.0</t>
  </si>
  <si>
    <t>17108823.0</t>
  </si>
  <si>
    <t>7526261.0</t>
  </si>
  <si>
    <t>384228.0</t>
  </si>
  <si>
    <t>474816.0</t>
  </si>
  <si>
    <t>319886.0</t>
  </si>
  <si>
    <t>133121.5</t>
  </si>
  <si>
    <t>2254.86450368336</t>
  </si>
  <si>
    <t>61227024.0</t>
  </si>
  <si>
    <t>1033.536</t>
  </si>
  <si>
    <t>284338.0</t>
  </si>
  <si>
    <t>24891931.0</t>
  </si>
  <si>
    <t>17402748.0</t>
  </si>
  <si>
    <t>7682911.0</t>
  </si>
  <si>
    <t>442442.0</t>
  </si>
  <si>
    <t>478852.0</t>
  </si>
  <si>
    <t>320162.0</t>
  </si>
  <si>
    <t>61513452.0</t>
  </si>
  <si>
    <t>286428.0</t>
  </si>
  <si>
    <t>1038.371</t>
  </si>
  <si>
    <t>280184.0</t>
  </si>
  <si>
    <t>25350797.0</t>
  </si>
  <si>
    <t>17705483.0</t>
  </si>
  <si>
    <t>7849135.0</t>
  </si>
  <si>
    <t>458866.0</t>
  </si>
  <si>
    <t>479558.0</t>
  </si>
  <si>
    <t>318247.0</t>
  </si>
  <si>
    <t>61820196.0</t>
  </si>
  <si>
    <t>306744.0</t>
  </si>
  <si>
    <t>1043.549</t>
  </si>
  <si>
    <t>277267.0</t>
  </si>
  <si>
    <t>25837033.0</t>
  </si>
  <si>
    <t>18031631.0</t>
  </si>
  <si>
    <t>8018221.0</t>
  </si>
  <si>
    <t>486236.0</t>
  </si>
  <si>
    <t>479381.0</t>
  </si>
  <si>
    <t>316104.0</t>
  </si>
  <si>
    <t>62107222.0</t>
  </si>
  <si>
    <t>1048.394</t>
  </si>
  <si>
    <t>271893.0</t>
  </si>
  <si>
    <t>26367607.0</t>
  </si>
  <si>
    <t>18377996.0</t>
  </si>
  <si>
    <t>8210702.0</t>
  </si>
  <si>
    <t>530574.0</t>
  </si>
  <si>
    <t>480530.0</t>
  </si>
  <si>
    <t>315787.0</t>
  </si>
  <si>
    <t>31.505</t>
  </si>
  <si>
    <t>62405408.0</t>
  </si>
  <si>
    <t>298186.0</t>
  </si>
  <si>
    <t>1053.428</t>
  </si>
  <si>
    <t>267547.0</t>
  </si>
  <si>
    <t>26924192.0</t>
  </si>
  <si>
    <t>18730893.0</t>
  </si>
  <si>
    <t>8422573.0</t>
  </si>
  <si>
    <t>556585.0</t>
  </si>
  <si>
    <t>481937.0</t>
  </si>
  <si>
    <t>315227.0</t>
  </si>
  <si>
    <t>30.574</t>
  </si>
  <si>
    <t>62700094.0</t>
  </si>
  <si>
    <t>294686.0</t>
  </si>
  <si>
    <t>1058.402</t>
  </si>
  <si>
    <t>261297.0</t>
  </si>
  <si>
    <t>27470295.0</t>
  </si>
  <si>
    <t>19094876.0</t>
  </si>
  <si>
    <t>8622664.0</t>
  </si>
  <si>
    <t>546103.0</t>
  </si>
  <si>
    <t>486433.0</t>
  </si>
  <si>
    <t>320436.0</t>
  </si>
  <si>
    <t>62902667.0</t>
  </si>
  <si>
    <t>202573.0</t>
  </si>
  <si>
    <t>1061.822</t>
  </si>
  <si>
    <t>257949.0</t>
  </si>
  <si>
    <t>27880850.0</t>
  </si>
  <si>
    <t>19368263.0</t>
  </si>
  <si>
    <t>8776094.0</t>
  </si>
  <si>
    <t>410555.0</t>
  </si>
  <si>
    <t>490194.0</t>
  </si>
  <si>
    <t>322777.0</t>
  </si>
  <si>
    <t>133977.3</t>
  </si>
  <si>
    <t>2269.36038182665</t>
  </si>
  <si>
    <t>233.377</t>
  </si>
  <si>
    <t>63021591.0</t>
  </si>
  <si>
    <t>1063.829</t>
  </si>
  <si>
    <t>28349270.0</t>
  </si>
  <si>
    <t>19641836.0</t>
  </si>
  <si>
    <t>8988949.0</t>
  </si>
  <si>
    <t>468420.0</t>
  </si>
  <si>
    <t>493906.0</t>
  </si>
  <si>
    <t>319870.0</t>
  </si>
  <si>
    <t>13228.0</t>
  </si>
  <si>
    <t>63284455.0</t>
  </si>
  <si>
    <t>262864.0</t>
  </si>
  <si>
    <t>1068.266</t>
  </si>
  <si>
    <t>28820211.0</t>
  </si>
  <si>
    <t>19924431.0</t>
  </si>
  <si>
    <t>9195515.0</t>
  </si>
  <si>
    <t>470941.0</t>
  </si>
  <si>
    <t>495631.0</t>
  </si>
  <si>
    <t>316993.0</t>
  </si>
  <si>
    <t>63571711.0</t>
  </si>
  <si>
    <t>287256.0</t>
  </si>
  <si>
    <t>1073.115</t>
  </si>
  <si>
    <t>250216.0</t>
  </si>
  <si>
    <t>29308916.0</t>
  </si>
  <si>
    <t>20231738.0</t>
  </si>
  <si>
    <t>9395378.0</t>
  </si>
  <si>
    <t>488705.0</t>
  </si>
  <si>
    <t>495983.0</t>
  </si>
  <si>
    <t>314301.0</t>
  </si>
  <si>
    <t>26.153</t>
  </si>
  <si>
    <t>63822748.0</t>
  </si>
  <si>
    <t>251037.0</t>
  </si>
  <si>
    <t>1077.353</t>
  </si>
  <si>
    <t>245075.0</t>
  </si>
  <si>
    <t>29864282.0</t>
  </si>
  <si>
    <t>20544001.0</t>
  </si>
  <si>
    <t>9658571.0</t>
  </si>
  <si>
    <t>555366.0</t>
  </si>
  <si>
    <t>499525.0</t>
  </si>
  <si>
    <t>309429.0</t>
  </si>
  <si>
    <t>64092492.0</t>
  </si>
  <si>
    <t>269744.0</t>
  </si>
  <si>
    <t>1081.906</t>
  </si>
  <si>
    <t>241012.0</t>
  </si>
  <si>
    <t>30437693.0</t>
  </si>
  <si>
    <t>20873571.0</t>
  </si>
  <si>
    <t>9921117.0</t>
  </si>
  <si>
    <t>573411.0</t>
  </si>
  <si>
    <t>501929.0</t>
  </si>
  <si>
    <t>306097.0</t>
  </si>
  <si>
    <t>64379095.0</t>
  </si>
  <si>
    <t>286603.0</t>
  </si>
  <si>
    <t>1086.744</t>
  </si>
  <si>
    <t>4.838</t>
  </si>
  <si>
    <t>239857.0</t>
  </si>
  <si>
    <t>30961186.0</t>
  </si>
  <si>
    <t>21196542.0</t>
  </si>
  <si>
    <t>10160025.0</t>
  </si>
  <si>
    <t>523493.0</t>
  </si>
  <si>
    <t>498699.0</t>
  </si>
  <si>
    <t>300238.0</t>
  </si>
  <si>
    <t>64558486.0</t>
  </si>
  <si>
    <t>179391.0</t>
  </si>
  <si>
    <t>1089.773</t>
  </si>
  <si>
    <t>236546.0</t>
  </si>
  <si>
    <t>31369222.0</t>
  </si>
  <si>
    <t>21448096.0</t>
  </si>
  <si>
    <t>10352511.0</t>
  </si>
  <si>
    <t>408036.0</t>
  </si>
  <si>
    <t>498339.0</t>
  </si>
  <si>
    <t>297119.0</t>
  </si>
  <si>
    <t>134928.1</t>
  </si>
  <si>
    <t>2285.46540746189</t>
  </si>
  <si>
    <t>64665967.0</t>
  </si>
  <si>
    <t>107481.0</t>
  </si>
  <si>
    <t>1091.587</t>
  </si>
  <si>
    <t>234911.0</t>
  </si>
  <si>
    <t>31834807.0</t>
  </si>
  <si>
    <t>21723697.0</t>
  </si>
  <si>
    <t>10575023.0</t>
  </si>
  <si>
    <t>465585.0</t>
  </si>
  <si>
    <t>497934.0</t>
  </si>
  <si>
    <t>297409.0</t>
  </si>
  <si>
    <t>64918613.0</t>
  </si>
  <si>
    <t>252646.0</t>
  </si>
  <si>
    <t>1095.852</t>
  </si>
  <si>
    <t>233451.0</t>
  </si>
  <si>
    <t>32315555.0</t>
  </si>
  <si>
    <t>21994397.0</t>
  </si>
  <si>
    <t>10814523.0</t>
  </si>
  <si>
    <t>480748.0</t>
  </si>
  <si>
    <t>499335.0</t>
  </si>
  <si>
    <t>295709.0</t>
  </si>
  <si>
    <t>65179575.0</t>
  </si>
  <si>
    <t>260962.0</t>
  </si>
  <si>
    <t>1100.257</t>
  </si>
  <si>
    <t>229695.0</t>
  </si>
  <si>
    <t>32844621.0</t>
  </si>
  <si>
    <t>22283663.0</t>
  </si>
  <si>
    <t>11085471.0</t>
  </si>
  <si>
    <t>529066.0</t>
  </si>
  <si>
    <t>505101.0</t>
  </si>
  <si>
    <t>293132.0</t>
  </si>
  <si>
    <t>65423542.0</t>
  </si>
  <si>
    <t>243967.0</t>
  </si>
  <si>
    <t>1104.375</t>
  </si>
  <si>
    <t>228685.0</t>
  </si>
  <si>
    <t>33436433.0</t>
  </si>
  <si>
    <t>22593940.0</t>
  </si>
  <si>
    <t>11389125.0</t>
  </si>
  <si>
    <t>591812.0</t>
  </si>
  <si>
    <t>510307.0</t>
  </si>
  <si>
    <t>292848.0</t>
  </si>
  <si>
    <t>65673453.0</t>
  </si>
  <si>
    <t>249911.0</t>
  </si>
  <si>
    <t>1108.594</t>
  </si>
  <si>
    <t>225852.0</t>
  </si>
  <si>
    <t>34032490.0</t>
  </si>
  <si>
    <t>22919008.0</t>
  </si>
  <si>
    <t>11680649.0</t>
  </si>
  <si>
    <t>596057.0</t>
  </si>
  <si>
    <t>513542.0</t>
  </si>
  <si>
    <t>292205.0</t>
  </si>
  <si>
    <t>18.548</t>
  </si>
  <si>
    <t>65920783.0</t>
  </si>
  <si>
    <t>247330.0</t>
  </si>
  <si>
    <t>1112.769</t>
  </si>
  <si>
    <t>220241.0</t>
  </si>
  <si>
    <t>34557889.0</t>
  </si>
  <si>
    <t>23239490.0</t>
  </si>
  <si>
    <t>11904659.0</t>
  </si>
  <si>
    <t>525399.0</t>
  </si>
  <si>
    <t>513815.0</t>
  </si>
  <si>
    <t>291850.0</t>
  </si>
  <si>
    <t>66085278.0</t>
  </si>
  <si>
    <t>164495.0</t>
  </si>
  <si>
    <t>1115.545</t>
  </si>
  <si>
    <t>218113.0</t>
  </si>
  <si>
    <t>34960473.0</t>
  </si>
  <si>
    <t>23495581.0</t>
  </si>
  <si>
    <t>12070071.0</t>
  </si>
  <si>
    <t>402584.0</t>
  </si>
  <si>
    <t>513036.0</t>
  </si>
  <si>
    <t>292498.0</t>
  </si>
  <si>
    <t>135587.7</t>
  </si>
  <si>
    <t>2296.63797257444</t>
  </si>
  <si>
    <t>66172255.0</t>
  </si>
  <si>
    <t>1117.014</t>
  </si>
  <si>
    <t>215184.0</t>
  </si>
  <si>
    <t>35441302.0</t>
  </si>
  <si>
    <t>23823609.0</t>
  </si>
  <si>
    <t>12279452.0</t>
  </si>
  <si>
    <t>480829.0</t>
  </si>
  <si>
    <t>515214.0</t>
  </si>
  <si>
    <t>299987.0</t>
  </si>
  <si>
    <t>16.752</t>
  </si>
  <si>
    <t>66394073.0</t>
  </si>
  <si>
    <t>221818.0</t>
  </si>
  <si>
    <t>1120.758</t>
  </si>
  <si>
    <t>210780.0</t>
  </si>
  <si>
    <t>35911579.0</t>
  </si>
  <si>
    <t>24159702.0</t>
  </si>
  <si>
    <t>12480886.0</t>
  </si>
  <si>
    <t>470277.0</t>
  </si>
  <si>
    <t>513718.0</t>
  </si>
  <si>
    <t>309329.0</t>
  </si>
  <si>
    <t>15.804</t>
  </si>
  <si>
    <t>66620345.0</t>
  </si>
  <si>
    <t>226272.0</t>
  </si>
  <si>
    <t>1124.578</t>
  </si>
  <si>
    <t>205824.0</t>
  </si>
  <si>
    <t>36324582.0</t>
  </si>
  <si>
    <t>24501429.0</t>
  </si>
  <si>
    <t>12590109.0</t>
  </si>
  <si>
    <t>413003.0</t>
  </si>
  <si>
    <t>497137.0</t>
  </si>
  <si>
    <t>316824.0</t>
  </si>
  <si>
    <t>66717978.0</t>
  </si>
  <si>
    <t>97633.0</t>
  </si>
  <si>
    <t>1126.226</t>
  </si>
  <si>
    <t>184919.0</t>
  </si>
  <si>
    <t>36923302.0</t>
  </si>
  <si>
    <t>24968645.0</t>
  </si>
  <si>
    <t>12759566.0</t>
  </si>
  <si>
    <t>598720.0</t>
  </si>
  <si>
    <t>498124.0</t>
  </si>
  <si>
    <t>339244.0</t>
  </si>
  <si>
    <t>66938917.0</t>
  </si>
  <si>
    <t>220939.0</t>
  </si>
  <si>
    <t>1129.955</t>
  </si>
  <si>
    <t>180781.0</t>
  </si>
  <si>
    <t>37557461.0</t>
  </si>
  <si>
    <t>25476896.0</t>
  </si>
  <si>
    <t>12933536.0</t>
  </si>
  <si>
    <t>634159.0</t>
  </si>
  <si>
    <t>503567.0</t>
  </si>
  <si>
    <t>365413.0</t>
  </si>
  <si>
    <t>13.347</t>
  </si>
  <si>
    <t>67177549.0</t>
  </si>
  <si>
    <t>238632.0</t>
  </si>
  <si>
    <t>1133.983</t>
  </si>
  <si>
    <t>179538.0</t>
  </si>
  <si>
    <t>38176645.0</t>
  </si>
  <si>
    <t>25978027.0</t>
  </si>
  <si>
    <t>13108989.0</t>
  </si>
  <si>
    <t>619184.0</t>
  </si>
  <si>
    <t>8757.0</t>
  </si>
  <si>
    <t>391220.0</t>
  </si>
  <si>
    <t>67327507.0</t>
  </si>
  <si>
    <t>149958.0</t>
  </si>
  <si>
    <t>1136.515</t>
  </si>
  <si>
    <t>177461.0</t>
  </si>
  <si>
    <t>38689387.0</t>
  </si>
  <si>
    <t>26409129.0</t>
  </si>
  <si>
    <t>13239787.0</t>
  </si>
  <si>
    <t>512742.0</t>
  </si>
  <si>
    <t>532702.0</t>
  </si>
  <si>
    <t>416221.0</t>
  </si>
  <si>
    <t>136427.7</t>
  </si>
  <si>
    <t>2310.86622408222</t>
  </si>
  <si>
    <t>67412074.0</t>
  </si>
  <si>
    <t>1137.942</t>
  </si>
  <si>
    <t>177117.0</t>
  </si>
  <si>
    <t>39261594.0</t>
  </si>
  <si>
    <t>26867335.0</t>
  </si>
  <si>
    <t>13391193.0</t>
  </si>
  <si>
    <t>572207.0</t>
  </si>
  <si>
    <t>545756.0</t>
  </si>
  <si>
    <t>434818.0</t>
  </si>
  <si>
    <t>11.654</t>
  </si>
  <si>
    <t>91.01</t>
  </si>
  <si>
    <t>67632991.0</t>
  </si>
  <si>
    <t>220917.0</t>
  </si>
  <si>
    <t>1141.671</t>
  </si>
  <si>
    <t>176988.0</t>
  </si>
  <si>
    <t>39844998.0</t>
  </si>
  <si>
    <t>27330933.0</t>
  </si>
  <si>
    <t>13552096.0</t>
  </si>
  <si>
    <t>583404.0</t>
  </si>
  <si>
    <t>561917.0</t>
  </si>
  <si>
    <t>11.196</t>
  </si>
  <si>
    <t>67851729.0</t>
  </si>
  <si>
    <t>218738.0</t>
  </si>
  <si>
    <t>1145.364</t>
  </si>
  <si>
    <t>175912.0</t>
  </si>
  <si>
    <t>40440425.0</t>
  </si>
  <si>
    <t>27804487.0</t>
  </si>
  <si>
    <t>13712483.0</t>
  </si>
  <si>
    <t>595427.0</t>
  </si>
  <si>
    <t>587978.0</t>
  </si>
  <si>
    <t>471865.0</t>
  </si>
  <si>
    <t>68039849.0</t>
  </si>
  <si>
    <t>188120.0</t>
  </si>
  <si>
    <t>1148.539</t>
  </si>
  <si>
    <t>188839.0</t>
  </si>
  <si>
    <t>41075297.0</t>
  </si>
  <si>
    <t>28310736.0</t>
  </si>
  <si>
    <t>13874110.0</t>
  </si>
  <si>
    <t>634872.0</t>
  </si>
  <si>
    <t>593142.0</t>
  </si>
  <si>
    <t>477442.0</t>
  </si>
  <si>
    <t>68257459.0</t>
  </si>
  <si>
    <t>217610.0</t>
  </si>
  <si>
    <t>1152.213</t>
  </si>
  <si>
    <t>188363.0</t>
  </si>
  <si>
    <t>41699250.0</t>
  </si>
  <si>
    <t>28801125.0</t>
  </si>
  <si>
    <t>14031762.0</t>
  </si>
  <si>
    <t>623953.0</t>
  </si>
  <si>
    <t>591684.0</t>
  </si>
  <si>
    <t>474890.0</t>
  </si>
  <si>
    <t>71.632</t>
  </si>
  <si>
    <t>68470425.0</t>
  </si>
  <si>
    <t>212966.0</t>
  </si>
  <si>
    <t>1155.808</t>
  </si>
  <si>
    <t>184697.0</t>
  </si>
  <si>
    <t>42266478.0</t>
  </si>
  <si>
    <t>29266103.0</t>
  </si>
  <si>
    <t>14149229.0</t>
  </si>
  <si>
    <t>567228.0</t>
  </si>
  <si>
    <t>584262.0</t>
  </si>
  <si>
    <t>469725.0</t>
  </si>
  <si>
    <t>68604561.0</t>
  </si>
  <si>
    <t>134136.0</t>
  </si>
  <si>
    <t>1158.072</t>
  </si>
  <si>
    <t>182436.0</t>
  </si>
  <si>
    <t>42702691.0</t>
  </si>
  <si>
    <t>29625401.0</t>
  </si>
  <si>
    <t>14231885.0</t>
  </si>
  <si>
    <t>436213.0</t>
  </si>
  <si>
    <t>573329.0</t>
  </si>
  <si>
    <t>459467.0</t>
  </si>
  <si>
    <t>136921.9</t>
  </si>
  <si>
    <t>2319.23717871931</t>
  </si>
  <si>
    <t>68683489.0</t>
  </si>
  <si>
    <t>78928.0</t>
  </si>
  <si>
    <t>1159.404</t>
  </si>
  <si>
    <t>43237082.0</t>
  </si>
  <si>
    <t>29960375.0</t>
  </si>
  <si>
    <t>14438185.0</t>
  </si>
  <si>
    <t>534391.0</t>
  </si>
  <si>
    <t>567927.0</t>
  </si>
  <si>
    <t>441863.0</t>
  </si>
  <si>
    <t>68896197.0</t>
  </si>
  <si>
    <t>212708.0</t>
  </si>
  <si>
    <t>1162.995</t>
  </si>
  <si>
    <t>180458.0</t>
  </si>
  <si>
    <t>43774435.0</t>
  </si>
  <si>
    <t>30284735.0</t>
  </si>
  <si>
    <t>14658298.0</t>
  </si>
  <si>
    <t>537353.0</t>
  </si>
  <si>
    <t>561348.0</t>
  </si>
  <si>
    <t>421972.0</t>
  </si>
  <si>
    <t>69099370.0</t>
  </si>
  <si>
    <t>203173.0</t>
  </si>
  <si>
    <t>1166.424</t>
  </si>
  <si>
    <t>178234.0</t>
  </si>
  <si>
    <t>44333278.0</t>
  </si>
  <si>
    <t>30607071.0</t>
  </si>
  <si>
    <t>14902853.0</t>
  </si>
  <si>
    <t>558843.0</t>
  </si>
  <si>
    <t>556122.0</t>
  </si>
  <si>
    <t>400369.0</t>
  </si>
  <si>
    <t>69299685.0</t>
  </si>
  <si>
    <t>200315.0</t>
  </si>
  <si>
    <t>1169.806</t>
  </si>
  <si>
    <t>179977.0</t>
  </si>
  <si>
    <t>44939100.0</t>
  </si>
  <si>
    <t>30927810.0</t>
  </si>
  <si>
    <t>15195904.0</t>
  </si>
  <si>
    <t>605822.0</t>
  </si>
  <si>
    <t>551972.0</t>
  </si>
  <si>
    <t>373868.0</t>
  </si>
  <si>
    <t>69515711.0</t>
  </si>
  <si>
    <t>216026.0</t>
  </si>
  <si>
    <t>1173.452</t>
  </si>
  <si>
    <t>179750.0</t>
  </si>
  <si>
    <t>45549528.0</t>
  </si>
  <si>
    <t>31247150.0</t>
  </si>
  <si>
    <t>15492954.0</t>
  </si>
  <si>
    <t>550040.0</t>
  </si>
  <si>
    <t>349432.0</t>
  </si>
  <si>
    <t>12.026</t>
  </si>
  <si>
    <t>69765699.0</t>
  </si>
  <si>
    <t>249988.0</t>
  </si>
  <si>
    <t>1177.672</t>
  </si>
  <si>
    <t>185039.0</t>
  </si>
  <si>
    <t>46109409.0</t>
  </si>
  <si>
    <t>31544493.0</t>
  </si>
  <si>
    <t>15760001.0</t>
  </si>
  <si>
    <t>559881.0</t>
  </si>
  <si>
    <t>548990.0</t>
  </si>
  <si>
    <t>325484.0</t>
  </si>
  <si>
    <t>69916221.0</t>
  </si>
  <si>
    <t>150522.0</t>
  </si>
  <si>
    <t>1180.213</t>
  </si>
  <si>
    <t>187380.0</t>
  </si>
  <si>
    <t>161.9</t>
  </si>
  <si>
    <t>46547770.0</t>
  </si>
  <si>
    <t>31771025.0</t>
  </si>
  <si>
    <t>15974391.0</t>
  </si>
  <si>
    <t>438361.0</t>
  </si>
  <si>
    <t>549297.0</t>
  </si>
  <si>
    <t>306518.0</t>
  </si>
  <si>
    <t>137347.1</t>
  </si>
  <si>
    <t>2326.43938412539</t>
  </si>
  <si>
    <t>69997973.0</t>
  </si>
  <si>
    <t>1181.593</t>
  </si>
  <si>
    <t>47107337.0</t>
  </si>
  <si>
    <t>32055943.0</t>
  </si>
  <si>
    <t>16253911.0</t>
  </si>
  <si>
    <t>559567.0</t>
  </si>
  <si>
    <t>552894.0</t>
  </si>
  <si>
    <t>299367.0</t>
  </si>
  <si>
    <t>70190855.0</t>
  </si>
  <si>
    <t>1184.849</t>
  </si>
  <si>
    <t>184951.0</t>
  </si>
  <si>
    <t>47679857.0</t>
  </si>
  <si>
    <t>32346248.0</t>
  </si>
  <si>
    <t>16541357.0</t>
  </si>
  <si>
    <t>572520.0</t>
  </si>
  <si>
    <t>557917.0</t>
  </si>
  <si>
    <t>294502.0</t>
  </si>
  <si>
    <t>70388886.0</t>
  </si>
  <si>
    <t>198031.0</t>
  </si>
  <si>
    <t>1188.192</t>
  </si>
  <si>
    <t>184217.0</t>
  </si>
  <si>
    <t>48249147.0</t>
  </si>
  <si>
    <t>32627206.0</t>
  </si>
  <si>
    <t>16835367.0</t>
  </si>
  <si>
    <t>569290.0</t>
  </si>
  <si>
    <t>559410.0</t>
  </si>
  <si>
    <t>288591.0</t>
  </si>
  <si>
    <t>70577077.0</t>
  </si>
  <si>
    <t>188191.0</t>
  </si>
  <si>
    <t>1191.369</t>
  </si>
  <si>
    <t>182485.0</t>
  </si>
  <si>
    <t>48862048.0</t>
  </si>
  <si>
    <t>32922877.0</t>
  </si>
  <si>
    <t>17158094.0</t>
  </si>
  <si>
    <t>612901.0</t>
  </si>
  <si>
    <t>560421.0</t>
  </si>
  <si>
    <t>285010.0</t>
  </si>
  <si>
    <t>9.113</t>
  </si>
  <si>
    <t>70769618.0</t>
  </si>
  <si>
    <t>192541.0</t>
  </si>
  <si>
    <t>1194.619</t>
  </si>
  <si>
    <t>49480390.0</t>
  </si>
  <si>
    <t>33207331.0</t>
  </si>
  <si>
    <t>17497054.0</t>
  </si>
  <si>
    <t>618342.0</t>
  </si>
  <si>
    <t>561552.0</t>
  </si>
  <si>
    <t>280026.0</t>
  </si>
  <si>
    <t>70994111.0</t>
  </si>
  <si>
    <t>224493.0</t>
  </si>
  <si>
    <t>1198.408</t>
  </si>
  <si>
    <t>175487.0</t>
  </si>
  <si>
    <t>50036041.0</t>
  </si>
  <si>
    <t>33475448.0</t>
  </si>
  <si>
    <t>17788188.0</t>
  </si>
  <si>
    <t>555651.0</t>
  </si>
  <si>
    <t>560947.0</t>
  </si>
  <si>
    <t>275851.0</t>
  </si>
  <si>
    <t>71131694.0</t>
  </si>
  <si>
    <t>137583.0</t>
  </si>
  <si>
    <t>1200.731</t>
  </si>
  <si>
    <t>173639.0</t>
  </si>
  <si>
    <t>50467918.0</t>
  </si>
  <si>
    <t>33689363.0</t>
  </si>
  <si>
    <t>18009435.0</t>
  </si>
  <si>
    <t>431877.0</t>
  </si>
  <si>
    <t>560021.0</t>
  </si>
  <si>
    <t>274048.0</t>
  </si>
  <si>
    <t>139061.1</t>
  </si>
  <si>
    <t>2355.47179255914</t>
  </si>
  <si>
    <t>71207555.0</t>
  </si>
  <si>
    <t>1202.011</t>
  </si>
  <si>
    <t>172797.0</t>
  </si>
  <si>
    <t>51028298.0</t>
  </si>
  <si>
    <t>33956425.0</t>
  </si>
  <si>
    <t>18306789.0</t>
  </si>
  <si>
    <t>560380.0</t>
  </si>
  <si>
    <t>560137.0</t>
  </si>
  <si>
    <t>271497.0</t>
  </si>
  <si>
    <t>8.418</t>
  </si>
  <si>
    <t>71398190.0</t>
  </si>
  <si>
    <t>1205.229</t>
  </si>
  <si>
    <t>172476.0</t>
  </si>
  <si>
    <t>51592639.0</t>
  </si>
  <si>
    <t>34204127.0</t>
  </si>
  <si>
    <t>18627129.0</t>
  </si>
  <si>
    <t>564341.0</t>
  </si>
  <si>
    <t>558969.0</t>
  </si>
  <si>
    <t>265411.0</t>
  </si>
  <si>
    <t>71583206.0</t>
  </si>
  <si>
    <t>185016.0</t>
  </si>
  <si>
    <t>1208.353</t>
  </si>
  <si>
    <t>170617.0</t>
  </si>
  <si>
    <t>52167120.0</t>
  </si>
  <si>
    <t>34451230.0</t>
  </si>
  <si>
    <t>18959317.0</t>
  </si>
  <si>
    <t>574481.0</t>
  </si>
  <si>
    <t>559710.0</t>
  </si>
  <si>
    <t>260575.0</t>
  </si>
  <si>
    <t>71771680.0</t>
  </si>
  <si>
    <t>188474.0</t>
  </si>
  <si>
    <t>1211.534</t>
  </si>
  <si>
    <t>170658.0</t>
  </si>
  <si>
    <t>52737260.0</t>
  </si>
  <si>
    <t>34673680.0</t>
  </si>
  <si>
    <t>19312095.0</t>
  </si>
  <si>
    <t>570140.0</t>
  </si>
  <si>
    <t>553602.0</t>
  </si>
  <si>
    <t>250115.0</t>
  </si>
  <si>
    <t>71970918.0</t>
  </si>
  <si>
    <t>199238.0</t>
  </si>
  <si>
    <t>1214.897</t>
  </si>
  <si>
    <t>171614.0</t>
  </si>
  <si>
    <t>53293757.0</t>
  </si>
  <si>
    <t>34875300.0</t>
  </si>
  <si>
    <t>19671177.0</t>
  </si>
  <si>
    <t>556497.0</t>
  </si>
  <si>
    <t>544767.0</t>
  </si>
  <si>
    <t>238281.0</t>
  </si>
  <si>
    <t>72199045.0</t>
  </si>
  <si>
    <t>228127.0</t>
  </si>
  <si>
    <t>1218.748</t>
  </si>
  <si>
    <t>172133.0</t>
  </si>
  <si>
    <t>53821526.0</t>
  </si>
  <si>
    <t>35042461.0</t>
  </si>
  <si>
    <t>20034563.0</t>
  </si>
  <si>
    <t>527769.0</t>
  </si>
  <si>
    <t>540784.0</t>
  </si>
  <si>
    <t>223859.0</t>
  </si>
  <si>
    <t>72340685.0</t>
  </si>
  <si>
    <t>141640.0</t>
  </si>
  <si>
    <t>1221.139</t>
  </si>
  <si>
    <t>172713.0</t>
  </si>
  <si>
    <t>54236451.0</t>
  </si>
  <si>
    <t>35183094.0</t>
  </si>
  <si>
    <t>20311407.0</t>
  </si>
  <si>
    <t>414925.0</t>
  </si>
  <si>
    <t>538362.0</t>
  </si>
  <si>
    <t>213390.0</t>
  </si>
  <si>
    <t>140258.1</t>
  </si>
  <si>
    <t>2375.74705095774</t>
  </si>
  <si>
    <t>72415334.0</t>
  </si>
  <si>
    <t>74649.0</t>
  </si>
  <si>
    <t>1222.399</t>
  </si>
  <si>
    <t>172540.0</t>
  </si>
  <si>
    <t>54778008.0</t>
  </si>
  <si>
    <t>35353333.0</t>
  </si>
  <si>
    <t>20686957.0</t>
  </si>
  <si>
    <t>541557.0</t>
  </si>
  <si>
    <t>535673.0</t>
  </si>
  <si>
    <t>92.79</t>
  </si>
  <si>
    <t>24.696</t>
  </si>
  <si>
    <t>72607758.0</t>
  </si>
  <si>
    <t>1225.647</t>
  </si>
  <si>
    <t>172795.0</t>
  </si>
  <si>
    <t>55317211.0</t>
  </si>
  <si>
    <t>35518665.0</t>
  </si>
  <si>
    <t>21064894.0</t>
  </si>
  <si>
    <t>539203.0</t>
  </si>
  <si>
    <t>532082.0</t>
  </si>
  <si>
    <t>187791.0</t>
  </si>
  <si>
    <t>8.029</t>
  </si>
  <si>
    <t>72785735.0</t>
  </si>
  <si>
    <t>177977.0</t>
  </si>
  <si>
    <t>1228.652</t>
  </si>
  <si>
    <t>171790.0</t>
  </si>
  <si>
    <t>55866524.0</t>
  </si>
  <si>
    <t>35666642.0</t>
  </si>
  <si>
    <t>21469517.0</t>
  </si>
  <si>
    <t>549313.0</t>
  </si>
  <si>
    <t>528486.0</t>
  </si>
  <si>
    <t>173630.0</t>
  </si>
  <si>
    <t>72960587.0</t>
  </si>
  <si>
    <t>174852.0</t>
  </si>
  <si>
    <t>1231.603</t>
  </si>
  <si>
    <t>169844.0</t>
  </si>
  <si>
    <t>188.2</t>
  </si>
  <si>
    <t>56453192.0</t>
  </si>
  <si>
    <t>35783148.0</t>
  </si>
  <si>
    <t>21942974.0</t>
  </si>
  <si>
    <t>586668.0</t>
  </si>
  <si>
    <t>530847.0</t>
  </si>
  <si>
    <t>95.62</t>
  </si>
  <si>
    <t>158495.0</t>
  </si>
  <si>
    <t>73157509.0</t>
  </si>
  <si>
    <t>196922.0</t>
  </si>
  <si>
    <t>1234.927</t>
  </si>
  <si>
    <t>169513.0</t>
  </si>
  <si>
    <t>57052871.0</t>
  </si>
  <si>
    <t>35893579.0</t>
  </si>
  <si>
    <t>22435217.0</t>
  </si>
  <si>
    <t>599679.0</t>
  </si>
  <si>
    <t>537016.0</t>
  </si>
  <si>
    <t>96.64</t>
  </si>
  <si>
    <t>9.011</t>
  </si>
  <si>
    <t>73365928.0</t>
  </si>
  <si>
    <t>208419.0</t>
  </si>
  <si>
    <t>1238.446</t>
  </si>
  <si>
    <t>57622728.0</t>
  </si>
  <si>
    <t>35995800.0</t>
  </si>
  <si>
    <t>22904791.0</t>
  </si>
  <si>
    <t>569857.0</t>
  </si>
  <si>
    <t>543029.0</t>
  </si>
  <si>
    <t>136191.0</t>
  </si>
  <si>
    <t>73509260.0</t>
  </si>
  <si>
    <t>143332.0</t>
  </si>
  <si>
    <t>1240.865</t>
  </si>
  <si>
    <t>58034380.0</t>
  </si>
  <si>
    <t>36055230.0</t>
  </si>
  <si>
    <t>23258852.0</t>
  </si>
  <si>
    <t>411652.0</t>
  </si>
  <si>
    <t>542561.0</t>
  </si>
  <si>
    <t>124591.0</t>
  </si>
  <si>
    <t>140811.9</t>
  </si>
  <si>
    <t>2385.12753391609</t>
  </si>
  <si>
    <t>73582831.0</t>
  </si>
  <si>
    <t>73571.0</t>
  </si>
  <si>
    <t>1242.107</t>
  </si>
  <si>
    <t>166785.0</t>
  </si>
  <si>
    <t>58602256.0</t>
  </si>
  <si>
    <t>36146474.0</t>
  </si>
  <si>
    <t>23738913.0</t>
  </si>
  <si>
    <t>567876.0</t>
  </si>
  <si>
    <t>546321.0</t>
  </si>
  <si>
    <t>113306.0</t>
  </si>
  <si>
    <t>73775374.0</t>
  </si>
  <si>
    <t>192543.0</t>
  </si>
  <si>
    <t>1245.357</t>
  </si>
  <si>
    <t>166802.0</t>
  </si>
  <si>
    <t>59174625.0</t>
  </si>
  <si>
    <t>36235818.0</t>
  </si>
  <si>
    <t>24225011.0</t>
  </si>
  <si>
    <t>572369.0</t>
  </si>
  <si>
    <t>551059.0</t>
  </si>
  <si>
    <t>100.23</t>
  </si>
  <si>
    <t>102450.0</t>
  </si>
  <si>
    <t>73985973.0</t>
  </si>
  <si>
    <t>1248.912</t>
  </si>
  <si>
    <t>171463.0</t>
  </si>
  <si>
    <t>59742745.0</t>
  </si>
  <si>
    <t>36334255.0</t>
  </si>
  <si>
    <t>24698672.0</t>
  </si>
  <si>
    <t>568120.0</t>
  </si>
  <si>
    <t>553746.0</t>
  </si>
  <si>
    <t>95373.0</t>
  </si>
  <si>
    <t>74176895.0</t>
  </si>
  <si>
    <t>190922.0</t>
  </si>
  <si>
    <t>1252.135</t>
  </si>
  <si>
    <t>173758.0</t>
  </si>
  <si>
    <t>60357763.0</t>
  </si>
  <si>
    <t>36437386.0</t>
  </si>
  <si>
    <t>25214621.0</t>
  </si>
  <si>
    <t>615018.0</t>
  </si>
  <si>
    <t>557796.0</t>
  </si>
  <si>
    <t>21.156</t>
  </si>
  <si>
    <t>74382497.0</t>
  </si>
  <si>
    <t>205602.0</t>
  </si>
  <si>
    <t>1255.606</t>
  </si>
  <si>
    <t>60954671.0</t>
  </si>
  <si>
    <t>36534871.0</t>
  </si>
  <si>
    <t>25717595.0</t>
  </si>
  <si>
    <t>596908.0</t>
  </si>
  <si>
    <t>557400.0</t>
  </si>
  <si>
    <t>91613.0</t>
  </si>
  <si>
    <t>11.908</t>
  </si>
  <si>
    <t>74627294.0</t>
  </si>
  <si>
    <t>244797.0</t>
  </si>
  <si>
    <t>1259.738</t>
  </si>
  <si>
    <t>180195.0</t>
  </si>
  <si>
    <t>61493219.0</t>
  </si>
  <si>
    <t>36617059.0</t>
  </si>
  <si>
    <t>26176307.0</t>
  </si>
  <si>
    <t>538548.0</t>
  </si>
  <si>
    <t>552927.0</t>
  </si>
  <si>
    <t>104.16</t>
  </si>
  <si>
    <t>88751.0</t>
  </si>
  <si>
    <t>74792563.0</t>
  </si>
  <si>
    <t>165269.0</t>
  </si>
  <si>
    <t>1262.528</t>
  </si>
  <si>
    <t>183329.0</t>
  </si>
  <si>
    <t>61938552.0</t>
  </si>
  <si>
    <t>36704110.0</t>
  </si>
  <si>
    <t>26536098.0</t>
  </si>
  <si>
    <t>445333.0</t>
  </si>
  <si>
    <t>557739.0</t>
  </si>
  <si>
    <t>92697.0</t>
  </si>
  <si>
    <t>140776.3</t>
  </si>
  <si>
    <t>2384.52452706647</t>
  </si>
  <si>
    <t>14.025</t>
  </si>
  <si>
    <t>74881652.0</t>
  </si>
  <si>
    <t>89089.0</t>
  </si>
  <si>
    <t>1264.032</t>
  </si>
  <si>
    <t>185546.0</t>
  </si>
  <si>
    <t>62513691.0</t>
  </si>
  <si>
    <t>36826951.0</t>
  </si>
  <si>
    <t>26991603.0</t>
  </si>
  <si>
    <t>575139.0</t>
  </si>
  <si>
    <t>558776.0</t>
  </si>
  <si>
    <t>75100357.0</t>
  </si>
  <si>
    <t>218705.0</t>
  </si>
  <si>
    <t>1267.723</t>
  </si>
  <si>
    <t>189283.0</t>
  </si>
  <si>
    <t>63081767.0</t>
  </si>
  <si>
    <t>36948248.0</t>
  </si>
  <si>
    <t>27441911.0</t>
  </si>
  <si>
    <t>568076.0</t>
  </si>
  <si>
    <t>558163.0</t>
  </si>
  <si>
    <t>106.85</t>
  </si>
  <si>
    <t>101776.0</t>
  </si>
  <si>
    <t>75335454.0</t>
  </si>
  <si>
    <t>235097.0</t>
  </si>
  <si>
    <t>1271.692</t>
  </si>
  <si>
    <t>192783.0</t>
  </si>
  <si>
    <t>63666826.0</t>
  </si>
  <si>
    <t>37084204.0</t>
  </si>
  <si>
    <t>27896225.0</t>
  </si>
  <si>
    <t>585059.0</t>
  </si>
  <si>
    <t>560583.0</t>
  </si>
  <si>
    <t>107136.0</t>
  </si>
  <si>
    <t>75555232.0</t>
  </si>
  <si>
    <t>219778.0</t>
  </si>
  <si>
    <t>1275.402</t>
  </si>
  <si>
    <t>196905.0</t>
  </si>
  <si>
    <t>64274554.0</t>
  </si>
  <si>
    <t>37230836.0</t>
  </si>
  <si>
    <t>28361908.0</t>
  </si>
  <si>
    <t>607728.0</t>
  </si>
  <si>
    <t>559542.0</t>
  </si>
  <si>
    <t>108.87</t>
  </si>
  <si>
    <t>113350.0</t>
  </si>
  <si>
    <t>75792867.0</t>
  </si>
  <si>
    <t>237635.0</t>
  </si>
  <si>
    <t>1279.413</t>
  </si>
  <si>
    <t>201481.0</t>
  </si>
  <si>
    <t>64862958.0</t>
  </si>
  <si>
    <t>37392923.0</t>
  </si>
  <si>
    <t>28792845.0</t>
  </si>
  <si>
    <t>588404.0</t>
  </si>
  <si>
    <t>558327.0</t>
  </si>
  <si>
    <t>122579.0</t>
  </si>
  <si>
    <t>76051796.0</t>
  </si>
  <si>
    <t>258929.0</t>
  </si>
  <si>
    <t>1283.784</t>
  </si>
  <si>
    <t>203500.0</t>
  </si>
  <si>
    <t>65358584.0</t>
  </si>
  <si>
    <t>37513768.0</t>
  </si>
  <si>
    <t>29172198.0</t>
  </si>
  <si>
    <t>495626.0</t>
  </si>
  <si>
    <t>552195.0</t>
  </si>
  <si>
    <t>110.71</t>
  </si>
  <si>
    <t>128101.0</t>
  </si>
  <si>
    <t>26.593</t>
  </si>
  <si>
    <t>76228449.0</t>
  </si>
  <si>
    <t>176653.0</t>
  </si>
  <si>
    <t>1286.766</t>
  </si>
  <si>
    <t>205127.0</t>
  </si>
  <si>
    <t>65722421.0</t>
  </si>
  <si>
    <t>37597295.0</t>
  </si>
  <si>
    <t>29455416.0</t>
  </si>
  <si>
    <t>363837.0</t>
  </si>
  <si>
    <t>127598.0</t>
  </si>
  <si>
    <t>141282.7</t>
  </si>
  <si>
    <t>2393.10213011831</t>
  </si>
  <si>
    <t>76316696.0</t>
  </si>
  <si>
    <t>88247.0</t>
  </si>
  <si>
    <t>1288.256</t>
  </si>
  <si>
    <t>205006.0</t>
  </si>
  <si>
    <t>66288150.0</t>
  </si>
  <si>
    <t>37745352.0</t>
  </si>
  <si>
    <t>29878422.0</t>
  </si>
  <si>
    <t>565729.0</t>
  </si>
  <si>
    <t>539208.0</t>
  </si>
  <si>
    <t>131200.0</t>
  </si>
  <si>
    <t>23.239</t>
  </si>
  <si>
    <t>76558586.0</t>
  </si>
  <si>
    <t>241890.0</t>
  </si>
  <si>
    <t>1292.339</t>
  </si>
  <si>
    <t>208318.0</t>
  </si>
  <si>
    <t>66862176.0</t>
  </si>
  <si>
    <t>37893226.0</t>
  </si>
  <si>
    <t>30310778.0</t>
  </si>
  <si>
    <t>574026.0</t>
  </si>
  <si>
    <t>540058.0</t>
  </si>
  <si>
    <t>134997.0</t>
  </si>
  <si>
    <t>76807058.0</t>
  </si>
  <si>
    <t>1296.533</t>
  </si>
  <si>
    <t>210229.0</t>
  </si>
  <si>
    <t>67402081.0</t>
  </si>
  <si>
    <t>38058067.0</t>
  </si>
  <si>
    <t>30692726.0</t>
  </si>
  <si>
    <t>539905.0</t>
  </si>
  <si>
    <t>533608.0</t>
  </si>
  <si>
    <t>139123.0</t>
  </si>
  <si>
    <t>77031848.0</t>
  </si>
  <si>
    <t>224790.0</t>
  </si>
  <si>
    <t>1300.328</t>
  </si>
  <si>
    <t>210945.0</t>
  </si>
  <si>
    <t>67942522.0</t>
  </si>
  <si>
    <t>38242084.0</t>
  </si>
  <si>
    <t>31055043.0</t>
  </si>
  <si>
    <t>540441.0</t>
  </si>
  <si>
    <t>523995.0</t>
  </si>
  <si>
    <t>144464.0</t>
  </si>
  <si>
    <t>77279334.0</t>
  </si>
  <si>
    <t>247486.0</t>
  </si>
  <si>
    <t>1304.505</t>
  </si>
  <si>
    <t>212352.0</t>
  </si>
  <si>
    <t>68459081.0</t>
  </si>
  <si>
    <t>38433829.0</t>
  </si>
  <si>
    <t>31386090.0</t>
  </si>
  <si>
    <t>516559.0</t>
  </si>
  <si>
    <t>513732.0</t>
  </si>
  <si>
    <t>148701.0</t>
  </si>
  <si>
    <t>77544194.0</t>
  </si>
  <si>
    <t>264860.0</t>
  </si>
  <si>
    <t>1308.976</t>
  </si>
  <si>
    <t>213200.0</t>
  </si>
  <si>
    <t>68892032.0</t>
  </si>
  <si>
    <t>38592226.0</t>
  </si>
  <si>
    <t>31664885.0</t>
  </si>
  <si>
    <t>432951.0</t>
  </si>
  <si>
    <t>504778.0</t>
  </si>
  <si>
    <t>116.69</t>
  </si>
  <si>
    <t>154065.0</t>
  </si>
  <si>
    <t>77711955.0</t>
  </si>
  <si>
    <t>167761.0</t>
  </si>
  <si>
    <t>1311.808</t>
  </si>
  <si>
    <t>211929.0</t>
  </si>
  <si>
    <t>69188637.0</t>
  </si>
  <si>
    <t>38706147.0</t>
  </si>
  <si>
    <t>31849952.0</t>
  </si>
  <si>
    <t>296605.0</t>
  </si>
  <si>
    <t>495174.0</t>
  </si>
  <si>
    <t>158407.0</t>
  </si>
  <si>
    <t>142229.1</t>
  </si>
  <si>
    <t>2409.13262681708</t>
  </si>
  <si>
    <t>77795178.0</t>
  </si>
  <si>
    <t>83223.0</t>
  </si>
  <si>
    <t>1313.213</t>
  </si>
  <si>
    <t>211212.0</t>
  </si>
  <si>
    <t>69666767.0</t>
  </si>
  <si>
    <t>38863243.0</t>
  </si>
  <si>
    <t>32175442.0</t>
  </si>
  <si>
    <t>478130.0</t>
  </si>
  <si>
    <t>482660.0</t>
  </si>
  <si>
    <t>159699.0</t>
  </si>
  <si>
    <t>29.185</t>
  </si>
  <si>
    <t>78004897.0</t>
  </si>
  <si>
    <t>209719.0</t>
  </si>
  <si>
    <t>1316.753</t>
  </si>
  <si>
    <t>206616.0</t>
  </si>
  <si>
    <t>70136073.0</t>
  </si>
  <si>
    <t>39021669.0</t>
  </si>
  <si>
    <t>32490357.0</t>
  </si>
  <si>
    <t>469306.0</t>
  </si>
  <si>
    <t>161206.0</t>
  </si>
  <si>
    <t>78220645.0</t>
  </si>
  <si>
    <t>215748.0</t>
  </si>
  <si>
    <t>1320.395</t>
  </si>
  <si>
    <t>70614605.0</t>
  </si>
  <si>
    <t>39202462.0</t>
  </si>
  <si>
    <t>32791787.0</t>
  </si>
  <si>
    <t>478532.0</t>
  </si>
  <si>
    <t>458932.0</t>
  </si>
  <si>
    <t>78432872.0</t>
  </si>
  <si>
    <t>212227.0</t>
  </si>
  <si>
    <t>1323.978</t>
  </si>
  <si>
    <t>71077116.0</t>
  </si>
  <si>
    <t>39385441.0</t>
  </si>
  <si>
    <t>33074854.0</t>
  </si>
  <si>
    <t>462511.0</t>
  </si>
  <si>
    <t>447799.0</t>
  </si>
  <si>
    <t>163337.0</t>
  </si>
  <si>
    <t>78677529.0</t>
  </si>
  <si>
    <t>244657.0</t>
  </si>
  <si>
    <t>1328.108</t>
  </si>
  <si>
    <t>199742.0</t>
  </si>
  <si>
    <t>71517519.0</t>
  </si>
  <si>
    <t>39580423.0</t>
  </si>
  <si>
    <t>33324839.0</t>
  </si>
  <si>
    <t>440403.0</t>
  </si>
  <si>
    <t>436920.0</t>
  </si>
  <si>
    <t>78971392.0</t>
  </si>
  <si>
    <t>293863.0</t>
  </si>
  <si>
    <t>1333.068</t>
  </si>
  <si>
    <t>203885.0</t>
  </si>
  <si>
    <t>71863166.0</t>
  </si>
  <si>
    <t>39738025.0</t>
  </si>
  <si>
    <t>33516025.0</t>
  </si>
  <si>
    <t>345647.0</t>
  </si>
  <si>
    <t>424448.0</t>
  </si>
  <si>
    <t>163686.0</t>
  </si>
  <si>
    <t>79174903.0</t>
  </si>
  <si>
    <t>203511.0</t>
  </si>
  <si>
    <t>1336.503</t>
  </si>
  <si>
    <t>208993.0</t>
  </si>
  <si>
    <t>72122981.0</t>
  </si>
  <si>
    <t>39851423.0</t>
  </si>
  <si>
    <t>33664017.0</t>
  </si>
  <si>
    <t>259815.0</t>
  </si>
  <si>
    <t>419192.0</t>
  </si>
  <si>
    <t>143081.9</t>
  </si>
  <si>
    <t>2423.57768977642</t>
  </si>
  <si>
    <t>79277767.0</t>
  </si>
  <si>
    <t>102864.0</t>
  </si>
  <si>
    <t>1338.24</t>
  </si>
  <si>
    <t>211798.0</t>
  </si>
  <si>
    <t>72530802.0</t>
  </si>
  <si>
    <t>40039143.0</t>
  </si>
  <si>
    <t>33887639.0</t>
  </si>
  <si>
    <t>407821.0</t>
  </si>
  <si>
    <t>409148.0</t>
  </si>
  <si>
    <t>167986.0</t>
  </si>
  <si>
    <t>5.454</t>
  </si>
  <si>
    <t>79519533.0</t>
  </si>
  <si>
    <t>241766.0</t>
  </si>
  <si>
    <t>1342.321</t>
  </si>
  <si>
    <t>216377.0</t>
  </si>
  <si>
    <t>72908920.0</t>
  </si>
  <si>
    <t>40226156.0</t>
  </si>
  <si>
    <t>34082337.0</t>
  </si>
  <si>
    <t>378118.0</t>
  </si>
  <si>
    <t>396121.0</t>
  </si>
  <si>
    <t>79749572.0</t>
  </si>
  <si>
    <t>230039.0</t>
  </si>
  <si>
    <t>1346.204</t>
  </si>
  <si>
    <t>73268250.0</t>
  </si>
  <si>
    <t>40405881.0</t>
  </si>
  <si>
    <t>34266048.0</t>
  </si>
  <si>
    <t>171917.0</t>
  </si>
  <si>
    <t>79966541.0</t>
  </si>
  <si>
    <t>216969.0</t>
  </si>
  <si>
    <t>1349.867</t>
  </si>
  <si>
    <t>219096.0</t>
  </si>
  <si>
    <t>73607563.0</t>
  </si>
  <si>
    <t>40591809.0</t>
  </si>
  <si>
    <t>34423084.0</t>
  </si>
  <si>
    <t>339313.0</t>
  </si>
  <si>
    <t>361492.0</t>
  </si>
  <si>
    <t>172338.0</t>
  </si>
  <si>
    <t>80192027.0</t>
  </si>
  <si>
    <t>225486.0</t>
  </si>
  <si>
    <t>1353.673</t>
  </si>
  <si>
    <t>216357.0</t>
  </si>
  <si>
    <t>73904777.0</t>
  </si>
  <si>
    <t>40752207.0</t>
  </si>
  <si>
    <t>34562738.0</t>
  </si>
  <si>
    <t>297214.0</t>
  </si>
  <si>
    <t>341037.0</t>
  </si>
  <si>
    <t>38.416</t>
  </si>
  <si>
    <t>80446033.0</t>
  </si>
  <si>
    <t>254006.0</t>
  </si>
  <si>
    <t>1357.961</t>
  </si>
  <si>
    <t>210663.0</t>
  </si>
  <si>
    <t>74033658.0</t>
  </si>
  <si>
    <t>40819427.0</t>
  </si>
  <si>
    <t>34625429.0</t>
  </si>
  <si>
    <t>128881.0</t>
  </si>
  <si>
    <t>310070.0</t>
  </si>
  <si>
    <t>154486.0</t>
  </si>
  <si>
    <t>80606903.0</t>
  </si>
  <si>
    <t>160870.0</t>
  </si>
  <si>
    <t>1360.676</t>
  </si>
  <si>
    <t>204571.0</t>
  </si>
  <si>
    <t>74086629.0</t>
  </si>
  <si>
    <t>40847927.0</t>
  </si>
  <si>
    <t>34650423.0</t>
  </si>
  <si>
    <t>280521.0</t>
  </si>
  <si>
    <t>125.49</t>
  </si>
  <si>
    <t>144687.5</t>
  </si>
  <si>
    <t>2450.77397622988</t>
  </si>
  <si>
    <t>80680924.0</t>
  </si>
  <si>
    <t>74021.0</t>
  </si>
  <si>
    <t>1361.926</t>
  </si>
  <si>
    <t>200451.0</t>
  </si>
  <si>
    <t>74321919.0</t>
  </si>
  <si>
    <t>40978317.0</t>
  </si>
  <si>
    <t>34757360.0</t>
  </si>
  <si>
    <t>235290.0</t>
  </si>
  <si>
    <t>134168.0</t>
  </si>
  <si>
    <t>7.165</t>
  </si>
  <si>
    <t>80918997.0</t>
  </si>
  <si>
    <t>238073.0</t>
  </si>
  <si>
    <t>1365.944</t>
  </si>
  <si>
    <t>199923.0</t>
  </si>
  <si>
    <t>74573504.0</t>
  </si>
  <si>
    <t>41111859.0</t>
  </si>
  <si>
    <t>34878841.0</t>
  </si>
  <si>
    <t>251585.0</t>
  </si>
  <si>
    <t>237798.0</t>
  </si>
  <si>
    <t>126529.0</t>
  </si>
  <si>
    <t>4.556</t>
  </si>
  <si>
    <t>41.347</t>
  </si>
  <si>
    <t>81145420.0</t>
  </si>
  <si>
    <t>226423.0</t>
  </si>
  <si>
    <t>1369.767</t>
  </si>
  <si>
    <t>199407.0</t>
  </si>
  <si>
    <t>74833618.0</t>
  </si>
  <si>
    <t>41255576.0</t>
  </si>
  <si>
    <t>34998844.0</t>
  </si>
  <si>
    <t>260114.0</t>
  </si>
  <si>
    <t>223624.0</t>
  </si>
  <si>
    <t>121385.0</t>
  </si>
  <si>
    <t>81351951.0</t>
  </si>
  <si>
    <t>206531.0</t>
  </si>
  <si>
    <t>1373.253</t>
  </si>
  <si>
    <t>197916.0</t>
  </si>
  <si>
    <t>75076377.0</t>
  </si>
  <si>
    <t>41384724.0</t>
  </si>
  <si>
    <t>35115728.0</t>
  </si>
  <si>
    <t>242759.0</t>
  </si>
  <si>
    <t>209831.0</t>
  </si>
  <si>
    <t>113274.0</t>
  </si>
  <si>
    <t>7.707</t>
  </si>
  <si>
    <t>81572607.0</t>
  </si>
  <si>
    <t>220656.0</t>
  </si>
  <si>
    <t>1376.978</t>
  </si>
  <si>
    <t>75308251.0</t>
  </si>
  <si>
    <t>41503049.0</t>
  </si>
  <si>
    <t>35231800.0</t>
  </si>
  <si>
    <t>231874.0</t>
  </si>
  <si>
    <t>200496.0</t>
  </si>
  <si>
    <t>107263.0</t>
  </si>
  <si>
    <t>81827825.0</t>
  </si>
  <si>
    <t>255218.0</t>
  </si>
  <si>
    <t>1381.286</t>
  </si>
  <si>
    <t>197399.0</t>
  </si>
  <si>
    <t>75464837.0</t>
  </si>
  <si>
    <t>41583270.0</t>
  </si>
  <si>
    <t>35309656.0</t>
  </si>
  <si>
    <t>156586.0</t>
  </si>
  <si>
    <t>7.995</t>
  </si>
  <si>
    <t>82003364.0</t>
  </si>
  <si>
    <t>175539.0</t>
  </si>
  <si>
    <t>1384.249</t>
  </si>
  <si>
    <t>199494.0</t>
  </si>
  <si>
    <t>75578242.0</t>
  </si>
  <si>
    <t>41633124.0</t>
  </si>
  <si>
    <t>35374789.0</t>
  </si>
  <si>
    <t>113405.0</t>
  </si>
  <si>
    <t>213088.0</t>
  </si>
  <si>
    <t>146243.1</t>
  </si>
  <si>
    <t>2477.12334295073</t>
  </si>
  <si>
    <t>8.215</t>
  </si>
  <si>
    <t>41.736</t>
  </si>
  <si>
    <t>82104705.0</t>
  </si>
  <si>
    <t>1385.96</t>
  </si>
  <si>
    <t>203397.0</t>
  </si>
  <si>
    <t>75889402.0</t>
  </si>
  <si>
    <t>41783236.0</t>
  </si>
  <si>
    <t>35539546.0</t>
  </si>
  <si>
    <t>311160.0</t>
  </si>
  <si>
    <t>223926.0</t>
  </si>
  <si>
    <t>114988.0</t>
  </si>
  <si>
    <t>82370951.0</t>
  </si>
  <si>
    <t>266246.0</t>
  </si>
  <si>
    <t>1390.454</t>
  </si>
  <si>
    <t>207422.0</t>
  </si>
  <si>
    <t>76170723.0</t>
  </si>
  <si>
    <t>41921883.0</t>
  </si>
  <si>
    <t>35684928.0</t>
  </si>
  <si>
    <t>281321.0</t>
  </si>
  <si>
    <t>228174.0</t>
  </si>
  <si>
    <t>115718.0</t>
  </si>
  <si>
    <t>82615371.0</t>
  </si>
  <si>
    <t>244420.0</t>
  </si>
  <si>
    <t>1394.58</t>
  </si>
  <si>
    <t>209993.0</t>
  </si>
  <si>
    <t>76466306.0</t>
  </si>
  <si>
    <t>42054357.0</t>
  </si>
  <si>
    <t>35851062.0</t>
  </si>
  <si>
    <t>295583.0</t>
  </si>
  <si>
    <t>233241.0</t>
  </si>
  <si>
    <t>114112.0</t>
  </si>
  <si>
    <t>82836243.0</t>
  </si>
  <si>
    <t>220872.0</t>
  </si>
  <si>
    <t>1398.308</t>
  </si>
  <si>
    <t>212042.0</t>
  </si>
  <si>
    <t>76748755.0</t>
  </si>
  <si>
    <t>42177758.0</t>
  </si>
  <si>
    <t>36012891.0</t>
  </si>
  <si>
    <t>282449.0</t>
  </si>
  <si>
    <t>238911.0</t>
  </si>
  <si>
    <t>113291.0</t>
  </si>
  <si>
    <t>83101723.0</t>
  </si>
  <si>
    <t>265480.0</t>
  </si>
  <si>
    <t>1402.79</t>
  </si>
  <si>
    <t>218445.0</t>
  </si>
  <si>
    <t>77039947.0</t>
  </si>
  <si>
    <t>42295442.0</t>
  </si>
  <si>
    <t>36188875.0</t>
  </si>
  <si>
    <t>291192.0</t>
  </si>
  <si>
    <t>247385.0</t>
  </si>
  <si>
    <t>113199.0</t>
  </si>
  <si>
    <t>78.289</t>
  </si>
  <si>
    <t>83395187.0</t>
  </si>
  <si>
    <t>293464.0</t>
  </si>
  <si>
    <t>1407.743</t>
  </si>
  <si>
    <t>223909.0</t>
  </si>
  <si>
    <t>77267609.0</t>
  </si>
  <si>
    <t>42392139.0</t>
  </si>
  <si>
    <t>36321322.0</t>
  </si>
  <si>
    <t>227662.0</t>
  </si>
  <si>
    <t>257539.0</t>
  </si>
  <si>
    <t>115553.0</t>
  </si>
  <si>
    <t>83618273.0</t>
  </si>
  <si>
    <t>223086.0</t>
  </si>
  <si>
    <t>1411.509</t>
  </si>
  <si>
    <t>230701.0</t>
  </si>
  <si>
    <t>77428902.0</t>
  </si>
  <si>
    <t>42460541.0</t>
  </si>
  <si>
    <t>36415095.0</t>
  </si>
  <si>
    <t>161293.0</t>
  </si>
  <si>
    <t>264380.0</t>
  </si>
  <si>
    <t>131.15</t>
  </si>
  <si>
    <t>118202.0</t>
  </si>
  <si>
    <t>147389.5</t>
  </si>
  <si>
    <t>2496.54151857993</t>
  </si>
  <si>
    <t>83728076.0</t>
  </si>
  <si>
    <t>109803.0</t>
  </si>
  <si>
    <t>1413.363</t>
  </si>
  <si>
    <t>231910.0</t>
  </si>
  <si>
    <t>77779836.0</t>
  </si>
  <si>
    <t>42618432.0</t>
  </si>
  <si>
    <t>36610518.0</t>
  </si>
  <si>
    <t>350934.0</t>
  </si>
  <si>
    <t>270062.0</t>
  </si>
  <si>
    <t>119314.0</t>
  </si>
  <si>
    <t>84035719.0</t>
  </si>
  <si>
    <t>307643.0</t>
  </si>
  <si>
    <t>1418.556</t>
  </si>
  <si>
    <t>237824.0</t>
  </si>
  <si>
    <t>78104409.0</t>
  </si>
  <si>
    <t>42763209.0</t>
  </si>
  <si>
    <t>36792619.0</t>
  </si>
  <si>
    <t>324573.0</t>
  </si>
  <si>
    <t>276241.0</t>
  </si>
  <si>
    <t>120189.0</t>
  </si>
  <si>
    <t>84339436.0</t>
  </si>
  <si>
    <t>303717.0</t>
  </si>
  <si>
    <t>1423.683</t>
  </si>
  <si>
    <t>246295.0</t>
  </si>
  <si>
    <t>78418941.0</t>
  </si>
  <si>
    <t>42899110.0</t>
  </si>
  <si>
    <t>36973119.0</t>
  </si>
  <si>
    <t>314532.0</t>
  </si>
  <si>
    <t>278948.0</t>
  </si>
  <si>
    <t>120679.0</t>
  </si>
  <si>
    <t>84632503.0</t>
  </si>
  <si>
    <t>1428.63</t>
  </si>
  <si>
    <t>256609.0</t>
  </si>
  <si>
    <t>78718007.0</t>
  </si>
  <si>
    <t>43021243.0</t>
  </si>
  <si>
    <t>37152490.0</t>
  </si>
  <si>
    <t>299066.0</t>
  </si>
  <si>
    <t>281322.0</t>
  </si>
  <si>
    <t>120498.0</t>
  </si>
  <si>
    <t>84928897.0</t>
  </si>
  <si>
    <t>296394.0</t>
  </si>
  <si>
    <t>1433.633</t>
  </si>
  <si>
    <t>5.003</t>
  </si>
  <si>
    <t>261025.0</t>
  </si>
  <si>
    <t>79014592.0</t>
  </si>
  <si>
    <t>43138719.0</t>
  </si>
  <si>
    <t>37333332.0</t>
  </si>
  <si>
    <t>296585.0</t>
  </si>
  <si>
    <t>282092.0</t>
  </si>
  <si>
    <t>120468.0</t>
  </si>
  <si>
    <t>9.638</t>
  </si>
  <si>
    <t>85260247.0</t>
  </si>
  <si>
    <t>331350.0</t>
  </si>
  <si>
    <t>1439.226</t>
  </si>
  <si>
    <t>266437.0</t>
  </si>
  <si>
    <t>79235735.0</t>
  </si>
  <si>
    <t>43238854.0</t>
  </si>
  <si>
    <t>37455451.0</t>
  </si>
  <si>
    <t>221143.0</t>
  </si>
  <si>
    <t>281161.0</t>
  </si>
  <si>
    <t>134.21</t>
  </si>
  <si>
    <t>120959.0</t>
  </si>
  <si>
    <t>85520003.0</t>
  </si>
  <si>
    <t>259756.0</t>
  </si>
  <si>
    <t>1443.611</t>
  </si>
  <si>
    <t>79379160.0</t>
  </si>
  <si>
    <t>43300241.0</t>
  </si>
  <si>
    <t>37538111.0</t>
  </si>
  <si>
    <t>143425.0</t>
  </si>
  <si>
    <t>278608.0</t>
  </si>
  <si>
    <t>119957.0</t>
  </si>
  <si>
    <t>148529.1</t>
  </si>
  <si>
    <t>2515.84451312549</t>
  </si>
  <si>
    <t>85654396.0</t>
  </si>
  <si>
    <t>134393.0</t>
  </si>
  <si>
    <t>1445.88</t>
  </si>
  <si>
    <t>275189.0</t>
  </si>
  <si>
    <t>79669558.0</t>
  </si>
  <si>
    <t>43408665.0</t>
  </si>
  <si>
    <t>37721687.0</t>
  </si>
  <si>
    <t>290398.0</t>
  </si>
  <si>
    <t>269960.0</t>
  </si>
  <si>
    <t>134.95</t>
  </si>
  <si>
    <t>112890.0</t>
  </si>
  <si>
    <t>85973261.0</t>
  </si>
  <si>
    <t>318865.0</t>
  </si>
  <si>
    <t>1451.262</t>
  </si>
  <si>
    <t>276792.0</t>
  </si>
  <si>
    <t>79952869.0</t>
  </si>
  <si>
    <t>43506578.0</t>
  </si>
  <si>
    <t>37908652.0</t>
  </si>
  <si>
    <t>283311.0</t>
  </si>
  <si>
    <t>264066.0</t>
  </si>
  <si>
    <t>106196.0</t>
  </si>
  <si>
    <t>86275241.0</t>
  </si>
  <si>
    <t>301980.0</t>
  </si>
  <si>
    <t>1456.36</t>
  </si>
  <si>
    <t>276544.0</t>
  </si>
  <si>
    <t>80224875.0</t>
  </si>
  <si>
    <t>43601342.0</t>
  </si>
  <si>
    <t>38087481.0</t>
  </si>
  <si>
    <t>272006.0</t>
  </si>
  <si>
    <t>257991.0</t>
  </si>
  <si>
    <t>100319.0</t>
  </si>
  <si>
    <t>86566709.0</t>
  </si>
  <si>
    <t>1461.28</t>
  </si>
  <si>
    <t>276315.0</t>
  </si>
  <si>
    <t>80503656.0</t>
  </si>
  <si>
    <t>43688966.0</t>
  </si>
  <si>
    <t>38280107.0</t>
  </si>
  <si>
    <t>278781.0</t>
  </si>
  <si>
    <t>255093.0</t>
  </si>
  <si>
    <t>95389.0</t>
  </si>
  <si>
    <t>86852737.0</t>
  </si>
  <si>
    <t>286028.0</t>
  </si>
  <si>
    <t>1466.108</t>
  </si>
  <si>
    <t>274834.0</t>
  </si>
  <si>
    <t>80777863.0</t>
  </si>
  <si>
    <t>43775268.0</t>
  </si>
  <si>
    <t>38469000.0</t>
  </si>
  <si>
    <t>274207.0</t>
  </si>
  <si>
    <t>136.82</t>
  </si>
  <si>
    <t>90936.0</t>
  </si>
  <si>
    <t>87186478.0</t>
  </si>
  <si>
    <t>333741.0</t>
  </si>
  <si>
    <t>1471.742</t>
  </si>
  <si>
    <t>275176.0</t>
  </si>
  <si>
    <t>80983305.0</t>
  </si>
  <si>
    <t>43847865.0</t>
  </si>
  <si>
    <t>38602766.0</t>
  </si>
  <si>
    <t>205442.0</t>
  </si>
  <si>
    <t>249653.0</t>
  </si>
  <si>
    <t>87453836.0</t>
  </si>
  <si>
    <t>267358.0</t>
  </si>
  <si>
    <t>1476.255</t>
  </si>
  <si>
    <t>276262.0</t>
  </si>
  <si>
    <t>81115756.0</t>
  </si>
  <si>
    <t>43896002.0</t>
  </si>
  <si>
    <t>38687595.0</t>
  </si>
  <si>
    <t>132451.0</t>
  </si>
  <si>
    <t>85109.0</t>
  </si>
  <si>
    <t>149970.5</t>
  </si>
  <si>
    <t>2540.25951517707</t>
  </si>
  <si>
    <t>87573881.0</t>
  </si>
  <si>
    <t>120045.0</t>
  </si>
  <si>
    <t>1478.281</t>
  </si>
  <si>
    <t>274212.0</t>
  </si>
  <si>
    <t>81372678.0</t>
  </si>
  <si>
    <t>43969483.0</t>
  </si>
  <si>
    <t>38871179.0</t>
  </si>
  <si>
    <t>256922.0</t>
  </si>
  <si>
    <t>243303.0</t>
  </si>
  <si>
    <t>80117.0</t>
  </si>
  <si>
    <t>87892474.0</t>
  </si>
  <si>
    <t>318593.0</t>
  </si>
  <si>
    <t>1483.659</t>
  </si>
  <si>
    <t>274173.0</t>
  </si>
  <si>
    <t>81612579.0</t>
  </si>
  <si>
    <t>44040050.0</t>
  </si>
  <si>
    <t>39041105.0</t>
  </si>
  <si>
    <t>239901.0</t>
  </si>
  <si>
    <t>237101.0</t>
  </si>
  <si>
    <t>76210.0</t>
  </si>
  <si>
    <t>88210140.0</t>
  </si>
  <si>
    <t>317666.0</t>
  </si>
  <si>
    <t>1489.022</t>
  </si>
  <si>
    <t>276414.0</t>
  </si>
  <si>
    <t>81836699.0</t>
  </si>
  <si>
    <t>44108733.0</t>
  </si>
  <si>
    <t>39196782.0</t>
  </si>
  <si>
    <t>224120.0</t>
  </si>
  <si>
    <t>230261.0</t>
  </si>
  <si>
    <t>72484.0</t>
  </si>
  <si>
    <t>88516407.0</t>
  </si>
  <si>
    <t>306267.0</t>
  </si>
  <si>
    <t>1494.192</t>
  </si>
  <si>
    <t>278528.0</t>
  </si>
  <si>
    <t>82053283.0</t>
  </si>
  <si>
    <t>44171682.0</t>
  </si>
  <si>
    <t>39350408.0</t>
  </si>
  <si>
    <t>216584.0</t>
  </si>
  <si>
    <t>221375.0</t>
  </si>
  <si>
    <t>68959.0</t>
  </si>
  <si>
    <t>88800986.0</t>
  </si>
  <si>
    <t>284579.0</t>
  </si>
  <si>
    <t>1498.995</t>
  </si>
  <si>
    <t>278321.0</t>
  </si>
  <si>
    <t>82272203.0</t>
  </si>
  <si>
    <t>44247335.0</t>
  </si>
  <si>
    <t>39493439.0</t>
  </si>
  <si>
    <t>218920.0</t>
  </si>
  <si>
    <t>213477.0</t>
  </si>
  <si>
    <t>67438.0</t>
  </si>
  <si>
    <t>89156919.0</t>
  </si>
  <si>
    <t>355933.0</t>
  </si>
  <si>
    <t>1505.004</t>
  </si>
  <si>
    <t>281492.0</t>
  </si>
  <si>
    <t>82479550.0</t>
  </si>
  <si>
    <t>44334479.0</t>
  </si>
  <si>
    <t>39613861.0</t>
  </si>
  <si>
    <t>213749.0</t>
  </si>
  <si>
    <t>69516.0</t>
  </si>
  <si>
    <t>89420490.0</t>
  </si>
  <si>
    <t>263571.0</t>
  </si>
  <si>
    <t>1509.453</t>
  </si>
  <si>
    <t>280951.0</t>
  </si>
  <si>
    <t>82610609.0</t>
  </si>
  <si>
    <t>44389004.0</t>
  </si>
  <si>
    <t>39690408.0</t>
  </si>
  <si>
    <t>213550.0</t>
  </si>
  <si>
    <t>139.93</t>
  </si>
  <si>
    <t>151442.1</t>
  </si>
  <si>
    <t>2565.18605674714</t>
  </si>
  <si>
    <t>89542931.0</t>
  </si>
  <si>
    <t>1511.52</t>
  </si>
  <si>
    <t>281293.0</t>
  </si>
  <si>
    <t>4.748</t>
  </si>
  <si>
    <t>82877702.0</t>
  </si>
  <si>
    <t>44474930.0</t>
  </si>
  <si>
    <t>39863369.0</t>
  </si>
  <si>
    <t>267093.0</t>
  </si>
  <si>
    <t>215003.0</t>
  </si>
  <si>
    <t>72207.0</t>
  </si>
  <si>
    <t>89873206.0</t>
  </si>
  <si>
    <t>330275.0</t>
  </si>
  <si>
    <t>1517.095</t>
  </si>
  <si>
    <t>83134255.0</t>
  </si>
  <si>
    <t>44563983.0</t>
  </si>
  <si>
    <t>40023163.0</t>
  </si>
  <si>
    <t>256553.0</t>
  </si>
  <si>
    <t>74848.0</t>
  </si>
  <si>
    <t>90166078.0</t>
  </si>
  <si>
    <t>292872.0</t>
  </si>
  <si>
    <t>1522.039</t>
  </si>
  <si>
    <t>279420.0</t>
  </si>
  <si>
    <t>83386558.0</t>
  </si>
  <si>
    <t>44655780.0</t>
  </si>
  <si>
    <t>40175123.0</t>
  </si>
  <si>
    <t>32949.0</t>
  </si>
  <si>
    <t>252303.0</t>
  </si>
  <si>
    <t>221408.0</t>
  </si>
  <si>
    <t>141.24</t>
  </si>
  <si>
    <t>78150.0</t>
  </si>
  <si>
    <t>90477853.0</t>
  </si>
  <si>
    <t>311775.0</t>
  </si>
  <si>
    <t>1527.302</t>
  </si>
  <si>
    <t>280207.0</t>
  </si>
  <si>
    <t>83616957.0</t>
  </si>
  <si>
    <t>44747116.0</t>
  </si>
  <si>
    <t>40306039.0</t>
  </si>
  <si>
    <t>230399.0</t>
  </si>
  <si>
    <t>223382.0</t>
  </si>
  <si>
    <t>82205.0</t>
  </si>
  <si>
    <t>26.051</t>
  </si>
  <si>
    <t>90765140.0</t>
  </si>
  <si>
    <t>287287.0</t>
  </si>
  <si>
    <t>1532.151</t>
  </si>
  <si>
    <t>280593.0</t>
  </si>
  <si>
    <t>83852592.0</t>
  </si>
  <si>
    <t>44841801.0</t>
  </si>
  <si>
    <t>40439023.0</t>
  </si>
  <si>
    <t>235635.0</t>
  </si>
  <si>
    <t>225770.0</t>
  </si>
  <si>
    <t>142.03</t>
  </si>
  <si>
    <t>84924.0</t>
  </si>
  <si>
    <t>25.238</t>
  </si>
  <si>
    <t>91122631.0</t>
  </si>
  <si>
    <t>357491.0</t>
  </si>
  <si>
    <t>1538.186</t>
  </si>
  <si>
    <t>280816.0</t>
  </si>
  <si>
    <t>84057892.0</t>
  </si>
  <si>
    <t>44929766.0</t>
  </si>
  <si>
    <t>40551750.0</t>
  </si>
  <si>
    <t>57013.0</t>
  </si>
  <si>
    <t>205300.0</t>
  </si>
  <si>
    <t>225477.0</t>
  </si>
  <si>
    <t>91398852.0</t>
  </si>
  <si>
    <t>276221.0</t>
  </si>
  <si>
    <t>1542.848</t>
  </si>
  <si>
    <t>282623.0</t>
  </si>
  <si>
    <t>84185503.0</t>
  </si>
  <si>
    <t>44986025.0</t>
  </si>
  <si>
    <t>40619455.0</t>
  </si>
  <si>
    <t>61384.0</t>
  </si>
  <si>
    <t>127611.0</t>
  </si>
  <si>
    <t>224985.0</t>
  </si>
  <si>
    <t>85289.0</t>
  </si>
  <si>
    <t>152192.5</t>
  </si>
  <si>
    <t>2577.8966280941</t>
  </si>
  <si>
    <t>91522929.0</t>
  </si>
  <si>
    <t>124077.0</t>
  </si>
  <si>
    <t>1544.943</t>
  </si>
  <si>
    <t>84407890.0</t>
  </si>
  <si>
    <t>45070400.0</t>
  </si>
  <si>
    <t>40748474.0</t>
  </si>
  <si>
    <t>218598.0</t>
  </si>
  <si>
    <t>85067.0</t>
  </si>
  <si>
    <t>91861354.0</t>
  </si>
  <si>
    <t>338425.0</t>
  </si>
  <si>
    <t>1550.656</t>
  </si>
  <si>
    <t>284021.0</t>
  </si>
  <si>
    <t>84610517.0</t>
  </si>
  <si>
    <t>45151633.0</t>
  </si>
  <si>
    <t>40859333.0</t>
  </si>
  <si>
    <t>82915.0</t>
  </si>
  <si>
    <t>210895.0</t>
  </si>
  <si>
    <t>83950.0</t>
  </si>
  <si>
    <t>92156806.0</t>
  </si>
  <si>
    <t>295452.0</t>
  </si>
  <si>
    <t>1555.643</t>
  </si>
  <si>
    <t>284390.0</t>
  </si>
  <si>
    <t>84808153.0</t>
  </si>
  <si>
    <t>45232155.0</t>
  </si>
  <si>
    <t>40965358.0</t>
  </si>
  <si>
    <t>94772.0</t>
  </si>
  <si>
    <t>197636.0</t>
  </si>
  <si>
    <t>203085.0</t>
  </si>
  <si>
    <t>82339.0</t>
  </si>
  <si>
    <t>61.622</t>
  </si>
  <si>
    <t>92465642.0</t>
  </si>
  <si>
    <t>308836.0</t>
  </si>
  <si>
    <t>1560.856</t>
  </si>
  <si>
    <t>283970.0</t>
  </si>
  <si>
    <t>85012673.0</t>
  </si>
  <si>
    <t>45319928.0</t>
  </si>
  <si>
    <t>41068542.0</t>
  </si>
  <si>
    <t>109759.0</t>
  </si>
  <si>
    <t>204520.0</t>
  </si>
  <si>
    <t>199388.0</t>
  </si>
  <si>
    <t>92759111.0</t>
  </si>
  <si>
    <t>1565.81</t>
  </si>
  <si>
    <t>284853.0</t>
  </si>
  <si>
    <t>85189556.0</t>
  </si>
  <si>
    <t>45388761.0</t>
  </si>
  <si>
    <t>41157986.0</t>
  </si>
  <si>
    <t>128904.0</t>
  </si>
  <si>
    <t>190995.0</t>
  </si>
  <si>
    <t>7.317</t>
  </si>
  <si>
    <t>93115007.0</t>
  </si>
  <si>
    <t>355896.0</t>
  </si>
  <si>
    <t>1571.818</t>
  </si>
  <si>
    <t>284625.0</t>
  </si>
  <si>
    <t>85340098.0</t>
  </si>
  <si>
    <t>45452201.0</t>
  </si>
  <si>
    <t>41231557.0</t>
  </si>
  <si>
    <t>142952.0</t>
  </si>
  <si>
    <t>150542.0</t>
  </si>
  <si>
    <t>183172.0</t>
  </si>
  <si>
    <t>74634.0</t>
  </si>
  <si>
    <t>93400967.0</t>
  </si>
  <si>
    <t>285960.0</t>
  </si>
  <si>
    <t>1576.645</t>
  </si>
  <si>
    <t>286016.0</t>
  </si>
  <si>
    <t>85426292.0</t>
  </si>
  <si>
    <t>45485862.0</t>
  </si>
  <si>
    <t>41276700.0</t>
  </si>
  <si>
    <t>150622.0</t>
  </si>
  <si>
    <t>177256.0</t>
  </si>
  <si>
    <t>152766.5</t>
  </si>
  <si>
    <t>2587.61926662442</t>
  </si>
  <si>
    <t>93523181.0</t>
  </si>
  <si>
    <t>122214.0</t>
  </si>
  <si>
    <t>1578.708</t>
  </si>
  <si>
    <t>285750.0</t>
  </si>
  <si>
    <t>85601891.0</t>
  </si>
  <si>
    <t>45543725.0</t>
  </si>
  <si>
    <t>41360405.0</t>
  </si>
  <si>
    <t>185113.0</t>
  </si>
  <si>
    <t>175599.0</t>
  </si>
  <si>
    <t>170572.0</t>
  </si>
  <si>
    <t>67618.0</t>
  </si>
  <si>
    <t>7.334</t>
  </si>
  <si>
    <t>93845463.0</t>
  </si>
  <si>
    <t>322282.0</t>
  </si>
  <si>
    <t>1584.148</t>
  </si>
  <si>
    <t>283444.0</t>
  </si>
  <si>
    <t>85768296.0</t>
  </si>
  <si>
    <t>45600913.0</t>
  </si>
  <si>
    <t>41436129.0</t>
  </si>
  <si>
    <t>219136.0</t>
  </si>
  <si>
    <t>166405.0</t>
  </si>
  <si>
    <t>165397.0</t>
  </si>
  <si>
    <t>94147236.0</t>
  </si>
  <si>
    <t>301773.0</t>
  </si>
  <si>
    <t>1589.242</t>
  </si>
  <si>
    <t>284347.0</t>
  </si>
  <si>
    <t>85927805.0</t>
  </si>
  <si>
    <t>45659448.0</t>
  </si>
  <si>
    <t>41503427.0</t>
  </si>
  <si>
    <t>253357.0</t>
  </si>
  <si>
    <t>159509.0</t>
  </si>
  <si>
    <t>159950.0</t>
  </si>
  <si>
    <t>61042.0</t>
  </si>
  <si>
    <t>94444592.0</t>
  </si>
  <si>
    <t>297356.0</t>
  </si>
  <si>
    <t>1594.262</t>
  </si>
  <si>
    <t>282707.0</t>
  </si>
  <si>
    <t>86088869.0</t>
  </si>
  <si>
    <t>45720192.0</t>
  </si>
  <si>
    <t>41569963.0</t>
  </si>
  <si>
    <t>287739.0</t>
  </si>
  <si>
    <t>161064.0</t>
  </si>
  <si>
    <t>52.932</t>
  </si>
  <si>
    <t>94716158.0</t>
  </si>
  <si>
    <t>271566.0</t>
  </si>
  <si>
    <t>1598.846</t>
  </si>
  <si>
    <t>279578.0</t>
  </si>
  <si>
    <t>86261761.0</t>
  </si>
  <si>
    <t>45785035.0</t>
  </si>
  <si>
    <t>41645051.0</t>
  </si>
  <si>
    <t>321368.0</t>
  </si>
  <si>
    <t>172892.0</t>
  </si>
  <si>
    <t>153172.0</t>
  </si>
  <si>
    <t>18.632</t>
  </si>
  <si>
    <t>95061127.0</t>
  </si>
  <si>
    <t>344969.0</t>
  </si>
  <si>
    <t>1604.669</t>
  </si>
  <si>
    <t>278017.0</t>
  </si>
  <si>
    <t>86410288.0</t>
  </si>
  <si>
    <t>45840781.0</t>
  </si>
  <si>
    <t>41716280.0</t>
  </si>
  <si>
    <t>343570.0</t>
  </si>
  <si>
    <t>148527.0</t>
  </si>
  <si>
    <t>152884.0</t>
  </si>
  <si>
    <t>6.166</t>
  </si>
  <si>
    <t>95331171.0</t>
  </si>
  <si>
    <t>270044.0</t>
  </si>
  <si>
    <t>275743.0</t>
  </si>
  <si>
    <t>86495649.0</t>
  </si>
  <si>
    <t>45869417.0</t>
  </si>
  <si>
    <t>41759732.0</t>
  </si>
  <si>
    <t>357202.0</t>
  </si>
  <si>
    <t>85361.0</t>
  </si>
  <si>
    <t>152765.0</t>
  </si>
  <si>
    <t>152932.5</t>
  </si>
  <si>
    <t>2590.43104013668</t>
  </si>
  <si>
    <t>6.335</t>
  </si>
  <si>
    <t>17.667</t>
  </si>
  <si>
    <t>95445947.0</t>
  </si>
  <si>
    <t>114776.0</t>
  </si>
  <si>
    <t>1611.165</t>
  </si>
  <si>
    <t>274681.0</t>
  </si>
  <si>
    <t>86678967.0</t>
  </si>
  <si>
    <t>45929371.0</t>
  </si>
  <si>
    <t>41842417.0</t>
  </si>
  <si>
    <t>183318.0</t>
  </si>
  <si>
    <t>153868.0</t>
  </si>
  <si>
    <t>55092.0</t>
  </si>
  <si>
    <t>95761232.0</t>
  </si>
  <si>
    <t>315285.0</t>
  </si>
  <si>
    <t>1616.487</t>
  </si>
  <si>
    <t>273681.0</t>
  </si>
  <si>
    <t>86868815.0</t>
  </si>
  <si>
    <t>45993283.0</t>
  </si>
  <si>
    <t>41922137.0</t>
  </si>
  <si>
    <t>445279.0</t>
  </si>
  <si>
    <t>189848.0</t>
  </si>
  <si>
    <t>157217.0</t>
  </si>
  <si>
    <t>96040177.0</t>
  </si>
  <si>
    <t>278945.0</t>
  </si>
  <si>
    <t>1621.196</t>
  </si>
  <si>
    <t>270420.0</t>
  </si>
  <si>
    <t>4.565</t>
  </si>
  <si>
    <t>106.7</t>
  </si>
  <si>
    <t>87074164.0</t>
  </si>
  <si>
    <t>46063602.0</t>
  </si>
  <si>
    <t>42005721.0</t>
  </si>
  <si>
    <t>497454.0</t>
  </si>
  <si>
    <t>205349.0</t>
  </si>
  <si>
    <t>163766.0</t>
  </si>
  <si>
    <t>96364791.0</t>
  </si>
  <si>
    <t>324614.0</t>
  </si>
  <si>
    <t>1626.675</t>
  </si>
  <si>
    <t>274314.0</t>
  </si>
  <si>
    <t>87299829.0</t>
  </si>
  <si>
    <t>46145466.0</t>
  </si>
  <si>
    <t>42091793.0</t>
  </si>
  <si>
    <t>225665.0</t>
  </si>
  <si>
    <t>96870834.0</t>
  </si>
  <si>
    <t>506043.0</t>
  </si>
  <si>
    <t>1635.218</t>
  </si>
  <si>
    <t>8.542</t>
  </si>
  <si>
    <t>307811.0</t>
  </si>
  <si>
    <t>5.196</t>
  </si>
  <si>
    <t>87519668.0</t>
  </si>
  <si>
    <t>46222453.0</t>
  </si>
  <si>
    <t>42179674.0</t>
  </si>
  <si>
    <t>611706.0</t>
  </si>
  <si>
    <t>219839.0</t>
  </si>
  <si>
    <t>179701.0</t>
  </si>
  <si>
    <t>148.24</t>
  </si>
  <si>
    <t>62488.0</t>
  </si>
  <si>
    <t>97343369.0</t>
  </si>
  <si>
    <t>472535.0</t>
  </si>
  <si>
    <t>1643.194</t>
  </si>
  <si>
    <t>326035.0</t>
  </si>
  <si>
    <t>87691124.0</t>
  </si>
  <si>
    <t>46279811.0</t>
  </si>
  <si>
    <t>42257582.0</t>
  </si>
  <si>
    <t>648540.0</t>
  </si>
  <si>
    <t>171456.0</t>
  </si>
  <si>
    <t>97724420.0</t>
  </si>
  <si>
    <t>381051.0</t>
  </si>
  <si>
    <t>1649.627</t>
  </si>
  <si>
    <t>6.432</t>
  </si>
  <si>
    <t>341893.0</t>
  </si>
  <si>
    <t>5.771</t>
  </si>
  <si>
    <t>87795220.0</t>
  </si>
  <si>
    <t>46311530.0</t>
  </si>
  <si>
    <t>42306507.0</t>
  </si>
  <si>
    <t>672404.0</t>
  </si>
  <si>
    <t>104096.0</t>
  </si>
  <si>
    <t>185653.0</t>
  </si>
  <si>
    <t>153702.5</t>
  </si>
  <si>
    <t>2603.47360401882</t>
  </si>
  <si>
    <t>97944298.0</t>
  </si>
  <si>
    <t>1653.338</t>
  </si>
  <si>
    <t>356907.0</t>
  </si>
  <si>
    <t>87992648.0</t>
  </si>
  <si>
    <t>46363758.0</t>
  </si>
  <si>
    <t>42392523.0</t>
  </si>
  <si>
    <t>731933.0</t>
  </si>
  <si>
    <t>197428.0</t>
  </si>
  <si>
    <t>187669.0</t>
  </si>
  <si>
    <t>62055.0</t>
  </si>
  <si>
    <t>98606298.0</t>
  </si>
  <si>
    <t>662000.0</t>
  </si>
  <si>
    <t>1664.513</t>
  </si>
  <si>
    <t>11.175</t>
  </si>
  <si>
    <t>406438.0</t>
  </si>
  <si>
    <t>88179051.0</t>
  </si>
  <si>
    <t>46406571.0</t>
  </si>
  <si>
    <t>42467070.0</t>
  </si>
  <si>
    <t>801357.0</t>
  </si>
  <si>
    <t>186403.0</t>
  </si>
  <si>
    <t>187177.0</t>
  </si>
  <si>
    <t>99091911.0</t>
  </si>
  <si>
    <t>485613.0</t>
  </si>
  <si>
    <t>1672.71</t>
  </si>
  <si>
    <t>8.197</t>
  </si>
  <si>
    <t>435962.0</t>
  </si>
  <si>
    <t>88367272.0</t>
  </si>
  <si>
    <t>46445522.0</t>
  </si>
  <si>
    <t>42538398.0</t>
  </si>
  <si>
    <t>879573.0</t>
  </si>
  <si>
    <t>188221.0</t>
  </si>
  <si>
    <t>184730.0</t>
  </si>
  <si>
    <t>54560.0</t>
  </si>
  <si>
    <t>99666582.0</t>
  </si>
  <si>
    <t>574671.0</t>
  </si>
  <si>
    <t>1682.411</t>
  </si>
  <si>
    <t>9.701</t>
  </si>
  <si>
    <t>471684.0</t>
  </si>
  <si>
    <t>7.962</t>
  </si>
  <si>
    <t>88559272.0</t>
  </si>
  <si>
    <t>46481410.0</t>
  </si>
  <si>
    <t>42613035.0</t>
  </si>
  <si>
    <t>961398.0</t>
  </si>
  <si>
    <t>192000.0</t>
  </si>
  <si>
    <t>179920.0</t>
  </si>
  <si>
    <t>150.01</t>
  </si>
  <si>
    <t>100153800.0</t>
  </si>
  <si>
    <t>487218.0</t>
  </si>
  <si>
    <t>1690.635</t>
  </si>
  <si>
    <t>8.224</t>
  </si>
  <si>
    <t>468995.0</t>
  </si>
  <si>
    <t>88740030.0</t>
  </si>
  <si>
    <t>46515659.0</t>
  </si>
  <si>
    <t>42682940.0</t>
  </si>
  <si>
    <t>1038490.0</t>
  </si>
  <si>
    <t>180758.0</t>
  </si>
  <si>
    <t>174337.0</t>
  </si>
  <si>
    <t>41887.0</t>
  </si>
  <si>
    <t>100645374.0</t>
  </si>
  <si>
    <t>491574.0</t>
  </si>
  <si>
    <t>1698.933</t>
  </si>
  <si>
    <t>471715.0</t>
  </si>
  <si>
    <t>88873868.0</t>
  </si>
  <si>
    <t>46539914.0</t>
  </si>
  <si>
    <t>42740756.0</t>
  </si>
  <si>
    <t>1090467.0</t>
  </si>
  <si>
    <t>133838.0</t>
  </si>
  <si>
    <t>168963.0</t>
  </si>
  <si>
    <t>37158.0</t>
  </si>
  <si>
    <t>5.776</t>
  </si>
  <si>
    <t>101049089.0</t>
  </si>
  <si>
    <t>403715.0</t>
  </si>
  <si>
    <t>1705.748</t>
  </si>
  <si>
    <t>474953.0</t>
  </si>
  <si>
    <t>88941544.0</t>
  </si>
  <si>
    <t>46552323.0</t>
  </si>
  <si>
    <t>42772706.0</t>
  </si>
  <si>
    <t>1113950.0</t>
  </si>
  <si>
    <t>67676.0</t>
  </si>
  <si>
    <t>163761.0</t>
  </si>
  <si>
    <t>155147.9</t>
  </si>
  <si>
    <t>2627.956359649</t>
  </si>
  <si>
    <t>101271474.0</t>
  </si>
  <si>
    <t>222385.0</t>
  </si>
  <si>
    <t>1709.502</t>
  </si>
  <si>
    <t>475311.0</t>
  </si>
  <si>
    <t>89111753.0</t>
  </si>
  <si>
    <t>46579274.0</t>
  </si>
  <si>
    <t>42834507.0</t>
  </si>
  <si>
    <t>1195623.0</t>
  </si>
  <si>
    <t>170209.0</t>
  </si>
  <si>
    <t>150.94</t>
  </si>
  <si>
    <t>30788.0</t>
  </si>
  <si>
    <t>101911219.0</t>
  </si>
  <si>
    <t>639745.0</t>
  </si>
  <si>
    <t>1720.301</t>
  </si>
  <si>
    <t>89283430.0</t>
  </si>
  <si>
    <t>46603671.0</t>
  </si>
  <si>
    <t>42890153.0</t>
  </si>
  <si>
    <t>1287468.0</t>
  </si>
  <si>
    <t>171677.0</t>
  </si>
  <si>
    <t>157768.0</t>
  </si>
  <si>
    <t>102379323.0</t>
  </si>
  <si>
    <t>468104.0</t>
  </si>
  <si>
    <t>1728.203</t>
  </si>
  <si>
    <t>469630.0</t>
  </si>
  <si>
    <t>7.928</t>
  </si>
  <si>
    <t>89466993.0</t>
  </si>
  <si>
    <t>46627720.0</t>
  </si>
  <si>
    <t>42945851.0</t>
  </si>
  <si>
    <t>1391512.0</t>
  </si>
  <si>
    <t>183563.0</t>
  </si>
  <si>
    <t>157103.0</t>
  </si>
  <si>
    <t>102949658.0</t>
  </si>
  <si>
    <t>570335.0</t>
  </si>
  <si>
    <t>1737.831</t>
  </si>
  <si>
    <t>9.627</t>
  </si>
  <si>
    <t>469011.0</t>
  </si>
  <si>
    <t>89662885.0</t>
  </si>
  <si>
    <t>46650801.0</t>
  </si>
  <si>
    <t>43004628.0</t>
  </si>
  <si>
    <t>1505678.0</t>
  </si>
  <si>
    <t>195892.0</t>
  </si>
  <si>
    <t>157659.0</t>
  </si>
  <si>
    <t>24199.0</t>
  </si>
  <si>
    <t>103424436.0</t>
  </si>
  <si>
    <t>474778.0</t>
  </si>
  <si>
    <t>1745.845</t>
  </si>
  <si>
    <t>467234.0</t>
  </si>
  <si>
    <t>7.887</t>
  </si>
  <si>
    <t>89846394.0</t>
  </si>
  <si>
    <t>46672003.0</t>
  </si>
  <si>
    <t>43063858.0</t>
  </si>
  <si>
    <t>1608880.0</t>
  </si>
  <si>
    <t>183509.0</t>
  </si>
  <si>
    <t>158052.0</t>
  </si>
  <si>
    <t>22335.0</t>
  </si>
  <si>
    <t>103901788.0</t>
  </si>
  <si>
    <t>477352.0</t>
  </si>
  <si>
    <t>1753.903</t>
  </si>
  <si>
    <t>465202.0</t>
  </si>
  <si>
    <t>89980743.0</t>
  </si>
  <si>
    <t>46689949.0</t>
  </si>
  <si>
    <t>43112214.0</t>
  </si>
  <si>
    <t>1677042.0</t>
  </si>
  <si>
    <t>134349.0</t>
  </si>
  <si>
    <t>158125.0</t>
  </si>
  <si>
    <t>21434.0</t>
  </si>
  <si>
    <t>104251958.0</t>
  </si>
  <si>
    <t>1759.814</t>
  </si>
  <si>
    <t>457553.0</t>
  </si>
  <si>
    <t>90041652.0</t>
  </si>
  <si>
    <t>46698518.0</t>
  </si>
  <si>
    <t>43136287.0</t>
  </si>
  <si>
    <t>1705357.0</t>
  </si>
  <si>
    <t>157158.0</t>
  </si>
  <si>
    <t>156068.3</t>
  </si>
  <si>
    <t>2643.54645808682</t>
  </si>
  <si>
    <t>104398683.0</t>
  </si>
  <si>
    <t>1762.291</t>
  </si>
  <si>
    <t>446744.0</t>
  </si>
  <si>
    <t>90094363.0</t>
  </si>
  <si>
    <t>46704745.0</t>
  </si>
  <si>
    <t>43154638.0</t>
  </si>
  <si>
    <t>1733516.0</t>
  </si>
  <si>
    <t>52711.0</t>
  </si>
  <si>
    <t>140373.0</t>
  </si>
  <si>
    <t>104637037.0</t>
  </si>
  <si>
    <t>238354.0</t>
  </si>
  <si>
    <t>1766.314</t>
  </si>
  <si>
    <t>389403.0</t>
  </si>
  <si>
    <t>90262997.0</t>
  </si>
  <si>
    <t>46723224.0</t>
  </si>
  <si>
    <t>43215426.0</t>
  </si>
  <si>
    <t>1822964.0</t>
  </si>
  <si>
    <t>168634.0</t>
  </si>
  <si>
    <t>139938.0</t>
  </si>
  <si>
    <t>152.89</t>
  </si>
  <si>
    <t>17079.0</t>
  </si>
  <si>
    <t>105354348.0</t>
  </si>
  <si>
    <t>717311.0</t>
  </si>
  <si>
    <t>1778.423</t>
  </si>
  <si>
    <t>425004.0</t>
  </si>
  <si>
    <t>7.174</t>
  </si>
  <si>
    <t>90459321.0</t>
  </si>
  <si>
    <t>46742349.0</t>
  </si>
  <si>
    <t>43274021.0</t>
  </si>
  <si>
    <t>1941672.0</t>
  </si>
  <si>
    <t>196324.0</t>
  </si>
  <si>
    <t>105868977.0</t>
  </si>
  <si>
    <t>514629.0</t>
  </si>
  <si>
    <t>1787.11</t>
  </si>
  <si>
    <t>417046.0</t>
  </si>
  <si>
    <t>90662797.0</t>
  </si>
  <si>
    <t>46762033.0</t>
  </si>
  <si>
    <t>43331176.0</t>
  </si>
  <si>
    <t>2068381.0</t>
  </si>
  <si>
    <t>203476.0</t>
  </si>
  <si>
    <t>142845.0</t>
  </si>
  <si>
    <t>6.691</t>
  </si>
  <si>
    <t>106412391.0</t>
  </si>
  <si>
    <t>543414.0</t>
  </si>
  <si>
    <t>1796.283</t>
  </si>
  <si>
    <t>426851.0</t>
  </si>
  <si>
    <t>90879276.0</t>
  </si>
  <si>
    <t>46782344.0</t>
  </si>
  <si>
    <t>43392329.0</t>
  </si>
  <si>
    <t>2203615.0</t>
  </si>
  <si>
    <t>216479.0</t>
  </si>
  <si>
    <t>147555.0</t>
  </si>
  <si>
    <t>106904353.0</t>
  </si>
  <si>
    <t>491962.0</t>
  </si>
  <si>
    <t>1804.587</t>
  </si>
  <si>
    <t>8.305</t>
  </si>
  <si>
    <t>428938.0</t>
  </si>
  <si>
    <t>91032334.0</t>
  </si>
  <si>
    <t>46799916.0</t>
  </si>
  <si>
    <t>43436953.0</t>
  </si>
  <si>
    <t>2294561.0</t>
  </si>
  <si>
    <t>153058.0</t>
  </si>
  <si>
    <t>150227.0</t>
  </si>
  <si>
    <t>107339124.0</t>
  </si>
  <si>
    <t>434771.0</t>
  </si>
  <si>
    <t>1811.927</t>
  </si>
  <si>
    <t>441024.0</t>
  </si>
  <si>
    <t>91099573.0</t>
  </si>
  <si>
    <t>46807827.0</t>
  </si>
  <si>
    <t>43458386.0</t>
  </si>
  <si>
    <t>2332469.0</t>
  </si>
  <si>
    <t>67239.0</t>
  </si>
  <si>
    <t>151132.0</t>
  </si>
  <si>
    <t>157274.1</t>
  </si>
  <si>
    <t>2663.97077435836</t>
  </si>
  <si>
    <t>34.791</t>
  </si>
  <si>
    <t>107588239.0</t>
  </si>
  <si>
    <t>249115.0</t>
  </si>
  <si>
    <t>1816.132</t>
  </si>
  <si>
    <t>455651.0</t>
  </si>
  <si>
    <t>91300755.0</t>
  </si>
  <si>
    <t>46828214.0</t>
  </si>
  <si>
    <t>43507975.0</t>
  </si>
  <si>
    <t>2463770.0</t>
  </si>
  <si>
    <t>201182.0</t>
  </si>
  <si>
    <t>172342.0</t>
  </si>
  <si>
    <t>108233928.0</t>
  </si>
  <si>
    <t>645689.0</t>
  </si>
  <si>
    <t>1827.031</t>
  </si>
  <si>
    <t>513842.0</t>
  </si>
  <si>
    <t>91508229.0</t>
  </si>
  <si>
    <t>46847738.0</t>
  </si>
  <si>
    <t>43551761.0</t>
  </si>
  <si>
    <t>2608008.0</t>
  </si>
  <si>
    <t>207474.0</t>
  </si>
  <si>
    <t>177890.0</t>
  </si>
  <si>
    <t>35.774</t>
  </si>
  <si>
    <t>108721546.0</t>
  </si>
  <si>
    <t>487618.0</t>
  </si>
  <si>
    <t>1835.262</t>
  </si>
  <si>
    <t>8.231</t>
  </si>
  <si>
    <t>481028.0</t>
  </si>
  <si>
    <t>91725900.0</t>
  </si>
  <si>
    <t>46868054.0</t>
  </si>
  <si>
    <t>43592788.0</t>
  </si>
  <si>
    <t>2764390.0</t>
  </si>
  <si>
    <t>217671.0</t>
  </si>
  <si>
    <t>180940.0</t>
  </si>
  <si>
    <t>109317358.0</t>
  </si>
  <si>
    <t>595812.0</t>
  </si>
  <si>
    <t>1845.32</t>
  </si>
  <si>
    <t>492626.0</t>
  </si>
  <si>
    <t>91944909.0</t>
  </si>
  <si>
    <t>46888640.0</t>
  </si>
  <si>
    <t>43636095.0</t>
  </si>
  <si>
    <t>2919570.0</t>
  </si>
  <si>
    <t>219009.0</t>
  </si>
  <si>
    <t>183159.0</t>
  </si>
  <si>
    <t>109816293.0</t>
  </si>
  <si>
    <t>498935.0</t>
  </si>
  <si>
    <t>1853.742</t>
  </si>
  <si>
    <t>486272.0</t>
  </si>
  <si>
    <t>8.208</t>
  </si>
  <si>
    <t>92168790.0</t>
  </si>
  <si>
    <t>46909062.0</t>
  </si>
  <si>
    <t>43680929.0</t>
  </si>
  <si>
    <t>3078283.0</t>
  </si>
  <si>
    <t>223881.0</t>
  </si>
  <si>
    <t>184216.0</t>
  </si>
  <si>
    <t>110356664.0</t>
  </si>
  <si>
    <t>540371.0</t>
  </si>
  <si>
    <t>1862.864</t>
  </si>
  <si>
    <t>9.122</t>
  </si>
  <si>
    <t>493187.0</t>
  </si>
  <si>
    <t>8.325</t>
  </si>
  <si>
    <t>92336065.0</t>
  </si>
  <si>
    <t>46927967.0</t>
  </si>
  <si>
    <t>43712694.0</t>
  </si>
  <si>
    <t>3194966.0</t>
  </si>
  <si>
    <t>167275.0</t>
  </si>
  <si>
    <t>186247.0</t>
  </si>
  <si>
    <t>110802257.0</t>
  </si>
  <si>
    <t>445593.0</t>
  </si>
  <si>
    <t>1870.386</t>
  </si>
  <si>
    <t>494733.0</t>
  </si>
  <si>
    <t>92410260.0</t>
  </si>
  <si>
    <t>46935818.0</t>
  </si>
  <si>
    <t>43726618.0</t>
  </si>
  <si>
    <t>3247428.0</t>
  </si>
  <si>
    <t>74195.0</t>
  </si>
  <si>
    <t>187241.0</t>
  </si>
  <si>
    <t>156.53</t>
  </si>
  <si>
    <t>158228.9</t>
  </si>
  <si>
    <t>2680.14355357221</t>
  </si>
  <si>
    <t>111051082.0</t>
  </si>
  <si>
    <t>248825.0</t>
  </si>
  <si>
    <t>1874.586</t>
  </si>
  <si>
    <t>494692.0</t>
  </si>
  <si>
    <t>92622623.0</t>
  </si>
  <si>
    <t>46955351.0</t>
  </si>
  <si>
    <t>43762051.0</t>
  </si>
  <si>
    <t>3404877.0</t>
  </si>
  <si>
    <t>212363.0</t>
  </si>
  <si>
    <t>188838.0</t>
  </si>
  <si>
    <t>111735792.0</t>
  </si>
  <si>
    <t>684710.0</t>
  </si>
  <si>
    <t>1886.144</t>
  </si>
  <si>
    <t>500266.0</t>
  </si>
  <si>
    <t>8.445</t>
  </si>
  <si>
    <t>92842322.0</t>
  </si>
  <si>
    <t>46974501.0</t>
  </si>
  <si>
    <t>43791281.0</t>
  </si>
  <si>
    <t>3576292.0</t>
  </si>
  <si>
    <t>219699.0</t>
  </si>
  <si>
    <t>190585.0</t>
  </si>
  <si>
    <t>18109.0</t>
  </si>
  <si>
    <t>112273557.0</t>
  </si>
  <si>
    <t>537765.0</t>
  </si>
  <si>
    <t>1895.222</t>
  </si>
  <si>
    <t>507430.0</t>
  </si>
  <si>
    <t>93067020.0</t>
  </si>
  <si>
    <t>46993595.0</t>
  </si>
  <si>
    <t>43818490.0</t>
  </si>
  <si>
    <t>3754761.0</t>
  </si>
  <si>
    <t>224698.0</t>
  </si>
  <si>
    <t>191589.0</t>
  </si>
  <si>
    <t>112899331.0</t>
  </si>
  <si>
    <t>625774.0</t>
  </si>
  <si>
    <t>1905.785</t>
  </si>
  <si>
    <t>511710.0</t>
  </si>
  <si>
    <t>93311313.0</t>
  </si>
  <si>
    <t>47015131.0</t>
  </si>
  <si>
    <t>43847548.0</t>
  </si>
  <si>
    <t>3948531.0</t>
  </si>
  <si>
    <t>244293.0</t>
  </si>
  <si>
    <t>195201.0</t>
  </si>
  <si>
    <t>158.05</t>
  </si>
  <si>
    <t>78.882</t>
  </si>
  <si>
    <t>113437819.0</t>
  </si>
  <si>
    <t>538488.0</t>
  </si>
  <si>
    <t>1914.875</t>
  </si>
  <si>
    <t>517361.0</t>
  </si>
  <si>
    <t>93566046.0</t>
  </si>
  <si>
    <t>47036542.0</t>
  </si>
  <si>
    <t>43875034.0</t>
  </si>
  <si>
    <t>4154420.0</t>
  </si>
  <si>
    <t>254733.0</t>
  </si>
  <si>
    <t>199608.0</t>
  </si>
  <si>
    <t>158.49</t>
  </si>
  <si>
    <t>114012631.0</t>
  </si>
  <si>
    <t>574812.0</t>
  </si>
  <si>
    <t>1924.578</t>
  </si>
  <si>
    <t>522281.0</t>
  </si>
  <si>
    <t>93760943.0</t>
  </si>
  <si>
    <t>47055203.0</t>
  </si>
  <si>
    <t>43894874.0</t>
  </si>
  <si>
    <t>4310881.0</t>
  </si>
  <si>
    <t>194897.0</t>
  </si>
  <si>
    <t>203554.0</t>
  </si>
  <si>
    <t>114499740.0</t>
  </si>
  <si>
    <t>487109.0</t>
  </si>
  <si>
    <t>1932.801</t>
  </si>
  <si>
    <t>8.223</t>
  </si>
  <si>
    <t>528212.0</t>
  </si>
  <si>
    <t>93844865.0</t>
  </si>
  <si>
    <t>47064214.0</t>
  </si>
  <si>
    <t>43904957.0</t>
  </si>
  <si>
    <t>4375751.0</t>
  </si>
  <si>
    <t>83922.0</t>
  </si>
  <si>
    <t>204944.0</t>
  </si>
  <si>
    <t>158971.3</t>
  </si>
  <si>
    <t>2692.71861776195</t>
  </si>
  <si>
    <t>114767310.0</t>
  </si>
  <si>
    <t>267570.0</t>
  </si>
  <si>
    <t>1937.317</t>
  </si>
  <si>
    <t>530890.0</t>
  </si>
  <si>
    <t>94101163.0</t>
  </si>
  <si>
    <t>47086795.0</t>
  </si>
  <si>
    <t>43925581.0</t>
  </si>
  <si>
    <t>256298.0</t>
  </si>
  <si>
    <t>211220.0</t>
  </si>
  <si>
    <t>159.39</t>
  </si>
  <si>
    <t>115456590.0</t>
  </si>
  <si>
    <t>689280.0</t>
  </si>
  <si>
    <t>1948.953</t>
  </si>
  <si>
    <t>531543.0</t>
  </si>
  <si>
    <t>94387202.0</t>
  </si>
  <si>
    <t>47108689.0</t>
  </si>
  <si>
    <t>43948033.0</t>
  </si>
  <si>
    <t>4830718.0</t>
  </si>
  <si>
    <t>286039.0</t>
  </si>
  <si>
    <t>220697.0</t>
  </si>
  <si>
    <t>116019095.0</t>
  </si>
  <si>
    <t>562505.0</t>
  </si>
  <si>
    <t>1958.448</t>
  </si>
  <si>
    <t>9.495</t>
  </si>
  <si>
    <t>535077.0</t>
  </si>
  <si>
    <t>94707008.0</t>
  </si>
  <si>
    <t>47131033.0</t>
  </si>
  <si>
    <t>43974531.0</t>
  </si>
  <si>
    <t>5101821.0</t>
  </si>
  <si>
    <t>319806.0</t>
  </si>
  <si>
    <t>234284.0</t>
  </si>
  <si>
    <t>116669093.0</t>
  </si>
  <si>
    <t>649998.0</t>
  </si>
  <si>
    <t>1969.42</t>
  </si>
  <si>
    <t>10.972</t>
  </si>
  <si>
    <t>538537.0</t>
  </si>
  <si>
    <t>9.091</t>
  </si>
  <si>
    <t>95058067.0</t>
  </si>
  <si>
    <t>47158460.0</t>
  </si>
  <si>
    <t>43996306.0</t>
  </si>
  <si>
    <t>5403774.0</t>
  </si>
  <si>
    <t>351059.0</t>
  </si>
  <si>
    <t>249536.0</t>
  </si>
  <si>
    <t>10.265</t>
  </si>
  <si>
    <t>117226273.0</t>
  </si>
  <si>
    <t>557180.0</t>
  </si>
  <si>
    <t>1978.825</t>
  </si>
  <si>
    <t>541208.0</t>
  </si>
  <si>
    <t>95428915.0</t>
  </si>
  <si>
    <t>47188163.0</t>
  </si>
  <si>
    <t>44019263.0</t>
  </si>
  <si>
    <t>5722088.0</t>
  </si>
  <si>
    <t>370848.0</t>
  </si>
  <si>
    <t>266124.0</t>
  </si>
  <si>
    <t>117823171.0</t>
  </si>
  <si>
    <t>596898.0</t>
  </si>
  <si>
    <t>1988.901</t>
  </si>
  <si>
    <t>544363.0</t>
  </si>
  <si>
    <t>95744504.0</t>
  </si>
  <si>
    <t>47218005.0</t>
  </si>
  <si>
    <t>44038938.0</t>
  </si>
  <si>
    <t>5988264.0</t>
  </si>
  <si>
    <t>315589.0</t>
  </si>
  <si>
    <t>283366.0</t>
  </si>
  <si>
    <t>6.538</t>
  </si>
  <si>
    <t>118335763.0</t>
  </si>
  <si>
    <t>512592.0</t>
  </si>
  <si>
    <t>1997.554</t>
  </si>
  <si>
    <t>548003.0</t>
  </si>
  <si>
    <t>95905997.0</t>
  </si>
  <si>
    <t>47233421.0</t>
  </si>
  <si>
    <t>44048010.0</t>
  </si>
  <si>
    <t>6125335.0</t>
  </si>
  <si>
    <t>294447.0</t>
  </si>
  <si>
    <t>159636.9</t>
  </si>
  <si>
    <t>2703.99281324241</t>
  </si>
  <si>
    <t>11.332</t>
  </si>
  <si>
    <t>98.31</t>
  </si>
  <si>
    <t>118611763.0</t>
  </si>
  <si>
    <t>276000.0</t>
  </si>
  <si>
    <t>2002.213</t>
  </si>
  <si>
    <t>549208.0</t>
  </si>
  <si>
    <t>96286305.0</t>
  </si>
  <si>
    <t>47267407.0</t>
  </si>
  <si>
    <t>44068332.0</t>
  </si>
  <si>
    <t>6451417.0</t>
  </si>
  <si>
    <t>380308.0</t>
  </si>
  <si>
    <t>312163.0</t>
  </si>
  <si>
    <t>119331735.0</t>
  </si>
  <si>
    <t>719972.0</t>
  </si>
  <si>
    <t>2014.366</t>
  </si>
  <si>
    <t>12.153</t>
  </si>
  <si>
    <t>553592.0</t>
  </si>
  <si>
    <t>96706276.0</t>
  </si>
  <si>
    <t>47300580.0</t>
  </si>
  <si>
    <t>44089394.0</t>
  </si>
  <si>
    <t>6817278.0</t>
  </si>
  <si>
    <t>419971.0</t>
  </si>
  <si>
    <t>331296.0</t>
  </si>
  <si>
    <t>119905510.0</t>
  </si>
  <si>
    <t>573775.0</t>
  </si>
  <si>
    <t>2024.052</t>
  </si>
  <si>
    <t>97171606.0</t>
  </si>
  <si>
    <t>47333044.0</t>
  </si>
  <si>
    <t>44108821.0</t>
  </si>
  <si>
    <t>7230824.0</t>
  </si>
  <si>
    <t>465330.0</t>
  </si>
  <si>
    <t>352085.0</t>
  </si>
  <si>
    <t>56.303</t>
  </si>
  <si>
    <t>120584972.0</t>
  </si>
  <si>
    <t>679462.0</t>
  </si>
  <si>
    <t>2035.522</t>
  </si>
  <si>
    <t>559411.0</t>
  </si>
  <si>
    <t>9.443</t>
  </si>
  <si>
    <t>97666984.0</t>
  </si>
  <si>
    <t>47366708.0</t>
  </si>
  <si>
    <t>44130193.0</t>
  </si>
  <si>
    <t>7671267.0</t>
  </si>
  <si>
    <t>495378.0</t>
  </si>
  <si>
    <t>372702.0</t>
  </si>
  <si>
    <t>121173417.0</t>
  </si>
  <si>
    <t>588445.0</t>
  </si>
  <si>
    <t>2045.455</t>
  </si>
  <si>
    <t>563878.0</t>
  </si>
  <si>
    <t>9.518</t>
  </si>
  <si>
    <t>98192088.0</t>
  </si>
  <si>
    <t>47401784.0</t>
  </si>
  <si>
    <t>44152782.0</t>
  </si>
  <si>
    <t>8138814.0</t>
  </si>
  <si>
    <t>525104.0</t>
  </si>
  <si>
    <t>394739.0</t>
  </si>
  <si>
    <t>121810009.0</t>
  </si>
  <si>
    <t>636592.0</t>
  </si>
  <si>
    <t>2056.201</t>
  </si>
  <si>
    <t>569548.0</t>
  </si>
  <si>
    <t>9.614</t>
  </si>
  <si>
    <t>98663269.0</t>
  </si>
  <si>
    <t>47434406.0</t>
  </si>
  <si>
    <t>44172693.0</t>
  </si>
  <si>
    <t>8557627.0</t>
  </si>
  <si>
    <t>471181.0</t>
  </si>
  <si>
    <t>416966.0</t>
  </si>
  <si>
    <t>30914.0</t>
  </si>
  <si>
    <t>122335117.0</t>
  </si>
  <si>
    <t>525108.0</t>
  </si>
  <si>
    <t>2065.065</t>
  </si>
  <si>
    <t>571336.0</t>
  </si>
  <si>
    <t>98958068.0</t>
  </si>
  <si>
    <t>47457768.0</t>
  </si>
  <si>
    <t>44182837.0</t>
  </si>
  <si>
    <t>8818996.0</t>
  </si>
  <si>
    <t>294799.0</t>
  </si>
  <si>
    <t>436010.0</t>
  </si>
  <si>
    <t>32050.0</t>
  </si>
  <si>
    <t>161398.5</t>
  </si>
  <si>
    <t>2733.8314892616</t>
  </si>
  <si>
    <t>12.585</t>
  </si>
  <si>
    <t>122636677.0</t>
  </si>
  <si>
    <t>2070.155</t>
  </si>
  <si>
    <t>574988.0</t>
  </si>
  <si>
    <t>99482745.0</t>
  </si>
  <si>
    <t>47502540.0</t>
  </si>
  <si>
    <t>44205222.0</t>
  </si>
  <si>
    <t>9276633.0</t>
  </si>
  <si>
    <t>524677.0</t>
  </si>
  <si>
    <t>456634.0</t>
  </si>
  <si>
    <t>33590.0</t>
  </si>
  <si>
    <t>13.144</t>
  </si>
  <si>
    <t>123331813.0</t>
  </si>
  <si>
    <t>695136.0</t>
  </si>
  <si>
    <t>2081.889</t>
  </si>
  <si>
    <t>100026784.0</t>
  </si>
  <si>
    <t>47545597.0</t>
  </si>
  <si>
    <t>44226067.0</t>
  </si>
  <si>
    <t>9756944.0</t>
  </si>
  <si>
    <t>544039.0</t>
  </si>
  <si>
    <t>474358.0</t>
  </si>
  <si>
    <t>123896511.0</t>
  </si>
  <si>
    <t>564698.0</t>
  </si>
  <si>
    <t>2091.422</t>
  </si>
  <si>
    <t>9.532</t>
  </si>
  <si>
    <t>570143.0</t>
  </si>
  <si>
    <t>9.624</t>
  </si>
  <si>
    <t>100308404.0</t>
  </si>
  <si>
    <t>47569491.0</t>
  </si>
  <si>
    <t>44234156.0</t>
  </si>
  <si>
    <t>10006671.0</t>
  </si>
  <si>
    <t>281620.0</t>
  </si>
  <si>
    <t>448114.0</t>
  </si>
  <si>
    <t>33778.0</t>
  </si>
  <si>
    <t>124209339.0</t>
  </si>
  <si>
    <t>312828.0</t>
  </si>
  <si>
    <t>2096.702</t>
  </si>
  <si>
    <t>517767.0</t>
  </si>
  <si>
    <t>100866965.0</t>
  </si>
  <si>
    <t>47608169.0</t>
  </si>
  <si>
    <t>44262186.0</t>
  </si>
  <si>
    <t>10498640.0</t>
  </si>
  <si>
    <t>558561.0</t>
  </si>
  <si>
    <t>457140.0</t>
  </si>
  <si>
    <t>124925626.0</t>
  </si>
  <si>
    <t>716287.0</t>
  </si>
  <si>
    <t>2108.794</t>
  </si>
  <si>
    <t>536030.0</t>
  </si>
  <si>
    <t>9.048</t>
  </si>
  <si>
    <t>101445928.0</t>
  </si>
  <si>
    <t>47644662.0</t>
  </si>
  <si>
    <t>44286849.0</t>
  </si>
  <si>
    <t>11016581.0</t>
  </si>
  <si>
    <t>578963.0</t>
  </si>
  <si>
    <t>464834.0</t>
  </si>
  <si>
    <t>125490703.0</t>
  </si>
  <si>
    <t>565077.0</t>
  </si>
  <si>
    <t>2118.332</t>
  </si>
  <si>
    <t>525813.0</t>
  </si>
  <si>
    <t>101957800.0</t>
  </si>
  <si>
    <t>47676872.0</t>
  </si>
  <si>
    <t>44307334.0</t>
  </si>
  <si>
    <t>11475869.0</t>
  </si>
  <si>
    <t>511872.0</t>
  </si>
  <si>
    <t>470647.0</t>
  </si>
  <si>
    <t>34638.0</t>
  </si>
  <si>
    <t>125992518.0</t>
  </si>
  <si>
    <t>501815.0</t>
  </si>
  <si>
    <t>2126.803</t>
  </si>
  <si>
    <t>522486.0</t>
  </si>
  <si>
    <t>102283021.0</t>
  </si>
  <si>
    <t>47698276.0</t>
  </si>
  <si>
    <t>44317684.0</t>
  </si>
  <si>
    <t>11769406.0</t>
  </si>
  <si>
    <t>325221.0</t>
  </si>
  <si>
    <t>474993.0</t>
  </si>
  <si>
    <t>163154.5</t>
  </si>
  <si>
    <t>2763.57531027074</t>
  </si>
  <si>
    <t>126306054.0</t>
  </si>
  <si>
    <t>313536.0</t>
  </si>
  <si>
    <t>2132.096</t>
  </si>
  <si>
    <t>524197.0</t>
  </si>
  <si>
    <t>102806511.0</t>
  </si>
  <si>
    <t>47731403.0</t>
  </si>
  <si>
    <t>44340494.0</t>
  </si>
  <si>
    <t>12237069.0</t>
  </si>
  <si>
    <t>523490.0</t>
  </si>
  <si>
    <t>474824.0</t>
  </si>
  <si>
    <t>174.14</t>
  </si>
  <si>
    <t>32695.0</t>
  </si>
  <si>
    <t>127082617.0</t>
  </si>
  <si>
    <t>776563.0</t>
  </si>
  <si>
    <t>2145.204</t>
  </si>
  <si>
    <t>13.109</t>
  </si>
  <si>
    <t>535829.0</t>
  </si>
  <si>
    <t>103355580.0</t>
  </si>
  <si>
    <t>47764460.0</t>
  </si>
  <si>
    <t>44362399.0</t>
  </si>
  <si>
    <t>12731313.0</t>
  </si>
  <si>
    <t>549069.0</t>
  </si>
  <si>
    <t>475542.0</t>
  </si>
  <si>
    <t>175.07</t>
  </si>
  <si>
    <t>31266.0</t>
  </si>
  <si>
    <t>127717255.0</t>
  </si>
  <si>
    <t>634638.0</t>
  </si>
  <si>
    <t>2155.917</t>
  </si>
  <si>
    <t>545821.0</t>
  </si>
  <si>
    <t>103926097.0</t>
  </si>
  <si>
    <t>47795759.0</t>
  </si>
  <si>
    <t>44384524.0</t>
  </si>
  <si>
    <t>13248504.0</t>
  </si>
  <si>
    <t>570517.0</t>
  </si>
  <si>
    <t>516813.0</t>
  </si>
  <si>
    <t>176.03</t>
  </si>
  <si>
    <t>128435536.0</t>
  </si>
  <si>
    <t>718281.0</t>
  </si>
  <si>
    <t>2168.042</t>
  </si>
  <si>
    <t>12.125</t>
  </si>
  <si>
    <t>603742.0</t>
  </si>
  <si>
    <t>104516435.0</t>
  </si>
  <si>
    <t>47841935.0</t>
  </si>
  <si>
    <t>44408508.0</t>
  </si>
  <si>
    <t>13768814.0</t>
  </si>
  <si>
    <t>590338.0</t>
  </si>
  <si>
    <t>521353.0</t>
  </si>
  <si>
    <t>129104696.0</t>
  </si>
  <si>
    <t>669160.0</t>
  </si>
  <si>
    <t>2179.338</t>
  </si>
  <si>
    <t>11.296</t>
  </si>
  <si>
    <t>597010.0</t>
  </si>
  <si>
    <t>105100779.0</t>
  </si>
  <si>
    <t>47883148.0</t>
  </si>
  <si>
    <t>44434490.0</t>
  </si>
  <si>
    <t>14286041.0</t>
  </si>
  <si>
    <t>584344.0</t>
  </si>
  <si>
    <t>522122.0</t>
  </si>
  <si>
    <t>34069.0</t>
  </si>
  <si>
    <t>129802436.0</t>
  </si>
  <si>
    <t>697740.0</t>
  </si>
  <si>
    <t>2191.116</t>
  </si>
  <si>
    <t>11.778</t>
  </si>
  <si>
    <t>615962.0</t>
  </si>
  <si>
    <t>10.398</t>
  </si>
  <si>
    <t>105645857.0</t>
  </si>
  <si>
    <t>47936186.0</t>
  </si>
  <si>
    <t>44457830.0</t>
  </si>
  <si>
    <t>14754829.0</t>
  </si>
  <si>
    <t>545078.0</t>
  </si>
  <si>
    <t>526865.0</t>
  </si>
  <si>
    <t>130368736.0</t>
  </si>
  <si>
    <t>566300.0</t>
  </si>
  <si>
    <t>2200.675</t>
  </si>
  <si>
    <t>625174.0</t>
  </si>
  <si>
    <t>105996628.0</t>
  </si>
  <si>
    <t>47974075.0</t>
  </si>
  <si>
    <t>44470212.0</t>
  </si>
  <si>
    <t>15055377.0</t>
  </si>
  <si>
    <t>350771.0</t>
  </si>
  <si>
    <t>530515.0</t>
  </si>
  <si>
    <t>165242.3</t>
  </si>
  <si>
    <t>2798.93929062545</t>
  </si>
  <si>
    <t>16.718</t>
  </si>
  <si>
    <t>130705958.0</t>
  </si>
  <si>
    <t>337222.0</t>
  </si>
  <si>
    <t>2206.368</t>
  </si>
  <si>
    <t>628558.0</t>
  </si>
  <si>
    <t>106542953.0</t>
  </si>
  <si>
    <t>48015856.0</t>
  </si>
  <si>
    <t>44497349.0</t>
  </si>
  <si>
    <t>15532890.0</t>
  </si>
  <si>
    <t>546325.0</t>
  </si>
  <si>
    <t>533777.0</t>
  </si>
  <si>
    <t>40636.0</t>
  </si>
  <si>
    <t>131557823.0</t>
  </si>
  <si>
    <t>851865.0</t>
  </si>
  <si>
    <t>2220.748</t>
  </si>
  <si>
    <t>639315.0</t>
  </si>
  <si>
    <t>107104435.0</t>
  </si>
  <si>
    <t>48056999.0</t>
  </si>
  <si>
    <t>44524366.0</t>
  </si>
  <si>
    <t>16026341.0</t>
  </si>
  <si>
    <t>561482.0</t>
  </si>
  <si>
    <t>535551.0</t>
  </si>
  <si>
    <t>41791.0</t>
  </si>
  <si>
    <t>132337126.0</t>
  </si>
  <si>
    <t>779303.0</t>
  </si>
  <si>
    <t>2233.903</t>
  </si>
  <si>
    <t>659982.0</t>
  </si>
  <si>
    <t>107657307.0</t>
  </si>
  <si>
    <t>48099175.0</t>
  </si>
  <si>
    <t>44550452.0</t>
  </si>
  <si>
    <t>16511102.0</t>
  </si>
  <si>
    <t>552872.0</t>
  </si>
  <si>
    <t>533030.0</t>
  </si>
  <si>
    <t>182.35</t>
  </si>
  <si>
    <t>133238576.0</t>
  </si>
  <si>
    <t>901450.0</t>
  </si>
  <si>
    <t>2249.119</t>
  </si>
  <si>
    <t>15.217</t>
  </si>
  <si>
    <t>686149.0</t>
  </si>
  <si>
    <t>108151825.0</t>
  </si>
  <si>
    <t>48141953.0</t>
  </si>
  <si>
    <t>44575316.0</t>
  </si>
  <si>
    <t>16938072.0</t>
  </si>
  <si>
    <t>494518.0</t>
  </si>
  <si>
    <t>519341.0</t>
  </si>
  <si>
    <t>183.19</t>
  </si>
  <si>
    <t>134168351.0</t>
  </si>
  <si>
    <t>929775.0</t>
  </si>
  <si>
    <t>2264.814</t>
  </si>
  <si>
    <t>15.695</t>
  </si>
  <si>
    <t>723379.0</t>
  </si>
  <si>
    <t>108389647.0</t>
  </si>
  <si>
    <t>48157161.0</t>
  </si>
  <si>
    <t>44587135.0</t>
  </si>
  <si>
    <t>17148918.0</t>
  </si>
  <si>
    <t>237822.0</t>
  </si>
  <si>
    <t>469838.0</t>
  </si>
  <si>
    <t>183.59</t>
  </si>
  <si>
    <t>135138103.0</t>
  </si>
  <si>
    <t>969752.0</t>
  </si>
  <si>
    <t>2281.184</t>
  </si>
  <si>
    <t>762238.0</t>
  </si>
  <si>
    <t>108426298.0</t>
  </si>
  <si>
    <t>48158796.0</t>
  </si>
  <si>
    <t>44589111.0</t>
  </si>
  <si>
    <t>17181971.0</t>
  </si>
  <si>
    <t>36651.0</t>
  </si>
  <si>
    <t>397206.0</t>
  </si>
  <si>
    <t>183.66</t>
  </si>
  <si>
    <t>31801.0</t>
  </si>
  <si>
    <t>135355155.0</t>
  </si>
  <si>
    <t>2284.848</t>
  </si>
  <si>
    <t>712346.0</t>
  </si>
  <si>
    <t>108609861.0</t>
  </si>
  <si>
    <t>48175807.0</t>
  </si>
  <si>
    <t>44596612.0</t>
  </si>
  <si>
    <t>17341048.0</t>
  </si>
  <si>
    <t>373319.0</t>
  </si>
  <si>
    <t>183.97</t>
  </si>
  <si>
    <t>167105.9</t>
  </si>
  <si>
    <t>2830.50568289916</t>
  </si>
  <si>
    <t>135699123.0</t>
  </si>
  <si>
    <t>343968.0</t>
  </si>
  <si>
    <t>2290.654</t>
  </si>
  <si>
    <t>713309.0</t>
  </si>
  <si>
    <t>109207036.0</t>
  </si>
  <si>
    <t>48226070.0</t>
  </si>
  <si>
    <t>44638886.0</t>
  </si>
  <si>
    <t>17845751.0</t>
  </si>
  <si>
    <t>597175.0</t>
  </si>
  <si>
    <t>380583.0</t>
  </si>
  <si>
    <t>184.98</t>
  </si>
  <si>
    <t>136733800.0</t>
  </si>
  <si>
    <t>1034677.0</t>
  </si>
  <si>
    <t>2308.12</t>
  </si>
  <si>
    <t>17.466</t>
  </si>
  <si>
    <t>739425.0</t>
  </si>
  <si>
    <t>12.482</t>
  </si>
  <si>
    <t>109858646.0</t>
  </si>
  <si>
    <t>48286212.0</t>
  </si>
  <si>
    <t>44676151.0</t>
  </si>
  <si>
    <t>18400021.0</t>
  </si>
  <si>
    <t>651610.0</t>
  </si>
  <si>
    <t>393459.0</t>
  </si>
  <si>
    <t>137763229.0</t>
  </si>
  <si>
    <t>1029429.0</t>
  </si>
  <si>
    <t>2325.497</t>
  </si>
  <si>
    <t>17.377</t>
  </si>
  <si>
    <t>775158.0</t>
  </si>
  <si>
    <t>110499625.0</t>
  </si>
  <si>
    <t>48347323.0</t>
  </si>
  <si>
    <t>44705377.0</t>
  </si>
  <si>
    <t>18950708.0</t>
  </si>
  <si>
    <t>640979.0</t>
  </si>
  <si>
    <t>406045.0</t>
  </si>
  <si>
    <t>132.645</t>
  </si>
  <si>
    <t>138913581.0</t>
  </si>
  <si>
    <t>1150352.0</t>
  </si>
  <si>
    <t>2344.916</t>
  </si>
  <si>
    <t>810715.0</t>
  </si>
  <si>
    <t>111082451.0</t>
  </si>
  <si>
    <t>48403268.0</t>
  </si>
  <si>
    <t>44732482.0</t>
  </si>
  <si>
    <t>19450579.0</t>
  </si>
  <si>
    <t>582826.0</t>
  </si>
  <si>
    <t>418661.0</t>
  </si>
  <si>
    <t>188.16</t>
  </si>
  <si>
    <t>140137606.0</t>
  </si>
  <si>
    <t>1224025.0</t>
  </si>
  <si>
    <t>2365.578</t>
  </si>
  <si>
    <t>20.662</t>
  </si>
  <si>
    <t>852751.0</t>
  </si>
  <si>
    <t>14.395</t>
  </si>
  <si>
    <t>111363471.0</t>
  </si>
  <si>
    <t>48424970.0</t>
  </si>
  <si>
    <t>44744677.0</t>
  </si>
  <si>
    <t>19697987.0</t>
  </si>
  <si>
    <t>281020.0</t>
  </si>
  <si>
    <t>424832.0</t>
  </si>
  <si>
    <t>188.63</t>
  </si>
  <si>
    <t>38258.0</t>
  </si>
  <si>
    <t>21.969</t>
  </si>
  <si>
    <t>141268542.0</t>
  </si>
  <si>
    <t>1130936.0</t>
  </si>
  <si>
    <t>2384.668</t>
  </si>
  <si>
    <t>875777.0</t>
  </si>
  <si>
    <t>14.783</t>
  </si>
  <si>
    <t>111436640.0</t>
  </si>
  <si>
    <t>48430348.0</t>
  </si>
  <si>
    <t>44747680.0</t>
  </si>
  <si>
    <t>19762802.0</t>
  </si>
  <si>
    <t>73169.0</t>
  </si>
  <si>
    <t>430049.0</t>
  </si>
  <si>
    <t>38793.0</t>
  </si>
  <si>
    <t>141547196.0</t>
  </si>
  <si>
    <t>278654.0</t>
  </si>
  <si>
    <t>2389.372</t>
  </si>
  <si>
    <t>884577.0</t>
  </si>
  <si>
    <t>14.932</t>
  </si>
  <si>
    <t>111775988.0</t>
  </si>
  <si>
    <t>48474220.0</t>
  </si>
  <si>
    <t>44766507.0</t>
  </si>
  <si>
    <t>20039531.0</t>
  </si>
  <si>
    <t>339348.0</t>
  </si>
  <si>
    <t>452304.0</t>
  </si>
  <si>
    <t>42630.0</t>
  </si>
  <si>
    <t>168194.3</t>
  </si>
  <si>
    <t>2848.94143163854</t>
  </si>
  <si>
    <t>141992517.0</t>
  </si>
  <si>
    <t>445321.0</t>
  </si>
  <si>
    <t>2396.889</t>
  </si>
  <si>
    <t>899056.0</t>
  </si>
  <si>
    <t>15.176</t>
  </si>
  <si>
    <t>112403413.0</t>
  </si>
  <si>
    <t>48540240.0</t>
  </si>
  <si>
    <t>44807984.0</t>
  </si>
  <si>
    <t>20559573.0</t>
  </si>
  <si>
    <t>627425.0</t>
  </si>
  <si>
    <t>456625.0</t>
  </si>
  <si>
    <t>44881.0</t>
  </si>
  <si>
    <t>143220927.0</t>
  </si>
  <si>
    <t>1228410.0</t>
  </si>
  <si>
    <t>2417.625</t>
  </si>
  <si>
    <t>20.736</t>
  </si>
  <si>
    <t>926732.0</t>
  </si>
  <si>
    <t>113091921.0</t>
  </si>
  <si>
    <t>48617396.0</t>
  </si>
  <si>
    <t>44847365.0</t>
  </si>
  <si>
    <t>21131679.0</t>
  </si>
  <si>
    <t>688508.0</t>
  </si>
  <si>
    <t>461896.0</t>
  </si>
  <si>
    <t>24.188</t>
  </si>
  <si>
    <t>144315182.0</t>
  </si>
  <si>
    <t>1094255.0</t>
  </si>
  <si>
    <t>2436.097</t>
  </si>
  <si>
    <t>18.471</t>
  </si>
  <si>
    <t>935993.0</t>
  </si>
  <si>
    <t>113758666.0</t>
  </si>
  <si>
    <t>48689764.0</t>
  </si>
  <si>
    <t>44881376.0</t>
  </si>
  <si>
    <t>21692108.0</t>
  </si>
  <si>
    <t>666745.0</t>
  </si>
  <si>
    <t>465577.0</t>
  </si>
  <si>
    <t>48920.0</t>
  </si>
  <si>
    <t>145453492.0</t>
  </si>
  <si>
    <t>1138310.0</t>
  </si>
  <si>
    <t>2455.312</t>
  </si>
  <si>
    <t>934273.0</t>
  </si>
  <si>
    <t>15.771</t>
  </si>
  <si>
    <t>114099289.0</t>
  </si>
  <si>
    <t>48736363.0</t>
  </si>
  <si>
    <t>44901003.0</t>
  </si>
  <si>
    <t>21966597.0</t>
  </si>
  <si>
    <t>340623.0</t>
  </si>
  <si>
    <t>430977.0</t>
  </si>
  <si>
    <t>184.408</t>
  </si>
  <si>
    <t>145945664.0</t>
  </si>
  <si>
    <t>492172.0</t>
  </si>
  <si>
    <t>2463.62</t>
  </si>
  <si>
    <t>8.308</t>
  </si>
  <si>
    <t>829723.0</t>
  </si>
  <si>
    <t>14.006</t>
  </si>
  <si>
    <t>114786892.0</t>
  </si>
  <si>
    <t>48813058.0</t>
  </si>
  <si>
    <t>44957790.0</t>
  </si>
  <si>
    <t>22520825.0</t>
  </si>
  <si>
    <t>687603.0</t>
  </si>
  <si>
    <t>489060.0</t>
  </si>
  <si>
    <t>55441.0</t>
  </si>
  <si>
    <t>147165930.0</t>
  </si>
  <si>
    <t>1220266.0</t>
  </si>
  <si>
    <t>2484.219</t>
  </si>
  <si>
    <t>842484.0</t>
  </si>
  <si>
    <t>14.221</t>
  </si>
  <si>
    <t>115428002.0</t>
  </si>
  <si>
    <t>48897115.0</t>
  </si>
  <si>
    <t>45011594.0</t>
  </si>
  <si>
    <t>23024250.0</t>
  </si>
  <si>
    <t>641110.0</t>
  </si>
  <si>
    <t>570195.0</t>
  </si>
  <si>
    <t>17242.0</t>
  </si>
  <si>
    <t>148159131.0</t>
  </si>
  <si>
    <t>993201.0</t>
  </si>
  <si>
    <t>2500.984</t>
  </si>
  <si>
    <t>16.766</t>
  </si>
  <si>
    <t>944562.0</t>
  </si>
  <si>
    <t>15.945</t>
  </si>
  <si>
    <t>115849276.0</t>
  </si>
  <si>
    <t>48961292.0</t>
  </si>
  <si>
    <t>45049130.0</t>
  </si>
  <si>
    <t>23343959.0</t>
  </si>
  <si>
    <t>421274.0</t>
  </si>
  <si>
    <t>581898.0</t>
  </si>
  <si>
    <t>69582.0</t>
  </si>
  <si>
    <t>168683.8</t>
  </si>
  <si>
    <t>2857.23277582075</t>
  </si>
  <si>
    <t>148771952.0</t>
  </si>
  <si>
    <t>612821.0</t>
  </si>
  <si>
    <t>2511.329</t>
  </si>
  <si>
    <t>968491.0</t>
  </si>
  <si>
    <t>116517473.0</t>
  </si>
  <si>
    <t>49032154.0</t>
  </si>
  <si>
    <t>45104273.0</t>
  </si>
  <si>
    <t>23886289.0</t>
  </si>
  <si>
    <t>668197.0</t>
  </si>
  <si>
    <t>587723.0</t>
  </si>
  <si>
    <t>70273.0</t>
  </si>
  <si>
    <t>150147466.0</t>
  </si>
  <si>
    <t>1375514.0</t>
  </si>
  <si>
    <t>2534.548</t>
  </si>
  <si>
    <t>23.219</t>
  </si>
  <si>
    <t>989506.0</t>
  </si>
  <si>
    <t>117242176.0</t>
  </si>
  <si>
    <t>49114789.0</t>
  </si>
  <si>
    <t>45159436.0</t>
  </si>
  <si>
    <t>24473329.0</t>
  </si>
  <si>
    <t>724703.0</t>
  </si>
  <si>
    <t>592894.0</t>
  </si>
  <si>
    <t>71056.0</t>
  </si>
  <si>
    <t>151338033.0</t>
  </si>
  <si>
    <t>1190567.0</t>
  </si>
  <si>
    <t>2554.645</t>
  </si>
  <si>
    <t>1003264.0</t>
  </si>
  <si>
    <t>16.935</t>
  </si>
  <si>
    <t>117955294.0</t>
  </si>
  <si>
    <t>49194580.0</t>
  </si>
  <si>
    <t>45211578.0</t>
  </si>
  <si>
    <t>25054643.0</t>
  </si>
  <si>
    <t>713118.0</t>
  </si>
  <si>
    <t>599518.0</t>
  </si>
  <si>
    <t>72117.0</t>
  </si>
  <si>
    <t>152519212.0</t>
  </si>
  <si>
    <t>2574.584</t>
  </si>
  <si>
    <t>1009389.0</t>
  </si>
  <si>
    <t>118662868.0</t>
  </si>
  <si>
    <t>49269105.0</t>
  </si>
  <si>
    <t>45264278.0</t>
  </si>
  <si>
    <t>25635081.0</t>
  </si>
  <si>
    <t>707574.0</t>
  </si>
  <si>
    <t>651940.0</t>
  </si>
  <si>
    <t>153651521.0</t>
  </si>
  <si>
    <t>1132309.0</t>
  </si>
  <si>
    <t>2593.698</t>
  </si>
  <si>
    <t>1100837.0</t>
  </si>
  <si>
    <t>18.583</t>
  </si>
  <si>
    <t>119370420.0</t>
  </si>
  <si>
    <t>49347361.0</t>
  </si>
  <si>
    <t>45305086.0</t>
  </si>
  <si>
    <t>26223706.0</t>
  </si>
  <si>
    <t>707552.0</t>
  </si>
  <si>
    <t>654790.0</t>
  </si>
  <si>
    <t>202.19</t>
  </si>
  <si>
    <t>76329.0</t>
  </si>
  <si>
    <t>154869351.0</t>
  </si>
  <si>
    <t>1217830.0</t>
  </si>
  <si>
    <t>2614.255</t>
  </si>
  <si>
    <t>1100489.0</t>
  </si>
  <si>
    <t>120070907.0</t>
  </si>
  <si>
    <t>49445704.0</t>
  </si>
  <si>
    <t>45337331.0</t>
  </si>
  <si>
    <t>26793708.0</t>
  </si>
  <si>
    <t>700487.0</t>
  </si>
  <si>
    <t>663272.0</t>
  </si>
  <si>
    <t>78370.0</t>
  </si>
  <si>
    <t>155797197.0</t>
  </si>
  <si>
    <t>927846.0</t>
  </si>
  <si>
    <t>2629.918</t>
  </si>
  <si>
    <t>15.662</t>
  </si>
  <si>
    <t>1091152.0</t>
  </si>
  <si>
    <t>18.419</t>
  </si>
  <si>
    <t>120505156.0</t>
  </si>
  <si>
    <t>49511613.0</t>
  </si>
  <si>
    <t>45363858.0</t>
  </si>
  <si>
    <t>27135607.0</t>
  </si>
  <si>
    <t>434249.0</t>
  </si>
  <si>
    <t>665126.0</t>
  </si>
  <si>
    <t>169864.1</t>
  </si>
  <si>
    <t>2877.22516302866</t>
  </si>
  <si>
    <t>20945.0</t>
  </si>
  <si>
    <t>156338495.0</t>
  </si>
  <si>
    <t>541298.0</t>
  </si>
  <si>
    <t>2639.055</t>
  </si>
  <si>
    <t>9.137</t>
  </si>
  <si>
    <t>1080935.0</t>
  </si>
  <si>
    <t>18.247</t>
  </si>
  <si>
    <t>121103927.0</t>
  </si>
  <si>
    <t>49570454.0</t>
  </si>
  <si>
    <t>45414186.0</t>
  </si>
  <si>
    <t>27625304.0</t>
  </si>
  <si>
    <t>598771.0</t>
  </si>
  <si>
    <t>655208.0</t>
  </si>
  <si>
    <t>205.13</t>
  </si>
  <si>
    <t>76900.0</t>
  </si>
  <si>
    <t>157819844.0</t>
  </si>
  <si>
    <t>1481349.0</t>
  </si>
  <si>
    <t>2664.061</t>
  </si>
  <si>
    <t>25.006</t>
  </si>
  <si>
    <t>1096054.0</t>
  </si>
  <si>
    <t>18.502</t>
  </si>
  <si>
    <t>121734243.0</t>
  </si>
  <si>
    <t>49629914.0</t>
  </si>
  <si>
    <t>45468172.0</t>
  </si>
  <si>
    <t>28142363.0</t>
  </si>
  <si>
    <t>630316.0</t>
  </si>
  <si>
    <t>641724.0</t>
  </si>
  <si>
    <t>206.2</t>
  </si>
  <si>
    <t>73589.0</t>
  </si>
  <si>
    <t>28.592</t>
  </si>
  <si>
    <t>159001733.0</t>
  </si>
  <si>
    <t>1181889.0</t>
  </si>
  <si>
    <t>2684.012</t>
  </si>
  <si>
    <t>19.951</t>
  </si>
  <si>
    <t>1094814.0</t>
  </si>
  <si>
    <t>18.481</t>
  </si>
  <si>
    <t>122344834.0</t>
  </si>
  <si>
    <t>49684817.0</t>
  </si>
  <si>
    <t>45521090.0</t>
  </si>
  <si>
    <t>28645188.0</t>
  </si>
  <si>
    <t>610591.0</t>
  </si>
  <si>
    <t>627077.0</t>
  </si>
  <si>
    <t>70034.0</t>
  </si>
  <si>
    <t>28.761</t>
  </si>
  <si>
    <t>160111999.0</t>
  </si>
  <si>
    <t>1110266.0</t>
  </si>
  <si>
    <t>2702.753</t>
  </si>
  <si>
    <t>18.742</t>
  </si>
  <si>
    <t>1084684.0</t>
  </si>
  <si>
    <t>122948146.0</t>
  </si>
  <si>
    <t>49739069.0</t>
  </si>
  <si>
    <t>45571382.0</t>
  </si>
  <si>
    <t>29144053.0</t>
  </si>
  <si>
    <t>603312.0</t>
  </si>
  <si>
    <t>612183.0</t>
  </si>
  <si>
    <t>67138.0</t>
  </si>
  <si>
    <t>161229552.0</t>
  </si>
  <si>
    <t>1117553.0</t>
  </si>
  <si>
    <t>2721.618</t>
  </si>
  <si>
    <t>18.865</t>
  </si>
  <si>
    <t>1082576.0</t>
  </si>
  <si>
    <t>123534401.0</t>
  </si>
  <si>
    <t>49793540.0</t>
  </si>
  <si>
    <t>45609356.0</t>
  </si>
  <si>
    <t>29637958.0</t>
  </si>
  <si>
    <t>586255.0</t>
  </si>
  <si>
    <t>594854.0</t>
  </si>
  <si>
    <t>209.25</t>
  </si>
  <si>
    <t>63740.0</t>
  </si>
  <si>
    <t>21118.0</t>
  </si>
  <si>
    <t>162273201.0</t>
  </si>
  <si>
    <t>1043649.0</t>
  </si>
  <si>
    <t>2739.235</t>
  </si>
  <si>
    <t>17.617</t>
  </si>
  <si>
    <t>1057693.0</t>
  </si>
  <si>
    <t>124100442.0</t>
  </si>
  <si>
    <t>49863720.0</t>
  </si>
  <si>
    <t>45635672.0</t>
  </si>
  <si>
    <t>30107582.0</t>
  </si>
  <si>
    <t>575648.0</t>
  </si>
  <si>
    <t>163206585.0</t>
  </si>
  <si>
    <t>933384.0</t>
  </si>
  <si>
    <t>2754.991</t>
  </si>
  <si>
    <t>1058484.0</t>
  </si>
  <si>
    <t>124448733.0</t>
  </si>
  <si>
    <t>49904458.0</t>
  </si>
  <si>
    <t>45667894.0</t>
  </si>
  <si>
    <t>30382974.0</t>
  </si>
  <si>
    <t>348291.0</t>
  </si>
  <si>
    <t>563368.0</t>
  </si>
  <si>
    <t>171401.2</t>
  </si>
  <si>
    <t>2903.26116944845</t>
  </si>
  <si>
    <t>15.939</t>
  </si>
  <si>
    <t>163725878.0</t>
  </si>
  <si>
    <t>519293.0</t>
  </si>
  <si>
    <t>2763.757</t>
  </si>
  <si>
    <t>1055340.0</t>
  </si>
  <si>
    <t>17.815</t>
  </si>
  <si>
    <t>124979456.0</t>
  </si>
  <si>
    <t>49944986.0</t>
  </si>
  <si>
    <t>45720883.0</t>
  </si>
  <si>
    <t>30820230.0</t>
  </si>
  <si>
    <t>530723.0</t>
  </si>
  <si>
    <t>553647.0</t>
  </si>
  <si>
    <t>15.617</t>
  </si>
  <si>
    <t>165147423.0</t>
  </si>
  <si>
    <t>1421545.0</t>
  </si>
  <si>
    <t>2787.753</t>
  </si>
  <si>
    <t>1046797.0</t>
  </si>
  <si>
    <t>125530923.0</t>
  </si>
  <si>
    <t>49986034.0</t>
  </si>
  <si>
    <t>45779268.0</t>
  </si>
  <si>
    <t>31272365.0</t>
  </si>
  <si>
    <t>551467.0</t>
  </si>
  <si>
    <t>542383.0</t>
  </si>
  <si>
    <t>50874.0</t>
  </si>
  <si>
    <t>166244710.0</t>
  </si>
  <si>
    <t>1097287.0</t>
  </si>
  <si>
    <t>2806.276</t>
  </si>
  <si>
    <t>18.523</t>
  </si>
  <si>
    <t>1034711.0</t>
  </si>
  <si>
    <t>126061901.0</t>
  </si>
  <si>
    <t>50025732.0</t>
  </si>
  <si>
    <t>45834764.0</t>
  </si>
  <si>
    <t>31708216.0</t>
  </si>
  <si>
    <t>530978.0</t>
  </si>
  <si>
    <t>531010.0</t>
  </si>
  <si>
    <t>213.53</t>
  </si>
  <si>
    <t>48702.0</t>
  </si>
  <si>
    <t>167284466.0</t>
  </si>
  <si>
    <t>1039756.0</t>
  </si>
  <si>
    <t>2823.827</t>
  </si>
  <si>
    <t>17.551</t>
  </si>
  <si>
    <t>1024638.0</t>
  </si>
  <si>
    <t>126580162.0</t>
  </si>
  <si>
    <t>50065818.0</t>
  </si>
  <si>
    <t>45880592.0</t>
  </si>
  <si>
    <t>32140636.0</t>
  </si>
  <si>
    <t>518261.0</t>
  </si>
  <si>
    <t>518859.0</t>
  </si>
  <si>
    <t>214.41</t>
  </si>
  <si>
    <t>46678.0</t>
  </si>
  <si>
    <t>168335754.0</t>
  </si>
  <si>
    <t>1051288.0</t>
  </si>
  <si>
    <t>2841.574</t>
  </si>
  <si>
    <t>1015172.0</t>
  </si>
  <si>
    <t>127112781.0</t>
  </si>
  <si>
    <t>50106367.0</t>
  </si>
  <si>
    <t>45936172.0</t>
  </si>
  <si>
    <t>32577206.0</t>
  </si>
  <si>
    <t>532619.0</t>
  </si>
  <si>
    <t>511197.0</t>
  </si>
  <si>
    <t>44690.0</t>
  </si>
  <si>
    <t>169335244.0</t>
  </si>
  <si>
    <t>999490.0</t>
  </si>
  <si>
    <t>2858.445</t>
  </si>
  <si>
    <t>16.872</t>
  </si>
  <si>
    <t>1008863.0</t>
  </si>
  <si>
    <t>127641154.0</t>
  </si>
  <si>
    <t>50157710.0</t>
  </si>
  <si>
    <t>46000747.0</t>
  </si>
  <si>
    <t>32989728.0</t>
  </si>
  <si>
    <t>528373.0</t>
  </si>
  <si>
    <t>505816.0</t>
  </si>
  <si>
    <t>41999.0</t>
  </si>
  <si>
    <t>170153413.0</t>
  </si>
  <si>
    <t>818169.0</t>
  </si>
  <si>
    <t>2872.256</t>
  </si>
  <si>
    <t>992404.0</t>
  </si>
  <si>
    <t>127961621.0</t>
  </si>
  <si>
    <t>50194200.0</t>
  </si>
  <si>
    <t>46048791.0</t>
  </si>
  <si>
    <t>33225721.0</t>
  </si>
  <si>
    <t>320467.0</t>
  </si>
  <si>
    <t>501841.0</t>
  </si>
  <si>
    <t>41392.0</t>
  </si>
  <si>
    <t>173800.7</t>
  </si>
  <si>
    <t>2943.90484741623</t>
  </si>
  <si>
    <t>170631727.0</t>
  </si>
  <si>
    <t>478314.0</t>
  </si>
  <si>
    <t>2880.33</t>
  </si>
  <si>
    <t>8.074</t>
  </si>
  <si>
    <t>986550.0</t>
  </si>
  <si>
    <t>16.653</t>
  </si>
  <si>
    <t>128412842.0</t>
  </si>
  <si>
    <t>50230901.0</t>
  </si>
  <si>
    <t>46106449.0</t>
  </si>
  <si>
    <t>33582676.0</t>
  </si>
  <si>
    <t>451221.0</t>
  </si>
  <si>
    <t>490484.0</t>
  </si>
  <si>
    <t>40845.0</t>
  </si>
  <si>
    <t>171878714.0</t>
  </si>
  <si>
    <t>1246987.0</t>
  </si>
  <si>
    <t>2901.38</t>
  </si>
  <si>
    <t>961613.0</t>
  </si>
  <si>
    <t>16.232</t>
  </si>
  <si>
    <t>128837768.0</t>
  </si>
  <si>
    <t>50264499.0</t>
  </si>
  <si>
    <t>46169372.0</t>
  </si>
  <si>
    <t>33911147.0</t>
  </si>
  <si>
    <t>424926.0</t>
  </si>
  <si>
    <t>472406.0</t>
  </si>
  <si>
    <t>39781.0</t>
  </si>
  <si>
    <t>25.814</t>
  </si>
  <si>
    <t>172843235.0</t>
  </si>
  <si>
    <t>964521.0</t>
  </si>
  <si>
    <t>2917.662</t>
  </si>
  <si>
    <t>16.281</t>
  </si>
  <si>
    <t>942646.0</t>
  </si>
  <si>
    <t>15.912</t>
  </si>
  <si>
    <t>129225497.0</t>
  </si>
  <si>
    <t>50294541.0</t>
  </si>
  <si>
    <t>46230081.0</t>
  </si>
  <si>
    <t>34208150.0</t>
  </si>
  <si>
    <t>387729.0</t>
  </si>
  <si>
    <t>451942.0</t>
  </si>
  <si>
    <t>38401.0</t>
  </si>
  <si>
    <t>24.679</t>
  </si>
  <si>
    <t>173758572.0</t>
  </si>
  <si>
    <t>915337.0</t>
  </si>
  <si>
    <t>2933.113</t>
  </si>
  <si>
    <t>924872.0</t>
  </si>
  <si>
    <t>15.612</t>
  </si>
  <si>
    <t>129586135.0</t>
  </si>
  <si>
    <t>50322919.0</t>
  </si>
  <si>
    <t>46287856.0</t>
  </si>
  <si>
    <t>34482692.0</t>
  </si>
  <si>
    <t>360638.0</t>
  </si>
  <si>
    <t>429425.0</t>
  </si>
  <si>
    <t>12.619</t>
  </si>
  <si>
    <t>174643465.0</t>
  </si>
  <si>
    <t>884893.0</t>
  </si>
  <si>
    <t>2948.05</t>
  </si>
  <si>
    <t>901102.0</t>
  </si>
  <si>
    <t>15.211</t>
  </si>
  <si>
    <t>129953691.0</t>
  </si>
  <si>
    <t>50351997.0</t>
  </si>
  <si>
    <t>46357882.0</t>
  </si>
  <si>
    <t>34751168.0</t>
  </si>
  <si>
    <t>367556.0</t>
  </si>
  <si>
    <t>405844.0</t>
  </si>
  <si>
    <t>35090.0</t>
  </si>
  <si>
    <t>148.804</t>
  </si>
  <si>
    <t>175489945.0</t>
  </si>
  <si>
    <t>846480.0</t>
  </si>
  <si>
    <t>2962.339</t>
  </si>
  <si>
    <t>879243.0</t>
  </si>
  <si>
    <t>130319302.0</t>
  </si>
  <si>
    <t>50388031.0</t>
  </si>
  <si>
    <t>46438959.0</t>
  </si>
  <si>
    <t>34999728.0</t>
  </si>
  <si>
    <t>365611.0</t>
  </si>
  <si>
    <t>382593.0</t>
  </si>
  <si>
    <t>32903.0</t>
  </si>
  <si>
    <t>24.239</t>
  </si>
  <si>
    <t>176176489.0</t>
  </si>
  <si>
    <t>686544.0</t>
  </si>
  <si>
    <t>2973.928</t>
  </si>
  <si>
    <t>11.589</t>
  </si>
  <si>
    <t>860439.0</t>
  </si>
  <si>
    <t>14.525</t>
  </si>
  <si>
    <t>130509964.0</t>
  </si>
  <si>
    <t>50408679.0</t>
  </si>
  <si>
    <t>46492781.0</t>
  </si>
  <si>
    <t>35115936.0</t>
  </si>
  <si>
    <t>190662.0</t>
  </si>
  <si>
    <t>364049.0</t>
  </si>
  <si>
    <t>175809.2</t>
  </si>
  <si>
    <t>2977.92561307503</t>
  </si>
  <si>
    <t>176570152.0</t>
  </si>
  <si>
    <t>393663.0</t>
  </si>
  <si>
    <t>2980.573</t>
  </si>
  <si>
    <t>848346.0</t>
  </si>
  <si>
    <t>130793977.0</t>
  </si>
  <si>
    <t>50429477.0</t>
  </si>
  <si>
    <t>46556075.0</t>
  </si>
  <si>
    <t>35315885.0</t>
  </si>
  <si>
    <t>284013.0</t>
  </si>
  <si>
    <t>340162.0</t>
  </si>
  <si>
    <t>28368.0</t>
  </si>
  <si>
    <t>19713.0</t>
  </si>
  <si>
    <t>11.704</t>
  </si>
  <si>
    <t>177569247.0</t>
  </si>
  <si>
    <t>999095.0</t>
  </si>
  <si>
    <t>2997.439</t>
  </si>
  <si>
    <t>812933.0</t>
  </si>
  <si>
    <t>13.723</t>
  </si>
  <si>
    <t>131066928.0</t>
  </si>
  <si>
    <t>50451282.0</t>
  </si>
  <si>
    <t>46621165.0</t>
  </si>
  <si>
    <t>35502018.0</t>
  </si>
  <si>
    <t>272951.0</t>
  </si>
  <si>
    <t>318451.0</t>
  </si>
  <si>
    <t>26683.0</t>
  </si>
  <si>
    <t>19282.0</t>
  </si>
  <si>
    <t>178300531.0</t>
  </si>
  <si>
    <t>731284.0</t>
  </si>
  <si>
    <t>3009.783</t>
  </si>
  <si>
    <t>779614.0</t>
  </si>
  <si>
    <t>131309881.0</t>
  </si>
  <si>
    <t>50470869.0</t>
  </si>
  <si>
    <t>46678201.0</t>
  </si>
  <si>
    <t>35668374.0</t>
  </si>
  <si>
    <t>242953.0</t>
  </si>
  <si>
    <t>297769.0</t>
  </si>
  <si>
    <t>25190.0</t>
  </si>
  <si>
    <t>178984246.0</t>
  </si>
  <si>
    <t>683715.0</t>
  </si>
  <si>
    <t>3021.324</t>
  </si>
  <si>
    <t>746525.0</t>
  </si>
  <si>
    <t>131548226.0</t>
  </si>
  <si>
    <t>50489086.0</t>
  </si>
  <si>
    <t>46735115.0</t>
  </si>
  <si>
    <t>35831630.0</t>
  </si>
  <si>
    <t>238345.0</t>
  </si>
  <si>
    <t>280299.0</t>
  </si>
  <si>
    <t>179648032.0</t>
  </si>
  <si>
    <t>663786.0</t>
  </si>
  <si>
    <t>3032.529</t>
  </si>
  <si>
    <t>11.205</t>
  </si>
  <si>
    <t>714938.0</t>
  </si>
  <si>
    <t>131789640.0</t>
  </si>
  <si>
    <t>50507488.0</t>
  </si>
  <si>
    <t>46795689.0</t>
  </si>
  <si>
    <t>35994112.0</t>
  </si>
  <si>
    <t>241414.0</t>
  </si>
  <si>
    <t>262278.0</t>
  </si>
  <si>
    <t>22213.0</t>
  </si>
  <si>
    <t>180235677.0</t>
  </si>
  <si>
    <t>587645.0</t>
  </si>
  <si>
    <t>3042.449</t>
  </si>
  <si>
    <t>677962.0</t>
  </si>
  <si>
    <t>11.444</t>
  </si>
  <si>
    <t>132032674.0</t>
  </si>
  <si>
    <t>50528219.0</t>
  </si>
  <si>
    <t>46865872.0</t>
  </si>
  <si>
    <t>36146269.0</t>
  </si>
  <si>
    <t>243034.0</t>
  </si>
  <si>
    <t>244767.0</t>
  </si>
  <si>
    <t>20027.0</t>
  </si>
  <si>
    <t>180698558.0</t>
  </si>
  <si>
    <t>462881.0</t>
  </si>
  <si>
    <t>3050.263</t>
  </si>
  <si>
    <t>646010.0</t>
  </si>
  <si>
    <t>10.905</t>
  </si>
  <si>
    <t>132152117.0</t>
  </si>
  <si>
    <t>50538309.0</t>
  </si>
  <si>
    <t>46906387.0</t>
  </si>
  <si>
    <t>36215128.0</t>
  </si>
  <si>
    <t>119443.0</t>
  </si>
  <si>
    <t>234593.0</t>
  </si>
  <si>
    <t>177023.5</t>
  </si>
  <si>
    <t>2998.49390570111</t>
  </si>
  <si>
    <t>114.131</t>
  </si>
  <si>
    <t>180982449.0</t>
  </si>
  <si>
    <t>283891.0</t>
  </si>
  <si>
    <t>3055.055</t>
  </si>
  <si>
    <t>630328.0</t>
  </si>
  <si>
    <t>132324814.0</t>
  </si>
  <si>
    <t>50549327.0</t>
  </si>
  <si>
    <t>46951882.0</t>
  </si>
  <si>
    <t>36331324.0</t>
  </si>
  <si>
    <t>172697.0</t>
  </si>
  <si>
    <t>218691.0</t>
  </si>
  <si>
    <t>181678193.0</t>
  </si>
  <si>
    <t>3066.799</t>
  </si>
  <si>
    <t>11.744</t>
  </si>
  <si>
    <t>586992.0</t>
  </si>
  <si>
    <t>9.909</t>
  </si>
  <si>
    <t>132508236.0</t>
  </si>
  <si>
    <t>50562215.0</t>
  </si>
  <si>
    <t>46998968.0</t>
  </si>
  <si>
    <t>36454806.0</t>
  </si>
  <si>
    <t>183422.0</t>
  </si>
  <si>
    <t>205901.0</t>
  </si>
  <si>
    <t>16200.0</t>
  </si>
  <si>
    <t>274.402</t>
  </si>
  <si>
    <t>9.181</t>
  </si>
  <si>
    <t>182233273.0</t>
  </si>
  <si>
    <t>555080.0</t>
  </si>
  <si>
    <t>3076.169</t>
  </si>
  <si>
    <t>561820.0</t>
  </si>
  <si>
    <t>132669520.0</t>
  </si>
  <si>
    <t>50572849.0</t>
  </si>
  <si>
    <t>47043509.0</t>
  </si>
  <si>
    <t>36560938.0</t>
  </si>
  <si>
    <t>194234.0</t>
  </si>
  <si>
    <t>182771404.0</t>
  </si>
  <si>
    <t>538131.0</t>
  </si>
  <si>
    <t>3085.253</t>
  </si>
  <si>
    <t>541023.0</t>
  </si>
  <si>
    <t>9.133</t>
  </si>
  <si>
    <t>132818901.0</t>
  </si>
  <si>
    <t>50582304.0</t>
  </si>
  <si>
    <t>47085325.0</t>
  </si>
  <si>
    <t>36659066.0</t>
  </si>
  <si>
    <t>149381.0</t>
  </si>
  <si>
    <t>8.164</t>
  </si>
  <si>
    <t>98.209</t>
  </si>
  <si>
    <t>183281687.0</t>
  </si>
  <si>
    <t>510283.0</t>
  </si>
  <si>
    <t>3093.867</t>
  </si>
  <si>
    <t>519094.0</t>
  </si>
  <si>
    <t>132987146.0</t>
  </si>
  <si>
    <t>50592620.0</t>
  </si>
  <si>
    <t>47130691.0</t>
  </si>
  <si>
    <t>36771657.0</t>
  </si>
  <si>
    <t>168245.0</t>
  </si>
  <si>
    <t>171072.0</t>
  </si>
  <si>
    <t>14340.0</t>
  </si>
  <si>
    <t>183773732.0</t>
  </si>
  <si>
    <t>492045.0</t>
  </si>
  <si>
    <t>3102.173</t>
  </si>
  <si>
    <t>505436.0</t>
  </si>
  <si>
    <t>133149416.0</t>
  </si>
  <si>
    <t>50603300.0</t>
  </si>
  <si>
    <t>47181951.0</t>
  </si>
  <si>
    <t>36871998.0</t>
  </si>
  <si>
    <t>162270.0</t>
  </si>
  <si>
    <t>159535.0</t>
  </si>
  <si>
    <t>225.53</t>
  </si>
  <si>
    <t>184146508.0</t>
  </si>
  <si>
    <t>372776.0</t>
  </si>
  <si>
    <t>3108.465</t>
  </si>
  <si>
    <t>492564.0</t>
  </si>
  <si>
    <t>133224912.0</t>
  </si>
  <si>
    <t>50607598.0</t>
  </si>
  <si>
    <t>47212784.0</t>
  </si>
  <si>
    <t>36912366.0</t>
  </si>
  <si>
    <t>75496.0</t>
  </si>
  <si>
    <t>153256.0</t>
  </si>
  <si>
    <t>177469.4</t>
  </si>
  <si>
    <t>3006.04673587649</t>
  </si>
  <si>
    <t>184378274.0</t>
  </si>
  <si>
    <t>231766.0</t>
  </si>
  <si>
    <t>3112.378</t>
  </si>
  <si>
    <t>485118.0</t>
  </si>
  <si>
    <t>8.189</t>
  </si>
  <si>
    <t>133358303.0</t>
  </si>
  <si>
    <t>50614356.0</t>
  </si>
  <si>
    <t>47249765.0</t>
  </si>
  <si>
    <t>37002029.0</t>
  </si>
  <si>
    <t>133391.0</t>
  </si>
  <si>
    <t>147641.0</t>
  </si>
  <si>
    <t>225.89</t>
  </si>
  <si>
    <t>15.177</t>
  </si>
  <si>
    <t>184981913.0</t>
  </si>
  <si>
    <t>603639.0</t>
  </si>
  <si>
    <t>3122.567</t>
  </si>
  <si>
    <t>471960.0</t>
  </si>
  <si>
    <t>7.967</t>
  </si>
  <si>
    <t>133485375.0</t>
  </si>
  <si>
    <t>50621360.0</t>
  </si>
  <si>
    <t>47286066.0</t>
  </si>
  <si>
    <t>37085836.0</t>
  </si>
  <si>
    <t>127072.0</t>
  </si>
  <si>
    <t>86.471</t>
  </si>
  <si>
    <t>185461360.0</t>
  </si>
  <si>
    <t>479447.0</t>
  </si>
  <si>
    <t>3130.66</t>
  </si>
  <si>
    <t>461155.0</t>
  </si>
  <si>
    <t>7.784</t>
  </si>
  <si>
    <t>133603966.0</t>
  </si>
  <si>
    <t>50627941.0</t>
  </si>
  <si>
    <t>47318608.0</t>
  </si>
  <si>
    <t>37165315.0</t>
  </si>
  <si>
    <t>118591.0</t>
  </si>
  <si>
    <t>133492.0</t>
  </si>
  <si>
    <t>185945890.0</t>
  </si>
  <si>
    <t>484530.0</t>
  </si>
  <si>
    <t>3138.84</t>
  </si>
  <si>
    <t>453498.0</t>
  </si>
  <si>
    <t>7.655</t>
  </si>
  <si>
    <t>133720492.0</t>
  </si>
  <si>
    <t>50634448.0</t>
  </si>
  <si>
    <t>47350365.0</t>
  </si>
  <si>
    <t>37243586.0</t>
  </si>
  <si>
    <t>116526.0</t>
  </si>
  <si>
    <t>186386005.0</t>
  </si>
  <si>
    <t>440115.0</t>
  </si>
  <si>
    <t>3146.269</t>
  </si>
  <si>
    <t>7.429</t>
  </si>
  <si>
    <t>443474.0</t>
  </si>
  <si>
    <t>133851293.0</t>
  </si>
  <si>
    <t>50640455.0</t>
  </si>
  <si>
    <t>47384306.0</t>
  </si>
  <si>
    <t>37334446.0</t>
  </si>
  <si>
    <t>130801.0</t>
  </si>
  <si>
    <t>123450.0</t>
  </si>
  <si>
    <t>226.72</t>
  </si>
  <si>
    <t>186820082.0</t>
  </si>
  <si>
    <t>434077.0</t>
  </si>
  <si>
    <t>3153.596</t>
  </si>
  <si>
    <t>7.327</t>
  </si>
  <si>
    <t>435193.0</t>
  </si>
  <si>
    <t>133984892.0</t>
  </si>
  <si>
    <t>50646515.0</t>
  </si>
  <si>
    <t>47422520.0</t>
  </si>
  <si>
    <t>37423782.0</t>
  </si>
  <si>
    <t>133599.0</t>
  </si>
  <si>
    <t>187137866.0</t>
  </si>
  <si>
    <t>3158.961</t>
  </si>
  <si>
    <t>427337.0</t>
  </si>
  <si>
    <t>134045448.0</t>
  </si>
  <si>
    <t>50649014.0</t>
  </si>
  <si>
    <t>47444653.0</t>
  </si>
  <si>
    <t>37459713.0</t>
  </si>
  <si>
    <t>60556.0</t>
  </si>
  <si>
    <t>117219.0</t>
  </si>
  <si>
    <t>177417.3</t>
  </si>
  <si>
    <t>3005.16424551512</t>
  </si>
  <si>
    <t>12.094</t>
  </si>
  <si>
    <t>187336379.0</t>
  </si>
  <si>
    <t>198513.0</t>
  </si>
  <si>
    <t>3162.312</t>
  </si>
  <si>
    <t>422586.0</t>
  </si>
  <si>
    <t>134160641.0</t>
  </si>
  <si>
    <t>50654539.0</t>
  </si>
  <si>
    <t>47472351.0</t>
  </si>
  <si>
    <t>37541686.0</t>
  </si>
  <si>
    <t>115193.0</t>
  </si>
  <si>
    <t>187867237.0</t>
  </si>
  <si>
    <t>530858.0</t>
  </si>
  <si>
    <t>3171.273</t>
  </si>
  <si>
    <t>8.961</t>
  </si>
  <si>
    <t>412189.0</t>
  </si>
  <si>
    <t>134245527.0</t>
  </si>
  <si>
    <t>50660835.0</t>
  </si>
  <si>
    <t>47494375.0</t>
  </si>
  <si>
    <t>37598252.0</t>
  </si>
  <si>
    <t>84886.0</t>
  </si>
  <si>
    <t>227.39</t>
  </si>
  <si>
    <t>180.14</t>
  </si>
  <si>
    <t>188282525.0</t>
  </si>
  <si>
    <t>415288.0</t>
  </si>
  <si>
    <t>3178.283</t>
  </si>
  <si>
    <t>403024.0</t>
  </si>
  <si>
    <t>134325212.0</t>
  </si>
  <si>
    <t>50665997.0</t>
  </si>
  <si>
    <t>47515683.0</t>
  </si>
  <si>
    <t>37651471.0</t>
  </si>
  <si>
    <t>79685.0</t>
  </si>
  <si>
    <t>188713837.0</t>
  </si>
  <si>
    <t>431312.0</t>
  </si>
  <si>
    <t>3185.564</t>
  </si>
  <si>
    <t>395421.0</t>
  </si>
  <si>
    <t>134411113.0</t>
  </si>
  <si>
    <t>50671898.0</t>
  </si>
  <si>
    <t>47537614.0</t>
  </si>
  <si>
    <t>37709542.0</t>
  </si>
  <si>
    <t>98660.0</t>
  </si>
  <si>
    <t>189102673.0</t>
  </si>
  <si>
    <t>388836.0</t>
  </si>
  <si>
    <t>3192.127</t>
  </si>
  <si>
    <t>388095.0</t>
  </si>
  <si>
    <t>6.551</t>
  </si>
  <si>
    <t>134504569.0</t>
  </si>
  <si>
    <t>50677011.0</t>
  </si>
  <si>
    <t>47560159.0</t>
  </si>
  <si>
    <t>37775343.0</t>
  </si>
  <si>
    <t>93456.0</t>
  </si>
  <si>
    <t>93325.0</t>
  </si>
  <si>
    <t>227.83</t>
  </si>
  <si>
    <t>189484157.0</t>
  </si>
  <si>
    <t>381484.0</t>
  </si>
  <si>
    <t>3198.567</t>
  </si>
  <si>
    <t>380582.0</t>
  </si>
  <si>
    <t>134593289.0</t>
  </si>
  <si>
    <t>50682211.0</t>
  </si>
  <si>
    <t>47583250.0</t>
  </si>
  <si>
    <t>37835775.0</t>
  </si>
  <si>
    <t>88720.0</t>
  </si>
  <si>
    <t>227.98</t>
  </si>
  <si>
    <t>189780403.0</t>
  </si>
  <si>
    <t>296246.0</t>
  </si>
  <si>
    <t>3203.568</t>
  </si>
  <si>
    <t>377505.0</t>
  </si>
  <si>
    <t>134622636.0</t>
  </si>
  <si>
    <t>50683918.0</t>
  </si>
  <si>
    <t>47592472.0</t>
  </si>
  <si>
    <t>37854198.0</t>
  </si>
  <si>
    <t>177486.8</t>
  </si>
  <si>
    <t>3006.34146394344</t>
  </si>
  <si>
    <t>189968677.0</t>
  </si>
  <si>
    <t>188274.0</t>
  </si>
  <si>
    <t>3206.746</t>
  </si>
  <si>
    <t>376043.0</t>
  </si>
  <si>
    <t>134696698.0</t>
  </si>
  <si>
    <t>50687807.0</t>
  </si>
  <si>
    <t>47607910.0</t>
  </si>
  <si>
    <t>37908935.0</t>
  </si>
  <si>
    <t>74062.0</t>
  </si>
  <si>
    <t>76580.0</t>
  </si>
  <si>
    <t>228.15</t>
  </si>
  <si>
    <t>190499871.0</t>
  </si>
  <si>
    <t>531194.0</t>
  </si>
  <si>
    <t>3215.713</t>
  </si>
  <si>
    <t>8.967</t>
  </si>
  <si>
    <t>376091.0</t>
  </si>
  <si>
    <t>134767651.0</t>
  </si>
  <si>
    <t>50691868.0</t>
  </si>
  <si>
    <t>47622876.0</t>
  </si>
  <si>
    <t>37960865.0</t>
  </si>
  <si>
    <t>70953.0</t>
  </si>
  <si>
    <t>74589.0</t>
  </si>
  <si>
    <t>190933832.0</t>
  </si>
  <si>
    <t>433961.0</t>
  </si>
  <si>
    <t>3223.038</t>
  </si>
  <si>
    <t>378758.0</t>
  </si>
  <si>
    <t>6.394</t>
  </si>
  <si>
    <t>134834067.0</t>
  </si>
  <si>
    <t>50695425.0</t>
  </si>
  <si>
    <t>47636277.0</t>
  </si>
  <si>
    <t>38010324.0</t>
  </si>
  <si>
    <t>66416.0</t>
  </si>
  <si>
    <t>72694.0</t>
  </si>
  <si>
    <t>191387173.0</t>
  </si>
  <si>
    <t>453341.0</t>
  </si>
  <si>
    <t>3230.691</t>
  </si>
  <si>
    <t>7.653</t>
  </si>
  <si>
    <t>381905.0</t>
  </si>
  <si>
    <t>134906995.0</t>
  </si>
  <si>
    <t>50699506.0</t>
  </si>
  <si>
    <t>47649851.0</t>
  </si>
  <si>
    <t>38065597.0</t>
  </si>
  <si>
    <t>72928.0</t>
  </si>
  <si>
    <t>70840.0</t>
  </si>
  <si>
    <t>228.51</t>
  </si>
  <si>
    <t>191812811.0</t>
  </si>
  <si>
    <t>425638.0</t>
  </si>
  <si>
    <t>3237.875</t>
  </si>
  <si>
    <t>387163.0</t>
  </si>
  <si>
    <t>134986610.0</t>
  </si>
  <si>
    <t>50703745.0</t>
  </si>
  <si>
    <t>47664875.0</t>
  </si>
  <si>
    <t>38125961.0</t>
  </si>
  <si>
    <t>79615.0</t>
  </si>
  <si>
    <t>228.65</t>
  </si>
  <si>
    <t>148.16</t>
  </si>
  <si>
    <t>192230588.0</t>
  </si>
  <si>
    <t>417777.0</t>
  </si>
  <si>
    <t>3244.928</t>
  </si>
  <si>
    <t>392347.0</t>
  </si>
  <si>
    <t>6.623</t>
  </si>
  <si>
    <t>135064574.0</t>
  </si>
  <si>
    <t>50707854.0</t>
  </si>
  <si>
    <t>47679768.0</t>
  </si>
  <si>
    <t>38184923.0</t>
  </si>
  <si>
    <t>77964.0</t>
  </si>
  <si>
    <t>67326.0</t>
  </si>
  <si>
    <t>228.78</t>
  </si>
  <si>
    <t>192560616.0</t>
  </si>
  <si>
    <t>330028.0</t>
  </si>
  <si>
    <t>3250.499</t>
  </si>
  <si>
    <t>397173.0</t>
  </si>
  <si>
    <t>6.704</t>
  </si>
  <si>
    <t>135088786.0</t>
  </si>
  <si>
    <t>50709236.0</t>
  </si>
  <si>
    <t>47685131.0</t>
  </si>
  <si>
    <t>38202390.0</t>
  </si>
  <si>
    <t>66593.0</t>
  </si>
  <si>
    <t>177992.9</t>
  </si>
  <si>
    <t>3014.91398547688</t>
  </si>
  <si>
    <t>152.208</t>
  </si>
  <si>
    <t>192765493.0</t>
  </si>
  <si>
    <t>204877.0</t>
  </si>
  <si>
    <t>3253.957</t>
  </si>
  <si>
    <t>399545.0</t>
  </si>
  <si>
    <t>135151197.0</t>
  </si>
  <si>
    <t>50712663.0</t>
  </si>
  <si>
    <t>47695289.0</t>
  </si>
  <si>
    <t>38251217.0</t>
  </si>
  <si>
    <t>62411.0</t>
  </si>
  <si>
    <t>64928.0</t>
  </si>
  <si>
    <t>228.92</t>
  </si>
  <si>
    <t>193352508.0</t>
  </si>
  <si>
    <t>587015.0</t>
  </si>
  <si>
    <t>3263.866</t>
  </si>
  <si>
    <t>407520.0</t>
  </si>
  <si>
    <t>135214645.0</t>
  </si>
  <si>
    <t>50716201.0</t>
  </si>
  <si>
    <t>47705444.0</t>
  </si>
  <si>
    <t>38300976.0</t>
  </si>
  <si>
    <t>63448.0</t>
  </si>
  <si>
    <t>193843219.0</t>
  </si>
  <si>
    <t>490711.0</t>
  </si>
  <si>
    <t>3272.15</t>
  </si>
  <si>
    <t>7.016</t>
  </si>
  <si>
    <t>135271450.0</t>
  </si>
  <si>
    <t>50719497.0</t>
  </si>
  <si>
    <t>47714612.0</t>
  </si>
  <si>
    <t>38345317.0</t>
  </si>
  <si>
    <t>56805.0</t>
  </si>
  <si>
    <t>62483.0</t>
  </si>
  <si>
    <t>194373101.0</t>
  </si>
  <si>
    <t>529882.0</t>
  </si>
  <si>
    <t>3281.094</t>
  </si>
  <si>
    <t>426561.0</t>
  </si>
  <si>
    <t>135331556.0</t>
  </si>
  <si>
    <t>50722917.0</t>
  </si>
  <si>
    <t>47724006.0</t>
  </si>
  <si>
    <t>38392609.0</t>
  </si>
  <si>
    <t>60106.0</t>
  </si>
  <si>
    <t>229.23</t>
  </si>
  <si>
    <t>194863984.0</t>
  </si>
  <si>
    <t>490883.0</t>
  </si>
  <si>
    <t>3289.38</t>
  </si>
  <si>
    <t>435882.0</t>
  </si>
  <si>
    <t>135396198.0</t>
  </si>
  <si>
    <t>50726232.0</t>
  </si>
  <si>
    <t>47733851.0</t>
  </si>
  <si>
    <t>38444093.0</t>
  </si>
  <si>
    <t>64642.0</t>
  </si>
  <si>
    <t>58513.0</t>
  </si>
  <si>
    <t>229.34</t>
  </si>
  <si>
    <t>195342035.0</t>
  </si>
  <si>
    <t>478051.0</t>
  </si>
  <si>
    <t>3297.45</t>
  </si>
  <si>
    <t>444492.0</t>
  </si>
  <si>
    <t>135456698.0</t>
  </si>
  <si>
    <t>50729517.0</t>
  </si>
  <si>
    <t>47742565.0</t>
  </si>
  <si>
    <t>38492596.0</t>
  </si>
  <si>
    <t>60500.0</t>
  </si>
  <si>
    <t>229.44</t>
  </si>
  <si>
    <t>85.93</t>
  </si>
  <si>
    <t>195712501.0</t>
  </si>
  <si>
    <t>370466.0</t>
  </si>
  <si>
    <t>3303.704</t>
  </si>
  <si>
    <t>450269.0</t>
  </si>
  <si>
    <t>135471975.0</t>
  </si>
  <si>
    <t>50730407.0</t>
  </si>
  <si>
    <t>47745054.0</t>
  </si>
  <si>
    <t>38504494.0</t>
  </si>
  <si>
    <t>54741.0</t>
  </si>
  <si>
    <t>178845.2</t>
  </si>
  <si>
    <t>3029.35057923889</t>
  </si>
  <si>
    <t>195930717.0</t>
  </si>
  <si>
    <t>218216.0</t>
  </si>
  <si>
    <t>3307.387</t>
  </si>
  <si>
    <t>452175.0</t>
  </si>
  <si>
    <t>135524161.0</t>
  </si>
  <si>
    <t>50732953.0</t>
  </si>
  <si>
    <t>47752371.0</t>
  </si>
  <si>
    <t>38546818.0</t>
  </si>
  <si>
    <t>53281.0</t>
  </si>
  <si>
    <t>229.56</t>
  </si>
  <si>
    <t>196572613.0</t>
  </si>
  <si>
    <t>641896.0</t>
  </si>
  <si>
    <t>3318.223</t>
  </si>
  <si>
    <t>10.835</t>
  </si>
  <si>
    <t>460015.0</t>
  </si>
  <si>
    <t>135574683.0</t>
  </si>
  <si>
    <t>50735366.0</t>
  </si>
  <si>
    <t>47760582.0</t>
  </si>
  <si>
    <t>38586717.0</t>
  </si>
  <si>
    <t>50522.0</t>
  </si>
  <si>
    <t>51434.0</t>
  </si>
  <si>
    <t>197086357.0</t>
  </si>
  <si>
    <t>513744.0</t>
  </si>
  <si>
    <t>3326.895</t>
  </si>
  <si>
    <t>463305.0</t>
  </si>
  <si>
    <t>135619489.0</t>
  </si>
  <si>
    <t>50737734.0</t>
  </si>
  <si>
    <t>47767556.0</t>
  </si>
  <si>
    <t>38622182.0</t>
  </si>
  <si>
    <t>49720.0</t>
  </si>
  <si>
    <t>197631659.0</t>
  </si>
  <si>
    <t>3336.1</t>
  </si>
  <si>
    <t>465508.0</t>
  </si>
  <si>
    <t>135671088.0</t>
  </si>
  <si>
    <t>50740342.0</t>
  </si>
  <si>
    <t>47775509.0</t>
  </si>
  <si>
    <t>38663220.0</t>
  </si>
  <si>
    <t>198135632.0</t>
  </si>
  <si>
    <t>503973.0</t>
  </si>
  <si>
    <t>3344.607</t>
  </si>
  <si>
    <t>467378.0</t>
  </si>
  <si>
    <t>135727196.0</t>
  </si>
  <si>
    <t>50742819.0</t>
  </si>
  <si>
    <t>47783319.0</t>
  </si>
  <si>
    <t>38709041.0</t>
  </si>
  <si>
    <t>229.9</t>
  </si>
  <si>
    <t>198639817.0</t>
  </si>
  <si>
    <t>504185.0</t>
  </si>
  <si>
    <t>3353.118</t>
  </si>
  <si>
    <t>471112.0</t>
  </si>
  <si>
    <t>7.953</t>
  </si>
  <si>
    <t>135780643.0</t>
  </si>
  <si>
    <t>50745602.0</t>
  </si>
  <si>
    <t>47790968.0</t>
  </si>
  <si>
    <t>38752056.0</t>
  </si>
  <si>
    <t>199024140.0</t>
  </si>
  <si>
    <t>384323.0</t>
  </si>
  <si>
    <t>3359.606</t>
  </si>
  <si>
    <t>473091.0</t>
  </si>
  <si>
    <t>135793611.0</t>
  </si>
  <si>
    <t>50746397.0</t>
  </si>
  <si>
    <t>47793293.0</t>
  </si>
  <si>
    <t>38761904.0</t>
  </si>
  <si>
    <t>179809.9</t>
  </si>
  <si>
    <t>3045.6910485598</t>
  </si>
  <si>
    <t>199235675.0</t>
  </si>
  <si>
    <t>211535.0</t>
  </si>
  <si>
    <t>3363.176</t>
  </si>
  <si>
    <t>472137.0</t>
  </si>
  <si>
    <t>135838242.0</t>
  </si>
  <si>
    <t>50748289.0</t>
  </si>
  <si>
    <t>47799195.0</t>
  </si>
  <si>
    <t>38798741.0</t>
  </si>
  <si>
    <t>44631.0</t>
  </si>
  <si>
    <t>199896383.0</t>
  </si>
  <si>
    <t>660708.0</t>
  </si>
  <si>
    <t>3374.329</t>
  </si>
  <si>
    <t>135880152.0</t>
  </si>
  <si>
    <t>50750269.0</t>
  </si>
  <si>
    <t>47804754.0</t>
  </si>
  <si>
    <t>38833112.0</t>
  </si>
  <si>
    <t>41910.0</t>
  </si>
  <si>
    <t>230.16</t>
  </si>
  <si>
    <t>200421282.0</t>
  </si>
  <si>
    <t>3383.19</t>
  </si>
  <si>
    <t>476418.0</t>
  </si>
  <si>
    <t>8.042</t>
  </si>
  <si>
    <t>135918892.0</t>
  </si>
  <si>
    <t>50752214.0</t>
  </si>
  <si>
    <t>47810081.0</t>
  </si>
  <si>
    <t>38864580.0</t>
  </si>
  <si>
    <t>38740.0</t>
  </si>
  <si>
    <t>230.22</t>
  </si>
  <si>
    <t>175.583</t>
  </si>
  <si>
    <t>200908095.0</t>
  </si>
  <si>
    <t>486813.0</t>
  </si>
  <si>
    <t>3391.407</t>
  </si>
  <si>
    <t>468062.0</t>
  </si>
  <si>
    <t>7.901</t>
  </si>
  <si>
    <t>135961378.0</t>
  </si>
  <si>
    <t>50754199.0</t>
  </si>
  <si>
    <t>47815718.0</t>
  </si>
  <si>
    <t>38899444.0</t>
  </si>
  <si>
    <t>201422918.0</t>
  </si>
  <si>
    <t>514823.0</t>
  </si>
  <si>
    <t>3400.098</t>
  </si>
  <si>
    <t>469612.0</t>
  </si>
  <si>
    <t>135993257.0</t>
  </si>
  <si>
    <t>50755608.0</t>
  </si>
  <si>
    <t>47819867.0</t>
  </si>
  <si>
    <t>38925765.0</t>
  </si>
  <si>
    <t>38009.0</t>
  </si>
  <si>
    <t>201899959.0</t>
  </si>
  <si>
    <t>477041.0</t>
  </si>
  <si>
    <t>3408.15</t>
  </si>
  <si>
    <t>8.053</t>
  </si>
  <si>
    <t>465735.0</t>
  </si>
  <si>
    <t>136023037.0</t>
  </si>
  <si>
    <t>50757215.0</t>
  </si>
  <si>
    <t>47824034.0</t>
  </si>
  <si>
    <t>38949771.0</t>
  </si>
  <si>
    <t>202264141.0</t>
  </si>
  <si>
    <t>364182.0</t>
  </si>
  <si>
    <t>3414.298</t>
  </si>
  <si>
    <t>462857.0</t>
  </si>
  <si>
    <t>136029001.0</t>
  </si>
  <si>
    <t>50757631.0</t>
  </si>
  <si>
    <t>47824984.0</t>
  </si>
  <si>
    <t>38954369.0</t>
  </si>
  <si>
    <t>230.41</t>
  </si>
  <si>
    <t>180970.4</t>
  </si>
  <si>
    <t>3065.3480555536</t>
  </si>
  <si>
    <t>203647359.0</t>
  </si>
  <si>
    <t>1383218.0</t>
  </si>
  <si>
    <t>3437.647</t>
  </si>
  <si>
    <t>23.349</t>
  </si>
  <si>
    <t>630241.0</t>
  </si>
  <si>
    <t>136056222.0</t>
  </si>
  <si>
    <t>50758723.0</t>
  </si>
  <si>
    <t>47828498.0</t>
  </si>
  <si>
    <t>38976984.0</t>
  </si>
  <si>
    <t>27221.0</t>
  </si>
  <si>
    <t>31140.0</t>
  </si>
  <si>
    <t>230.46</t>
  </si>
  <si>
    <t>204235935.0</t>
  </si>
  <si>
    <t>588576.0</t>
  </si>
  <si>
    <t>3447.583</t>
  </si>
  <si>
    <t>619936.0</t>
  </si>
  <si>
    <t>10.465</t>
  </si>
  <si>
    <t>136085233.0</t>
  </si>
  <si>
    <t>50760008.0</t>
  </si>
  <si>
    <t>47832065.0</t>
  </si>
  <si>
    <t>39001144.0</t>
  </si>
  <si>
    <t>230.51</t>
  </si>
  <si>
    <t>204697383.0</t>
  </si>
  <si>
    <t>461448.0</t>
  </si>
  <si>
    <t>3455.372</t>
  </si>
  <si>
    <t>610872.0</t>
  </si>
  <si>
    <t>136113447.0</t>
  </si>
  <si>
    <t>50761370.0</t>
  </si>
  <si>
    <t>47835956.0</t>
  </si>
  <si>
    <t>39024106.0</t>
  </si>
  <si>
    <t>28214.0</t>
  </si>
  <si>
    <t>27794.0</t>
  </si>
  <si>
    <t>87.605</t>
  </si>
  <si>
    <t>205167186.0</t>
  </si>
  <si>
    <t>469803.0</t>
  </si>
  <si>
    <t>3463.303</t>
  </si>
  <si>
    <t>608442.0</t>
  </si>
  <si>
    <t>136143000.0</t>
  </si>
  <si>
    <t>50762737.0</t>
  </si>
  <si>
    <t>47839729.0</t>
  </si>
  <si>
    <t>39048519.0</t>
  </si>
  <si>
    <t>29553.0</t>
  </si>
  <si>
    <t>230.6</t>
  </si>
  <si>
    <t>205609215.0</t>
  </si>
  <si>
    <t>442029.0</t>
  </si>
  <si>
    <t>3470.764</t>
  </si>
  <si>
    <t>598042.0</t>
  </si>
  <si>
    <t>136176844.0</t>
  </si>
  <si>
    <t>50764271.0</t>
  </si>
  <si>
    <t>47844143.0</t>
  </si>
  <si>
    <t>39076420.0</t>
  </si>
  <si>
    <t>206047664.0</t>
  </si>
  <si>
    <t>438449.0</t>
  </si>
  <si>
    <t>3478.165</t>
  </si>
  <si>
    <t>592529.0</t>
  </si>
  <si>
    <t>136207095.0</t>
  </si>
  <si>
    <t>50765811.0</t>
  </si>
  <si>
    <t>47848152.0</t>
  </si>
  <si>
    <t>39101122.0</t>
  </si>
  <si>
    <t>30251.0</t>
  </si>
  <si>
    <t>7.876</t>
  </si>
  <si>
    <t>88.368</t>
  </si>
  <si>
    <t>206399929.0</t>
  </si>
  <si>
    <t>352265.0</t>
  </si>
  <si>
    <t>3484.112</t>
  </si>
  <si>
    <t>590827.0</t>
  </si>
  <si>
    <t>136212971.0</t>
  </si>
  <si>
    <t>50766217.0</t>
  </si>
  <si>
    <t>47848923.0</t>
  </si>
  <si>
    <t>39105821.0</t>
  </si>
  <si>
    <t>26281.0</t>
  </si>
  <si>
    <t>230.72</t>
  </si>
  <si>
    <t>182294.1</t>
  </si>
  <si>
    <t>3087.76940855462</t>
  </si>
  <si>
    <t>206592711.0</t>
  </si>
  <si>
    <t>192782.0</t>
  </si>
  <si>
    <t>3487.366</t>
  </si>
  <si>
    <t>420765.0</t>
  </si>
  <si>
    <t>136241614.0</t>
  </si>
  <si>
    <t>50767510.0</t>
  </si>
  <si>
    <t>47852489.0</t>
  </si>
  <si>
    <t>39129606.0</t>
  </si>
  <si>
    <t>207155729.0</t>
  </si>
  <si>
    <t>563018.0</t>
  </si>
  <si>
    <t>3496.87</t>
  </si>
  <si>
    <t>9.504</t>
  </si>
  <si>
    <t>417113.0</t>
  </si>
  <si>
    <t>136269383.0</t>
  </si>
  <si>
    <t>50768755.0</t>
  </si>
  <si>
    <t>47855635.0</t>
  </si>
  <si>
    <t>39152984.0</t>
  </si>
  <si>
    <t>230.82</t>
  </si>
  <si>
    <t>207575724.0</t>
  </si>
  <si>
    <t>419995.0</t>
  </si>
  <si>
    <t>3503.96</t>
  </si>
  <si>
    <t>411192.0</t>
  </si>
  <si>
    <t>6.941</t>
  </si>
  <si>
    <t>136298618.0</t>
  </si>
  <si>
    <t>50770138.0</t>
  </si>
  <si>
    <t>47858952.0</t>
  </si>
  <si>
    <t>39177522.0</t>
  </si>
  <si>
    <t>208014099.0</t>
  </si>
  <si>
    <t>438375.0</t>
  </si>
  <si>
    <t>3511.36</t>
  </si>
  <si>
    <t>406702.0</t>
  </si>
  <si>
    <t>136334837.0</t>
  </si>
  <si>
    <t>50771627.0</t>
  </si>
  <si>
    <t>47862146.0</t>
  </si>
  <si>
    <t>39209058.0</t>
  </si>
  <si>
    <t>27405.0</t>
  </si>
  <si>
    <t>230.93</t>
  </si>
  <si>
    <t>208411581.0</t>
  </si>
  <si>
    <t>397482.0</t>
  </si>
  <si>
    <t>3518.069</t>
  </si>
  <si>
    <t>400338.0</t>
  </si>
  <si>
    <t>6.758</t>
  </si>
  <si>
    <t>136367369.0</t>
  </si>
  <si>
    <t>50772798.0</t>
  </si>
  <si>
    <t>47864989.0</t>
  </si>
  <si>
    <t>39237577.0</t>
  </si>
  <si>
    <t>230.98</t>
  </si>
  <si>
    <t>208836063.0</t>
  </si>
  <si>
    <t>424482.0</t>
  </si>
  <si>
    <t>3525.235</t>
  </si>
  <si>
    <t>398343.0</t>
  </si>
  <si>
    <t>136386414.0</t>
  </si>
  <si>
    <t>50773602.0</t>
  </si>
  <si>
    <t>47866918.0</t>
  </si>
  <si>
    <t>39253889.0</t>
  </si>
  <si>
    <t>19045.0</t>
  </si>
  <si>
    <t>231.02</t>
  </si>
  <si>
    <t>209170287.0</t>
  </si>
  <si>
    <t>334224.0</t>
  </si>
  <si>
    <t>3530.876</t>
  </si>
  <si>
    <t>395765.0</t>
  </si>
  <si>
    <t>136386929.0</t>
  </si>
  <si>
    <t>50773641.0</t>
  </si>
  <si>
    <t>47866976.0</t>
  </si>
  <si>
    <t>39254307.0</t>
  </si>
  <si>
    <t>24851.0</t>
  </si>
  <si>
    <t>183627.8</t>
  </si>
  <si>
    <t>3110.36014550216</t>
  </si>
  <si>
    <t>175.329</t>
  </si>
  <si>
    <t>209276026.0</t>
  </si>
  <si>
    <t>105739.0</t>
  </si>
  <si>
    <t>3532.661</t>
  </si>
  <si>
    <t>383331.0</t>
  </si>
  <si>
    <t>136388847.0</t>
  </si>
  <si>
    <t>50773689.0</t>
  </si>
  <si>
    <t>47867117.0</t>
  </si>
  <si>
    <t>39256036.0</t>
  </si>
  <si>
    <t>209450124.0</t>
  </si>
  <si>
    <t>3535.6</t>
  </si>
  <si>
    <t>327771.0</t>
  </si>
  <si>
    <t>136431350.0</t>
  </si>
  <si>
    <t>50774976.0</t>
  </si>
  <si>
    <t>47870329.0</t>
  </si>
  <si>
    <t>39294042.0</t>
  </si>
  <si>
    <t>42503.0</t>
  </si>
  <si>
    <t>23138.0</t>
  </si>
  <si>
    <t>210060724.0</t>
  </si>
  <si>
    <t>610600.0</t>
  </si>
  <si>
    <t>3545.907</t>
  </si>
  <si>
    <t>355000.0</t>
  </si>
  <si>
    <t>136477153.0</t>
  </si>
  <si>
    <t>50776248.0</t>
  </si>
  <si>
    <t>47873570.0</t>
  </si>
  <si>
    <t>39335332.0</t>
  </si>
  <si>
    <t>45803.0</t>
  </si>
  <si>
    <t>25505.0</t>
  </si>
  <si>
    <t>231.17</t>
  </si>
  <si>
    <t>210506904.0</t>
  </si>
  <si>
    <t>446180.0</t>
  </si>
  <si>
    <t>3553.439</t>
  </si>
  <si>
    <t>356115.0</t>
  </si>
  <si>
    <t>136523138.0</t>
  </si>
  <si>
    <t>50777468.0</t>
  </si>
  <si>
    <t>47876182.0</t>
  </si>
  <si>
    <t>39377485.0</t>
  </si>
  <si>
    <t>45985.0</t>
  </si>
  <si>
    <t>26900.0</t>
  </si>
  <si>
    <t>210944097.0</t>
  </si>
  <si>
    <t>437193.0</t>
  </si>
  <si>
    <t>3560.819</t>
  </si>
  <si>
    <t>361788.0</t>
  </si>
  <si>
    <t>6.107</t>
  </si>
  <si>
    <t>136572462.0</t>
  </si>
  <si>
    <t>50778751.0</t>
  </si>
  <si>
    <t>47878819.0</t>
  </si>
  <si>
    <t>39422889.0</t>
  </si>
  <si>
    <t>29299.0</t>
  </si>
  <si>
    <t>231.33</t>
  </si>
  <si>
    <t>211365630.0</t>
  </si>
  <si>
    <t>421533.0</t>
  </si>
  <si>
    <t>3567.935</t>
  </si>
  <si>
    <t>361367.0</t>
  </si>
  <si>
    <t>136610766.0</t>
  </si>
  <si>
    <t>50779939.0</t>
  </si>
  <si>
    <t>47881114.0</t>
  </si>
  <si>
    <t>39457710.0</t>
  </si>
  <si>
    <t>211691841.0</t>
  </si>
  <si>
    <t>326211.0</t>
  </si>
  <si>
    <t>3573.441</t>
  </si>
  <si>
    <t>360222.0</t>
  </si>
  <si>
    <t>136617696.0</t>
  </si>
  <si>
    <t>50780164.0</t>
  </si>
  <si>
    <t>47881520.0</t>
  </si>
  <si>
    <t>39464010.0</t>
  </si>
  <si>
    <t>32967.0</t>
  </si>
  <si>
    <t>231.41</t>
  </si>
  <si>
    <t>184681.9</t>
  </si>
  <si>
    <t>3128.21490730497</t>
  </si>
  <si>
    <t>81.474</t>
  </si>
  <si>
    <t>211830644.0</t>
  </si>
  <si>
    <t>138803.0</t>
  </si>
  <si>
    <t>3575.784</t>
  </si>
  <si>
    <t>364945.0</t>
  </si>
  <si>
    <t>136621164.0</t>
  </si>
  <si>
    <t>50780235.0</t>
  </si>
  <si>
    <t>47881678.0</t>
  </si>
  <si>
    <t>39467249.0</t>
  </si>
  <si>
    <t>212013319.0</t>
  </si>
  <si>
    <t>182675.0</t>
  </si>
  <si>
    <t>3578.868</t>
  </si>
  <si>
    <t>366171.0</t>
  </si>
  <si>
    <t>136672049.0</t>
  </si>
  <si>
    <t>50781423.0</t>
  </si>
  <si>
    <t>47884144.0</t>
  </si>
  <si>
    <t>39514480.0</t>
  </si>
  <si>
    <t>212567845.0</t>
  </si>
  <si>
    <t>554526.0</t>
  </si>
  <si>
    <t>3588.229</t>
  </si>
  <si>
    <t>9.361</t>
  </si>
  <si>
    <t>358160.0</t>
  </si>
  <si>
    <t>136722550.0</t>
  </si>
  <si>
    <t>50782553.0</t>
  </si>
  <si>
    <t>47886263.0</t>
  </si>
  <si>
    <t>39561732.0</t>
  </si>
  <si>
    <t>50501.0</t>
  </si>
  <si>
    <t>231.59</t>
  </si>
  <si>
    <t>213009371.0</t>
  </si>
  <si>
    <t>441526.0</t>
  </si>
  <si>
    <t>3595.682</t>
  </si>
  <si>
    <t>357495.0</t>
  </si>
  <si>
    <t>136770198.0</t>
  </si>
  <si>
    <t>50783516.0</t>
  </si>
  <si>
    <t>47888391.0</t>
  </si>
  <si>
    <t>39606289.0</t>
  </si>
  <si>
    <t>47648.0</t>
  </si>
  <si>
    <t>231.67</t>
  </si>
  <si>
    <t>77.561</t>
  </si>
  <si>
    <t>213390610.0</t>
  </si>
  <si>
    <t>381239.0</t>
  </si>
  <si>
    <t>3602.117</t>
  </si>
  <si>
    <t>6.435</t>
  </si>
  <si>
    <t>349502.0</t>
  </si>
  <si>
    <t>136819061.0</t>
  </si>
  <si>
    <t>50784748.0</t>
  </si>
  <si>
    <t>47890306.0</t>
  </si>
  <si>
    <t>39652008.0</t>
  </si>
  <si>
    <t>76.104</t>
  </si>
  <si>
    <t>213773683.0</t>
  </si>
  <si>
    <t>383073.0</t>
  </si>
  <si>
    <t>3608.584</t>
  </si>
  <si>
    <t>344008.0</t>
  </si>
  <si>
    <t>136856077.0</t>
  </si>
  <si>
    <t>50785933.0</t>
  </si>
  <si>
    <t>47891929.0</t>
  </si>
  <si>
    <t>39686217.0</t>
  </si>
  <si>
    <t>231.81</t>
  </si>
  <si>
    <t>214061284.0</t>
  </si>
  <si>
    <t>287601.0</t>
  </si>
  <si>
    <t>3613.438</t>
  </si>
  <si>
    <t>338492.0</t>
  </si>
  <si>
    <t>5.714</t>
  </si>
  <si>
    <t>136858526.0</t>
  </si>
  <si>
    <t>50786000.0</t>
  </si>
  <si>
    <t>47892012.0</t>
  </si>
  <si>
    <t>39688516.0</t>
  </si>
  <si>
    <t>231.82</t>
  </si>
  <si>
    <t>185670.4</t>
  </si>
  <si>
    <t>3144.9585104186</t>
  </si>
  <si>
    <t>214183728.0</t>
  </si>
  <si>
    <t>122444.0</t>
  </si>
  <si>
    <t>3615.505</t>
  </si>
  <si>
    <t>336155.0</t>
  </si>
  <si>
    <t>136894172.0</t>
  </si>
  <si>
    <t>50786740.0</t>
  </si>
  <si>
    <t>47893227.0</t>
  </si>
  <si>
    <t>39722207.0</t>
  </si>
  <si>
    <t>35646.0</t>
  </si>
  <si>
    <t>231.88</t>
  </si>
  <si>
    <t>214594775.0</t>
  </si>
  <si>
    <t>411047.0</t>
  </si>
  <si>
    <t>3622.444</t>
  </si>
  <si>
    <t>6.939</t>
  </si>
  <si>
    <t>368779.0</t>
  </si>
  <si>
    <t>136938160.0</t>
  </si>
  <si>
    <t>50787571.0</t>
  </si>
  <si>
    <t>47894553.0</t>
  </si>
  <si>
    <t>39764039.0</t>
  </si>
  <si>
    <t>43988.0</t>
  </si>
  <si>
    <t>214930050.0</t>
  </si>
  <si>
    <t>335275.0</t>
  </si>
  <si>
    <t>3628.104</t>
  </si>
  <si>
    <t>337458.0</t>
  </si>
  <si>
    <t>5.696</t>
  </si>
  <si>
    <t>136984079.0</t>
  </si>
  <si>
    <t>50788522.0</t>
  </si>
  <si>
    <t>47896006.0</t>
  </si>
  <si>
    <t>39807555.0</t>
  </si>
  <si>
    <t>45919.0</t>
  </si>
  <si>
    <t>37361.0</t>
  </si>
  <si>
    <t>232.03</t>
  </si>
  <si>
    <t>215257228.0</t>
  </si>
  <si>
    <t>327178.0</t>
  </si>
  <si>
    <t>3633.626</t>
  </si>
  <si>
    <t>321122.0</t>
  </si>
  <si>
    <t>137029957.0</t>
  </si>
  <si>
    <t>50789410.0</t>
  </si>
  <si>
    <t>47897358.0</t>
  </si>
  <si>
    <t>39851193.0</t>
  </si>
  <si>
    <t>215559634.0</t>
  </si>
  <si>
    <t>302406.0</t>
  </si>
  <si>
    <t>3638.731</t>
  </si>
  <si>
    <t>309861.0</t>
  </si>
  <si>
    <t>137074542.0</t>
  </si>
  <si>
    <t>50790299.0</t>
  </si>
  <si>
    <t>47898739.0</t>
  </si>
  <si>
    <t>39893509.0</t>
  </si>
  <si>
    <t>36497.0</t>
  </si>
  <si>
    <t>232.18</t>
  </si>
  <si>
    <t>215865197.0</t>
  </si>
  <si>
    <t>305563.0</t>
  </si>
  <si>
    <t>3643.889</t>
  </si>
  <si>
    <t>5.158</t>
  </si>
  <si>
    <t>298788.0</t>
  </si>
  <si>
    <t>137104711.0</t>
  </si>
  <si>
    <t>50791197.0</t>
  </si>
  <si>
    <t>47899802.0</t>
  </si>
  <si>
    <t>39921717.0</t>
  </si>
  <si>
    <t>35519.0</t>
  </si>
  <si>
    <t>232.23</t>
  </si>
  <si>
    <t>216068651.0</t>
  </si>
  <si>
    <t>203454.0</t>
  </si>
  <si>
    <t>3647.324</t>
  </si>
  <si>
    <t>286767.0</t>
  </si>
  <si>
    <t>137110495.0</t>
  </si>
  <si>
    <t>50791453.0</t>
  </si>
  <si>
    <t>47900073.0</t>
  </si>
  <si>
    <t>39926974.0</t>
  </si>
  <si>
    <t>35996.0</t>
  </si>
  <si>
    <t>232.24</t>
  </si>
  <si>
    <t>186666.3</t>
  </si>
  <si>
    <t>3161.82745765266</t>
  </si>
  <si>
    <t>216195210.0</t>
  </si>
  <si>
    <t>126559.0</t>
  </si>
  <si>
    <t>3649.46</t>
  </si>
  <si>
    <t>287355.0</t>
  </si>
  <si>
    <t>137146037.0</t>
  </si>
  <si>
    <t>50792101.0</t>
  </si>
  <si>
    <t>47900864.0</t>
  </si>
  <si>
    <t>39961077.0</t>
  </si>
  <si>
    <t>35542.0</t>
  </si>
  <si>
    <t>35981.0</t>
  </si>
  <si>
    <t>216566431.0</t>
  </si>
  <si>
    <t>371221.0</t>
  </si>
  <si>
    <t>3655.726</t>
  </si>
  <si>
    <t>281665.0</t>
  </si>
  <si>
    <t>137188810.0</t>
  </si>
  <si>
    <t>50792855.0</t>
  </si>
  <si>
    <t>47902011.0</t>
  </si>
  <si>
    <t>40001949.0</t>
  </si>
  <si>
    <t>42773.0</t>
  </si>
  <si>
    <t>35807.0</t>
  </si>
  <si>
    <t>216861042.0</t>
  </si>
  <si>
    <t>294611.0</t>
  </si>
  <si>
    <t>3660.699</t>
  </si>
  <si>
    <t>275856.0</t>
  </si>
  <si>
    <t>137236303.0</t>
  </si>
  <si>
    <t>50793690.0</t>
  </si>
  <si>
    <t>47903202.0</t>
  </si>
  <si>
    <t>40047416.0</t>
  </si>
  <si>
    <t>47493.0</t>
  </si>
  <si>
    <t>36032.0</t>
  </si>
  <si>
    <t>217129696.0</t>
  </si>
  <si>
    <t>268654.0</t>
  </si>
  <si>
    <t>3665.234</t>
  </si>
  <si>
    <t>267495.0</t>
  </si>
  <si>
    <t>137282099.0</t>
  </si>
  <si>
    <t>50794354.0</t>
  </si>
  <si>
    <t>47904335.0</t>
  </si>
  <si>
    <t>40091415.0</t>
  </si>
  <si>
    <t>45796.0</t>
  </si>
  <si>
    <t>217395343.0</t>
  </si>
  <si>
    <t>265647.0</t>
  </si>
  <si>
    <t>3669.719</t>
  </si>
  <si>
    <t>262244.0</t>
  </si>
  <si>
    <t>137325514.0</t>
  </si>
  <si>
    <t>50795196.0</t>
  </si>
  <si>
    <t>47905595.0</t>
  </si>
  <si>
    <t>40132728.0</t>
  </si>
  <si>
    <t>43415.0</t>
  </si>
  <si>
    <t>135.338</t>
  </si>
  <si>
    <t>217659090.0</t>
  </si>
  <si>
    <t>263747.0</t>
  </si>
  <si>
    <t>3674.171</t>
  </si>
  <si>
    <t>256270.0</t>
  </si>
  <si>
    <t>137355970.0</t>
  </si>
  <si>
    <t>50796111.0</t>
  </si>
  <si>
    <t>47906519.0</t>
  </si>
  <si>
    <t>40161345.0</t>
  </si>
  <si>
    <t>59.437</t>
  </si>
  <si>
    <t>217853667.0</t>
  </si>
  <si>
    <t>194577.0</t>
  </si>
  <si>
    <t>3677.455</t>
  </si>
  <si>
    <t>255002.0</t>
  </si>
  <si>
    <t>137361783.0</t>
  </si>
  <si>
    <t>50796342.0</t>
  </si>
  <si>
    <t>47906702.0</t>
  </si>
  <si>
    <t>40166744.0</t>
  </si>
  <si>
    <t>232.67</t>
  </si>
  <si>
    <t>187742.4</t>
  </si>
  <si>
    <t>3180.05486413781</t>
  </si>
  <si>
    <t>58.742</t>
  </si>
  <si>
    <t>217958460.0</t>
  </si>
  <si>
    <t>3679.224</t>
  </si>
  <si>
    <t>251893.0</t>
  </si>
  <si>
    <t>137393428.0</t>
  </si>
  <si>
    <t>50796926.0</t>
  </si>
  <si>
    <t>47907294.0</t>
  </si>
  <si>
    <t>40197213.0</t>
  </si>
  <si>
    <t>35342.0</t>
  </si>
  <si>
    <t>218293677.0</t>
  </si>
  <si>
    <t>335217.0</t>
  </si>
  <si>
    <t>3684.883</t>
  </si>
  <si>
    <t>5.659</t>
  </si>
  <si>
    <t>246749.0</t>
  </si>
  <si>
    <t>137429951.0</t>
  </si>
  <si>
    <t>50797633.0</t>
  </si>
  <si>
    <t>47908275.0</t>
  </si>
  <si>
    <t>40232048.0</t>
  </si>
  <si>
    <t>232.78</t>
  </si>
  <si>
    <t>218557950.0</t>
  </si>
  <si>
    <t>264273.0</t>
  </si>
  <si>
    <t>3689.344</t>
  </si>
  <si>
    <t>242415.0</t>
  </si>
  <si>
    <t>137473260.0</t>
  </si>
  <si>
    <t>50798497.0</t>
  </si>
  <si>
    <t>47909334.0</t>
  </si>
  <si>
    <t>40273436.0</t>
  </si>
  <si>
    <t>33851.0</t>
  </si>
  <si>
    <t>232.86</t>
  </si>
  <si>
    <t>218805421.0</t>
  </si>
  <si>
    <t>247471.0</t>
  </si>
  <si>
    <t>3693.521</t>
  </si>
  <si>
    <t>137514626.0</t>
  </si>
  <si>
    <t>50799349.0</t>
  </si>
  <si>
    <t>47910442.0</t>
  </si>
  <si>
    <t>40312842.0</t>
  </si>
  <si>
    <t>41366.0</t>
  </si>
  <si>
    <t>232.93</t>
  </si>
  <si>
    <t>51.594</t>
  </si>
  <si>
    <t>219039166.0</t>
  </si>
  <si>
    <t>233745.0</t>
  </si>
  <si>
    <t>3697.467</t>
  </si>
  <si>
    <t>234832.0</t>
  </si>
  <si>
    <t>137552801.0</t>
  </si>
  <si>
    <t>50800116.0</t>
  </si>
  <si>
    <t>47911518.0</t>
  </si>
  <si>
    <t>40349174.0</t>
  </si>
  <si>
    <t>219271097.0</t>
  </si>
  <si>
    <t>231931.0</t>
  </si>
  <si>
    <t>3701.382</t>
  </si>
  <si>
    <t>230287.0</t>
  </si>
  <si>
    <t>137579284.0</t>
  </si>
  <si>
    <t>50800880.0</t>
  </si>
  <si>
    <t>47912448.0</t>
  </si>
  <si>
    <t>40373963.0</t>
  </si>
  <si>
    <t>31902.0</t>
  </si>
  <si>
    <t>219432092.0</t>
  </si>
  <si>
    <t>160995.0</t>
  </si>
  <si>
    <t>3704.1</t>
  </si>
  <si>
    <t>225489.0</t>
  </si>
  <si>
    <t>137584028.0</t>
  </si>
  <si>
    <t>50801057.0</t>
  </si>
  <si>
    <t>47912580.0</t>
  </si>
  <si>
    <t>40378398.0</t>
  </si>
  <si>
    <t>233.05</t>
  </si>
  <si>
    <t>188922.5</t>
  </si>
  <si>
    <t>3200.04386366679</t>
  </si>
  <si>
    <t>46.869</t>
  </si>
  <si>
    <t>219525905.0</t>
  </si>
  <si>
    <t>93813.0</t>
  </si>
  <si>
    <t>3705.683</t>
  </si>
  <si>
    <t>223921.0</t>
  </si>
  <si>
    <t>137612699.0</t>
  </si>
  <si>
    <t>50801457.0</t>
  </si>
  <si>
    <t>47913254.0</t>
  </si>
  <si>
    <t>40405995.0</t>
  </si>
  <si>
    <t>31324.0</t>
  </si>
  <si>
    <t>219814768.0</t>
  </si>
  <si>
    <t>288863.0</t>
  </si>
  <si>
    <t>3710.559</t>
  </si>
  <si>
    <t>217299.0</t>
  </si>
  <si>
    <t>137647586.0</t>
  </si>
  <si>
    <t>50802027.0</t>
  </si>
  <si>
    <t>47914076.0</t>
  </si>
  <si>
    <t>40439490.0</t>
  </si>
  <si>
    <t>220034869.0</t>
  </si>
  <si>
    <t>220101.0</t>
  </si>
  <si>
    <t>3714.275</t>
  </si>
  <si>
    <t>210988.0</t>
  </si>
  <si>
    <t>137685633.0</t>
  </si>
  <si>
    <t>50802758.0</t>
  </si>
  <si>
    <t>47915124.0</t>
  </si>
  <si>
    <t>40475760.0</t>
  </si>
  <si>
    <t>38047.0</t>
  </si>
  <si>
    <t>233.22</t>
  </si>
  <si>
    <t>220251857.0</t>
  </si>
  <si>
    <t>216988.0</t>
  </si>
  <si>
    <t>3717.938</t>
  </si>
  <si>
    <t>206634.0</t>
  </si>
  <si>
    <t>137723218.0</t>
  </si>
  <si>
    <t>50803438.0</t>
  </si>
  <si>
    <t>47916024.0</t>
  </si>
  <si>
    <t>40511765.0</t>
  </si>
  <si>
    <t>37585.0</t>
  </si>
  <si>
    <t>220450754.0</t>
  </si>
  <si>
    <t>198897.0</t>
  </si>
  <si>
    <t>3721.295</t>
  </si>
  <si>
    <t>201655.0</t>
  </si>
  <si>
    <t>137757977.0</t>
  </si>
  <si>
    <t>50804168.0</t>
  </si>
  <si>
    <t>47916925.0</t>
  </si>
  <si>
    <t>40544894.0</t>
  </si>
  <si>
    <t>233.34</t>
  </si>
  <si>
    <t>4.235</t>
  </si>
  <si>
    <t>220643937.0</t>
  </si>
  <si>
    <t>193183.0</t>
  </si>
  <si>
    <t>3724.556</t>
  </si>
  <si>
    <t>196120.0</t>
  </si>
  <si>
    <t>137781176.0</t>
  </si>
  <si>
    <t>50804863.0</t>
  </si>
  <si>
    <t>47917760.0</t>
  </si>
  <si>
    <t>40566563.0</t>
  </si>
  <si>
    <t>93.06</t>
  </si>
  <si>
    <t>220786003.0</t>
  </si>
  <si>
    <t>3726.954</t>
  </si>
  <si>
    <t>137785492.0</t>
  </si>
  <si>
    <t>50805059.0</t>
  </si>
  <si>
    <t>47917955.0</t>
  </si>
  <si>
    <t>40570488.0</t>
  </si>
  <si>
    <t>28781.0</t>
  </si>
  <si>
    <t>233.39</t>
  </si>
  <si>
    <t>189809.4</t>
  </si>
  <si>
    <t>3215.06652588376</t>
  </si>
  <si>
    <t>220866180.0</t>
  </si>
  <si>
    <t>3728.308</t>
  </si>
  <si>
    <t>191468.0</t>
  </si>
  <si>
    <t>137810854.0</t>
  </si>
  <si>
    <t>50805575.0</t>
  </si>
  <si>
    <t>47918667.0</t>
  </si>
  <si>
    <t>40594622.0</t>
  </si>
  <si>
    <t>28308.0</t>
  </si>
  <si>
    <t>221108240.0</t>
  </si>
  <si>
    <t>242060.0</t>
  </si>
  <si>
    <t>3732.394</t>
  </si>
  <si>
    <t>184782.0</t>
  </si>
  <si>
    <t>137840794.0</t>
  </si>
  <si>
    <t>50806141.0</t>
  </si>
  <si>
    <t>47919473.0</t>
  </si>
  <si>
    <t>40623190.0</t>
  </si>
  <si>
    <t>233.48</t>
  </si>
  <si>
    <t>221300348.0</t>
  </si>
  <si>
    <t>192108.0</t>
  </si>
  <si>
    <t>3735.637</t>
  </si>
  <si>
    <t>180783.0</t>
  </si>
  <si>
    <t>137865121.0</t>
  </si>
  <si>
    <t>50806699.0</t>
  </si>
  <si>
    <t>47920109.0</t>
  </si>
  <si>
    <t>40646324.0</t>
  </si>
  <si>
    <t>221481403.0</t>
  </si>
  <si>
    <t>3738.693</t>
  </si>
  <si>
    <t>175649.0</t>
  </si>
  <si>
    <t>137866548.0</t>
  </si>
  <si>
    <t>50806736.0</t>
  </si>
  <si>
    <t>47920133.0</t>
  </si>
  <si>
    <t>40647690.0</t>
  </si>
  <si>
    <t>221552092.0</t>
  </si>
  <si>
    <t>70689.0</t>
  </si>
  <si>
    <t>3739.886</t>
  </si>
  <si>
    <t>157334.0</t>
  </si>
  <si>
    <t>137886005.0</t>
  </si>
  <si>
    <t>50807185.0</t>
  </si>
  <si>
    <t>47920765.0</t>
  </si>
  <si>
    <t>40666066.0</t>
  </si>
  <si>
    <t>221741088.0</t>
  </si>
  <si>
    <t>188996.0</t>
  </si>
  <si>
    <t>3743.077</t>
  </si>
  <si>
    <t>156736.0</t>
  </si>
  <si>
    <t>137898151.0</t>
  </si>
  <si>
    <t>50807712.0</t>
  </si>
  <si>
    <t>47921365.0</t>
  </si>
  <si>
    <t>40677085.0</t>
  </si>
  <si>
    <t>12146.0</t>
  </si>
  <si>
    <t>221864787.0</t>
  </si>
  <si>
    <t>123699.0</t>
  </si>
  <si>
    <t>3745.165</t>
  </si>
  <si>
    <t>137899467.0</t>
  </si>
  <si>
    <t>50807769.0</t>
  </si>
  <si>
    <t>47921445.0</t>
  </si>
  <si>
    <t>40678264.0</t>
  </si>
  <si>
    <t>190303.7</t>
  </si>
  <si>
    <t>3223.43917436031</t>
  </si>
  <si>
    <t>221939797.0</t>
  </si>
  <si>
    <t>75010.0</t>
  </si>
  <si>
    <t>3746.431</t>
  </si>
  <si>
    <t>153374.0</t>
  </si>
  <si>
    <t>137917291.0</t>
  </si>
  <si>
    <t>50808162.0</t>
  </si>
  <si>
    <t>47921983.0</t>
  </si>
  <si>
    <t>40695157.0</t>
  </si>
  <si>
    <t>233.61</t>
  </si>
  <si>
    <t>222173350.0</t>
  </si>
  <si>
    <t>233553.0</t>
  </si>
  <si>
    <t>3750.373</t>
  </si>
  <si>
    <t>152159.0</t>
  </si>
  <si>
    <t>137939615.0</t>
  </si>
  <si>
    <t>50808694.0</t>
  </si>
  <si>
    <t>47922713.0</t>
  </si>
  <si>
    <t>40716219.0</t>
  </si>
  <si>
    <t>233.65</t>
  </si>
  <si>
    <t>222361374.0</t>
  </si>
  <si>
    <t>188024.0</t>
  </si>
  <si>
    <t>3753.547</t>
  </si>
  <si>
    <t>151575.0</t>
  </si>
  <si>
    <t>137963588.0</t>
  </si>
  <si>
    <t>50809240.0</t>
  </si>
  <si>
    <t>47923445.0</t>
  </si>
  <si>
    <t>40738914.0</t>
  </si>
  <si>
    <t>233.69</t>
  </si>
  <si>
    <t>222540501.0</t>
  </si>
  <si>
    <t>179127.0</t>
  </si>
  <si>
    <t>3756.571</t>
  </si>
  <si>
    <t>151300.0</t>
  </si>
  <si>
    <t>137987933.0</t>
  </si>
  <si>
    <t>50809827.0</t>
  </si>
  <si>
    <t>47924229.0</t>
  </si>
  <si>
    <t>40761888.0</t>
  </si>
  <si>
    <t>222710598.0</t>
  </si>
  <si>
    <t>170097.0</t>
  </si>
  <si>
    <t>3759.442</t>
  </si>
  <si>
    <t>165501.0</t>
  </si>
  <si>
    <t>138010910.0</t>
  </si>
  <si>
    <t>50810381.0</t>
  </si>
  <si>
    <t>47924966.0</t>
  </si>
  <si>
    <t>40783574.0</t>
  </si>
  <si>
    <t>233.77</t>
  </si>
  <si>
    <t>222897832.0</t>
  </si>
  <si>
    <t>3762.603</t>
  </si>
  <si>
    <t>165249.0</t>
  </si>
  <si>
    <t>138025496.0</t>
  </si>
  <si>
    <t>50810976.0</t>
  </si>
  <si>
    <t>47925539.0</t>
  </si>
  <si>
    <t>40796992.0</t>
  </si>
  <si>
    <t>18192.0</t>
  </si>
  <si>
    <t>223025536.0</t>
  </si>
  <si>
    <t>127704.0</t>
  </si>
  <si>
    <t>3764.759</t>
  </si>
  <si>
    <t>138027123.0</t>
  </si>
  <si>
    <t>50811071.0</t>
  </si>
  <si>
    <t>47925640.0</t>
  </si>
  <si>
    <t>40798423.0</t>
  </si>
  <si>
    <t>190549.2</t>
  </si>
  <si>
    <t>3227.59755024741</t>
  </si>
  <si>
    <t>223100172.0</t>
  </si>
  <si>
    <t>74636.0</t>
  </si>
  <si>
    <t>3766.018</t>
  </si>
  <si>
    <t>165768.0</t>
  </si>
  <si>
    <t>138041873.0</t>
  </si>
  <si>
    <t>50811432.0</t>
  </si>
  <si>
    <t>47926088.0</t>
  </si>
  <si>
    <t>40812364.0</t>
  </si>
  <si>
    <t>223328731.0</t>
  </si>
  <si>
    <t>228559.0</t>
  </si>
  <si>
    <t>3769.877</t>
  </si>
  <si>
    <t>165054.0</t>
  </si>
  <si>
    <t>138062389.0</t>
  </si>
  <si>
    <t>50811969.0</t>
  </si>
  <si>
    <t>47926712.0</t>
  </si>
  <si>
    <t>40831719.0</t>
  </si>
  <si>
    <t>233.86</t>
  </si>
  <si>
    <t>223524170.0</t>
  </si>
  <si>
    <t>195439.0</t>
  </si>
  <si>
    <t>3773.176</t>
  </si>
  <si>
    <t>166114.0</t>
  </si>
  <si>
    <t>138083743.0</t>
  </si>
  <si>
    <t>50812596.0</t>
  </si>
  <si>
    <t>47927428.0</t>
  </si>
  <si>
    <t>40851797.0</t>
  </si>
  <si>
    <t>233.89</t>
  </si>
  <si>
    <t>223718846.0</t>
  </si>
  <si>
    <t>3776.462</t>
  </si>
  <si>
    <t>168335.0</t>
  </si>
  <si>
    <t>138103711.0</t>
  </si>
  <si>
    <t>50813114.0</t>
  </si>
  <si>
    <t>47927966.0</t>
  </si>
  <si>
    <t>40870709.0</t>
  </si>
  <si>
    <t>19968.0</t>
  </si>
  <si>
    <t>233.93</t>
  </si>
  <si>
    <t>223904665.0</t>
  </si>
  <si>
    <t>185819.0</t>
  </si>
  <si>
    <t>3779.599</t>
  </si>
  <si>
    <t>170581.0</t>
  </si>
  <si>
    <t>138123047.0</t>
  </si>
  <si>
    <t>50813628.0</t>
  </si>
  <si>
    <t>47928494.0</t>
  </si>
  <si>
    <t>40889003.0</t>
  </si>
  <si>
    <t>233.96</t>
  </si>
  <si>
    <t>224097705.0</t>
  </si>
  <si>
    <t>193040.0</t>
  </si>
  <si>
    <t>3782.857</t>
  </si>
  <si>
    <t>171410.0</t>
  </si>
  <si>
    <t>138136589.0</t>
  </si>
  <si>
    <t>50814094.0</t>
  </si>
  <si>
    <t>47929024.0</t>
  </si>
  <si>
    <t>40901549.0</t>
  </si>
  <si>
    <t>77.866</t>
  </si>
  <si>
    <t>224257916.0</t>
  </si>
  <si>
    <t>160211.0</t>
  </si>
  <si>
    <t>3785.562</t>
  </si>
  <si>
    <t>176054.0</t>
  </si>
  <si>
    <t>138137660.0</t>
  </si>
  <si>
    <t>50814131.0</t>
  </si>
  <si>
    <t>47929055.0</t>
  </si>
  <si>
    <t>40902552.0</t>
  </si>
  <si>
    <t>191231.7</t>
  </si>
  <si>
    <t>3239.15800459749</t>
  </si>
  <si>
    <t>81.203</t>
  </si>
  <si>
    <t>224337291.0</t>
  </si>
  <si>
    <t>79375.0</t>
  </si>
  <si>
    <t>3786.901</t>
  </si>
  <si>
    <t>176731.0</t>
  </si>
  <si>
    <t>138152910.0</t>
  </si>
  <si>
    <t>50814544.0</t>
  </si>
  <si>
    <t>47929500.0</t>
  </si>
  <si>
    <t>40916944.0</t>
  </si>
  <si>
    <t>234.01</t>
  </si>
  <si>
    <t>224629636.0</t>
  </si>
  <si>
    <t>292345.0</t>
  </si>
  <si>
    <t>3791.836</t>
  </si>
  <si>
    <t>185844.0</t>
  </si>
  <si>
    <t>138172293.0</t>
  </si>
  <si>
    <t>50815061.0</t>
  </si>
  <si>
    <t>47930043.0</t>
  </si>
  <si>
    <t>40935269.0</t>
  </si>
  <si>
    <t>234.04</t>
  </si>
  <si>
    <t>224876148.0</t>
  </si>
  <si>
    <t>246512.0</t>
  </si>
  <si>
    <t>3795.998</t>
  </si>
  <si>
    <t>193140.0</t>
  </si>
  <si>
    <t>138192762.0</t>
  </si>
  <si>
    <t>50815593.0</t>
  </si>
  <si>
    <t>47930613.0</t>
  </si>
  <si>
    <t>40954636.0</t>
  </si>
  <si>
    <t>15574.0</t>
  </si>
  <si>
    <t>138213032.0</t>
  </si>
  <si>
    <t>50816049.0</t>
  </si>
  <si>
    <t>47931092.0</t>
  </si>
  <si>
    <t>40973971.0</t>
  </si>
  <si>
    <t>138233333.0</t>
  </si>
  <si>
    <t>50816513.0</t>
  </si>
  <si>
    <t>47931571.0</t>
  </si>
  <si>
    <t>40993329.0</t>
  </si>
  <si>
    <t>20301.0</t>
  </si>
  <si>
    <t>138249208.0</t>
  </si>
  <si>
    <t>50817172.0</t>
  </si>
  <si>
    <t>47932086.0</t>
  </si>
  <si>
    <t>41008030.0</t>
  </si>
  <si>
    <t>138250450.0</t>
  </si>
  <si>
    <t>50817230.0</t>
  </si>
  <si>
    <t>47932182.0</t>
  </si>
  <si>
    <t>41009118.0</t>
  </si>
  <si>
    <t>192456.0</t>
  </si>
  <si>
    <t>3259.89568117009</t>
  </si>
  <si>
    <t>138267306.0</t>
  </si>
  <si>
    <t>50817668.0</t>
  </si>
  <si>
    <t>47932571.0</t>
  </si>
  <si>
    <t>41025147.0</t>
  </si>
  <si>
    <t>16856.0</t>
  </si>
  <si>
    <t>138288118.0</t>
  </si>
  <si>
    <t>50818210.0</t>
  </si>
  <si>
    <t>47933125.0</t>
  </si>
  <si>
    <t>41044864.0</t>
  </si>
  <si>
    <t>138309355.0</t>
  </si>
  <si>
    <t>50818765.0</t>
  </si>
  <si>
    <t>47933657.0</t>
  </si>
  <si>
    <t>41065015.0</t>
  </si>
  <si>
    <t>138332497.0</t>
  </si>
  <si>
    <t>50819364.0</t>
  </si>
  <si>
    <t>47934179.0</t>
  </si>
  <si>
    <t>41087036.0</t>
  </si>
  <si>
    <t>138350236.0</t>
  </si>
  <si>
    <t>50819826.0</t>
  </si>
  <si>
    <t>47934601.0</t>
  </si>
  <si>
    <t>41103892.0</t>
  </si>
  <si>
    <t>138361982.0</t>
  </si>
  <si>
    <t>50820247.0</t>
  </si>
  <si>
    <t>47934951.0</t>
  </si>
  <si>
    <t>41114867.0</t>
  </si>
  <si>
    <t>138363083.0</t>
  </si>
  <si>
    <t>50820300.0</t>
  </si>
  <si>
    <t>47934989.0</t>
  </si>
  <si>
    <t>41115877.0</t>
  </si>
  <si>
    <t>194470.3</t>
  </si>
  <si>
    <t>3294.01468951787</t>
  </si>
  <si>
    <t>138379684.0</t>
  </si>
  <si>
    <t>50820730.0</t>
  </si>
  <si>
    <t>47935332.0</t>
  </si>
  <si>
    <t>41131705.0</t>
  </si>
  <si>
    <t>138401973.0</t>
  </si>
  <si>
    <t>50821261.0</t>
  </si>
  <si>
    <t>47935818.0</t>
  </si>
  <si>
    <t>41152977.0</t>
  </si>
  <si>
    <t>138425634.0</t>
  </si>
  <si>
    <t>50821827.0</t>
  </si>
  <si>
    <t>47936284.0</t>
  </si>
  <si>
    <t>41175606.0</t>
  </si>
  <si>
    <t>23661.0</t>
  </si>
  <si>
    <t>16611.0</t>
  </si>
  <si>
    <t>138451826.0</t>
  </si>
  <si>
    <t>50822316.0</t>
  </si>
  <si>
    <t>47936716.0</t>
  </si>
  <si>
    <t>41200877.0</t>
  </si>
  <si>
    <t>138478907.0</t>
  </si>
  <si>
    <t>50822810.0</t>
  </si>
  <si>
    <t>47937252.0</t>
  </si>
  <si>
    <t>41226929.0</t>
  </si>
  <si>
    <t>27081.0</t>
  </si>
  <si>
    <t>138497353.0</t>
  </si>
  <si>
    <t>50823324.0</t>
  </si>
  <si>
    <t>47937651.0</t>
  </si>
  <si>
    <t>41244462.0</t>
  </si>
  <si>
    <t>18446.0</t>
  </si>
  <si>
    <t>234.59</t>
  </si>
  <si>
    <t>138499087.0</t>
  </si>
  <si>
    <t>50823388.0</t>
  </si>
  <si>
    <t>47937690.0</t>
  </si>
  <si>
    <t>41246093.0</t>
  </si>
  <si>
    <t>234.6</t>
  </si>
  <si>
    <t>196974.4</t>
  </si>
  <si>
    <t>3336.43012356626</t>
  </si>
  <si>
    <t>138525093.0</t>
  </si>
  <si>
    <t>50823870.0</t>
  </si>
  <si>
    <t>47938080.0</t>
  </si>
  <si>
    <t>41271227.0</t>
  </si>
  <si>
    <t>138561970.0</t>
  </si>
  <si>
    <t>50824455.0</t>
  </si>
  <si>
    <t>47938616.0</t>
  </si>
  <si>
    <t>41306983.0</t>
  </si>
  <si>
    <t>138611625.0</t>
  </si>
  <si>
    <t>50825115.0</t>
  </si>
  <si>
    <t>47939130.0</t>
  </si>
  <si>
    <t>41355464.0</t>
  </si>
  <si>
    <t>138671949.0</t>
  </si>
  <si>
    <t>50825723.0</t>
  </si>
  <si>
    <t>47939647.0</t>
  </si>
  <si>
    <t>41414663.0</t>
  </si>
  <si>
    <t>138742229.0</t>
  </si>
  <si>
    <t>50826351.0</t>
  </si>
  <si>
    <t>47940118.0</t>
  </si>
  <si>
    <t>41483844.0</t>
  </si>
  <si>
    <t>70280.0</t>
  </si>
  <si>
    <t>138786408.0</t>
  </si>
  <si>
    <t>50826914.0</t>
  </si>
  <si>
    <t>47940514.0</t>
  </si>
  <si>
    <t>41527064.0</t>
  </si>
  <si>
    <t>41294.0</t>
  </si>
  <si>
    <t>235.08</t>
  </si>
  <si>
    <t>138792168.0</t>
  </si>
  <si>
    <t>50826971.0</t>
  </si>
  <si>
    <t>47940553.0</t>
  </si>
  <si>
    <t>41532728.0</t>
  </si>
  <si>
    <t>198726.1</t>
  </si>
  <si>
    <t>3366.1011094784</t>
  </si>
  <si>
    <t>138860380.0</t>
  </si>
  <si>
    <t>50827456.0</t>
  </si>
  <si>
    <t>47940988.0</t>
  </si>
  <si>
    <t>41600020.0</t>
  </si>
  <si>
    <t>68212.0</t>
  </si>
  <si>
    <t>47898.0</t>
  </si>
  <si>
    <t>235.21</t>
  </si>
  <si>
    <t>138938987.0</t>
  </si>
  <si>
    <t>50828067.0</t>
  </si>
  <si>
    <t>47941471.0</t>
  </si>
  <si>
    <t>41677533.0</t>
  </si>
  <si>
    <t>53860.0</t>
  </si>
  <si>
    <t>6.945</t>
  </si>
  <si>
    <t>139021839.0</t>
  </si>
  <si>
    <t>50828653.0</t>
  </si>
  <si>
    <t>47941953.0</t>
  </si>
  <si>
    <t>41759322.0</t>
  </si>
  <si>
    <t>82852.0</t>
  </si>
  <si>
    <t>139109105.0</t>
  </si>
  <si>
    <t>50829299.0</t>
  </si>
  <si>
    <t>47942470.0</t>
  </si>
  <si>
    <t>41845425.0</t>
  </si>
  <si>
    <t>87266.0</t>
  </si>
  <si>
    <t>139190072.0</t>
  </si>
  <si>
    <t>50829840.0</t>
  </si>
  <si>
    <t>47942975.0</t>
  </si>
  <si>
    <t>41925346.0</t>
  </si>
  <si>
    <t>80967.0</t>
  </si>
  <si>
    <t>63978.0</t>
  </si>
  <si>
    <t>139239017.0</t>
  </si>
  <si>
    <t>50830176.0</t>
  </si>
  <si>
    <t>47943314.0</t>
  </si>
  <si>
    <t>41973616.0</t>
  </si>
  <si>
    <t>48945.0</t>
  </si>
  <si>
    <t>64658.0</t>
  </si>
  <si>
    <t>139246283.0</t>
  </si>
  <si>
    <t>50830211.0</t>
  </si>
  <si>
    <t>47943381.0</t>
  </si>
  <si>
    <t>41980780.0</t>
  </si>
  <si>
    <t>64874.0</t>
  </si>
  <si>
    <t>202854.8</t>
  </si>
  <si>
    <t>3436.03465947864</t>
  </si>
  <si>
    <t>139310354.0</t>
  </si>
  <si>
    <t>50830672.0</t>
  </si>
  <si>
    <t>47943818.0</t>
  </si>
  <si>
    <t>42043953.0</t>
  </si>
  <si>
    <t>64071.0</t>
  </si>
  <si>
    <t>64282.0</t>
  </si>
  <si>
    <t>139379787.0</t>
  </si>
  <si>
    <t>50831146.0</t>
  </si>
  <si>
    <t>47944289.0</t>
  </si>
  <si>
    <t>42112441.0</t>
  </si>
  <si>
    <t>195.096</t>
  </si>
  <si>
    <t>139454507.0</t>
  </si>
  <si>
    <t>50831734.0</t>
  </si>
  <si>
    <t>47944773.0</t>
  </si>
  <si>
    <t>42186089.0</t>
  </si>
  <si>
    <t>61810.0</t>
  </si>
  <si>
    <t>236.21</t>
  </si>
  <si>
    <t>139533911.0</t>
  </si>
  <si>
    <t>50832439.0</t>
  </si>
  <si>
    <t>47945235.0</t>
  </si>
  <si>
    <t>42264326.0</t>
  </si>
  <si>
    <t>60687.0</t>
  </si>
  <si>
    <t>139603198.0</t>
  </si>
  <si>
    <t>50832956.0</t>
  </si>
  <si>
    <t>47945692.0</t>
  </si>
  <si>
    <t>42332639.0</t>
  </si>
  <si>
    <t>139646419.0</t>
  </si>
  <si>
    <t>50833374.0</t>
  </si>
  <si>
    <t>47946036.0</t>
  </si>
  <si>
    <t>42375098.0</t>
  </si>
  <si>
    <t>58200.0</t>
  </si>
  <si>
    <t>236.54</t>
  </si>
  <si>
    <t>139652721.0</t>
  </si>
  <si>
    <t>50833423.0</t>
  </si>
  <si>
    <t>47946080.0</t>
  </si>
  <si>
    <t>42381307.0</t>
  </si>
  <si>
    <t>58063.0</t>
  </si>
  <si>
    <t>236.55</t>
  </si>
  <si>
    <t>206968.5</t>
  </si>
  <si>
    <t>3505.71413355911</t>
  </si>
  <si>
    <t>139701602.0</t>
  </si>
  <si>
    <t>50833816.0</t>
  </si>
  <si>
    <t>47946432.0</t>
  </si>
  <si>
    <t>42429444.0</t>
  </si>
  <si>
    <t>48881.0</t>
  </si>
  <si>
    <t>55893.0</t>
  </si>
  <si>
    <t>236.63</t>
  </si>
  <si>
    <t>139756254.0</t>
  </si>
  <si>
    <t>50834282.0</t>
  </si>
  <si>
    <t>47946938.0</t>
  </si>
  <si>
    <t>42483124.0</t>
  </si>
  <si>
    <t>53781.0</t>
  </si>
  <si>
    <t>236.72</t>
  </si>
  <si>
    <t>139809619.0</t>
  </si>
  <si>
    <t>50834821.0</t>
  </si>
  <si>
    <t>47947415.0</t>
  </si>
  <si>
    <t>42535473.0</t>
  </si>
  <si>
    <t>53365.0</t>
  </si>
  <si>
    <t>50730.0</t>
  </si>
  <si>
    <t>236.82</t>
  </si>
  <si>
    <t>139865343.0</t>
  </si>
  <si>
    <t>50835322.0</t>
  </si>
  <si>
    <t>47947836.0</t>
  </si>
  <si>
    <t>42590275.0</t>
  </si>
  <si>
    <t>55724.0</t>
  </si>
  <si>
    <t>236.91</t>
  </si>
  <si>
    <t>165.115</t>
  </si>
  <si>
    <t>71.751</t>
  </si>
  <si>
    <t>139913234.0</t>
  </si>
  <si>
    <t>50835819.0</t>
  </si>
  <si>
    <t>47948213.0</t>
  </si>
  <si>
    <t>42637293.0</t>
  </si>
  <si>
    <t>47891.0</t>
  </si>
  <si>
    <t>44291.0</t>
  </si>
  <si>
    <t>236.99</t>
  </si>
  <si>
    <t>139938052.0</t>
  </si>
  <si>
    <t>50836100.0</t>
  </si>
  <si>
    <t>47948487.0</t>
  </si>
  <si>
    <t>42661556.0</t>
  </si>
  <si>
    <t>139942415.0</t>
  </si>
  <si>
    <t>50836128.0</t>
  </si>
  <si>
    <t>47948528.0</t>
  </si>
  <si>
    <t>42665850.0</t>
  </si>
  <si>
    <t>41385.0</t>
  </si>
  <si>
    <t>237.04</t>
  </si>
  <si>
    <t>209686.6</t>
  </si>
  <si>
    <t>3551.75438406306</t>
  </si>
  <si>
    <t>139974194.0</t>
  </si>
  <si>
    <t>50836476.0</t>
  </si>
  <si>
    <t>47948901.0</t>
  </si>
  <si>
    <t>42696908.0</t>
  </si>
  <si>
    <t>31779.0</t>
  </si>
  <si>
    <t>237.09</t>
  </si>
  <si>
    <t>140010429.0</t>
  </si>
  <si>
    <t>50836874.0</t>
  </si>
  <si>
    <t>47949259.0</t>
  </si>
  <si>
    <t>42732387.0</t>
  </si>
  <si>
    <t>140044093.0</t>
  </si>
  <si>
    <t>50837356.0</t>
  </si>
  <si>
    <t>47949622.0</t>
  </si>
  <si>
    <t>42765206.0</t>
  </si>
  <si>
    <t>33664.0</t>
  </si>
  <si>
    <t>33496.0</t>
  </si>
  <si>
    <t>237.21</t>
  </si>
  <si>
    <t>147.008</t>
  </si>
  <si>
    <t>62.808</t>
  </si>
  <si>
    <t>140076525.0</t>
  </si>
  <si>
    <t>50837756.0</t>
  </si>
  <si>
    <t>47949974.0</t>
  </si>
  <si>
    <t>42796886.0</t>
  </si>
  <si>
    <t>237.27</t>
  </si>
  <si>
    <t>8349.0</t>
  </si>
  <si>
    <t>140100910.0</t>
  </si>
  <si>
    <t>50838026.0</t>
  </si>
  <si>
    <t>47950247.0</t>
  </si>
  <si>
    <t>42820728.0</t>
  </si>
  <si>
    <t>237.31</t>
  </si>
  <si>
    <t>140110155.0</t>
  </si>
  <si>
    <t>50838173.0</t>
  </si>
  <si>
    <t>47950381.0</t>
  </si>
  <si>
    <t>42829692.0</t>
  </si>
  <si>
    <t>140110962.0</t>
  </si>
  <si>
    <t>50838178.0</t>
  </si>
  <si>
    <t>47950389.0</t>
  </si>
  <si>
    <t>42830486.0</t>
  </si>
  <si>
    <t>237.33</t>
  </si>
  <si>
    <t>210611.5</t>
  </si>
  <si>
    <t>3567.42070527681</t>
  </si>
  <si>
    <t>140111158.0</t>
  </si>
  <si>
    <t>50838179.0</t>
  </si>
  <si>
    <t>47950390.0</t>
  </si>
  <si>
    <t>42830680.0</t>
  </si>
  <si>
    <t>140128827.0</t>
  </si>
  <si>
    <t>50838417.0</t>
  </si>
  <si>
    <t>47950658.0</t>
  </si>
  <si>
    <t>42847843.0</t>
  </si>
  <si>
    <t>17669.0</t>
  </si>
  <si>
    <t>16914.0</t>
  </si>
  <si>
    <t>237.36</t>
  </si>
  <si>
    <t>140149750.0</t>
  </si>
  <si>
    <t>50838761.0</t>
  </si>
  <si>
    <t>47950998.0</t>
  </si>
  <si>
    <t>42868083.0</t>
  </si>
  <si>
    <t>237.39</t>
  </si>
  <si>
    <t>140175046.0</t>
  </si>
  <si>
    <t>50839151.0</t>
  </si>
  <si>
    <t>47951367.0</t>
  </si>
  <si>
    <t>42892620.0</t>
  </si>
  <si>
    <t>237.43</t>
  </si>
  <si>
    <t>140194886.0</t>
  </si>
  <si>
    <t>50839403.0</t>
  </si>
  <si>
    <t>47951696.0</t>
  </si>
  <si>
    <t>42911879.0</t>
  </si>
  <si>
    <t>140204163.0</t>
  </si>
  <si>
    <t>50839608.0</t>
  </si>
  <si>
    <t>47951873.0</t>
  </si>
  <si>
    <t>42920774.0</t>
  </si>
  <si>
    <t>237.48</t>
  </si>
  <si>
    <t>140205072.0</t>
  </si>
  <si>
    <t>50839636.0</t>
  </si>
  <si>
    <t>47951892.0</t>
  </si>
  <si>
    <t>42921636.0</t>
  </si>
  <si>
    <t>211758.4</t>
  </si>
  <si>
    <t>3586.84735010334</t>
  </si>
  <si>
    <t>140221417.0</t>
  </si>
  <si>
    <t>50839892.0</t>
  </si>
  <si>
    <t>47952213.0</t>
  </si>
  <si>
    <t>42937404.0</t>
  </si>
  <si>
    <t>140242359.0</t>
  </si>
  <si>
    <t>50840233.0</t>
  </si>
  <si>
    <t>47952572.0</t>
  </si>
  <si>
    <t>42957646.0</t>
  </si>
  <si>
    <t>140262087.0</t>
  </si>
  <si>
    <t>50840663.0</t>
  </si>
  <si>
    <t>47952929.0</t>
  </si>
  <si>
    <t>42976588.0</t>
  </si>
  <si>
    <t>237.58</t>
  </si>
  <si>
    <t>140284482.0</t>
  </si>
  <si>
    <t>50841127.0</t>
  </si>
  <si>
    <t>47953323.0</t>
  </si>
  <si>
    <t>42998125.0</t>
  </si>
  <si>
    <t>140305007.0</t>
  </si>
  <si>
    <t>50841523.0</t>
  </si>
  <si>
    <t>47953705.0</t>
  </si>
  <si>
    <t>43017872.0</t>
  </si>
  <si>
    <t>20525.0</t>
  </si>
  <si>
    <t>237.65</t>
  </si>
  <si>
    <t>140314697.0</t>
  </si>
  <si>
    <t>50841775.0</t>
  </si>
  <si>
    <t>47953927.0</t>
  </si>
  <si>
    <t>43027088.0</t>
  </si>
  <si>
    <t>140315889.0</t>
  </si>
  <si>
    <t>50841798.0</t>
  </si>
  <si>
    <t>47953956.0</t>
  </si>
  <si>
    <t>43028228.0</t>
  </si>
  <si>
    <t>212690.1</t>
  </si>
  <si>
    <t>3602.62885240073</t>
  </si>
  <si>
    <t>40.517</t>
  </si>
  <si>
    <t>140334005.0</t>
  </si>
  <si>
    <t>50842141.0</t>
  </si>
  <si>
    <t>47954289.0</t>
  </si>
  <si>
    <t>43045668.0</t>
  </si>
  <si>
    <t>18116.0</t>
  </si>
  <si>
    <t>237.7</t>
  </si>
  <si>
    <t>39.145</t>
  </si>
  <si>
    <t>140355857.0</t>
  </si>
  <si>
    <t>50842510.0</t>
  </si>
  <si>
    <t>47954669.0</t>
  </si>
  <si>
    <t>43066771.0</t>
  </si>
  <si>
    <t>21852.0</t>
  </si>
  <si>
    <t>140377367.0</t>
  </si>
  <si>
    <t>50843010.0</t>
  </si>
  <si>
    <t>47955078.0</t>
  </si>
  <si>
    <t>43087372.0</t>
  </si>
  <si>
    <t>87.555</t>
  </si>
  <si>
    <t>140396994.0</t>
  </si>
  <si>
    <t>50843367.0</t>
  </si>
  <si>
    <t>47955409.0</t>
  </si>
  <si>
    <t>43106311.0</t>
  </si>
  <si>
    <t>140413492.0</t>
  </si>
  <si>
    <t>50843730.0</t>
  </si>
  <si>
    <t>47955685.0</t>
  </si>
  <si>
    <t>43122170.0</t>
  </si>
  <si>
    <t>140422097.0</t>
  </si>
  <si>
    <t>50843951.0</t>
  </si>
  <si>
    <t>47955874.0</t>
  </si>
  <si>
    <t>43130365.0</t>
  </si>
  <si>
    <t>140422752.0</t>
  </si>
  <si>
    <t>50843984.0</t>
  </si>
  <si>
    <t>47955896.0</t>
  </si>
  <si>
    <t>43130965.0</t>
  </si>
  <si>
    <t>213377.0</t>
  </si>
  <si>
    <t>3614.26383568727</t>
  </si>
  <si>
    <t>140437316.0</t>
  </si>
  <si>
    <t>50844374.0</t>
  </si>
  <si>
    <t>47956060.0</t>
  </si>
  <si>
    <t>43144975.0</t>
  </si>
  <si>
    <t>140453704.0</t>
  </si>
  <si>
    <t>50844740.0</t>
  </si>
  <si>
    <t>47956349.0</t>
  </si>
  <si>
    <t>43160708.0</t>
  </si>
  <si>
    <t>16388.0</t>
  </si>
  <si>
    <t>237.91</t>
  </si>
  <si>
    <t>140470023.0</t>
  </si>
  <si>
    <t>50845445.0</t>
  </si>
  <si>
    <t>47956870.0</t>
  </si>
  <si>
    <t>43175966.0</t>
  </si>
  <si>
    <t>16319.0</t>
  </si>
  <si>
    <t>13237.0</t>
  </si>
  <si>
    <t>237.93</t>
  </si>
  <si>
    <t>140486207.0</t>
  </si>
  <si>
    <t>50845777.0</t>
  </si>
  <si>
    <t>47957141.0</t>
  </si>
  <si>
    <t>43191547.0</t>
  </si>
  <si>
    <t>16184.0</t>
  </si>
  <si>
    <t>237.96</t>
  </si>
  <si>
    <t>140500777.0</t>
  </si>
  <si>
    <t>50846142.0</t>
  </si>
  <si>
    <t>47957427.0</t>
  </si>
  <si>
    <t>43205466.0</t>
  </si>
  <si>
    <t>237.99</t>
  </si>
  <si>
    <t>140507180.0</t>
  </si>
  <si>
    <t>50846428.0</t>
  </si>
  <si>
    <t>47957644.0</t>
  </si>
  <si>
    <t>43211366.0</t>
  </si>
  <si>
    <t>32.979</t>
  </si>
  <si>
    <t>140507633.0</t>
  </si>
  <si>
    <t>50846456.0</t>
  </si>
  <si>
    <t>47957662.0</t>
  </si>
  <si>
    <t>43211773.0</t>
  </si>
  <si>
    <t>214393.7</t>
  </si>
  <si>
    <t>3631.48510153009</t>
  </si>
  <si>
    <t>140519059.0</t>
  </si>
  <si>
    <t>50846738.0</t>
  </si>
  <si>
    <t>47957910.0</t>
  </si>
  <si>
    <t>43222669.0</t>
  </si>
  <si>
    <t>140533249.0</t>
  </si>
  <si>
    <t>50847055.0</t>
  </si>
  <si>
    <t>47958146.0</t>
  </si>
  <si>
    <t>43236306.0</t>
  </si>
  <si>
    <t>140549485.0</t>
  </si>
  <si>
    <t>50847316.0</t>
  </si>
  <si>
    <t>47958399.0</t>
  </si>
  <si>
    <t>43252029.0</t>
  </si>
  <si>
    <t>238.07</t>
  </si>
  <si>
    <t>31.776</t>
  </si>
  <si>
    <t>140567086.0</t>
  </si>
  <si>
    <t>50847633.0</t>
  </si>
  <si>
    <t>47958663.0</t>
  </si>
  <si>
    <t>43269049.0</t>
  </si>
  <si>
    <t>140584442.0</t>
  </si>
  <si>
    <t>50847934.0</t>
  </si>
  <si>
    <t>47958903.0</t>
  </si>
  <si>
    <t>43285864.0</t>
  </si>
  <si>
    <t>238.13</t>
  </si>
  <si>
    <t>61.385</t>
  </si>
  <si>
    <t>140592943.0</t>
  </si>
  <si>
    <t>50848159.0</t>
  </si>
  <si>
    <t>47959125.0</t>
  </si>
  <si>
    <t>43293918.0</t>
  </si>
  <si>
    <t>140593994.0</t>
  </si>
  <si>
    <t>50848174.0</t>
  </si>
  <si>
    <t>47959143.0</t>
  </si>
  <si>
    <t>43294936.0</t>
  </si>
  <si>
    <t>215092.6</t>
  </si>
  <si>
    <t>3643.32334555246</t>
  </si>
  <si>
    <t>140607952.0</t>
  </si>
  <si>
    <t>50848370.0</t>
  </si>
  <si>
    <t>47959342.0</t>
  </si>
  <si>
    <t>43308499.0</t>
  </si>
  <si>
    <t>238.17</t>
  </si>
  <si>
    <t>140625373.0</t>
  </si>
  <si>
    <t>50848588.0</t>
  </si>
  <si>
    <t>47959566.0</t>
  </si>
  <si>
    <t>43325478.0</t>
  </si>
  <si>
    <t>17421.0</t>
  </si>
  <si>
    <t>140643584.0</t>
  </si>
  <si>
    <t>50848801.0</t>
  </si>
  <si>
    <t>47959842.0</t>
  </si>
  <si>
    <t>43343200.0</t>
  </si>
  <si>
    <t>238.23</t>
  </si>
  <si>
    <t>140663645.0</t>
  </si>
  <si>
    <t>50849029.0</t>
  </si>
  <si>
    <t>47960093.0</t>
  </si>
  <si>
    <t>43362782.0</t>
  </si>
  <si>
    <t>140683130.0</t>
  </si>
  <si>
    <t>50849236.0</t>
  </si>
  <si>
    <t>47960337.0</t>
  </si>
  <si>
    <t>43381816.0</t>
  </si>
  <si>
    <t>238.29</t>
  </si>
  <si>
    <t>140693610.0</t>
  </si>
  <si>
    <t>50849437.0</t>
  </si>
  <si>
    <t>47960516.0</t>
  </si>
  <si>
    <t>43391916.0</t>
  </si>
  <si>
    <t>140694755.0</t>
  </si>
  <si>
    <t>50849445.0</t>
  </si>
  <si>
    <t>47960544.0</t>
  </si>
  <si>
    <t>43393025.0</t>
  </si>
  <si>
    <t>215481.3</t>
  </si>
  <si>
    <t>3649.90729955375</t>
  </si>
  <si>
    <t>140712687.0</t>
  </si>
  <si>
    <t>50849655.0</t>
  </si>
  <si>
    <t>47960816.0</t>
  </si>
  <si>
    <t>43410475.0</t>
  </si>
  <si>
    <t>17932.0</t>
  </si>
  <si>
    <t>238.34</t>
  </si>
  <si>
    <t>140735219.0</t>
  </si>
  <si>
    <t>50849919.0</t>
  </si>
  <si>
    <t>47961090.0</t>
  </si>
  <si>
    <t>43432469.0</t>
  </si>
  <si>
    <t>238.38</t>
  </si>
  <si>
    <t>140760126.0</t>
  </si>
  <si>
    <t>50850113.0</t>
  </si>
  <si>
    <t>47961392.0</t>
  </si>
  <si>
    <t>43456880.0</t>
  </si>
  <si>
    <t>140786944.0</t>
  </si>
  <si>
    <t>50850341.0</t>
  </si>
  <si>
    <t>47961640.0</t>
  </si>
  <si>
    <t>43483222.0</t>
  </si>
  <si>
    <t>140812969.0</t>
  </si>
  <si>
    <t>50850580.0</t>
  </si>
  <si>
    <t>47961915.0</t>
  </si>
  <si>
    <t>43508733.0</t>
  </si>
  <si>
    <t>238.51</t>
  </si>
  <si>
    <t>140825361.0</t>
  </si>
  <si>
    <t>50850745.0</t>
  </si>
  <si>
    <t>47962099.0</t>
  </si>
  <si>
    <t>43520776.0</t>
  </si>
  <si>
    <t>238.54</t>
  </si>
  <si>
    <t>140827134.0</t>
  </si>
  <si>
    <t>50850760.0</t>
  </si>
  <si>
    <t>47962110.0</t>
  </si>
  <si>
    <t>43522523.0</t>
  </si>
  <si>
    <t>140848483.0</t>
  </si>
  <si>
    <t>50850920.0</t>
  </si>
  <si>
    <t>47962284.0</t>
  </si>
  <si>
    <t>43543538.0</t>
  </si>
  <si>
    <t>238.57</t>
  </si>
  <si>
    <t>140876446.0</t>
  </si>
  <si>
    <t>50851180.0</t>
  </si>
  <si>
    <t>47962510.0</t>
  </si>
  <si>
    <t>43571015.0</t>
  </si>
  <si>
    <t>27963.0</t>
  </si>
  <si>
    <t>140910247.0</t>
  </si>
  <si>
    <t>50851416.0</t>
  </si>
  <si>
    <t>47962727.0</t>
  </si>
  <si>
    <t>43604363.0</t>
  </si>
  <si>
    <t>33801.0</t>
  </si>
  <si>
    <t>140950687.0</t>
  </si>
  <si>
    <t>50851637.0</t>
  </si>
  <si>
    <t>47962960.0</t>
  </si>
  <si>
    <t>43644349.0</t>
  </si>
  <si>
    <t>23392.0</t>
  </si>
  <si>
    <t>238.75</t>
  </si>
  <si>
    <t>140994408.0</t>
  </si>
  <si>
    <t>50852001.0</t>
  </si>
  <si>
    <t>47963229.0</t>
  </si>
  <si>
    <t>43687437.0</t>
  </si>
  <si>
    <t>43721.0</t>
  </si>
  <si>
    <t>25920.0</t>
  </si>
  <si>
    <t>238.82</t>
  </si>
  <si>
    <t>141015981.0</t>
  </si>
  <si>
    <t>50852177.0</t>
  </si>
  <si>
    <t>47963420.0</t>
  </si>
  <si>
    <t>43708643.0</t>
  </si>
  <si>
    <t>27231.0</t>
  </si>
  <si>
    <t>141019143.0</t>
  </si>
  <si>
    <t>50852180.0</t>
  </si>
  <si>
    <t>47963428.0</t>
  </si>
  <si>
    <t>43711794.0</t>
  </si>
  <si>
    <t>141055302.0</t>
  </si>
  <si>
    <t>50852353.0</t>
  </si>
  <si>
    <t>47963628.0</t>
  </si>
  <si>
    <t>43747580.0</t>
  </si>
  <si>
    <t>36159.0</t>
  </si>
  <si>
    <t>238.93</t>
  </si>
  <si>
    <t>141102193.0</t>
  </si>
  <si>
    <t>50852557.0</t>
  </si>
  <si>
    <t>47963811.0</t>
  </si>
  <si>
    <t>43794084.0</t>
  </si>
  <si>
    <t>32250.0</t>
  </si>
  <si>
    <t>141151189.0</t>
  </si>
  <si>
    <t>50852802.0</t>
  </si>
  <si>
    <t>47964010.0</t>
  </si>
  <si>
    <t>43842636.0</t>
  </si>
  <si>
    <t>48996.0</t>
  </si>
  <si>
    <t>239.09</t>
  </si>
  <si>
    <t>141206069.0</t>
  </si>
  <si>
    <t>50853111.0</t>
  </si>
  <si>
    <t>47964206.0</t>
  </si>
  <si>
    <t>43897011.0</t>
  </si>
  <si>
    <t>54880.0</t>
  </si>
  <si>
    <t>141259826.0</t>
  </si>
  <si>
    <t>50853370.0</t>
  </si>
  <si>
    <t>47964422.0</t>
  </si>
  <si>
    <t>43950293.0</t>
  </si>
  <si>
    <t>37917.0</t>
  </si>
  <si>
    <t>239.27</t>
  </si>
  <si>
    <t>141285598.0</t>
  </si>
  <si>
    <t>50853577.0</t>
  </si>
  <si>
    <t>47964599.0</t>
  </si>
  <si>
    <t>43975681.0</t>
  </si>
  <si>
    <t>141289339.0</t>
  </si>
  <si>
    <t>50853585.0</t>
  </si>
  <si>
    <t>47964605.0</t>
  </si>
  <si>
    <t>43979408.0</t>
  </si>
  <si>
    <t>141329177.0</t>
  </si>
  <si>
    <t>50853863.0</t>
  </si>
  <si>
    <t>47964781.0</t>
  </si>
  <si>
    <t>44018792.0</t>
  </si>
  <si>
    <t>39838.0</t>
  </si>
  <si>
    <t>39125.0</t>
  </si>
  <si>
    <t>239.39</t>
  </si>
  <si>
    <t>141382271.0</t>
  </si>
  <si>
    <t>50854149.0</t>
  </si>
  <si>
    <t>47965028.0</t>
  </si>
  <si>
    <t>44071354.0</t>
  </si>
  <si>
    <t>53094.0</t>
  </si>
  <si>
    <t>239.48</t>
  </si>
  <si>
    <t>141437631.0</t>
  </si>
  <si>
    <t>50854405.0</t>
  </si>
  <si>
    <t>47965266.0</t>
  </si>
  <si>
    <t>44126220.0</t>
  </si>
  <si>
    <t>55360.0</t>
  </si>
  <si>
    <t>141498459.0</t>
  </si>
  <si>
    <t>50854656.0</t>
  </si>
  <si>
    <t>47965484.0</t>
  </si>
  <si>
    <t>44186579.0</t>
  </si>
  <si>
    <t>60828.0</t>
  </si>
  <si>
    <t>141553047.0</t>
  </si>
  <si>
    <t>50854937.0</t>
  </si>
  <si>
    <t>47965717.0</t>
  </si>
  <si>
    <t>44240653.0</t>
  </si>
  <si>
    <t>41889.0</t>
  </si>
  <si>
    <t>141579845.0</t>
  </si>
  <si>
    <t>50855146.0</t>
  </si>
  <si>
    <t>47965905.0</t>
  </si>
  <si>
    <t>44267054.0</t>
  </si>
  <si>
    <t>141583956.0</t>
  </si>
  <si>
    <t>50855160.0</t>
  </si>
  <si>
    <t>47965918.0</t>
  </si>
  <si>
    <t>44271138.0</t>
  </si>
  <si>
    <t>239.82</t>
  </si>
  <si>
    <t>141624918.0</t>
  </si>
  <si>
    <t>50855348.0</t>
  </si>
  <si>
    <t>47966085.0</t>
  </si>
  <si>
    <t>44311745.0</t>
  </si>
  <si>
    <t>40962.0</t>
  </si>
  <si>
    <t>239.89</t>
  </si>
  <si>
    <t>141676444.0</t>
  </si>
  <si>
    <t>50855632.0</t>
  </si>
  <si>
    <t>47966329.0</t>
  </si>
  <si>
    <t>44362743.0</t>
  </si>
  <si>
    <t>51526.0</t>
  </si>
  <si>
    <t>64.874</t>
  </si>
  <si>
    <t>141732597.0</t>
  </si>
  <si>
    <t>50856031.0</t>
  </si>
  <si>
    <t>47966666.0</t>
  </si>
  <si>
    <t>44418243.0</t>
  </si>
  <si>
    <t>56153.0</t>
  </si>
  <si>
    <t>141791073.0</t>
  </si>
  <si>
    <t>50856366.0</t>
  </si>
  <si>
    <t>47966887.0</t>
  </si>
  <si>
    <t>44476163.0</t>
  </si>
  <si>
    <t>41802.0</t>
  </si>
  <si>
    <t>141843999.0</t>
  </si>
  <si>
    <t>50856693.0</t>
  </si>
  <si>
    <t>47967078.0</t>
  </si>
  <si>
    <t>44528572.0</t>
  </si>
  <si>
    <t>52926.0</t>
  </si>
  <si>
    <t>41565.0</t>
  </si>
  <si>
    <t>141868979.0</t>
  </si>
  <si>
    <t>50856838.0</t>
  </si>
  <si>
    <t>47967203.0</t>
  </si>
  <si>
    <t>44553282.0</t>
  </si>
  <si>
    <t>41305.0</t>
  </si>
  <si>
    <t>240.3</t>
  </si>
  <si>
    <t>141872871.0</t>
  </si>
  <si>
    <t>50856854.0</t>
  </si>
  <si>
    <t>47967206.0</t>
  </si>
  <si>
    <t>44557155.0</t>
  </si>
  <si>
    <t>141901072.0</t>
  </si>
  <si>
    <t>50857055.0</t>
  </si>
  <si>
    <t>47967320.0</t>
  </si>
  <si>
    <t>44585041.0</t>
  </si>
  <si>
    <t>28201.0</t>
  </si>
  <si>
    <t>141904209.0</t>
  </si>
  <si>
    <t>50857065.0</t>
  </si>
  <si>
    <t>47967331.0</t>
  </si>
  <si>
    <t>44588157.0</t>
  </si>
  <si>
    <t>141941829.0</t>
  </si>
  <si>
    <t>50857249.0</t>
  </si>
  <si>
    <t>47967469.0</t>
  </si>
  <si>
    <t>44625456.0</t>
  </si>
  <si>
    <t>141990961.0</t>
  </si>
  <si>
    <t>50857474.0</t>
  </si>
  <si>
    <t>47967634.0</t>
  </si>
  <si>
    <t>44674198.0</t>
  </si>
  <si>
    <t>49132.0</t>
  </si>
  <si>
    <t>28555.0</t>
  </si>
  <si>
    <t>240.51</t>
  </si>
  <si>
    <t>142037839.0</t>
  </si>
  <si>
    <t>50857684.0</t>
  </si>
  <si>
    <t>47967850.0</t>
  </si>
  <si>
    <t>44720650.0</t>
  </si>
  <si>
    <t>240.59</t>
  </si>
  <si>
    <t>58.099</t>
  </si>
  <si>
    <t>142061539.0</t>
  </si>
  <si>
    <t>50857816.0</t>
  </si>
  <si>
    <t>47967983.0</t>
  </si>
  <si>
    <t>44744085.0</t>
  </si>
  <si>
    <t>23700.0</t>
  </si>
  <si>
    <t>142064659.0</t>
  </si>
  <si>
    <t>50857828.0</t>
  </si>
  <si>
    <t>47967993.0</t>
  </si>
  <si>
    <t>44747183.0</t>
  </si>
  <si>
    <t>142097658.0</t>
  </si>
  <si>
    <t>50858013.0</t>
  </si>
  <si>
    <t>47968158.0</t>
  </si>
  <si>
    <t>44779832.0</t>
  </si>
  <si>
    <t>142141145.0</t>
  </si>
  <si>
    <t>50858342.0</t>
  </si>
  <si>
    <t>47968415.0</t>
  </si>
  <si>
    <t>44822733.0</t>
  </si>
  <si>
    <t>33848.0</t>
  </si>
  <si>
    <t>142184770.0</t>
  </si>
  <si>
    <t>50858546.0</t>
  </si>
  <si>
    <t>47968604.0</t>
  </si>
  <si>
    <t>44865966.0</t>
  </si>
  <si>
    <t>142232042.0</t>
  </si>
  <si>
    <t>50858798.0</t>
  </si>
  <si>
    <t>47968784.0</t>
  </si>
  <si>
    <t>44912806.0</t>
  </si>
  <si>
    <t>47272.0</t>
  </si>
  <si>
    <t>142275193.0</t>
  </si>
  <si>
    <t>50859028.0</t>
  </si>
  <si>
    <t>47968966.0</t>
  </si>
  <si>
    <t>44955545.0</t>
  </si>
  <si>
    <t>33908.0</t>
  </si>
  <si>
    <t>142297487.0</t>
  </si>
  <si>
    <t>50859176.0</t>
  </si>
  <si>
    <t>47969120.0</t>
  </si>
  <si>
    <t>44977537.0</t>
  </si>
  <si>
    <t>33707.0</t>
  </si>
  <si>
    <t>142300837.0</t>
  </si>
  <si>
    <t>50859182.0</t>
  </si>
  <si>
    <t>47969127.0</t>
  </si>
  <si>
    <t>44980874.0</t>
  </si>
  <si>
    <t>33740.0</t>
  </si>
  <si>
    <t>142330931.0</t>
  </si>
  <si>
    <t>50859348.0</t>
  </si>
  <si>
    <t>47969270.0</t>
  </si>
  <si>
    <t>45010659.0</t>
  </si>
  <si>
    <t>142369546.0</t>
  </si>
  <si>
    <t>50859565.0</t>
  </si>
  <si>
    <t>47969463.0</t>
  </si>
  <si>
    <t>45048864.0</t>
  </si>
  <si>
    <t>122.143</t>
  </si>
  <si>
    <t>142410501.0</t>
  </si>
  <si>
    <t>50859831.0</t>
  </si>
  <si>
    <t>47969673.0</t>
  </si>
  <si>
    <t>45089343.0</t>
  </si>
  <si>
    <t>142452252.0</t>
  </si>
  <si>
    <t>50860108.0</t>
  </si>
  <si>
    <t>47969854.0</t>
  </si>
  <si>
    <t>45130636.0</t>
  </si>
  <si>
    <t>41751.0</t>
  </si>
  <si>
    <t>142493364.0</t>
  </si>
  <si>
    <t>50860323.0</t>
  </si>
  <si>
    <t>47970086.0</t>
  </si>
  <si>
    <t>45171301.0</t>
  </si>
  <si>
    <t>31167.0</t>
  </si>
  <si>
    <t>142512449.0</t>
  </si>
  <si>
    <t>50860434.0</t>
  </si>
  <si>
    <t>47970191.0</t>
  </si>
  <si>
    <t>45190170.0</t>
  </si>
  <si>
    <t>142515412.0</t>
  </si>
  <si>
    <t>50860442.0</t>
  </si>
  <si>
    <t>47970214.0</t>
  </si>
  <si>
    <t>45193102.0</t>
  </si>
  <si>
    <t>30654.0</t>
  </si>
  <si>
    <t>142543031.0</t>
  </si>
  <si>
    <t>50860598.0</t>
  </si>
  <si>
    <t>47970326.0</t>
  </si>
  <si>
    <t>45220453.0</t>
  </si>
  <si>
    <t>27619.0</t>
  </si>
  <si>
    <t>75.342</t>
  </si>
  <si>
    <t>142575579.0</t>
  </si>
  <si>
    <t>50860781.0</t>
  </si>
  <si>
    <t>47970461.0</t>
  </si>
  <si>
    <t>45252683.0</t>
  </si>
  <si>
    <t>142612246.0</t>
  </si>
  <si>
    <t>50861002.0</t>
  </si>
  <si>
    <t>47970645.0</t>
  </si>
  <si>
    <t>45288945.0</t>
  </si>
  <si>
    <t>28821.0</t>
  </si>
  <si>
    <t>241.56</t>
  </si>
  <si>
    <t>76.494</t>
  </si>
  <si>
    <t>142650388.0</t>
  </si>
  <si>
    <t>50861198.0</t>
  </si>
  <si>
    <t>47970796.0</t>
  </si>
  <si>
    <t>45326740.0</t>
  </si>
  <si>
    <t>28305.0</t>
  </si>
  <si>
    <t>142687398.0</t>
  </si>
  <si>
    <t>50861395.0</t>
  </si>
  <si>
    <t>47970971.0</t>
  </si>
  <si>
    <t>45363378.0</t>
  </si>
  <si>
    <t>27719.0</t>
  </si>
  <si>
    <t>241.69</t>
  </si>
  <si>
    <t>136.269</t>
  </si>
  <si>
    <t>142707141.0</t>
  </si>
  <si>
    <t>50861528.0</t>
  </si>
  <si>
    <t>47971093.0</t>
  </si>
  <si>
    <t>45382866.0</t>
  </si>
  <si>
    <t>241.72</t>
  </si>
  <si>
    <t>142710709.0</t>
  </si>
  <si>
    <t>50861551.0</t>
  </si>
  <si>
    <t>47971115.0</t>
  </si>
  <si>
    <t>45386389.0</t>
  </si>
  <si>
    <t>27900.0</t>
  </si>
  <si>
    <t>142739001.0</t>
  </si>
  <si>
    <t>50861714.0</t>
  </si>
  <si>
    <t>47971288.0</t>
  </si>
  <si>
    <t>45414345.0</t>
  </si>
  <si>
    <t>28292.0</t>
  </si>
  <si>
    <t>27996.0</t>
  </si>
  <si>
    <t>142774717.0</t>
  </si>
  <si>
    <t>50861971.0</t>
  </si>
  <si>
    <t>47971533.0</t>
  </si>
  <si>
    <t>45449559.0</t>
  </si>
  <si>
    <t>35716.0</t>
  </si>
  <si>
    <t>28448.0</t>
  </si>
  <si>
    <t>142813717.0</t>
  </si>
  <si>
    <t>50862191.0</t>
  </si>
  <si>
    <t>47971704.0</t>
  </si>
  <si>
    <t>45488168.0</t>
  </si>
  <si>
    <t>142850615.0</t>
  </si>
  <si>
    <t>50862360.0</t>
  </si>
  <si>
    <t>47971851.0</t>
  </si>
  <si>
    <t>45524750.0</t>
  </si>
  <si>
    <t>36898.0</t>
  </si>
  <si>
    <t>142887333.0</t>
  </si>
  <si>
    <t>50862596.0</t>
  </si>
  <si>
    <t>47971995.0</t>
  </si>
  <si>
    <t>45561088.0</t>
  </si>
  <si>
    <t>28562.0</t>
  </si>
  <si>
    <t>142906229.0</t>
  </si>
  <si>
    <t>50862729.0</t>
  </si>
  <si>
    <t>47972098.0</t>
  </si>
  <si>
    <t>45579748.0</t>
  </si>
  <si>
    <t>242.06</t>
  </si>
  <si>
    <t>142908774.0</t>
  </si>
  <si>
    <t>50862732.0</t>
  </si>
  <si>
    <t>47972103.0</t>
  </si>
  <si>
    <t>45582285.0</t>
  </si>
  <si>
    <t>142938580.0</t>
  </si>
  <si>
    <t>50862926.0</t>
  </si>
  <si>
    <t>47972224.0</t>
  </si>
  <si>
    <t>45611776.0</t>
  </si>
  <si>
    <t>29806.0</t>
  </si>
  <si>
    <t>142975781.0</t>
  </si>
  <si>
    <t>50863125.0</t>
  </si>
  <si>
    <t>47972390.0</t>
  </si>
  <si>
    <t>45648612.0</t>
  </si>
  <si>
    <t>28723.0</t>
  </si>
  <si>
    <t>143007357.0</t>
  </si>
  <si>
    <t>50863337.0</t>
  </si>
  <si>
    <t>47972519.0</t>
  </si>
  <si>
    <t>45679847.0</t>
  </si>
  <si>
    <t>31576.0</t>
  </si>
  <si>
    <t>242.23</t>
  </si>
  <si>
    <t>143008758.0</t>
  </si>
  <si>
    <t>50863341.0</t>
  </si>
  <si>
    <t>47972527.0</t>
  </si>
  <si>
    <t>45681236.0</t>
  </si>
  <si>
    <t>22592.0</t>
  </si>
  <si>
    <t>163.642</t>
  </si>
  <si>
    <t>143036838.0</t>
  </si>
  <si>
    <t>50863512.0</t>
  </si>
  <si>
    <t>47972682.0</t>
  </si>
  <si>
    <t>45708990.0</t>
  </si>
  <si>
    <t>143051192.0</t>
  </si>
  <si>
    <t>50863575.0</t>
  </si>
  <si>
    <t>47972759.0</t>
  </si>
  <si>
    <t>45723204.0</t>
  </si>
  <si>
    <t>242.31</t>
  </si>
  <si>
    <t>143053270.0</t>
  </si>
  <si>
    <t>50863584.0</t>
  </si>
  <si>
    <t>47972766.0</t>
  </si>
  <si>
    <t>45725266.0</t>
  </si>
  <si>
    <t>143079122.0</t>
  </si>
  <si>
    <t>50863703.0</t>
  </si>
  <si>
    <t>47972934.0</t>
  </si>
  <si>
    <t>45750831.0</t>
  </si>
  <si>
    <t>242.35</t>
  </si>
  <si>
    <t>143110952.0</t>
  </si>
  <si>
    <t>50863920.0</t>
  </si>
  <si>
    <t>47973182.0</t>
  </si>
  <si>
    <t>45782196.0</t>
  </si>
  <si>
    <t>31830.0</t>
  </si>
  <si>
    <t>242.41</t>
  </si>
  <si>
    <t>143144808.0</t>
  </si>
  <si>
    <t>50864107.0</t>
  </si>
  <si>
    <t>47973404.0</t>
  </si>
  <si>
    <t>45815643.0</t>
  </si>
  <si>
    <t>33856.0</t>
  </si>
  <si>
    <t>242.46</t>
  </si>
  <si>
    <t>143179225.0</t>
  </si>
  <si>
    <t>50864307.0</t>
  </si>
  <si>
    <t>47973601.0</t>
  </si>
  <si>
    <t>45849663.0</t>
  </si>
  <si>
    <t>163.303</t>
  </si>
  <si>
    <t>143211490.0</t>
  </si>
  <si>
    <t>50864468.0</t>
  </si>
  <si>
    <t>47973754.0</t>
  </si>
  <si>
    <t>45881614.0</t>
  </si>
  <si>
    <t>143226654.0</t>
  </si>
  <si>
    <t>50864561.0</t>
  </si>
  <si>
    <t>47973846.0</t>
  </si>
  <si>
    <t>45896593.0</t>
  </si>
  <si>
    <t>143229100.0</t>
  </si>
  <si>
    <t>50864573.0</t>
  </si>
  <si>
    <t>47973855.0</t>
  </si>
  <si>
    <t>45899018.0</t>
  </si>
  <si>
    <t>242.61</t>
  </si>
  <si>
    <t>70.921</t>
  </si>
  <si>
    <t>143250068.0</t>
  </si>
  <si>
    <t>50864712.0</t>
  </si>
  <si>
    <t>47973991.0</t>
  </si>
  <si>
    <t>45919711.0</t>
  </si>
  <si>
    <t>143274138.0</t>
  </si>
  <si>
    <t>50864874.0</t>
  </si>
  <si>
    <t>47974197.0</t>
  </si>
  <si>
    <t>45943413.0</t>
  </si>
  <si>
    <t>9329.0</t>
  </si>
  <si>
    <t>143295645.0</t>
  </si>
  <si>
    <t>50865004.0</t>
  </si>
  <si>
    <t>47974350.0</t>
  </si>
  <si>
    <t>45964637.0</t>
  </si>
  <si>
    <t>242.72</t>
  </si>
  <si>
    <t>143312407.0</t>
  </si>
  <si>
    <t>50865119.0</t>
  </si>
  <si>
    <t>47974486.0</t>
  </si>
  <si>
    <t>45981148.0</t>
  </si>
  <si>
    <t>16762.0</t>
  </si>
  <si>
    <t>143321630.0</t>
  </si>
  <si>
    <t>50865242.0</t>
  </si>
  <si>
    <t>47974629.0</t>
  </si>
  <si>
    <t>45990105.0</t>
  </si>
  <si>
    <t>15734.0</t>
  </si>
  <si>
    <t>143322687.0</t>
  </si>
  <si>
    <t>50865279.0</t>
  </si>
  <si>
    <t>47974661.0</t>
  </si>
  <si>
    <t>45991094.0</t>
  </si>
  <si>
    <t>242.77</t>
  </si>
  <si>
    <t>143322712.0</t>
  </si>
  <si>
    <t>45991119.0</t>
  </si>
  <si>
    <t>143323060.0</t>
  </si>
  <si>
    <t>50865280.0</t>
  </si>
  <si>
    <t>47974667.0</t>
  </si>
  <si>
    <t>45991460.0</t>
  </si>
  <si>
    <t>143334290.0</t>
  </si>
  <si>
    <t>50865432.0</t>
  </si>
  <si>
    <t>47974795.0</t>
  </si>
  <si>
    <t>46002410.0</t>
  </si>
  <si>
    <t>143348290.0</t>
  </si>
  <si>
    <t>50865553.0</t>
  </si>
  <si>
    <t>47974926.0</t>
  </si>
  <si>
    <t>46016158.0</t>
  </si>
  <si>
    <t>242.81</t>
  </si>
  <si>
    <t>143363878.0</t>
  </si>
  <si>
    <t>50865696.0</t>
  </si>
  <si>
    <t>47975018.0</t>
  </si>
  <si>
    <t>46031511.0</t>
  </si>
  <si>
    <t>242.84</t>
  </si>
  <si>
    <t>143377898.0</t>
  </si>
  <si>
    <t>50865799.0</t>
  </si>
  <si>
    <t>47975130.0</t>
  </si>
  <si>
    <t>46045316.0</t>
  </si>
  <si>
    <t>242.86</t>
  </si>
  <si>
    <t>143380318.0</t>
  </si>
  <si>
    <t>50865811.0</t>
  </si>
  <si>
    <t>47975151.0</t>
  </si>
  <si>
    <t>46047703.0</t>
  </si>
  <si>
    <t>143380357.0</t>
  </si>
  <si>
    <t>50865812.0</t>
  </si>
  <si>
    <t>46047741.0</t>
  </si>
  <si>
    <t>143390120.0</t>
  </si>
  <si>
    <t>50865883.0</t>
  </si>
  <si>
    <t>47975196.0</t>
  </si>
  <si>
    <t>46057388.0</t>
  </si>
  <si>
    <t>143407059.0</t>
  </si>
  <si>
    <t>50866029.0</t>
  </si>
  <si>
    <t>47975289.0</t>
  </si>
  <si>
    <t>46074088.0</t>
  </si>
  <si>
    <t>143425471.0</t>
  </si>
  <si>
    <t>50866165.0</t>
  </si>
  <si>
    <t>47975392.0</t>
  </si>
  <si>
    <t>46092261.0</t>
  </si>
  <si>
    <t>242.94</t>
  </si>
  <si>
    <t>143440480.0</t>
  </si>
  <si>
    <t>50866310.0</t>
  </si>
  <si>
    <t>47975486.0</t>
  </si>
  <si>
    <t>46107031.0</t>
  </si>
  <si>
    <t>242.97</t>
  </si>
  <si>
    <t>JAM</t>
  </si>
  <si>
    <t>Jamaica</t>
  </si>
  <si>
    <t>-419.2</t>
  </si>
  <si>
    <t>-148.264366116782</t>
  </si>
  <si>
    <t>-461.6</t>
  </si>
  <si>
    <t>-163.260571086609</t>
  </si>
  <si>
    <t>12029.0</t>
  </si>
  <si>
    <t>-547.2</t>
  </si>
  <si>
    <t>-193.535928289845</t>
  </si>
  <si>
    <t>4.937</t>
  </si>
  <si>
    <t>14976.0</t>
  </si>
  <si>
    <t>15114.0</t>
  </si>
  <si>
    <t>18564.0</t>
  </si>
  <si>
    <t>22198.0</t>
  </si>
  <si>
    <t>22649.0</t>
  </si>
  <si>
    <t>23520.0</t>
  </si>
  <si>
    <t>8.529</t>
  </si>
  <si>
    <t>24443.0</t>
  </si>
  <si>
    <t>8.644</t>
  </si>
  <si>
    <t>-600.4</t>
  </si>
  <si>
    <t>-6.24</t>
  </si>
  <si>
    <t>-212.351921318025</t>
  </si>
  <si>
    <t>8.902</t>
  </si>
  <si>
    <t>25682.0</t>
  </si>
  <si>
    <t>9.082</t>
  </si>
  <si>
    <t>26739.0</t>
  </si>
  <si>
    <t>9.577</t>
  </si>
  <si>
    <t>9.822</t>
  </si>
  <si>
    <t>28160.0</t>
  </si>
  <si>
    <t>9.959</t>
  </si>
  <si>
    <t>29591.0</t>
  </si>
  <si>
    <t>10.666</t>
  </si>
  <si>
    <t>11.486</t>
  </si>
  <si>
    <t>33107.0</t>
  </si>
  <si>
    <t>33696.0</t>
  </si>
  <si>
    <t>11.916</t>
  </si>
  <si>
    <t>37143.0</t>
  </si>
  <si>
    <t>13.248</t>
  </si>
  <si>
    <t>38666.0</t>
  </si>
  <si>
    <t>-693.6</t>
  </si>
  <si>
    <t>-5.67</t>
  </si>
  <si>
    <t>-245.315277525287</t>
  </si>
  <si>
    <t>38988.0</t>
  </si>
  <si>
    <t>39691.0</t>
  </si>
  <si>
    <t>14.375</t>
  </si>
  <si>
    <t>41252.0</t>
  </si>
  <si>
    <t>42920.0</t>
  </si>
  <si>
    <t>43701.0</t>
  </si>
  <si>
    <t>15.664</t>
  </si>
  <si>
    <t>44841.0</t>
  </si>
  <si>
    <t>15.858</t>
  </si>
  <si>
    <t>15.983</t>
  </si>
  <si>
    <t>46127.0</t>
  </si>
  <si>
    <t>46419.0</t>
  </si>
  <si>
    <t>47767.0</t>
  </si>
  <si>
    <t>16.893</t>
  </si>
  <si>
    <t>49087.0</t>
  </si>
  <si>
    <t>17.359</t>
  </si>
  <si>
    <t>50569.0</t>
  </si>
  <si>
    <t>17.883</t>
  </si>
  <si>
    <t>18.842</t>
  </si>
  <si>
    <t>53945.0</t>
  </si>
  <si>
    <t>19.077</t>
  </si>
  <si>
    <t>19.291</t>
  </si>
  <si>
    <t>54989.0</t>
  </si>
  <si>
    <t>56392.0</t>
  </si>
  <si>
    <t>19.943</t>
  </si>
  <si>
    <t>20.148</t>
  </si>
  <si>
    <t>58177.0</t>
  </si>
  <si>
    <t>20.574</t>
  </si>
  <si>
    <t>59005.0</t>
  </si>
  <si>
    <t>20.867</t>
  </si>
  <si>
    <t>-576.0</t>
  </si>
  <si>
    <t>-203.722029778785</t>
  </si>
  <si>
    <t>21.292</t>
  </si>
  <si>
    <t>61127.0</t>
  </si>
  <si>
    <t>62156.0</t>
  </si>
  <si>
    <t>21.981</t>
  </si>
  <si>
    <t>62507.0</t>
  </si>
  <si>
    <t>64607.0</t>
  </si>
  <si>
    <t>22.848</t>
  </si>
  <si>
    <t>23.172</t>
  </si>
  <si>
    <t>66008.0</t>
  </si>
  <si>
    <t>23.343</t>
  </si>
  <si>
    <t>66670.0</t>
  </si>
  <si>
    <t>67302.0</t>
  </si>
  <si>
    <t>67927.0</t>
  </si>
  <si>
    <t>68980.0</t>
  </si>
  <si>
    <t>70029.0</t>
  </si>
  <si>
    <t>25.109</t>
  </si>
  <si>
    <t>25.334</t>
  </si>
  <si>
    <t>72269.0</t>
  </si>
  <si>
    <t>25.558</t>
  </si>
  <si>
    <t>73475.0</t>
  </si>
  <si>
    <t>25.984</t>
  </si>
  <si>
    <t>26.174</t>
  </si>
  <si>
    <t>75349.0</t>
  </si>
  <si>
    <t>75989.0</t>
  </si>
  <si>
    <t>76690.0</t>
  </si>
  <si>
    <t>27.121</t>
  </si>
  <si>
    <t>27.658</t>
  </si>
  <si>
    <t>78561.0</t>
  </si>
  <si>
    <t>27.783</t>
  </si>
  <si>
    <t>78911.0</t>
  </si>
  <si>
    <t>0.2588</t>
  </si>
  <si>
    <t>-422.6</t>
  </si>
  <si>
    <t>-149.466891987004</t>
  </si>
  <si>
    <t>79445.0</t>
  </si>
  <si>
    <t>28.095</t>
  </si>
  <si>
    <t>28.289</t>
  </si>
  <si>
    <t>80530.0</t>
  </si>
  <si>
    <t>28.479</t>
  </si>
  <si>
    <t>81071.0</t>
  </si>
  <si>
    <t>28.928</t>
  </si>
  <si>
    <t>82350.0</t>
  </si>
  <si>
    <t>29.123</t>
  </si>
  <si>
    <t>0.1851</t>
  </si>
  <si>
    <t>82897.0</t>
  </si>
  <si>
    <t>29.316</t>
  </si>
  <si>
    <t>83451.0</t>
  </si>
  <si>
    <t>29.512</t>
  </si>
  <si>
    <t>84353.0</t>
  </si>
  <si>
    <t>29.959</t>
  </si>
  <si>
    <t>85259.0</t>
  </si>
  <si>
    <t>30.343</t>
  </si>
  <si>
    <t>30.505</t>
  </si>
  <si>
    <t>30.666</t>
  </si>
  <si>
    <t>88273.0</t>
  </si>
  <si>
    <t>89292.0</t>
  </si>
  <si>
    <t>31.578</t>
  </si>
  <si>
    <t>89943.0</t>
  </si>
  <si>
    <t>90781.0</t>
  </si>
  <si>
    <t>91430.0</t>
  </si>
  <si>
    <t>32.334</t>
  </si>
  <si>
    <t>32.528</t>
  </si>
  <si>
    <t>92441.0</t>
  </si>
  <si>
    <t>32.691</t>
  </si>
  <si>
    <t>92900.0</t>
  </si>
  <si>
    <t>93357.0</t>
  </si>
  <si>
    <t>33.015</t>
  </si>
  <si>
    <t>93821.0</t>
  </si>
  <si>
    <t>33.179</t>
  </si>
  <si>
    <t>94376.0</t>
  </si>
  <si>
    <t>33.376</t>
  </si>
  <si>
    <t>95018.0</t>
  </si>
  <si>
    <t>95744.0</t>
  </si>
  <si>
    <t>33.859</t>
  </si>
  <si>
    <t>96470.0</t>
  </si>
  <si>
    <t>34.116</t>
  </si>
  <si>
    <t>-320.0</t>
  </si>
  <si>
    <t>-113.178905432658</t>
  </si>
  <si>
    <t>34.379</t>
  </si>
  <si>
    <t>97791.0</t>
  </si>
  <si>
    <t>34.583</t>
  </si>
  <si>
    <t>98356.0</t>
  </si>
  <si>
    <t>34.783</t>
  </si>
  <si>
    <t>98912.0</t>
  </si>
  <si>
    <t>99548.0</t>
  </si>
  <si>
    <t>35.205</t>
  </si>
  <si>
    <t>100099.0</t>
  </si>
  <si>
    <t>35.557</t>
  </si>
  <si>
    <t>101027.0</t>
  </si>
  <si>
    <t>35.728</t>
  </si>
  <si>
    <t>101394.0</t>
  </si>
  <si>
    <t>101764.0</t>
  </si>
  <si>
    <t>35.988</t>
  </si>
  <si>
    <t>103314.0</t>
  </si>
  <si>
    <t>103878.0</t>
  </si>
  <si>
    <t>36.736</t>
  </si>
  <si>
    <t>104731.0</t>
  </si>
  <si>
    <t>37.399</t>
  </si>
  <si>
    <t>106587.0</t>
  </si>
  <si>
    <t>37.694</t>
  </si>
  <si>
    <t>107243.0</t>
  </si>
  <si>
    <t>107896.0</t>
  </si>
  <si>
    <t>38.157</t>
  </si>
  <si>
    <t>38.388</t>
  </si>
  <si>
    <t>109166.0</t>
  </si>
  <si>
    <t>38.606</t>
  </si>
  <si>
    <t>109834.0</t>
  </si>
  <si>
    <t>38.842</t>
  </si>
  <si>
    <t>110490.0</t>
  </si>
  <si>
    <t>111321.0</t>
  </si>
  <si>
    <t>39.368</t>
  </si>
  <si>
    <t>111931.0</t>
  </si>
  <si>
    <t>112596.0</t>
  </si>
  <si>
    <t>39.819</t>
  </si>
  <si>
    <t>113316.0</t>
  </si>
  <si>
    <t>114020.0</t>
  </si>
  <si>
    <t>114667.0</t>
  </si>
  <si>
    <t>115525.0</t>
  </si>
  <si>
    <t>40.855</t>
  </si>
  <si>
    <t>-209.8</t>
  </si>
  <si>
    <t>-74.2029198742865</t>
  </si>
  <si>
    <t>116190.0</t>
  </si>
  <si>
    <t>117657.0</t>
  </si>
  <si>
    <t>41.609</t>
  </si>
  <si>
    <t>119088.0</t>
  </si>
  <si>
    <t>42.115</t>
  </si>
  <si>
    <t>120128.0</t>
  </si>
  <si>
    <t>42.483</t>
  </si>
  <si>
    <t>121061.0</t>
  </si>
  <si>
    <t>42.813</t>
  </si>
  <si>
    <t>122175.0</t>
  </si>
  <si>
    <t>122919.0</t>
  </si>
  <si>
    <t>43.699</t>
  </si>
  <si>
    <t>124229.0</t>
  </si>
  <si>
    <t>43.933</t>
  </si>
  <si>
    <t>125308.0</t>
  </si>
  <si>
    <t>44.315</t>
  </si>
  <si>
    <t>126528.0</t>
  </si>
  <si>
    <t>44.746</t>
  </si>
  <si>
    <t>127378.0</t>
  </si>
  <si>
    <t>45.047</t>
  </si>
  <si>
    <t>45.255</t>
  </si>
  <si>
    <t>128705.0</t>
  </si>
  <si>
    <t>45.516</t>
  </si>
  <si>
    <t>129858.0</t>
  </si>
  <si>
    <t>130895.0</t>
  </si>
  <si>
    <t>46.673</t>
  </si>
  <si>
    <t>132627.0</t>
  </si>
  <si>
    <t>46.903</t>
  </si>
  <si>
    <t>133235.0</t>
  </si>
  <si>
    <t>47.118</t>
  </si>
  <si>
    <t>134056.0</t>
  </si>
  <si>
    <t>47.408</t>
  </si>
  <si>
    <t>135169.0</t>
  </si>
  <si>
    <t>47.802</t>
  </si>
  <si>
    <t>137029.0</t>
  </si>
  <si>
    <t>137444.0</t>
  </si>
  <si>
    <t>48.606</t>
  </si>
  <si>
    <t>48.924</t>
  </si>
  <si>
    <t>-21.5747288481005</t>
  </si>
  <si>
    <t>139866.0</t>
  </si>
  <si>
    <t>141170.0</t>
  </si>
  <si>
    <t>49.924</t>
  </si>
  <si>
    <t>143452.0</t>
  </si>
  <si>
    <t>50.731</t>
  </si>
  <si>
    <t>144276.0</t>
  </si>
  <si>
    <t>51.022</t>
  </si>
  <si>
    <t>52.208</t>
  </si>
  <si>
    <t>149092.0</t>
  </si>
  <si>
    <t>52.726</t>
  </si>
  <si>
    <t>152012.0</t>
  </si>
  <si>
    <t>53.758</t>
  </si>
  <si>
    <t>154489.0</t>
  </si>
  <si>
    <t>54.634</t>
  </si>
  <si>
    <t>55.294</t>
  </si>
  <si>
    <t>56.511</t>
  </si>
  <si>
    <t>160627.0</t>
  </si>
  <si>
    <t>56.805</t>
  </si>
  <si>
    <t>163144.0</t>
  </si>
  <si>
    <t>166068.0</t>
  </si>
  <si>
    <t>-2.32</t>
  </si>
  <si>
    <t>-35.8635656589736</t>
  </si>
  <si>
    <t>170033.0</t>
  </si>
  <si>
    <t>60.131</t>
  </si>
  <si>
    <t>175315.0</t>
  </si>
  <si>
    <t>61.999</t>
  </si>
  <si>
    <t>179847.0</t>
  </si>
  <si>
    <t>63.602</t>
  </si>
  <si>
    <t>181161.0</t>
  </si>
  <si>
    <t>0.2005</t>
  </si>
  <si>
    <t>67.429</t>
  </si>
  <si>
    <t>194188.0</t>
  </si>
  <si>
    <t>68.674</t>
  </si>
  <si>
    <t>210450.0</t>
  </si>
  <si>
    <t>30.6997780986085</t>
  </si>
  <si>
    <t>237173.0</t>
  </si>
  <si>
    <t>83.875</t>
  </si>
  <si>
    <t>0.2719</t>
  </si>
  <si>
    <t>243363.0</t>
  </si>
  <si>
    <t>86.064</t>
  </si>
  <si>
    <t>0.2546</t>
  </si>
  <si>
    <t>261957.0</t>
  </si>
  <si>
    <t>267792.0</t>
  </si>
  <si>
    <t>94.703</t>
  </si>
  <si>
    <t>270017.0</t>
  </si>
  <si>
    <t>33000.0</t>
  </si>
  <si>
    <t>273688.0</t>
  </si>
  <si>
    <t>96.788</t>
  </si>
  <si>
    <t>278066.0</t>
  </si>
  <si>
    <t>98.337</t>
  </si>
  <si>
    <t>280095.0</t>
  </si>
  <si>
    <t>99.054</t>
  </si>
  <si>
    <t>282399.0</t>
  </si>
  <si>
    <t>99.869</t>
  </si>
  <si>
    <t>283592.0</t>
  </si>
  <si>
    <t>100.291</t>
  </si>
  <si>
    <t>829.6</t>
  </si>
  <si>
    <t>293.416312334166</t>
  </si>
  <si>
    <t>286470.0</t>
  </si>
  <si>
    <t>41901.0</t>
  </si>
  <si>
    <t>289446.0</t>
  </si>
  <si>
    <t>102.361</t>
  </si>
  <si>
    <t>43944.0</t>
  </si>
  <si>
    <t>301319.0</t>
  </si>
  <si>
    <t>107.571</t>
  </si>
  <si>
    <t>307193.0</t>
  </si>
  <si>
    <t>108.637</t>
  </si>
  <si>
    <t>308897.0</t>
  </si>
  <si>
    <t>135473.0</t>
  </si>
  <si>
    <t>310238.0</t>
  </si>
  <si>
    <t>109.714</t>
  </si>
  <si>
    <t>10609.0</t>
  </si>
  <si>
    <t>111.329</t>
  </si>
  <si>
    <t>317507.0</t>
  </si>
  <si>
    <t>112.285</t>
  </si>
  <si>
    <t>320168.0</t>
  </si>
  <si>
    <t>113.226</t>
  </si>
  <si>
    <t>328453.0</t>
  </si>
  <si>
    <t>116.156</t>
  </si>
  <si>
    <t>329778.0</t>
  </si>
  <si>
    <t>116.624</t>
  </si>
  <si>
    <t>1179.8</t>
  </si>
  <si>
    <t>417.276476967032</t>
  </si>
  <si>
    <t>333911.0</t>
  </si>
  <si>
    <t>118.086</t>
  </si>
  <si>
    <t>153146.0</t>
  </si>
  <si>
    <t>146147.0</t>
  </si>
  <si>
    <t>362359.0</t>
  </si>
  <si>
    <t>128.146</t>
  </si>
  <si>
    <t>164703.0</t>
  </si>
  <si>
    <t>150273.0</t>
  </si>
  <si>
    <t>365701.0</t>
  </si>
  <si>
    <t>129.328</t>
  </si>
  <si>
    <t>372604.0</t>
  </si>
  <si>
    <t>131.77</t>
  </si>
  <si>
    <t>177883.0</t>
  </si>
  <si>
    <t>155683.0</t>
  </si>
  <si>
    <t>1324.8</t>
  </si>
  <si>
    <t>468.560668491205</t>
  </si>
  <si>
    <t>391215.0</t>
  </si>
  <si>
    <t>138.351</t>
  </si>
  <si>
    <t>177889.0</t>
  </si>
  <si>
    <t>22206.0</t>
  </si>
  <si>
    <t>400389.0</t>
  </si>
  <si>
    <t>141.596</t>
  </si>
  <si>
    <t>194315.0</t>
  </si>
  <si>
    <t>163209.0</t>
  </si>
  <si>
    <t>413408.0</t>
  </si>
  <si>
    <t>415589.0</t>
  </si>
  <si>
    <t>146.971</t>
  </si>
  <si>
    <t>418569.0</t>
  </si>
  <si>
    <t>148.025</t>
  </si>
  <si>
    <t>423182.0</t>
  </si>
  <si>
    <t>149.656</t>
  </si>
  <si>
    <t>425135.0</t>
  </si>
  <si>
    <t>150.347</t>
  </si>
  <si>
    <t>426939.0</t>
  </si>
  <si>
    <t>150.985</t>
  </si>
  <si>
    <t>429551.0</t>
  </si>
  <si>
    <t>151.909</t>
  </si>
  <si>
    <t>431373.0</t>
  </si>
  <si>
    <t>152.553</t>
  </si>
  <si>
    <t>433091.0</t>
  </si>
  <si>
    <t>249983.0</t>
  </si>
  <si>
    <t>172958.0</t>
  </si>
  <si>
    <t>77025.0</t>
  </si>
  <si>
    <t>435150.0</t>
  </si>
  <si>
    <t>153.889</t>
  </si>
  <si>
    <t>436122.0</t>
  </si>
  <si>
    <t>154.232</t>
  </si>
  <si>
    <t>438873.0</t>
  </si>
  <si>
    <t>155.205</t>
  </si>
  <si>
    <t>442078.0</t>
  </si>
  <si>
    <t>156.339</t>
  </si>
  <si>
    <t>1287.2</t>
  </si>
  <si>
    <t>455.262147102868</t>
  </si>
  <si>
    <t>444130.0</t>
  </si>
  <si>
    <t>445483.0</t>
  </si>
  <si>
    <t>157.543</t>
  </si>
  <si>
    <t>446292.0</t>
  </si>
  <si>
    <t>157.829</t>
  </si>
  <si>
    <t>448011.0</t>
  </si>
  <si>
    <t>158.437</t>
  </si>
  <si>
    <t>448965.0</t>
  </si>
  <si>
    <t>158.774</t>
  </si>
  <si>
    <t>450220.0</t>
  </si>
  <si>
    <t>159.218</t>
  </si>
  <si>
    <t>452348.0</t>
  </si>
  <si>
    <t>159.971</t>
  </si>
  <si>
    <t>454266.0</t>
  </si>
  <si>
    <t>160.649</t>
  </si>
  <si>
    <t>455747.0</t>
  </si>
  <si>
    <t>161.173</t>
  </si>
  <si>
    <t>288320.0</t>
  </si>
  <si>
    <t>111441.0</t>
  </si>
  <si>
    <t>457565.0</t>
  </si>
  <si>
    <t>161.816</t>
  </si>
  <si>
    <t>458052.0</t>
  </si>
  <si>
    <t>161.988</t>
  </si>
  <si>
    <t>460648.0</t>
  </si>
  <si>
    <t>162.906</t>
  </si>
  <si>
    <t>462725.0</t>
  </si>
  <si>
    <t>163.64</t>
  </si>
  <si>
    <t>290382.0</t>
  </si>
  <si>
    <t>177062.0</t>
  </si>
  <si>
    <t>113320.0</t>
  </si>
  <si>
    <t>464318.0</t>
  </si>
  <si>
    <t>164.204</t>
  </si>
  <si>
    <t>468758.0</t>
  </si>
  <si>
    <t>165.774</t>
  </si>
  <si>
    <t>296243.0</t>
  </si>
  <si>
    <t>177939.0</t>
  </si>
  <si>
    <t>118304.0</t>
  </si>
  <si>
    <t>472211.0</t>
  </si>
  <si>
    <t>166.995</t>
  </si>
  <si>
    <t>478751.0</t>
  </si>
  <si>
    <t>169.308</t>
  </si>
  <si>
    <t>300902.0</t>
  </si>
  <si>
    <t>178728.0</t>
  </si>
  <si>
    <t>122174.0</t>
  </si>
  <si>
    <t>484861.0</t>
  </si>
  <si>
    <t>171.469</t>
  </si>
  <si>
    <t>491765.0</t>
  </si>
  <si>
    <t>173.91</t>
  </si>
  <si>
    <t>1223.6</t>
  </si>
  <si>
    <t>432.767839648127</t>
  </si>
  <si>
    <t>499515.0</t>
  </si>
  <si>
    <t>176.651</t>
  </si>
  <si>
    <t>504071.0</t>
  </si>
  <si>
    <t>178.262</t>
  </si>
  <si>
    <t>505623.0</t>
  </si>
  <si>
    <t>178.811</t>
  </si>
  <si>
    <t>507483.0</t>
  </si>
  <si>
    <t>179.469</t>
  </si>
  <si>
    <t>369960.0</t>
  </si>
  <si>
    <t>238475.0</t>
  </si>
  <si>
    <t>132465.0</t>
  </si>
  <si>
    <t>508486.0</t>
  </si>
  <si>
    <t>179.824</t>
  </si>
  <si>
    <t>509846.0</t>
  </si>
  <si>
    <t>180.305</t>
  </si>
  <si>
    <t>510832.0</t>
  </si>
  <si>
    <t>180.653</t>
  </si>
  <si>
    <t>511947.0</t>
  </si>
  <si>
    <t>181.048</t>
  </si>
  <si>
    <t>513700.0</t>
  </si>
  <si>
    <t>181.667</t>
  </si>
  <si>
    <t>515556.0</t>
  </si>
  <si>
    <t>182.324</t>
  </si>
  <si>
    <t>391076.0</t>
  </si>
  <si>
    <t>256890.0</t>
  </si>
  <si>
    <t>135115.0</t>
  </si>
  <si>
    <t>520791.0</t>
  </si>
  <si>
    <t>184.175</t>
  </si>
  <si>
    <t>0.2819</t>
  </si>
  <si>
    <t>522763.0</t>
  </si>
  <si>
    <t>184.873</t>
  </si>
  <si>
    <t>523891.0</t>
  </si>
  <si>
    <t>185.271</t>
  </si>
  <si>
    <t>0.3041</t>
  </si>
  <si>
    <t>526075.0</t>
  </si>
  <si>
    <t>186.044</t>
  </si>
  <si>
    <t>527643.0</t>
  </si>
  <si>
    <t>186.598</t>
  </si>
  <si>
    <t>420627.0</t>
  </si>
  <si>
    <t>283552.0</t>
  </si>
  <si>
    <t>138044.0</t>
  </si>
  <si>
    <t>531130.0</t>
  </si>
  <si>
    <t>187.831</t>
  </si>
  <si>
    <t>533840.0</t>
  </si>
  <si>
    <t>0.3412</t>
  </si>
  <si>
    <t>536624.0</t>
  </si>
  <si>
    <t>189.774</t>
  </si>
  <si>
    <t>0.3437</t>
  </si>
  <si>
    <t>467658.0</t>
  </si>
  <si>
    <t>329381.0</t>
  </si>
  <si>
    <t>139375.0</t>
  </si>
  <si>
    <t>538347.0</t>
  </si>
  <si>
    <t>190.384</t>
  </si>
  <si>
    <t>496976.0</t>
  </si>
  <si>
    <t>357938.0</t>
  </si>
  <si>
    <t>140372.0</t>
  </si>
  <si>
    <t>29318.0</t>
  </si>
  <si>
    <t>11715.0</t>
  </si>
  <si>
    <t>540622.0</t>
  </si>
  <si>
    <t>191.188</t>
  </si>
  <si>
    <t>542419.0</t>
  </si>
  <si>
    <t>191.824</t>
  </si>
  <si>
    <t>0.3384</t>
  </si>
  <si>
    <t>501676.0</t>
  </si>
  <si>
    <t>362366.0</t>
  </si>
  <si>
    <t>141139.0</t>
  </si>
  <si>
    <t>545088.0</t>
  </si>
  <si>
    <t>192.768</t>
  </si>
  <si>
    <t>507469.0</t>
  </si>
  <si>
    <t>367943.0</t>
  </si>
  <si>
    <t>142001.0</t>
  </si>
  <si>
    <t>546596.0</t>
  </si>
  <si>
    <t>193.301</t>
  </si>
  <si>
    <t>0.4219</t>
  </si>
  <si>
    <t>512469.0</t>
  </si>
  <si>
    <t>372876.0</t>
  </si>
  <si>
    <t>142260.0</t>
  </si>
  <si>
    <t>548196.0</t>
  </si>
  <si>
    <t>193.867</t>
  </si>
  <si>
    <t>549295.0</t>
  </si>
  <si>
    <t>194.255</t>
  </si>
  <si>
    <t>542888.0</t>
  </si>
  <si>
    <t>402601.0</t>
  </si>
  <si>
    <t>144372.0</t>
  </si>
  <si>
    <t>2634.8</t>
  </si>
  <si>
    <t>931.88681260615</t>
  </si>
  <si>
    <t>550980.0</t>
  </si>
  <si>
    <t>194.851</t>
  </si>
  <si>
    <t>0.3681</t>
  </si>
  <si>
    <t>550010.0</t>
  </si>
  <si>
    <t>409492.0</t>
  </si>
  <si>
    <t>145171.0</t>
  </si>
  <si>
    <t>553017.0</t>
  </si>
  <si>
    <t>195.572</t>
  </si>
  <si>
    <t>555298.0</t>
  </si>
  <si>
    <t>196.378</t>
  </si>
  <si>
    <t>560898.0</t>
  </si>
  <si>
    <t>146642.0</t>
  </si>
  <si>
    <t>557040.0</t>
  </si>
  <si>
    <t>196.994</t>
  </si>
  <si>
    <t>558540.0</t>
  </si>
  <si>
    <t>197.525</t>
  </si>
  <si>
    <t>562435.0</t>
  </si>
  <si>
    <t>198.902</t>
  </si>
  <si>
    <t>576590.0</t>
  </si>
  <si>
    <t>435611.0</t>
  </si>
  <si>
    <t>148138.0</t>
  </si>
  <si>
    <t>564564.0</t>
  </si>
  <si>
    <t>199.655</t>
  </si>
  <si>
    <t>0.3074</t>
  </si>
  <si>
    <t>566266.0</t>
  </si>
  <si>
    <t>200.257</t>
  </si>
  <si>
    <t>600021.0</t>
  </si>
  <si>
    <t>458696.0</t>
  </si>
  <si>
    <t>568107.0</t>
  </si>
  <si>
    <t>200.908</t>
  </si>
  <si>
    <t>606286.0</t>
  </si>
  <si>
    <t>464848.0</t>
  </si>
  <si>
    <t>152743.0</t>
  </si>
  <si>
    <t>613962.0</t>
  </si>
  <si>
    <t>472444.0</t>
  </si>
  <si>
    <t>153879.0</t>
  </si>
  <si>
    <t>571403.0</t>
  </si>
  <si>
    <t>202.074</t>
  </si>
  <si>
    <t>573539.0</t>
  </si>
  <si>
    <t>202.829</t>
  </si>
  <si>
    <t>647687.0</t>
  </si>
  <si>
    <t>485856.0</t>
  </si>
  <si>
    <t>176615.0</t>
  </si>
  <si>
    <t>576703.0</t>
  </si>
  <si>
    <t>203.948</t>
  </si>
  <si>
    <t>578267.0</t>
  </si>
  <si>
    <t>204.501</t>
  </si>
  <si>
    <t>0.3335</t>
  </si>
  <si>
    <t>693827.0</t>
  </si>
  <si>
    <t>498580.0</t>
  </si>
  <si>
    <t>579936.0</t>
  </si>
  <si>
    <t>205.091</t>
  </si>
  <si>
    <t>0.3366</t>
  </si>
  <si>
    <t>702693.0</t>
  </si>
  <si>
    <t>506797.0</t>
  </si>
  <si>
    <t>216103.0</t>
  </si>
  <si>
    <t>582429.0</t>
  </si>
  <si>
    <t>205.973</t>
  </si>
  <si>
    <t>584405.0</t>
  </si>
  <si>
    <t>206.672</t>
  </si>
  <si>
    <t>0.2946</t>
  </si>
  <si>
    <t>586326.0</t>
  </si>
  <si>
    <t>207.351</t>
  </si>
  <si>
    <t>0.2984</t>
  </si>
  <si>
    <t>587725.0</t>
  </si>
  <si>
    <t>207.846</t>
  </si>
  <si>
    <t>588481.0</t>
  </si>
  <si>
    <t>208.113</t>
  </si>
  <si>
    <t>711694.0</t>
  </si>
  <si>
    <t>515281.0</t>
  </si>
  <si>
    <t>219244.0</t>
  </si>
  <si>
    <t>590447.0</t>
  </si>
  <si>
    <t>208.809</t>
  </si>
  <si>
    <t>0.2842</t>
  </si>
  <si>
    <t>591957.0</t>
  </si>
  <si>
    <t>209.343</t>
  </si>
  <si>
    <t>715860.0</t>
  </si>
  <si>
    <t>518836.0</t>
  </si>
  <si>
    <t>220722.0</t>
  </si>
  <si>
    <t>595532.0</t>
  </si>
  <si>
    <t>210.607</t>
  </si>
  <si>
    <t>596881.0</t>
  </si>
  <si>
    <t>211.084</t>
  </si>
  <si>
    <t>211.558</t>
  </si>
  <si>
    <t>743184.0</t>
  </si>
  <si>
    <t>525788.0</t>
  </si>
  <si>
    <t>243223.0</t>
  </si>
  <si>
    <t>599098.0</t>
  </si>
  <si>
    <t>211.868</t>
  </si>
  <si>
    <t>755782.0</t>
  </si>
  <si>
    <t>528907.0</t>
  </si>
  <si>
    <t>253566.0</t>
  </si>
  <si>
    <t>600465.0</t>
  </si>
  <si>
    <t>212.351</t>
  </si>
  <si>
    <t>4665.8</t>
  </si>
  <si>
    <t>1650.21917802405</t>
  </si>
  <si>
    <t>604007.0</t>
  </si>
  <si>
    <t>213.604</t>
  </si>
  <si>
    <t>788984.0</t>
  </si>
  <si>
    <t>537510.0</t>
  </si>
  <si>
    <t>280843.0</t>
  </si>
  <si>
    <t>607591.0</t>
  </si>
  <si>
    <t>214.872</t>
  </si>
  <si>
    <t>609010.0</t>
  </si>
  <si>
    <t>215.373</t>
  </si>
  <si>
    <t>609727.0</t>
  </si>
  <si>
    <t>215.627</t>
  </si>
  <si>
    <t>611197.0</t>
  </si>
  <si>
    <t>216.147</t>
  </si>
  <si>
    <t>801649.0</t>
  </si>
  <si>
    <t>541844.0</t>
  </si>
  <si>
    <t>290807.0</t>
  </si>
  <si>
    <t>543977.0</t>
  </si>
  <si>
    <t>296928.0</t>
  </si>
  <si>
    <t>614262.0</t>
  </si>
  <si>
    <t>217.231</t>
  </si>
  <si>
    <t>816569.0</t>
  </si>
  <si>
    <t>546125.0</t>
  </si>
  <si>
    <t>302839.0</t>
  </si>
  <si>
    <t>616064.0</t>
  </si>
  <si>
    <t>217.868</t>
  </si>
  <si>
    <t>617665.0</t>
  </si>
  <si>
    <t>218.434</t>
  </si>
  <si>
    <t>836309.0</t>
  </si>
  <si>
    <t>551804.0</t>
  </si>
  <si>
    <t>319092.0</t>
  </si>
  <si>
    <t>618467.0</t>
  </si>
  <si>
    <t>218.718</t>
  </si>
  <si>
    <t>619150.0</t>
  </si>
  <si>
    <t>218.959</t>
  </si>
  <si>
    <t>841024.0</t>
  </si>
  <si>
    <t>553397.0</t>
  </si>
  <si>
    <t>322796.0</t>
  </si>
  <si>
    <t>620529.0</t>
  </si>
  <si>
    <t>219.447</t>
  </si>
  <si>
    <t>846389.0</t>
  </si>
  <si>
    <t>555399.0</t>
  </si>
  <si>
    <t>326915.0</t>
  </si>
  <si>
    <t>852062.0</t>
  </si>
  <si>
    <t>557884.0</t>
  </si>
  <si>
    <t>331097.0</t>
  </si>
  <si>
    <t>860482.0</t>
  </si>
  <si>
    <t>561160.0</t>
  </si>
  <si>
    <t>337419.0</t>
  </si>
  <si>
    <t>626602.0</t>
  </si>
  <si>
    <t>221.595</t>
  </si>
  <si>
    <t>627348.0</t>
  </si>
  <si>
    <t>221.859</t>
  </si>
  <si>
    <t>628049.0</t>
  </si>
  <si>
    <t>222.106</t>
  </si>
  <si>
    <t>879843.0</t>
  </si>
  <si>
    <t>571498.0</t>
  </si>
  <si>
    <t>350483.0</t>
  </si>
  <si>
    <t>628919.0</t>
  </si>
  <si>
    <t>222.414</t>
  </si>
  <si>
    <t>883738.0</t>
  </si>
  <si>
    <t>573247.0</t>
  </si>
  <si>
    <t>353151.0</t>
  </si>
  <si>
    <t>632060.0</t>
  </si>
  <si>
    <t>223.525</t>
  </si>
  <si>
    <t>887675.0</t>
  </si>
  <si>
    <t>575243.0</t>
  </si>
  <si>
    <t>355843.0</t>
  </si>
  <si>
    <t>633701.0</t>
  </si>
  <si>
    <t>224.105</t>
  </si>
  <si>
    <t>891142.0</t>
  </si>
  <si>
    <t>577283.0</t>
  </si>
  <si>
    <t>358007.0</t>
  </si>
  <si>
    <t>635040.0</t>
  </si>
  <si>
    <t>224.579</t>
  </si>
  <si>
    <t>893629.0</t>
  </si>
  <si>
    <t>578617.0</t>
  </si>
  <si>
    <t>359717.0</t>
  </si>
  <si>
    <t>635655.0</t>
  </si>
  <si>
    <t>224.796</t>
  </si>
  <si>
    <t>896658.0</t>
  </si>
  <si>
    <t>580421.0</t>
  </si>
  <si>
    <t>361567.0</t>
  </si>
  <si>
    <t>636403.0</t>
  </si>
  <si>
    <t>225.061</t>
  </si>
  <si>
    <t>899344.0</t>
  </si>
  <si>
    <t>581672.0</t>
  </si>
  <si>
    <t>363483.0</t>
  </si>
  <si>
    <t>637873.0</t>
  </si>
  <si>
    <t>225.581</t>
  </si>
  <si>
    <t>903310.0</t>
  </si>
  <si>
    <t>583415.0</t>
  </si>
  <si>
    <t>366349.0</t>
  </si>
  <si>
    <t>907371.0</t>
  </si>
  <si>
    <t>585501.0</t>
  </si>
  <si>
    <t>369218.0</t>
  </si>
  <si>
    <t>911601.0</t>
  </si>
  <si>
    <t>587405.0</t>
  </si>
  <si>
    <t>372329.0</t>
  </si>
  <si>
    <t>641347.0</t>
  </si>
  <si>
    <t>226.809</t>
  </si>
  <si>
    <t>916541.0</t>
  </si>
  <si>
    <t>589641.0</t>
  </si>
  <si>
    <t>375902.0</t>
  </si>
  <si>
    <t>642633.0</t>
  </si>
  <si>
    <t>227.264</t>
  </si>
  <si>
    <t>919992.0</t>
  </si>
  <si>
    <t>591859.0</t>
  </si>
  <si>
    <t>378054.0</t>
  </si>
  <si>
    <t>1809.8014346841</t>
  </si>
  <si>
    <t>643276.0</t>
  </si>
  <si>
    <t>227.491</t>
  </si>
  <si>
    <t>924129.0</t>
  </si>
  <si>
    <t>593995.0</t>
  </si>
  <si>
    <t>644092.0</t>
  </si>
  <si>
    <t>934529.0</t>
  </si>
  <si>
    <t>595637.0</t>
  </si>
  <si>
    <t>390154.0</t>
  </si>
  <si>
    <t>644894.0</t>
  </si>
  <si>
    <t>228.064</t>
  </si>
  <si>
    <t>960723.0</t>
  </si>
  <si>
    <t>600374.0</t>
  </si>
  <si>
    <t>413089.0</t>
  </si>
  <si>
    <t>646311.0</t>
  </si>
  <si>
    <t>228.565</t>
  </si>
  <si>
    <t>647336.0</t>
  </si>
  <si>
    <t>228.927</t>
  </si>
  <si>
    <t>972401.0</t>
  </si>
  <si>
    <t>602788.0</t>
  </si>
  <si>
    <t>423131.0</t>
  </si>
  <si>
    <t>648667.0</t>
  </si>
  <si>
    <t>229.398</t>
  </si>
  <si>
    <t>982121.0</t>
  </si>
  <si>
    <t>605048.0</t>
  </si>
  <si>
    <t>431311.0</t>
  </si>
  <si>
    <t>650013.0</t>
  </si>
  <si>
    <t>229.874</t>
  </si>
  <si>
    <t>994691.0</t>
  </si>
  <si>
    <t>607364.0</t>
  </si>
  <si>
    <t>442257.0</t>
  </si>
  <si>
    <t>651122.0</t>
  </si>
  <si>
    <t>1004716.0</t>
  </si>
  <si>
    <t>609778.0</t>
  </si>
  <si>
    <t>450621.0</t>
  </si>
  <si>
    <t>11512.0</t>
  </si>
  <si>
    <t>652059.0</t>
  </si>
  <si>
    <t>230.597</t>
  </si>
  <si>
    <t>1010477.0</t>
  </si>
  <si>
    <t>454877.0</t>
  </si>
  <si>
    <t>653046.0</t>
  </si>
  <si>
    <t>1018669.0</t>
  </si>
  <si>
    <t>615312.0</t>
  </si>
  <si>
    <t>460319.0</t>
  </si>
  <si>
    <t>1024440.0</t>
  </si>
  <si>
    <t>617798.0</t>
  </si>
  <si>
    <t>464166.0</t>
  </si>
  <si>
    <t>1031652.0</t>
  </si>
  <si>
    <t>621048.0</t>
  </si>
  <si>
    <t>468894.0</t>
  </si>
  <si>
    <t>1038132.0</t>
  </si>
  <si>
    <t>624530.0</t>
  </si>
  <si>
    <t>472622.0</t>
  </si>
  <si>
    <t>657739.0</t>
  </si>
  <si>
    <t>232.606</t>
  </si>
  <si>
    <t>658384.0</t>
  </si>
  <si>
    <t>232.834</t>
  </si>
  <si>
    <t>1050714.0</t>
  </si>
  <si>
    <t>631368.0</t>
  </si>
  <si>
    <t>479837.0</t>
  </si>
  <si>
    <t>1053739.0</t>
  </si>
  <si>
    <t>633340.0</t>
  </si>
  <si>
    <t>481365.0</t>
  </si>
  <si>
    <t>660606.0</t>
  </si>
  <si>
    <t>1058580.0</t>
  </si>
  <si>
    <t>636197.0</t>
  </si>
  <si>
    <t>484001.0</t>
  </si>
  <si>
    <t>661374.0</t>
  </si>
  <si>
    <t>233.892</t>
  </si>
  <si>
    <t>1063640.0</t>
  </si>
  <si>
    <t>639343.0</t>
  </si>
  <si>
    <t>486511.0</t>
  </si>
  <si>
    <t>662079.0</t>
  </si>
  <si>
    <t>234.141</t>
  </si>
  <si>
    <t>1067575.0</t>
  </si>
  <si>
    <t>641549.0</t>
  </si>
  <si>
    <t>488824.0</t>
  </si>
  <si>
    <t>1071648.0</t>
  </si>
  <si>
    <t>644420.0</t>
  </si>
  <si>
    <t>664932.0</t>
  </si>
  <si>
    <t>1078932.0</t>
  </si>
  <si>
    <t>649050.0</t>
  </si>
  <si>
    <t>494390.0</t>
  </si>
  <si>
    <t>665862.0</t>
  </si>
  <si>
    <t>235.479</t>
  </si>
  <si>
    <t>667041.0</t>
  </si>
  <si>
    <t>235.896</t>
  </si>
  <si>
    <t>1082214.0</t>
  </si>
  <si>
    <t>650982.0</t>
  </si>
  <si>
    <t>496231.0</t>
  </si>
  <si>
    <t>667848.0</t>
  </si>
  <si>
    <t>236.181</t>
  </si>
  <si>
    <t>1086928.0</t>
  </si>
  <si>
    <t>653892.0</t>
  </si>
  <si>
    <t>498762.0</t>
  </si>
  <si>
    <t>668469.0</t>
  </si>
  <si>
    <t>236.401</t>
  </si>
  <si>
    <t>1091252.0</t>
  </si>
  <si>
    <t>656469.0</t>
  </si>
  <si>
    <t>501046.0</t>
  </si>
  <si>
    <t>1095662.0</t>
  </si>
  <si>
    <t>658753.0</t>
  </si>
  <si>
    <t>503676.0</t>
  </si>
  <si>
    <t>670794.0</t>
  </si>
  <si>
    <t>237.223</t>
  </si>
  <si>
    <t>1100168.0</t>
  </si>
  <si>
    <t>661725.0</t>
  </si>
  <si>
    <t>505892.0</t>
  </si>
  <si>
    <t>671587.0</t>
  </si>
  <si>
    <t>237.503</t>
  </si>
  <si>
    <t>672626.0</t>
  </si>
  <si>
    <t>237.871</t>
  </si>
  <si>
    <t>1105495.0</t>
  </si>
  <si>
    <t>665688.0</t>
  </si>
  <si>
    <t>508031.0</t>
  </si>
  <si>
    <t>673434.0</t>
  </si>
  <si>
    <t>238.157</t>
  </si>
  <si>
    <t>1108662.0</t>
  </si>
  <si>
    <t>667252.0</t>
  </si>
  <si>
    <t>509116.0</t>
  </si>
  <si>
    <t>5134.8</t>
  </si>
  <si>
    <t>1816.09701129879</t>
  </si>
  <si>
    <t>674138.0</t>
  </si>
  <si>
    <t>238.406</t>
  </si>
  <si>
    <t>1114343.0</t>
  </si>
  <si>
    <t>671160.0</t>
  </si>
  <si>
    <t>512634.0</t>
  </si>
  <si>
    <t>675238.0</t>
  </si>
  <si>
    <t>238.795</t>
  </si>
  <si>
    <t>1118396.0</t>
  </si>
  <si>
    <t>673763.0</t>
  </si>
  <si>
    <t>514418.0</t>
  </si>
  <si>
    <t>676395.0</t>
  </si>
  <si>
    <t>239.204</t>
  </si>
  <si>
    <t>1123483.0</t>
  </si>
  <si>
    <t>676710.0</t>
  </si>
  <si>
    <t>1129743.0</t>
  </si>
  <si>
    <t>680289.0</t>
  </si>
  <si>
    <t>520011.0</t>
  </si>
  <si>
    <t>678165.0</t>
  </si>
  <si>
    <t>239.83</t>
  </si>
  <si>
    <t>1135059.0</t>
  </si>
  <si>
    <t>682950.0</t>
  </si>
  <si>
    <t>523049.0</t>
  </si>
  <si>
    <t>678695.0</t>
  </si>
  <si>
    <t>240.017</t>
  </si>
  <si>
    <t>1137614.0</t>
  </si>
  <si>
    <t>684379.0</t>
  </si>
  <si>
    <t>524454.0</t>
  </si>
  <si>
    <t>1141057.0</t>
  </si>
  <si>
    <t>526371.0</t>
  </si>
  <si>
    <t>680013.0</t>
  </si>
  <si>
    <t>240.483</t>
  </si>
  <si>
    <t>1145290.0</t>
  </si>
  <si>
    <t>688311.0</t>
  </si>
  <si>
    <t>528705.0</t>
  </si>
  <si>
    <t>680642.0</t>
  </si>
  <si>
    <t>240.706</t>
  </si>
  <si>
    <t>1150000.0</t>
  </si>
  <si>
    <t>690649.0</t>
  </si>
  <si>
    <t>531405.0</t>
  </si>
  <si>
    <t>681866.0</t>
  </si>
  <si>
    <t>241.139</t>
  </si>
  <si>
    <t>1158552.0</t>
  </si>
  <si>
    <t>694626.0</t>
  </si>
  <si>
    <t>536572.0</t>
  </si>
  <si>
    <t>683089.0</t>
  </si>
  <si>
    <t>241.571</t>
  </si>
  <si>
    <t>683615.0</t>
  </si>
  <si>
    <t>241.757</t>
  </si>
  <si>
    <t>1161250.0</t>
  </si>
  <si>
    <t>695900.0</t>
  </si>
  <si>
    <t>538182.0</t>
  </si>
  <si>
    <t>1166958.0</t>
  </si>
  <si>
    <t>698433.0</t>
  </si>
  <si>
    <t>541880.0</t>
  </si>
  <si>
    <t>685749.0</t>
  </si>
  <si>
    <t>242.512</t>
  </si>
  <si>
    <t>687721.0</t>
  </si>
  <si>
    <t>243.209</t>
  </si>
  <si>
    <t>1171054.0</t>
  </si>
  <si>
    <t>700128.0</t>
  </si>
  <si>
    <t>544552.0</t>
  </si>
  <si>
    <t>1174215.0</t>
  </si>
  <si>
    <t>701488.0</t>
  </si>
  <si>
    <t>546563.0</t>
  </si>
  <si>
    <t>690217.0</t>
  </si>
  <si>
    <t>244.092</t>
  </si>
  <si>
    <t>1178462.0</t>
  </si>
  <si>
    <t>703395.0</t>
  </si>
  <si>
    <t>549156.0</t>
  </si>
  <si>
    <t>691862.0</t>
  </si>
  <si>
    <t>244.674</t>
  </si>
  <si>
    <t>1180792.0</t>
  </si>
  <si>
    <t>704389.0</t>
  </si>
  <si>
    <t>550657.0</t>
  </si>
  <si>
    <t>692662.0</t>
  </si>
  <si>
    <t>244.956</t>
  </si>
  <si>
    <t>1183388.0</t>
  </si>
  <si>
    <t>705402.0</t>
  </si>
  <si>
    <t>552370.0</t>
  </si>
  <si>
    <t>693533.0</t>
  </si>
  <si>
    <t>245.265</t>
  </si>
  <si>
    <t>1187237.0</t>
  </si>
  <si>
    <t>707023.0</t>
  </si>
  <si>
    <t>554863.0</t>
  </si>
  <si>
    <t>695235.0</t>
  </si>
  <si>
    <t>245.866</t>
  </si>
  <si>
    <t>696106.0</t>
  </si>
  <si>
    <t>246.174</t>
  </si>
  <si>
    <t>1194304.0</t>
  </si>
  <si>
    <t>708521.0</t>
  </si>
  <si>
    <t>557360.0</t>
  </si>
  <si>
    <t>697037.0</t>
  </si>
  <si>
    <t>246.504</t>
  </si>
  <si>
    <t>1195126.0</t>
  </si>
  <si>
    <t>708713.0</t>
  </si>
  <si>
    <t>557863.0</t>
  </si>
  <si>
    <t>1198014.0</t>
  </si>
  <si>
    <t>709419.0</t>
  </si>
  <si>
    <t>559797.0</t>
  </si>
  <si>
    <t>700367.0</t>
  </si>
  <si>
    <t>247.681</t>
  </si>
  <si>
    <t>1198937.0</t>
  </si>
  <si>
    <t>709616.0</t>
  </si>
  <si>
    <t>560475.0</t>
  </si>
  <si>
    <t>700700.0</t>
  </si>
  <si>
    <t>247.799</t>
  </si>
  <si>
    <t>1198938.0</t>
  </si>
  <si>
    <t>709617.0</t>
  </si>
  <si>
    <t>701902.0</t>
  </si>
  <si>
    <t>248.224</t>
  </si>
  <si>
    <t>703604.0</t>
  </si>
  <si>
    <t>248.826</t>
  </si>
  <si>
    <t>1199076.0</t>
  </si>
  <si>
    <t>709671.0</t>
  </si>
  <si>
    <t>560561.0</t>
  </si>
  <si>
    <t>704894.0</t>
  </si>
  <si>
    <t>249.282</t>
  </si>
  <si>
    <t>706582.0</t>
  </si>
  <si>
    <t>249.879</t>
  </si>
  <si>
    <t>1208785.0</t>
  </si>
  <si>
    <t>712466.0</t>
  </si>
  <si>
    <t>566887.0</t>
  </si>
  <si>
    <t>709092.0</t>
  </si>
  <si>
    <t>250.767</t>
  </si>
  <si>
    <t>710661.0</t>
  </si>
  <si>
    <t>251.322</t>
  </si>
  <si>
    <t>1208789.0</t>
  </si>
  <si>
    <t>712468.0</t>
  </si>
  <si>
    <t>566889.0</t>
  </si>
  <si>
    <t>712420.0</t>
  </si>
  <si>
    <t>251.944</t>
  </si>
  <si>
    <t>713531.0</t>
  </si>
  <si>
    <t>252.337</t>
  </si>
  <si>
    <t>0.2787</t>
  </si>
  <si>
    <t>715876.0</t>
  </si>
  <si>
    <t>253.166</t>
  </si>
  <si>
    <t>0.2755</t>
  </si>
  <si>
    <t>1215081.0</t>
  </si>
  <si>
    <t>714433.0</t>
  </si>
  <si>
    <t>570801.0</t>
  </si>
  <si>
    <t>718585.0</t>
  </si>
  <si>
    <t>254.124</t>
  </si>
  <si>
    <t>1218281.0</t>
  </si>
  <si>
    <t>715617.0</t>
  </si>
  <si>
    <t>572287.0</t>
  </si>
  <si>
    <t>722449.0</t>
  </si>
  <si>
    <t>255.491</t>
  </si>
  <si>
    <t>0.2901</t>
  </si>
  <si>
    <t>727064.0</t>
  </si>
  <si>
    <t>257.123</t>
  </si>
  <si>
    <t>1230936.0</t>
  </si>
  <si>
    <t>720243.0</t>
  </si>
  <si>
    <t>578403.0</t>
  </si>
  <si>
    <t>731315.0</t>
  </si>
  <si>
    <t>258.626</t>
  </si>
  <si>
    <t>1236487.0</t>
  </si>
  <si>
    <t>722127.0</t>
  </si>
  <si>
    <t>581375.0</t>
  </si>
  <si>
    <t>737049.0</t>
  </si>
  <si>
    <t>260.654</t>
  </si>
  <si>
    <t>0.3194</t>
  </si>
  <si>
    <t>1238642.0</t>
  </si>
  <si>
    <t>722712.0</t>
  </si>
  <si>
    <t>582583.0</t>
  </si>
  <si>
    <t>724005.0</t>
  </si>
  <si>
    <t>584455.0</t>
  </si>
  <si>
    <t>744106.0</t>
  </si>
  <si>
    <t>263.149</t>
  </si>
  <si>
    <t>0.3649</t>
  </si>
  <si>
    <t>1251085.0</t>
  </si>
  <si>
    <t>727082.0</t>
  </si>
  <si>
    <t>589580.0</t>
  </si>
  <si>
    <t>749891.0</t>
  </si>
  <si>
    <t>265.195</t>
  </si>
  <si>
    <t>1256326.0</t>
  </si>
  <si>
    <t>728841.0</t>
  </si>
  <si>
    <t>592407.0</t>
  </si>
  <si>
    <t>0.3861</t>
  </si>
  <si>
    <t>1259808.0</t>
  </si>
  <si>
    <t>729967.0</t>
  </si>
  <si>
    <t>594224.0</t>
  </si>
  <si>
    <t>760366.0</t>
  </si>
  <si>
    <t>268.9</t>
  </si>
  <si>
    <t>0.3709</t>
  </si>
  <si>
    <t>1262064.0</t>
  </si>
  <si>
    <t>595627.0</t>
  </si>
  <si>
    <t>0.3761</t>
  </si>
  <si>
    <t>1263191.0</t>
  </si>
  <si>
    <t>731042.0</t>
  </si>
  <si>
    <t>596286.0</t>
  </si>
  <si>
    <t>766803.0</t>
  </si>
  <si>
    <t>271.176</t>
  </si>
  <si>
    <t>0.3743</t>
  </si>
  <si>
    <t>1268947.0</t>
  </si>
  <si>
    <t>733050.0</t>
  </si>
  <si>
    <t>599531.0</t>
  </si>
  <si>
    <t>15619.0</t>
  </si>
  <si>
    <t>1271148.0</t>
  </si>
  <si>
    <t>733919.0</t>
  </si>
  <si>
    <t>600808.0</t>
  </si>
  <si>
    <t>771129.0</t>
  </si>
  <si>
    <t>272.706</t>
  </si>
  <si>
    <t>0.3822</t>
  </si>
  <si>
    <t>1276028.0</t>
  </si>
  <si>
    <t>735441.0</t>
  </si>
  <si>
    <t>603731.0</t>
  </si>
  <si>
    <t>16582.0</t>
  </si>
  <si>
    <t>0.3611</t>
  </si>
  <si>
    <t>1282313.0</t>
  </si>
  <si>
    <t>737850.0</t>
  </si>
  <si>
    <t>607138.0</t>
  </si>
  <si>
    <t>777018.0</t>
  </si>
  <si>
    <t>274.789</t>
  </si>
  <si>
    <t>780373.0</t>
  </si>
  <si>
    <t>275.975</t>
  </si>
  <si>
    <t>0.3672</t>
  </si>
  <si>
    <t>1283812.0</t>
  </si>
  <si>
    <t>738263.0</t>
  </si>
  <si>
    <t>610503.0</t>
  </si>
  <si>
    <t>17736.0</t>
  </si>
  <si>
    <t>783185.0</t>
  </si>
  <si>
    <t>276.97</t>
  </si>
  <si>
    <t>0.3696</t>
  </si>
  <si>
    <t>785810.0</t>
  </si>
  <si>
    <t>277.898</t>
  </si>
  <si>
    <t>1291923.0</t>
  </si>
  <si>
    <t>740904.0</t>
  </si>
  <si>
    <t>613112.0</t>
  </si>
  <si>
    <t>18784.0</t>
  </si>
  <si>
    <t>788072.0</t>
  </si>
  <si>
    <t>789940.0</t>
  </si>
  <si>
    <t>279.358</t>
  </si>
  <si>
    <t>0.2934</t>
  </si>
  <si>
    <t>1295447.0</t>
  </si>
  <si>
    <t>742040.0</t>
  </si>
  <si>
    <t>615083.0</t>
  </si>
  <si>
    <t>791733.0</t>
  </si>
  <si>
    <t>279.992</t>
  </si>
  <si>
    <t>1299316.0</t>
  </si>
  <si>
    <t>743267.0</t>
  </si>
  <si>
    <t>617302.0</t>
  </si>
  <si>
    <t>794202.0</t>
  </si>
  <si>
    <t>280.866</t>
  </si>
  <si>
    <t>796809.0</t>
  </si>
  <si>
    <t>281.788</t>
  </si>
  <si>
    <t>1303471.0</t>
  </si>
  <si>
    <t>744926.0</t>
  </si>
  <si>
    <t>619800.0</t>
  </si>
  <si>
    <t>798915.0</t>
  </si>
  <si>
    <t>282.532</t>
  </si>
  <si>
    <t>1303898.0</t>
  </si>
  <si>
    <t>745109.0</t>
  </si>
  <si>
    <t>620024.0</t>
  </si>
  <si>
    <t>1307228.0</t>
  </si>
  <si>
    <t>746226.0</t>
  </si>
  <si>
    <t>621870.0</t>
  </si>
  <si>
    <t>802621.0</t>
  </si>
  <si>
    <t>283.843</t>
  </si>
  <si>
    <t>1309184.0</t>
  </si>
  <si>
    <t>746969.0</t>
  </si>
  <si>
    <t>622972.0</t>
  </si>
  <si>
    <t>804367.0</t>
  </si>
  <si>
    <t>284.46</t>
  </si>
  <si>
    <t>1313305.0</t>
  </si>
  <si>
    <t>748333.0</t>
  </si>
  <si>
    <t>625287.0</t>
  </si>
  <si>
    <t>806308.0</t>
  </si>
  <si>
    <t>285.147</t>
  </si>
  <si>
    <t>1316236.0</t>
  </si>
  <si>
    <t>749410.0</t>
  </si>
  <si>
    <t>627023.0</t>
  </si>
  <si>
    <t>808366.0</t>
  </si>
  <si>
    <t>285.875</t>
  </si>
  <si>
    <t>1318426.0</t>
  </si>
  <si>
    <t>750227.0</t>
  </si>
  <si>
    <t>628252.0</t>
  </si>
  <si>
    <t>286.733</t>
  </si>
  <si>
    <t>1319443.0</t>
  </si>
  <si>
    <t>750652.0</t>
  </si>
  <si>
    <t>628813.0</t>
  </si>
  <si>
    <t>813108.0</t>
  </si>
  <si>
    <t>287.552</t>
  </si>
  <si>
    <t>813900.0</t>
  </si>
  <si>
    <t>287.832</t>
  </si>
  <si>
    <t>1322141.0</t>
  </si>
  <si>
    <t>751742.0</t>
  </si>
  <si>
    <t>23248.0</t>
  </si>
  <si>
    <t>816101.0</t>
  </si>
  <si>
    <t>288.61</t>
  </si>
  <si>
    <t>1324934.0</t>
  </si>
  <si>
    <t>752839.0</t>
  </si>
  <si>
    <t>632097.0</t>
  </si>
  <si>
    <t>1327491.0</t>
  </si>
  <si>
    <t>753820.0</t>
  </si>
  <si>
    <t>633573.0</t>
  </si>
  <si>
    <t>819369.0</t>
  </si>
  <si>
    <t>289.766</t>
  </si>
  <si>
    <t>635321.0</t>
  </si>
  <si>
    <t>24072.0</t>
  </si>
  <si>
    <t>821964.0</t>
  </si>
  <si>
    <t>290.684</t>
  </si>
  <si>
    <t>1332934.0</t>
  </si>
  <si>
    <t>756055.0</t>
  </si>
  <si>
    <t>636803.0</t>
  </si>
  <si>
    <t>24305.0</t>
  </si>
  <si>
    <t>823765.0</t>
  </si>
  <si>
    <t>291.32</t>
  </si>
  <si>
    <t>756556.0</t>
  </si>
  <si>
    <t>637492.0</t>
  </si>
  <si>
    <t>24492.0</t>
  </si>
  <si>
    <t>825252.0</t>
  </si>
  <si>
    <t>291.846</t>
  </si>
  <si>
    <t>1334731.0</t>
  </si>
  <si>
    <t>756789.0</t>
  </si>
  <si>
    <t>637767.0</t>
  </si>
  <si>
    <t>826698.0</t>
  </si>
  <si>
    <t>292.358</t>
  </si>
  <si>
    <t>1336634.0</t>
  </si>
  <si>
    <t>757599.0</t>
  </si>
  <si>
    <t>638911.0</t>
  </si>
  <si>
    <t>24760.0</t>
  </si>
  <si>
    <t>828514.0</t>
  </si>
  <si>
    <t>1338726.0</t>
  </si>
  <si>
    <t>758522.0</t>
  </si>
  <si>
    <t>640109.0</t>
  </si>
  <si>
    <t>830166.0</t>
  </si>
  <si>
    <t>293.584</t>
  </si>
  <si>
    <t>1341368.0</t>
  </si>
  <si>
    <t>759651.0</t>
  </si>
  <si>
    <t>641591.0</t>
  </si>
  <si>
    <t>25266.0</t>
  </si>
  <si>
    <t>832385.0</t>
  </si>
  <si>
    <t>294.369</t>
  </si>
  <si>
    <t>1344079.0</t>
  </si>
  <si>
    <t>760643.0</t>
  </si>
  <si>
    <t>643040.0</t>
  </si>
  <si>
    <t>25813.0</t>
  </si>
  <si>
    <t>835015.0</t>
  </si>
  <si>
    <t>295.299</t>
  </si>
  <si>
    <t>835602.0</t>
  </si>
  <si>
    <t>295.507</t>
  </si>
  <si>
    <t>1346390.0</t>
  </si>
  <si>
    <t>761653.0</t>
  </si>
  <si>
    <t>644286.0</t>
  </si>
  <si>
    <t>26146.0</t>
  </si>
  <si>
    <t>839014.0</t>
  </si>
  <si>
    <t>296.713</t>
  </si>
  <si>
    <t>1347061.0</t>
  </si>
  <si>
    <t>761935.0</t>
  </si>
  <si>
    <t>644621.0</t>
  </si>
  <si>
    <t>840923.0</t>
  </si>
  <si>
    <t>297.388</t>
  </si>
  <si>
    <t>1349548.0</t>
  </si>
  <si>
    <t>762948.0</t>
  </si>
  <si>
    <t>645998.0</t>
  </si>
  <si>
    <t>843150.0</t>
  </si>
  <si>
    <t>298.176</t>
  </si>
  <si>
    <t>1351493.0</t>
  </si>
  <si>
    <t>763797.0</t>
  </si>
  <si>
    <t>647106.0</t>
  </si>
  <si>
    <t>26934.0</t>
  </si>
  <si>
    <t>843856.0</t>
  </si>
  <si>
    <t>298.426</t>
  </si>
  <si>
    <t>1353947.0</t>
  </si>
  <si>
    <t>764769.0</t>
  </si>
  <si>
    <t>648481.0</t>
  </si>
  <si>
    <t>845966.0</t>
  </si>
  <si>
    <t>299.172</t>
  </si>
  <si>
    <t>1355915.0</t>
  </si>
  <si>
    <t>765568.0</t>
  </si>
  <si>
    <t>649570.0</t>
  </si>
  <si>
    <t>848470.0</t>
  </si>
  <si>
    <t>300.057</t>
  </si>
  <si>
    <t>1357931.0</t>
  </si>
  <si>
    <t>766413.0</t>
  </si>
  <si>
    <t>650753.0</t>
  </si>
  <si>
    <t>27825.0</t>
  </si>
  <si>
    <t>851460.0</t>
  </si>
  <si>
    <t>301.115</t>
  </si>
  <si>
    <t>1359009.0</t>
  </si>
  <si>
    <t>651319.0</t>
  </si>
  <si>
    <t>28036.0</t>
  </si>
  <si>
    <t>852560.0</t>
  </si>
  <si>
    <t>301.504</t>
  </si>
  <si>
    <t>1359844.0</t>
  </si>
  <si>
    <t>767077.0</t>
  </si>
  <si>
    <t>651707.0</t>
  </si>
  <si>
    <t>856003.0</t>
  </si>
  <si>
    <t>302.721</t>
  </si>
  <si>
    <t>857650.0</t>
  </si>
  <si>
    <t>303.304</t>
  </si>
  <si>
    <t>1363522.0</t>
  </si>
  <si>
    <t>768655.0</t>
  </si>
  <si>
    <t>653787.0</t>
  </si>
  <si>
    <t>859586.0</t>
  </si>
  <si>
    <t>303.988</t>
  </si>
  <si>
    <t>1363727.0</t>
  </si>
  <si>
    <t>768743.0</t>
  </si>
  <si>
    <t>653913.0</t>
  </si>
  <si>
    <t>861547.0</t>
  </si>
  <si>
    <t>304.682</t>
  </si>
  <si>
    <t>1366010.0</t>
  </si>
  <si>
    <t>769573.0</t>
  </si>
  <si>
    <t>655336.0</t>
  </si>
  <si>
    <t>861971.0</t>
  </si>
  <si>
    <t>304.832</t>
  </si>
  <si>
    <t>1367785.0</t>
  </si>
  <si>
    <t>770278.0</t>
  </si>
  <si>
    <t>656299.0</t>
  </si>
  <si>
    <t>29550.0</t>
  </si>
  <si>
    <t>867379.0</t>
  </si>
  <si>
    <t>306.744</t>
  </si>
  <si>
    <t>1368631.0</t>
  </si>
  <si>
    <t>770608.0</t>
  </si>
  <si>
    <t>656777.0</t>
  </si>
  <si>
    <t>869342.0</t>
  </si>
  <si>
    <t>307.438</t>
  </si>
  <si>
    <t>1368995.0</t>
  </si>
  <si>
    <t>770737.0</t>
  </si>
  <si>
    <t>656984.0</t>
  </si>
  <si>
    <t>871439.0</t>
  </si>
  <si>
    <t>308.18</t>
  </si>
  <si>
    <t>1370534.0</t>
  </si>
  <si>
    <t>771279.0</t>
  </si>
  <si>
    <t>657970.0</t>
  </si>
  <si>
    <t>873515.0</t>
  </si>
  <si>
    <t>308.914</t>
  </si>
  <si>
    <t>1372538.0</t>
  </si>
  <si>
    <t>772037.0</t>
  </si>
  <si>
    <t>659258.0</t>
  </si>
  <si>
    <t>30208.0</t>
  </si>
  <si>
    <t>875832.0</t>
  </si>
  <si>
    <t>309.734</t>
  </si>
  <si>
    <t>1375825.0</t>
  </si>
  <si>
    <t>773268.0</t>
  </si>
  <si>
    <t>661353.0</t>
  </si>
  <si>
    <t>30580.0</t>
  </si>
  <si>
    <t>878272.0</t>
  </si>
  <si>
    <t>310.597</t>
  </si>
  <si>
    <t>881186.0</t>
  </si>
  <si>
    <t>311.627</t>
  </si>
  <si>
    <t>1377536.0</t>
  </si>
  <si>
    <t>773981.0</t>
  </si>
  <si>
    <t>662411.0</t>
  </si>
  <si>
    <t>883639.0</t>
  </si>
  <si>
    <t>312.495</t>
  </si>
  <si>
    <t>1378039.0</t>
  </si>
  <si>
    <t>774210.0</t>
  </si>
  <si>
    <t>662710.0</t>
  </si>
  <si>
    <t>885522.0</t>
  </si>
  <si>
    <t>313.16</t>
  </si>
  <si>
    <t>1378789.0</t>
  </si>
  <si>
    <t>774482.0</t>
  </si>
  <si>
    <t>663195.0</t>
  </si>
  <si>
    <t>887225.0</t>
  </si>
  <si>
    <t>313.763</t>
  </si>
  <si>
    <t>1379881.0</t>
  </si>
  <si>
    <t>774915.0</t>
  </si>
  <si>
    <t>663867.0</t>
  </si>
  <si>
    <t>889955.0</t>
  </si>
  <si>
    <t>314.728</t>
  </si>
  <si>
    <t>1381889.0</t>
  </si>
  <si>
    <t>665152.0</t>
  </si>
  <si>
    <t>31275.0</t>
  </si>
  <si>
    <t>892366.0</t>
  </si>
  <si>
    <t>315.581</t>
  </si>
  <si>
    <t>1383240.0</t>
  </si>
  <si>
    <t>776218.0</t>
  </si>
  <si>
    <t>666019.0</t>
  </si>
  <si>
    <t>31432.0</t>
  </si>
  <si>
    <t>895408.0</t>
  </si>
  <si>
    <t>316.657</t>
  </si>
  <si>
    <t>1384647.0</t>
  </si>
  <si>
    <t>776761.0</t>
  </si>
  <si>
    <t>666950.0</t>
  </si>
  <si>
    <t>898938.0</t>
  </si>
  <si>
    <t>317.905</t>
  </si>
  <si>
    <t>901684.0</t>
  </si>
  <si>
    <t>318.876</t>
  </si>
  <si>
    <t>903474.0</t>
  </si>
  <si>
    <t>319.509</t>
  </si>
  <si>
    <t>1386697.0</t>
  </si>
  <si>
    <t>777544.0</t>
  </si>
  <si>
    <t>668201.0</t>
  </si>
  <si>
    <t>31903.0</t>
  </si>
  <si>
    <t>905572.0</t>
  </si>
  <si>
    <t>320.251</t>
  </si>
  <si>
    <t>1387646.0</t>
  </si>
  <si>
    <t>777956.0</t>
  </si>
  <si>
    <t>668791.0</t>
  </si>
  <si>
    <t>32014.0</t>
  </si>
  <si>
    <t>907881.0</t>
  </si>
  <si>
    <t>321.068</t>
  </si>
  <si>
    <t>1388975.0</t>
  </si>
  <si>
    <t>778475.0</t>
  </si>
  <si>
    <t>669656.0</t>
  </si>
  <si>
    <t>32172.0</t>
  </si>
  <si>
    <t>910544.0</t>
  </si>
  <si>
    <t>322.009</t>
  </si>
  <si>
    <t>1389872.0</t>
  </si>
  <si>
    <t>778882.0</t>
  </si>
  <si>
    <t>670180.0</t>
  </si>
  <si>
    <t>32297.0</t>
  </si>
  <si>
    <t>914119.0</t>
  </si>
  <si>
    <t>323.274</t>
  </si>
  <si>
    <t>1391011.0</t>
  </si>
  <si>
    <t>779327.0</t>
  </si>
  <si>
    <t>670919.0</t>
  </si>
  <si>
    <t>917304.0</t>
  </si>
  <si>
    <t>1392417.0</t>
  </si>
  <si>
    <t>779834.0</t>
  </si>
  <si>
    <t>671762.0</t>
  </si>
  <si>
    <t>920148.0</t>
  </si>
  <si>
    <t>325.406</t>
  </si>
  <si>
    <t>922458.0</t>
  </si>
  <si>
    <t>326.223</t>
  </si>
  <si>
    <t>1392820.0</t>
  </si>
  <si>
    <t>779986.0</t>
  </si>
  <si>
    <t>671989.0</t>
  </si>
  <si>
    <t>32774.0</t>
  </si>
  <si>
    <t>1393819.0</t>
  </si>
  <si>
    <t>780377.0</t>
  </si>
  <si>
    <t>672613.0</t>
  </si>
  <si>
    <t>926762.0</t>
  </si>
  <si>
    <t>327.745</t>
  </si>
  <si>
    <t>1394823.0</t>
  </si>
  <si>
    <t>780808.0</t>
  </si>
  <si>
    <t>673213.0</t>
  </si>
  <si>
    <t>929300.0</t>
  </si>
  <si>
    <t>328.642</t>
  </si>
  <si>
    <t>1395909.0</t>
  </si>
  <si>
    <t>781259.0</t>
  </si>
  <si>
    <t>673839.0</t>
  </si>
  <si>
    <t>33290.0</t>
  </si>
  <si>
    <t>931763.0</t>
  </si>
  <si>
    <t>329.513</t>
  </si>
  <si>
    <t>936937.0</t>
  </si>
  <si>
    <t>331.343</t>
  </si>
  <si>
    <t>1397018.0</t>
  </si>
  <si>
    <t>781712.0</t>
  </si>
  <si>
    <t>674535.0</t>
  </si>
  <si>
    <t>33468.0</t>
  </si>
  <si>
    <t>1398450.0</t>
  </si>
  <si>
    <t>782284.0</t>
  </si>
  <si>
    <t>675411.0</t>
  </si>
  <si>
    <t>941163.0</t>
  </si>
  <si>
    <t>332.838</t>
  </si>
  <si>
    <t>1399249.0</t>
  </si>
  <si>
    <t>782611.0</t>
  </si>
  <si>
    <t>675881.0</t>
  </si>
  <si>
    <t>943303.0</t>
  </si>
  <si>
    <t>333.594</t>
  </si>
  <si>
    <t>1400527.0</t>
  </si>
  <si>
    <t>783172.0</t>
  </si>
  <si>
    <t>676664.0</t>
  </si>
  <si>
    <t>34027.0</t>
  </si>
  <si>
    <t>945271.0</t>
  </si>
  <si>
    <t>334.29</t>
  </si>
  <si>
    <t>1401431.0</t>
  </si>
  <si>
    <t>783563.0</t>
  </si>
  <si>
    <t>677240.0</t>
  </si>
  <si>
    <t>949048.0</t>
  </si>
  <si>
    <t>335.626</t>
  </si>
  <si>
    <t>951597.0</t>
  </si>
  <si>
    <t>336.528</t>
  </si>
  <si>
    <t>1402389.0</t>
  </si>
  <si>
    <t>783966.0</t>
  </si>
  <si>
    <t>677835.0</t>
  </si>
  <si>
    <t>955357.0</t>
  </si>
  <si>
    <t>337.857</t>
  </si>
  <si>
    <t>1404190.0</t>
  </si>
  <si>
    <t>784638.0</t>
  </si>
  <si>
    <t>678753.0</t>
  </si>
  <si>
    <t>957157.0</t>
  </si>
  <si>
    <t>338.494</t>
  </si>
  <si>
    <t>1404953.0</t>
  </si>
  <si>
    <t>784994.0</t>
  </si>
  <si>
    <t>679227.0</t>
  </si>
  <si>
    <t>959221.0</t>
  </si>
  <si>
    <t>339.224</t>
  </si>
  <si>
    <t>1405776.0</t>
  </si>
  <si>
    <t>785375.0</t>
  </si>
  <si>
    <t>679732.0</t>
  </si>
  <si>
    <t>35011.0</t>
  </si>
  <si>
    <t>961699.0</t>
  </si>
  <si>
    <t>1406771.0</t>
  </si>
  <si>
    <t>785809.0</t>
  </si>
  <si>
    <t>680333.0</t>
  </si>
  <si>
    <t>35179.0</t>
  </si>
  <si>
    <t>964286.0</t>
  </si>
  <si>
    <t>341.015</t>
  </si>
  <si>
    <t>967084.0</t>
  </si>
  <si>
    <t>342.004</t>
  </si>
  <si>
    <t>1407458.0</t>
  </si>
  <si>
    <t>786275.0</t>
  </si>
  <si>
    <t>680942.0</t>
  </si>
  <si>
    <t>971491.0</t>
  </si>
  <si>
    <t>343.563</t>
  </si>
  <si>
    <t>1407902.0</t>
  </si>
  <si>
    <t>786326.0</t>
  </si>
  <si>
    <t>681009.0</t>
  </si>
  <si>
    <t>1407939.0</t>
  </si>
  <si>
    <t>786339.0</t>
  </si>
  <si>
    <t>681040.0</t>
  </si>
  <si>
    <t>35380.0</t>
  </si>
  <si>
    <t>975768.0</t>
  </si>
  <si>
    <t>345.076</t>
  </si>
  <si>
    <t>1408934.0</t>
  </si>
  <si>
    <t>786808.0</t>
  </si>
  <si>
    <t>681696.0</t>
  </si>
  <si>
    <t>1409925.0</t>
  </si>
  <si>
    <t>787254.0</t>
  </si>
  <si>
    <t>682342.0</t>
  </si>
  <si>
    <t>981688.0</t>
  </si>
  <si>
    <t>347.169</t>
  </si>
  <si>
    <t>1410964.0</t>
  </si>
  <si>
    <t>787728.0</t>
  </si>
  <si>
    <t>682966.0</t>
  </si>
  <si>
    <t>35821.0</t>
  </si>
  <si>
    <t>984844.0</t>
  </si>
  <si>
    <t>348.285</t>
  </si>
  <si>
    <t>989308.0</t>
  </si>
  <si>
    <t>349.864</t>
  </si>
  <si>
    <t>1412239.0</t>
  </si>
  <si>
    <t>788220.0</t>
  </si>
  <si>
    <t>683727.0</t>
  </si>
  <si>
    <t>1413247.0</t>
  </si>
  <si>
    <t>788633.0</t>
  </si>
  <si>
    <t>684365.0</t>
  </si>
  <si>
    <t>36274.0</t>
  </si>
  <si>
    <t>993904.0</t>
  </si>
  <si>
    <t>351.489</t>
  </si>
  <si>
    <t>789098.0</t>
  </si>
  <si>
    <t>684982.0</t>
  </si>
  <si>
    <t>996159.0</t>
  </si>
  <si>
    <t>352.287</t>
  </si>
  <si>
    <t>789509.0</t>
  </si>
  <si>
    <t>685575.0</t>
  </si>
  <si>
    <t>789860.0</t>
  </si>
  <si>
    <t>686059.0</t>
  </si>
  <si>
    <t>36746.0</t>
  </si>
  <si>
    <t>1001354.0</t>
  </si>
  <si>
    <t>354.124</t>
  </si>
  <si>
    <t>1006348.0</t>
  </si>
  <si>
    <t>355.89</t>
  </si>
  <si>
    <t>1413919.0</t>
  </si>
  <si>
    <t>790667.0</t>
  </si>
  <si>
    <t>687027.0</t>
  </si>
  <si>
    <t>1008811.0</t>
  </si>
  <si>
    <t>356.761</t>
  </si>
  <si>
    <t>1418660.0</t>
  </si>
  <si>
    <t>791063.0</t>
  </si>
  <si>
    <t>687499.0</t>
  </si>
  <si>
    <t>37319.0</t>
  </si>
  <si>
    <t>1011279.0</t>
  </si>
  <si>
    <t>357.634</t>
  </si>
  <si>
    <t>1420563.0</t>
  </si>
  <si>
    <t>792047.0</t>
  </si>
  <si>
    <t>688645.0</t>
  </si>
  <si>
    <t>1421701.0</t>
  </si>
  <si>
    <t>688936.0</t>
  </si>
  <si>
    <t>37776.0</t>
  </si>
  <si>
    <t>1019394.0</t>
  </si>
  <si>
    <t>360.504</t>
  </si>
  <si>
    <t>1021789.0</t>
  </si>
  <si>
    <t>361.351</t>
  </si>
  <si>
    <t>1422158.0</t>
  </si>
  <si>
    <t>792873.0</t>
  </si>
  <si>
    <t>689613.0</t>
  </si>
  <si>
    <t>1422615.0</t>
  </si>
  <si>
    <t>793128.0</t>
  </si>
  <si>
    <t>689869.0</t>
  </si>
  <si>
    <t>1026089.0</t>
  </si>
  <si>
    <t>362.871</t>
  </si>
  <si>
    <t>1028701.0</t>
  </si>
  <si>
    <t>363.795</t>
  </si>
  <si>
    <t>1424600.0</t>
  </si>
  <si>
    <t>794234.0</t>
  </si>
  <si>
    <t>691034.0</t>
  </si>
  <si>
    <t>38195.0</t>
  </si>
  <si>
    <t>1031235.0</t>
  </si>
  <si>
    <t>364.691</t>
  </si>
  <si>
    <t>1034317.0</t>
  </si>
  <si>
    <t>365.781</t>
  </si>
  <si>
    <t>1426444.0</t>
  </si>
  <si>
    <t>795194.0</t>
  </si>
  <si>
    <t>692141.0</t>
  </si>
  <si>
    <t>1040888.0</t>
  </si>
  <si>
    <t>368.105</t>
  </si>
  <si>
    <t>1427890.0</t>
  </si>
  <si>
    <t>795900.0</t>
  </si>
  <si>
    <t>692949.0</t>
  </si>
  <si>
    <t>369.749</t>
  </si>
  <si>
    <t>1428889.0</t>
  </si>
  <si>
    <t>796418.0</t>
  </si>
  <si>
    <t>693538.0</t>
  </si>
  <si>
    <t>38838.0</t>
  </si>
  <si>
    <t>796639.0</t>
  </si>
  <si>
    <t>694032.0</t>
  </si>
  <si>
    <t>38989.0</t>
  </si>
  <si>
    <t>1051098.0</t>
  </si>
  <si>
    <t>371.716</t>
  </si>
  <si>
    <t>1430546.0</t>
  </si>
  <si>
    <t>797257.0</t>
  </si>
  <si>
    <t>694477.0</t>
  </si>
  <si>
    <t>39131.0</t>
  </si>
  <si>
    <t>1054257.0</t>
  </si>
  <si>
    <t>372.833</t>
  </si>
  <si>
    <t>1431634.0</t>
  </si>
  <si>
    <t>797741.0</t>
  </si>
  <si>
    <t>695048.0</t>
  </si>
  <si>
    <t>39390.0</t>
  </si>
  <si>
    <t>1060029.0</t>
  </si>
  <si>
    <t>374.874</t>
  </si>
  <si>
    <t>1432806.0</t>
  </si>
  <si>
    <t>798275.0</t>
  </si>
  <si>
    <t>695647.0</t>
  </si>
  <si>
    <t>39687.0</t>
  </si>
  <si>
    <t>1064613.0</t>
  </si>
  <si>
    <t>376.495</t>
  </si>
  <si>
    <t>1433097.0</t>
  </si>
  <si>
    <t>798393.0</t>
  </si>
  <si>
    <t>39771.0</t>
  </si>
  <si>
    <t>798811.0</t>
  </si>
  <si>
    <t>696294.0</t>
  </si>
  <si>
    <t>1070274.0</t>
  </si>
  <si>
    <t>378.497</t>
  </si>
  <si>
    <t>1434773.0</t>
  </si>
  <si>
    <t>696471.0</t>
  </si>
  <si>
    <t>1076630.0</t>
  </si>
  <si>
    <t>380.745</t>
  </si>
  <si>
    <t>1436924.0</t>
  </si>
  <si>
    <t>800269.0</t>
  </si>
  <si>
    <t>697918.0</t>
  </si>
  <si>
    <t>1082304.0</t>
  </si>
  <si>
    <t>1437876.0</t>
  </si>
  <si>
    <t>800803.0</t>
  </si>
  <si>
    <t>698448.0</t>
  </si>
  <si>
    <t>1084527.0</t>
  </si>
  <si>
    <t>383.538</t>
  </si>
  <si>
    <t>1442890.0</t>
  </si>
  <si>
    <t>804279.0</t>
  </si>
  <si>
    <t>700243.0</t>
  </si>
  <si>
    <t>1087194.0</t>
  </si>
  <si>
    <t>384.481</t>
  </si>
  <si>
    <t>1443664.0</t>
  </si>
  <si>
    <t>804709.0</t>
  </si>
  <si>
    <t>700723.0</t>
  </si>
  <si>
    <t>1099566.0</t>
  </si>
  <si>
    <t>388.856</t>
  </si>
  <si>
    <t>1444886.0</t>
  </si>
  <si>
    <t>805394.0</t>
  </si>
  <si>
    <t>701471.0</t>
  </si>
  <si>
    <t>41052.0</t>
  </si>
  <si>
    <t>1104754.0</t>
  </si>
  <si>
    <t>390.691</t>
  </si>
  <si>
    <t>1445613.0</t>
  </si>
  <si>
    <t>805838.0</t>
  </si>
  <si>
    <t>701950.0</t>
  </si>
  <si>
    <t>1446546.0</t>
  </si>
  <si>
    <t>806379.0</t>
  </si>
  <si>
    <t>702560.0</t>
  </si>
  <si>
    <t>41194.0</t>
  </si>
  <si>
    <t>1109127.0</t>
  </si>
  <si>
    <t>392.237</t>
  </si>
  <si>
    <t>1448040.0</t>
  </si>
  <si>
    <t>807289.0</t>
  </si>
  <si>
    <t>703468.0</t>
  </si>
  <si>
    <t>1118817.0</t>
  </si>
  <si>
    <t>395.664</t>
  </si>
  <si>
    <t>1449397.0</t>
  </si>
  <si>
    <t>808101.0</t>
  </si>
  <si>
    <t>704292.0</t>
  </si>
  <si>
    <t>808489.0</t>
  </si>
  <si>
    <t>704640.0</t>
  </si>
  <si>
    <t>705188.0</t>
  </si>
  <si>
    <t>1451499.0</t>
  </si>
  <si>
    <t>809119.0</t>
  </si>
  <si>
    <t>1452176.0</t>
  </si>
  <si>
    <t>809323.0</t>
  </si>
  <si>
    <t>1122493.0</t>
  </si>
  <si>
    <t>396.964</t>
  </si>
  <si>
    <t>1452986.0</t>
  </si>
  <si>
    <t>810187.0</t>
  </si>
  <si>
    <t>706527.0</t>
  </si>
  <si>
    <t>1124299.0</t>
  </si>
  <si>
    <t>397.603</t>
  </si>
  <si>
    <t>1453674.0</t>
  </si>
  <si>
    <t>810608.0</t>
  </si>
  <si>
    <t>706976.0</t>
  </si>
  <si>
    <t>1454354.0</t>
  </si>
  <si>
    <t>811015.0</t>
  </si>
  <si>
    <t>707412.0</t>
  </si>
  <si>
    <t>41924.0</t>
  </si>
  <si>
    <t>1454757.0</t>
  </si>
  <si>
    <t>811259.0</t>
  </si>
  <si>
    <t>707664.0</t>
  </si>
  <si>
    <t>1455443.0</t>
  </si>
  <si>
    <t>811601.0</t>
  </si>
  <si>
    <t>1455907.0</t>
  </si>
  <si>
    <t>811843.0</t>
  </si>
  <si>
    <t>708413.0</t>
  </si>
  <si>
    <t>42061.0</t>
  </si>
  <si>
    <t>1456348.0</t>
  </si>
  <si>
    <t>812097.0</t>
  </si>
  <si>
    <t>708689.0</t>
  </si>
  <si>
    <t>1457057.0</t>
  </si>
  <si>
    <t>812502.0</t>
  </si>
  <si>
    <t>709168.0</t>
  </si>
  <si>
    <t>1457615.0</t>
  </si>
  <si>
    <t>812833.0</t>
  </si>
  <si>
    <t>709543.0</t>
  </si>
  <si>
    <t>42162.0</t>
  </si>
  <si>
    <t>1458169.0</t>
  </si>
  <si>
    <t>813122.0</t>
  </si>
  <si>
    <t>709895.0</t>
  </si>
  <si>
    <t>42219.0</t>
  </si>
  <si>
    <t>1458755.0</t>
  </si>
  <si>
    <t>813432.0</t>
  </si>
  <si>
    <t>710288.0</t>
  </si>
  <si>
    <t>42266.0</t>
  </si>
  <si>
    <t>1459394.0</t>
  </si>
  <si>
    <t>813782.0</t>
  </si>
  <si>
    <t>710693.0</t>
  </si>
  <si>
    <t>42347.0</t>
  </si>
  <si>
    <t>1460180.0</t>
  </si>
  <si>
    <t>814271.0</t>
  </si>
  <si>
    <t>711260.0</t>
  </si>
  <si>
    <t>42390.0</t>
  </si>
  <si>
    <t>1460843.0</t>
  </si>
  <si>
    <t>814701.0</t>
  </si>
  <si>
    <t>711725.0</t>
  </si>
  <si>
    <t>42439.0</t>
  </si>
  <si>
    <t>1461463.0</t>
  </si>
  <si>
    <t>814867.0</t>
  </si>
  <si>
    <t>1462305.0</t>
  </si>
  <si>
    <t>815620.0</t>
  </si>
  <si>
    <t>712673.0</t>
  </si>
  <si>
    <t>42543.0</t>
  </si>
  <si>
    <t>816547.0</t>
  </si>
  <si>
    <t>713721.0</t>
  </si>
  <si>
    <t>42664.0</t>
  </si>
  <si>
    <t>816663.0</t>
  </si>
  <si>
    <t>714317.0</t>
  </si>
  <si>
    <t>42686.0</t>
  </si>
  <si>
    <t>714900.0</t>
  </si>
  <si>
    <t>817525.0</t>
  </si>
  <si>
    <t>715260.0</t>
  </si>
  <si>
    <t>42813.0</t>
  </si>
  <si>
    <t>817658.0</t>
  </si>
  <si>
    <t>715410.0</t>
  </si>
  <si>
    <t>715529.0</t>
  </si>
  <si>
    <t>1463466.0</t>
  </si>
  <si>
    <t>818108.0</t>
  </si>
  <si>
    <t>715901.0</t>
  </si>
  <si>
    <t>1467366.0</t>
  </si>
  <si>
    <t>818677.0</t>
  </si>
  <si>
    <t>716444.0</t>
  </si>
  <si>
    <t>42956.0</t>
  </si>
  <si>
    <t>819062.0</t>
  </si>
  <si>
    <t>717174.0</t>
  </si>
  <si>
    <t>43058.0</t>
  </si>
  <si>
    <t>1469330.0</t>
  </si>
  <si>
    <t>819865.0</t>
  </si>
  <si>
    <t>717657.0</t>
  </si>
  <si>
    <t>43154.0</t>
  </si>
  <si>
    <t>1469784.0</t>
  </si>
  <si>
    <t>820136.0</t>
  </si>
  <si>
    <t>717947.0</t>
  </si>
  <si>
    <t>43180.0</t>
  </si>
  <si>
    <t>1471051.0</t>
  </si>
  <si>
    <t>820893.0</t>
  </si>
  <si>
    <t>718755.0</t>
  </si>
  <si>
    <t>43282.0</t>
  </si>
  <si>
    <t>1472561.0</t>
  </si>
  <si>
    <t>821819.0</t>
  </si>
  <si>
    <t>719862.0</t>
  </si>
  <si>
    <t>1473140.0</t>
  </si>
  <si>
    <t>822134.0</t>
  </si>
  <si>
    <t>720230.0</t>
  </si>
  <si>
    <t>1473874.0</t>
  </si>
  <si>
    <t>822599.0</t>
  </si>
  <si>
    <t>720703.0</t>
  </si>
  <si>
    <t>1474436.0</t>
  </si>
  <si>
    <t>822945.0</t>
  </si>
  <si>
    <t>721084.0</t>
  </si>
  <si>
    <t>1474979.0</t>
  </si>
  <si>
    <t>823291.0</t>
  </si>
  <si>
    <t>721425.0</t>
  </si>
  <si>
    <t>1475394.0</t>
  </si>
  <si>
    <t>823542.0</t>
  </si>
  <si>
    <t>721702.0</t>
  </si>
  <si>
    <t>43555.0</t>
  </si>
  <si>
    <t>1477587.0</t>
  </si>
  <si>
    <t>824895.0</t>
  </si>
  <si>
    <t>723192.0</t>
  </si>
  <si>
    <t>43677.0</t>
  </si>
  <si>
    <t>1478381.0</t>
  </si>
  <si>
    <t>825370.0</t>
  </si>
  <si>
    <t>723751.0</t>
  </si>
  <si>
    <t>43726.0</t>
  </si>
  <si>
    <t>1478777.0</t>
  </si>
  <si>
    <t>825633.0</t>
  </si>
  <si>
    <t>724011.0</t>
  </si>
  <si>
    <t>1478924.0</t>
  </si>
  <si>
    <t>825716.0</t>
  </si>
  <si>
    <t>724096.0</t>
  </si>
  <si>
    <t>43786.0</t>
  </si>
  <si>
    <t>1480367.0</t>
  </si>
  <si>
    <t>826644.0</t>
  </si>
  <si>
    <t>725027.0</t>
  </si>
  <si>
    <t>1481441.0</t>
  </si>
  <si>
    <t>827224.0</t>
  </si>
  <si>
    <t>725699.0</t>
  </si>
  <si>
    <t>1481923.0</t>
  </si>
  <si>
    <t>827517.0</t>
  </si>
  <si>
    <t>725995.0</t>
  </si>
  <si>
    <t>1482408.0</t>
  </si>
  <si>
    <t>827822.0</t>
  </si>
  <si>
    <t>726317.0</t>
  </si>
  <si>
    <t>44146.0</t>
  </si>
  <si>
    <t>1482780.0</t>
  </si>
  <si>
    <t>828047.0</t>
  </si>
  <si>
    <t>726583.0</t>
  </si>
  <si>
    <t>1483074.0</t>
  </si>
  <si>
    <t>828256.0</t>
  </si>
  <si>
    <t>726803.0</t>
  </si>
  <si>
    <t>1484432.0</t>
  </si>
  <si>
    <t>828809.0</t>
  </si>
  <si>
    <t>727406.0</t>
  </si>
  <si>
    <t>1484792.0</t>
  </si>
  <si>
    <t>829295.0</t>
  </si>
  <si>
    <t>727974.0</t>
  </si>
  <si>
    <t>44279.0</t>
  </si>
  <si>
    <t>1485565.0</t>
  </si>
  <si>
    <t>829802.0</t>
  </si>
  <si>
    <t>728510.0</t>
  </si>
  <si>
    <t>1485654.0</t>
  </si>
  <si>
    <t>829860.0</t>
  </si>
  <si>
    <t>728560.0</t>
  </si>
  <si>
    <t>829950.0</t>
  </si>
  <si>
    <t>728690.0</t>
  </si>
  <si>
    <t>1486430.0</t>
  </si>
  <si>
    <t>830330.0</t>
  </si>
  <si>
    <t>729115.0</t>
  </si>
  <si>
    <t>1487460.0</t>
  </si>
  <si>
    <t>831009.0</t>
  </si>
  <si>
    <t>729853.0</t>
  </si>
  <si>
    <t>44458.0</t>
  </si>
  <si>
    <t>1488224.0</t>
  </si>
  <si>
    <t>831489.0</t>
  </si>
  <si>
    <t>730310.0</t>
  </si>
  <si>
    <t>1488398.0</t>
  </si>
  <si>
    <t>831585.0</t>
  </si>
  <si>
    <t>730415.0</t>
  </si>
  <si>
    <t>44542.0</t>
  </si>
  <si>
    <t>1488839.0</t>
  </si>
  <si>
    <t>831860.0</t>
  </si>
  <si>
    <t>730720.0</t>
  </si>
  <si>
    <t>1489310.0</t>
  </si>
  <si>
    <t>832179.0</t>
  </si>
  <si>
    <t>731018.0</t>
  </si>
  <si>
    <t>44584.0</t>
  </si>
  <si>
    <t>1489618.0</t>
  </si>
  <si>
    <t>832379.0</t>
  </si>
  <si>
    <t>731229.0</t>
  </si>
  <si>
    <t>1489923.0</t>
  </si>
  <si>
    <t>832588.0</t>
  </si>
  <si>
    <t>731439.0</t>
  </si>
  <si>
    <t>1490262.0</t>
  </si>
  <si>
    <t>832797.0</t>
  </si>
  <si>
    <t>731689.0</t>
  </si>
  <si>
    <t>1490323.0</t>
  </si>
  <si>
    <t>832835.0</t>
  </si>
  <si>
    <t>731730.0</t>
  </si>
  <si>
    <t>1490895.0</t>
  </si>
  <si>
    <t>833160.0</t>
  </si>
  <si>
    <t>732117.0</t>
  </si>
  <si>
    <t>44654.0</t>
  </si>
  <si>
    <t>1491177.0</t>
  </si>
  <si>
    <t>833337.0</t>
  </si>
  <si>
    <t>732335.0</t>
  </si>
  <si>
    <t>1491497.0</t>
  </si>
  <si>
    <t>833515.0</t>
  </si>
  <si>
    <t>732564.0</t>
  </si>
  <si>
    <t>1491795.0</t>
  </si>
  <si>
    <t>833696.0</t>
  </si>
  <si>
    <t>732792.0</t>
  </si>
  <si>
    <t>1493518.0</t>
  </si>
  <si>
    <t>834720.0</t>
  </si>
  <si>
    <t>734016.0</t>
  </si>
  <si>
    <t>1495422.0</t>
  </si>
  <si>
    <t>835930.0</t>
  </si>
  <si>
    <t>735360.0</t>
  </si>
  <si>
    <t>1503943.0</t>
  </si>
  <si>
    <t>841609.0</t>
  </si>
  <si>
    <t>741371.0</t>
  </si>
  <si>
    <t>1505105.0</t>
  </si>
  <si>
    <t>842416.0</t>
  </si>
  <si>
    <t>742316.0</t>
  </si>
  <si>
    <t>45429.0</t>
  </si>
  <si>
    <t>1506260.0</t>
  </si>
  <si>
    <t>843156.0</t>
  </si>
  <si>
    <t>743173.0</t>
  </si>
  <si>
    <t>45485.0</t>
  </si>
  <si>
    <t>1506682.0</t>
  </si>
  <si>
    <t>843447.0</t>
  </si>
  <si>
    <t>743499.0</t>
  </si>
  <si>
    <t>1507273.0</t>
  </si>
  <si>
    <t>843854.0</t>
  </si>
  <si>
    <t>743937.0</t>
  </si>
  <si>
    <t>JPN</t>
  </si>
  <si>
    <t>Japan</t>
  </si>
  <si>
    <t>-7817.8</t>
  </si>
  <si>
    <t>-63.071343533694</t>
  </si>
  <si>
    <t>-13282.8</t>
  </si>
  <si>
    <t>-5.05</t>
  </si>
  <si>
    <t>-107.161099272091</t>
  </si>
  <si>
    <t>12069.0</t>
  </si>
  <si>
    <t>18138.0</t>
  </si>
  <si>
    <t>24535.0</t>
  </si>
  <si>
    <t>25977.0</t>
  </si>
  <si>
    <t>26273.0</t>
  </si>
  <si>
    <t>26479.0</t>
  </si>
  <si>
    <t>29960.0</t>
  </si>
  <si>
    <t>31874.0</t>
  </si>
  <si>
    <t>-18115.0</t>
  </si>
  <si>
    <t>-146.145640475948</t>
  </si>
  <si>
    <t>36559.0</t>
  </si>
  <si>
    <t>39864.0</t>
  </si>
  <si>
    <t>64030.0</t>
  </si>
  <si>
    <t>64087.0</t>
  </si>
  <si>
    <t>73339.0</t>
  </si>
  <si>
    <t>81594.0</t>
  </si>
  <si>
    <t>87612.0</t>
  </si>
  <si>
    <t>91761.0</t>
  </si>
  <si>
    <t>92765.0</t>
  </si>
  <si>
    <t>95718.0</t>
  </si>
  <si>
    <t>102534.0</t>
  </si>
  <si>
    <t>108076.0</t>
  </si>
  <si>
    <t>112491.0</t>
  </si>
  <si>
    <t>117840.0</t>
  </si>
  <si>
    <t>123027.0</t>
  </si>
  <si>
    <t>124277.0</t>
  </si>
  <si>
    <t>125413.0</t>
  </si>
  <si>
    <t>133958.0</t>
  </si>
  <si>
    <t>137202.0</t>
  </si>
  <si>
    <t>138081.0</t>
  </si>
  <si>
    <t>146207.0</t>
  </si>
  <si>
    <t>-19041.8</t>
  </si>
  <si>
    <t>-153.622746719012</t>
  </si>
  <si>
    <t>153027.0</t>
  </si>
  <si>
    <t>154919.0</t>
  </si>
  <si>
    <t>156251.0</t>
  </si>
  <si>
    <t>158267.0</t>
  </si>
  <si>
    <t>171272.0</t>
  </si>
  <si>
    <t>181952.0</t>
  </si>
  <si>
    <t>188212.0</t>
  </si>
  <si>
    <t>194205.0</t>
  </si>
  <si>
    <t>194493.0</t>
  </si>
  <si>
    <t>204567.0</t>
  </si>
  <si>
    <t>210433.0</t>
  </si>
  <si>
    <t>213525.0</t>
  </si>
  <si>
    <t>217862.0</t>
  </si>
  <si>
    <t>222849.0</t>
  </si>
  <si>
    <t>228829.0</t>
  </si>
  <si>
    <t>235719.0</t>
  </si>
  <si>
    <t>240299.0</t>
  </si>
  <si>
    <t>243794.0</t>
  </si>
  <si>
    <t>246563.0</t>
  </si>
  <si>
    <t>247815.0</t>
  </si>
  <si>
    <t>251435.0</t>
  </si>
  <si>
    <t>254429.0</t>
  </si>
  <si>
    <t>261414.0</t>
  </si>
  <si>
    <t>264915.0</t>
  </si>
  <si>
    <t>269224.0</t>
  </si>
  <si>
    <t>-22587.0</t>
  </si>
  <si>
    <t>-182.224210953919</t>
  </si>
  <si>
    <t>273013.0</t>
  </si>
  <si>
    <t>277539.0</t>
  </si>
  <si>
    <t>281518.0</t>
  </si>
  <si>
    <t>286118.0</t>
  </si>
  <si>
    <t>291057.0</t>
  </si>
  <si>
    <t>294277.0</t>
  </si>
  <si>
    <t>296002.0</t>
  </si>
  <si>
    <t>300518.0</t>
  </si>
  <si>
    <t>305118.0</t>
  </si>
  <si>
    <t>310210.0</t>
  </si>
  <si>
    <t>314783.0</t>
  </si>
  <si>
    <t>319928.0</t>
  </si>
  <si>
    <t>322561.0</t>
  </si>
  <si>
    <t>324012.0</t>
  </si>
  <si>
    <t>328312.0</t>
  </si>
  <si>
    <t>332774.0</t>
  </si>
  <si>
    <t>334122.0</t>
  </si>
  <si>
    <t>340298.0</t>
  </si>
  <si>
    <t>345121.0</t>
  </si>
  <si>
    <t>347595.0</t>
  </si>
  <si>
    <t>351722.0</t>
  </si>
  <si>
    <t>357098.0</t>
  </si>
  <si>
    <t>360820.0</t>
  </si>
  <si>
    <t>370254.0</t>
  </si>
  <si>
    <t>378545.0</t>
  </si>
  <si>
    <t>380058.0</t>
  </si>
  <si>
    <t>385568.0</t>
  </si>
  <si>
    <t>390219.0</t>
  </si>
  <si>
    <t>-26108.2</t>
  </si>
  <si>
    <t>-3.64</t>
  </si>
  <si>
    <t>-210.632051375884</t>
  </si>
  <si>
    <t>396783.0</t>
  </si>
  <si>
    <t>402243.0</t>
  </si>
  <si>
    <t>408840.0</t>
  </si>
  <si>
    <t>411974.0</t>
  </si>
  <si>
    <t>414592.0</t>
  </si>
  <si>
    <t>429919.0</t>
  </si>
  <si>
    <t>437644.0</t>
  </si>
  <si>
    <t>445344.0</t>
  </si>
  <si>
    <t>454299.0</t>
  </si>
  <si>
    <t>459661.0</t>
  </si>
  <si>
    <t>461499.0</t>
  </si>
  <si>
    <t>472051.0</t>
  </si>
  <si>
    <t>483205.0</t>
  </si>
  <si>
    <t>13.852</t>
  </si>
  <si>
    <t>494548.0</t>
  </si>
  <si>
    <t>511231.0</t>
  </si>
  <si>
    <t>524225.0</t>
  </si>
  <si>
    <t>531391.0</t>
  </si>
  <si>
    <t>534653.0</t>
  </si>
  <si>
    <t>550612.0</t>
  </si>
  <si>
    <t>15959.0</t>
  </si>
  <si>
    <t>11223.0</t>
  </si>
  <si>
    <t>562726.0</t>
  </si>
  <si>
    <t>579083.0</t>
  </si>
  <si>
    <t>587393.0</t>
  </si>
  <si>
    <t>593088.0</t>
  </si>
  <si>
    <t>602618.0</t>
  </si>
  <si>
    <t>10175.0</t>
  </si>
  <si>
    <t>606403.0</t>
  </si>
  <si>
    <t>630585.0</t>
  </si>
  <si>
    <t>648671.0</t>
  </si>
  <si>
    <t>667340.0</t>
  </si>
  <si>
    <t>19687.0</t>
  </si>
  <si>
    <t>704381.0</t>
  </si>
  <si>
    <t>-30363.0</t>
  </si>
  <si>
    <t>-244.958326346741</t>
  </si>
  <si>
    <t>713987.0</t>
  </si>
  <si>
    <t>724586.0</t>
  </si>
  <si>
    <t>750380.0</t>
  </si>
  <si>
    <t>25794.0</t>
  </si>
  <si>
    <t>769120.0</t>
  </si>
  <si>
    <t>808843.0</t>
  </si>
  <si>
    <t>39723.0</t>
  </si>
  <si>
    <t>830858.0</t>
  </si>
  <si>
    <t>20547.0</t>
  </si>
  <si>
    <t>853556.0</t>
  </si>
  <si>
    <t>867232.0</t>
  </si>
  <si>
    <t>880568.0</t>
  </si>
  <si>
    <t>7.066</t>
  </si>
  <si>
    <t>887008.0</t>
  </si>
  <si>
    <t>919947.0</t>
  </si>
  <si>
    <t>32939.0</t>
  </si>
  <si>
    <t>945729.0</t>
  </si>
  <si>
    <t>966791.0</t>
  </si>
  <si>
    <t>1022031.0</t>
  </si>
  <si>
    <t>1033781.0</t>
  </si>
  <si>
    <t>1041219.0</t>
  </si>
  <si>
    <t>1067054.0</t>
  </si>
  <si>
    <t>25835.0</t>
  </si>
  <si>
    <t>25721.0</t>
  </si>
  <si>
    <t>1088184.0</t>
  </si>
  <si>
    <t>1110121.0</t>
  </si>
  <si>
    <t>8.909</t>
  </si>
  <si>
    <t>1132010.0</t>
  </si>
  <si>
    <t>21889.0</t>
  </si>
  <si>
    <t>1153876.0</t>
  </si>
  <si>
    <t>1167224.0</t>
  </si>
  <si>
    <t>1178177.0</t>
  </si>
  <si>
    <t>19565.0</t>
  </si>
  <si>
    <t>1200228.0</t>
  </si>
  <si>
    <t>22051.0</t>
  </si>
  <si>
    <t>1218466.0</t>
  </si>
  <si>
    <t>9.778</t>
  </si>
  <si>
    <t>1237819.0</t>
  </si>
  <si>
    <t>18243.0</t>
  </si>
  <si>
    <t>1259365.0</t>
  </si>
  <si>
    <t>10.106</t>
  </si>
  <si>
    <t>1277962.0</t>
  </si>
  <si>
    <t>10.255</t>
  </si>
  <si>
    <t>1290877.0</t>
  </si>
  <si>
    <t>1300454.0</t>
  </si>
  <si>
    <t>10.436</t>
  </si>
  <si>
    <t>1321983.0</t>
  </si>
  <si>
    <t>10.609</t>
  </si>
  <si>
    <t>-30080.0</t>
  </si>
  <si>
    <t>-3.21</t>
  </si>
  <si>
    <t>-242.675178885814</t>
  </si>
  <si>
    <t>1340114.0</t>
  </si>
  <si>
    <t>1364237.0</t>
  </si>
  <si>
    <t>24123.0</t>
  </si>
  <si>
    <t>1387228.0</t>
  </si>
  <si>
    <t>11.132</t>
  </si>
  <si>
    <t>1402685.0</t>
  </si>
  <si>
    <t>1414615.0</t>
  </si>
  <si>
    <t>1418790.0</t>
  </si>
  <si>
    <t>16905.0</t>
  </si>
  <si>
    <t>1442802.0</t>
  </si>
  <si>
    <t>11.578</t>
  </si>
  <si>
    <t>17260.0</t>
  </si>
  <si>
    <t>1457439.0</t>
  </si>
  <si>
    <t>1480511.0</t>
  </si>
  <si>
    <t>1502817.0</t>
  </si>
  <si>
    <t>22306.0</t>
  </si>
  <si>
    <t>1519296.0</t>
  </si>
  <si>
    <t>1529841.0</t>
  </si>
  <si>
    <t>1530313.0</t>
  </si>
  <si>
    <t>12.281</t>
  </si>
  <si>
    <t>1555759.0</t>
  </si>
  <si>
    <t>1575922.0</t>
  </si>
  <si>
    <t>12.647</t>
  </si>
  <si>
    <t>1594236.0</t>
  </si>
  <si>
    <t>1617549.0</t>
  </si>
  <si>
    <t>1635154.0</t>
  </si>
  <si>
    <t>17605.0</t>
  </si>
  <si>
    <t>1644684.0</t>
  </si>
  <si>
    <t>1650837.0</t>
  </si>
  <si>
    <t>1653615.0</t>
  </si>
  <si>
    <t>13979.0</t>
  </si>
  <si>
    <t>1657001.0</t>
  </si>
  <si>
    <t>1683926.0</t>
  </si>
  <si>
    <t>1702947.0</t>
  </si>
  <si>
    <t>13.666</t>
  </si>
  <si>
    <t>1731473.0</t>
  </si>
  <si>
    <t>13.895</t>
  </si>
  <si>
    <t>13760.0</t>
  </si>
  <si>
    <t>1741995.0</t>
  </si>
  <si>
    <t>13.979</t>
  </si>
  <si>
    <t>1746545.0</t>
  </si>
  <si>
    <t>1766295.0</t>
  </si>
  <si>
    <t>19750.0</t>
  </si>
  <si>
    <t>14.174</t>
  </si>
  <si>
    <t>1869971.0</t>
  </si>
  <si>
    <t>15.006</t>
  </si>
  <si>
    <t>30424.0</t>
  </si>
  <si>
    <t>1889433.0</t>
  </si>
  <si>
    <t>15.162</t>
  </si>
  <si>
    <t>-31182.6</t>
  </si>
  <si>
    <t>-251.570579558669</t>
  </si>
  <si>
    <t>1907104.0</t>
  </si>
  <si>
    <t>29165.0</t>
  </si>
  <si>
    <t>1928964.0</t>
  </si>
  <si>
    <t>1942648.0</t>
  </si>
  <si>
    <t>1947576.0</t>
  </si>
  <si>
    <t>1969441.0</t>
  </si>
  <si>
    <t>21865.0</t>
  </si>
  <si>
    <t>15.805</t>
  </si>
  <si>
    <t>1989876.0</t>
  </si>
  <si>
    <t>20435.0</t>
  </si>
  <si>
    <t>15.969</t>
  </si>
  <si>
    <t>2011277.0</t>
  </si>
  <si>
    <t>2032674.0</t>
  </si>
  <si>
    <t>21397.0</t>
  </si>
  <si>
    <t>2052371.0</t>
  </si>
  <si>
    <t>19697.0</t>
  </si>
  <si>
    <t>2063174.0</t>
  </si>
  <si>
    <t>16.557</t>
  </si>
  <si>
    <t>2068251.0</t>
  </si>
  <si>
    <t>16.597</t>
  </si>
  <si>
    <t>2091486.0</t>
  </si>
  <si>
    <t>16.784</t>
  </si>
  <si>
    <t>2111314.0</t>
  </si>
  <si>
    <t>17348.0</t>
  </si>
  <si>
    <t>24.526</t>
  </si>
  <si>
    <t>2133151.0</t>
  </si>
  <si>
    <t>17.118</t>
  </si>
  <si>
    <t>2153888.0</t>
  </si>
  <si>
    <t>17.285</t>
  </si>
  <si>
    <t>2174589.0</t>
  </si>
  <si>
    <t>17.451</t>
  </si>
  <si>
    <t>2184485.0</t>
  </si>
  <si>
    <t>2189608.0</t>
  </si>
  <si>
    <t>17.571</t>
  </si>
  <si>
    <t>17337.0</t>
  </si>
  <si>
    <t>2211528.0</t>
  </si>
  <si>
    <t>21920.0</t>
  </si>
  <si>
    <t>17.747</t>
  </si>
  <si>
    <t>2227014.0</t>
  </si>
  <si>
    <t>17.872</t>
  </si>
  <si>
    <t>2249158.0</t>
  </si>
  <si>
    <t>22144.0</t>
  </si>
  <si>
    <t>18.049</t>
  </si>
  <si>
    <t>2272576.0</t>
  </si>
  <si>
    <t>18.237</t>
  </si>
  <si>
    <t>2295456.0</t>
  </si>
  <si>
    <t>22880.0</t>
  </si>
  <si>
    <t>2308667.0</t>
  </si>
  <si>
    <t>18.527</t>
  </si>
  <si>
    <t>2314094.0</t>
  </si>
  <si>
    <t>2336696.0</t>
  </si>
  <si>
    <t>18.752</t>
  </si>
  <si>
    <t>2362410.0</t>
  </si>
  <si>
    <t>2385474.0</t>
  </si>
  <si>
    <t>23064.0</t>
  </si>
  <si>
    <t>2405978.0</t>
  </si>
  <si>
    <t>19.308</t>
  </si>
  <si>
    <t>2427760.0</t>
  </si>
  <si>
    <t>2439158.0</t>
  </si>
  <si>
    <t>11398.0</t>
  </si>
  <si>
    <t>19.574</t>
  </si>
  <si>
    <t>-30278.0</t>
  </si>
  <si>
    <t>-244.272575342575</t>
  </si>
  <si>
    <t>2445372.0</t>
  </si>
  <si>
    <t>19.624</t>
  </si>
  <si>
    <t>2466907.0</t>
  </si>
  <si>
    <t>21535.0</t>
  </si>
  <si>
    <t>2474384.0</t>
  </si>
  <si>
    <t>2496224.0</t>
  </si>
  <si>
    <t>20.032</t>
  </si>
  <si>
    <t>2525757.0</t>
  </si>
  <si>
    <t>2553994.0</t>
  </si>
  <si>
    <t>28237.0</t>
  </si>
  <si>
    <t>2567454.0</t>
  </si>
  <si>
    <t>2575458.0</t>
  </si>
  <si>
    <t>2600934.0</t>
  </si>
  <si>
    <t>20.872</t>
  </si>
  <si>
    <t>2626113.0</t>
  </si>
  <si>
    <t>21.074</t>
  </si>
  <si>
    <t>2659794.0</t>
  </si>
  <si>
    <t>23367.0</t>
  </si>
  <si>
    <t>2689706.0</t>
  </si>
  <si>
    <t>23421.0</t>
  </si>
  <si>
    <t>2713744.0</t>
  </si>
  <si>
    <t>21.777</t>
  </si>
  <si>
    <t>2730395.0</t>
  </si>
  <si>
    <t>2739522.0</t>
  </si>
  <si>
    <t>21.984</t>
  </si>
  <si>
    <t>2769631.0</t>
  </si>
  <si>
    <t>30109.0</t>
  </si>
  <si>
    <t>2797265.0</t>
  </si>
  <si>
    <t>22.448</t>
  </si>
  <si>
    <t>2831895.0</t>
  </si>
  <si>
    <t>2869705.0</t>
  </si>
  <si>
    <t>23.029</t>
  </si>
  <si>
    <t>2911475.0</t>
  </si>
  <si>
    <t>23.364</t>
  </si>
  <si>
    <t>28247.0</t>
  </si>
  <si>
    <t>2936399.0</t>
  </si>
  <si>
    <t>24924.0</t>
  </si>
  <si>
    <t>23.564</t>
  </si>
  <si>
    <t>29429.0</t>
  </si>
  <si>
    <t>2956788.0</t>
  </si>
  <si>
    <t>2966348.0</t>
  </si>
  <si>
    <t>28102.0</t>
  </si>
  <si>
    <t>3010121.0</t>
  </si>
  <si>
    <t>24.156</t>
  </si>
  <si>
    <t>30408.0</t>
  </si>
  <si>
    <t>3051173.0</t>
  </si>
  <si>
    <t>3093807.0</t>
  </si>
  <si>
    <t>24.827</t>
  </si>
  <si>
    <t>32015.0</t>
  </si>
  <si>
    <t>3137158.0</t>
  </si>
  <si>
    <t>43351.0</t>
  </si>
  <si>
    <t>25.175</t>
  </si>
  <si>
    <t>3159465.0</t>
  </si>
  <si>
    <t>25.354</t>
  </si>
  <si>
    <t>3171440.0</t>
  </si>
  <si>
    <t>11975.0</t>
  </si>
  <si>
    <t>3212775.0</t>
  </si>
  <si>
    <t>25.782</t>
  </si>
  <si>
    <t>-31959.4</t>
  </si>
  <si>
    <t>-257.837536970854</t>
  </si>
  <si>
    <t>3257064.0</t>
  </si>
  <si>
    <t>44289.0</t>
  </si>
  <si>
    <t>26.138</t>
  </si>
  <si>
    <t>68.478</t>
  </si>
  <si>
    <t>3300300.0</t>
  </si>
  <si>
    <t>43236.0</t>
  </si>
  <si>
    <t>3337123.0</t>
  </si>
  <si>
    <t>36823.0</t>
  </si>
  <si>
    <t>3375268.0</t>
  </si>
  <si>
    <t>27.086</t>
  </si>
  <si>
    <t>34016.0</t>
  </si>
  <si>
    <t>3397581.0</t>
  </si>
  <si>
    <t>27.265</t>
  </si>
  <si>
    <t>3415193.0</t>
  </si>
  <si>
    <t>3452930.0</t>
  </si>
  <si>
    <t>37737.0</t>
  </si>
  <si>
    <t>27.709</t>
  </si>
  <si>
    <t>34308.0</t>
  </si>
  <si>
    <t>3492990.0</t>
  </si>
  <si>
    <t>28.031</t>
  </si>
  <si>
    <t>3547547.0</t>
  </si>
  <si>
    <t>35321.0</t>
  </si>
  <si>
    <t>3592159.0</t>
  </si>
  <si>
    <t>36434.0</t>
  </si>
  <si>
    <t>3645993.0</t>
  </si>
  <si>
    <t>53834.0</t>
  </si>
  <si>
    <t>29.259</t>
  </si>
  <si>
    <t>3674196.0</t>
  </si>
  <si>
    <t>28203.0</t>
  </si>
  <si>
    <t>29.485</t>
  </si>
  <si>
    <t>39516.0</t>
  </si>
  <si>
    <t>3687340.0</t>
  </si>
  <si>
    <t>38878.0</t>
  </si>
  <si>
    <t>3741098.0</t>
  </si>
  <si>
    <t>53758.0</t>
  </si>
  <si>
    <t>3786915.0</t>
  </si>
  <si>
    <t>45817.0</t>
  </si>
  <si>
    <t>3841218.0</t>
  </si>
  <si>
    <t>54303.0</t>
  </si>
  <si>
    <t>41953.0</t>
  </si>
  <si>
    <t>3903657.0</t>
  </si>
  <si>
    <t>44500.0</t>
  </si>
  <si>
    <t>3960078.0</t>
  </si>
  <si>
    <t>56421.0</t>
  </si>
  <si>
    <t>31.779</t>
  </si>
  <si>
    <t>3987127.0</t>
  </si>
  <si>
    <t>31.996</t>
  </si>
  <si>
    <t>3999409.0</t>
  </si>
  <si>
    <t>32.095</t>
  </si>
  <si>
    <t>44581.0</t>
  </si>
  <si>
    <t>4055059.0</t>
  </si>
  <si>
    <t>55650.0</t>
  </si>
  <si>
    <t>4086169.0</t>
  </si>
  <si>
    <t>31110.0</t>
  </si>
  <si>
    <t>32.791</t>
  </si>
  <si>
    <t>42751.0</t>
  </si>
  <si>
    <t>4158427.0</t>
  </si>
  <si>
    <t>33.371</t>
  </si>
  <si>
    <t>45316.0</t>
  </si>
  <si>
    <t>4221939.0</t>
  </si>
  <si>
    <t>63512.0</t>
  </si>
  <si>
    <t>33.881</t>
  </si>
  <si>
    <t>4282200.0</t>
  </si>
  <si>
    <t>34.364</t>
  </si>
  <si>
    <t>46017.0</t>
  </si>
  <si>
    <t>4314877.0</t>
  </si>
  <si>
    <t>34.626</t>
  </si>
  <si>
    <t>46821.0</t>
  </si>
  <si>
    <t>4326840.0</t>
  </si>
  <si>
    <t>4401223.0</t>
  </si>
  <si>
    <t>74383.0</t>
  </si>
  <si>
    <t>4426073.0</t>
  </si>
  <si>
    <t>35.519</t>
  </si>
  <si>
    <t>4447142.0</t>
  </si>
  <si>
    <t>41245.0</t>
  </si>
  <si>
    <t>4486717.0</t>
  </si>
  <si>
    <t>36.005</t>
  </si>
  <si>
    <t>-28004.0</t>
  </si>
  <si>
    <t>-225.926719066434</t>
  </si>
  <si>
    <t>4511789.0</t>
  </si>
  <si>
    <t>25072.0</t>
  </si>
  <si>
    <t>36.207</t>
  </si>
  <si>
    <t>4520535.0</t>
  </si>
  <si>
    <t>4540826.0</t>
  </si>
  <si>
    <t>20291.0</t>
  </si>
  <si>
    <t>4625164.0</t>
  </si>
  <si>
    <t>84338.0</t>
  </si>
  <si>
    <t>4713610.0</t>
  </si>
  <si>
    <t>37.826</t>
  </si>
  <si>
    <t>105.63</t>
  </si>
  <si>
    <t>4787577.0</t>
  </si>
  <si>
    <t>73967.0</t>
  </si>
  <si>
    <t>48634.0</t>
  </si>
  <si>
    <t>4869017.0</t>
  </si>
  <si>
    <t>81440.0</t>
  </si>
  <si>
    <t>39.073</t>
  </si>
  <si>
    <t>4932390.0</t>
  </si>
  <si>
    <t>63373.0</t>
  </si>
  <si>
    <t>39.582</t>
  </si>
  <si>
    <t>4968120.0</t>
  </si>
  <si>
    <t>35730.0</t>
  </si>
  <si>
    <t>39.869</t>
  </si>
  <si>
    <t>63941.0</t>
  </si>
  <si>
    <t>4992128.0</t>
  </si>
  <si>
    <t>40.061</t>
  </si>
  <si>
    <t>5012070.0</t>
  </si>
  <si>
    <t>40.221</t>
  </si>
  <si>
    <t>5098621.0</t>
  </si>
  <si>
    <t>40.916</t>
  </si>
  <si>
    <t>5179876.0</t>
  </si>
  <si>
    <t>81255.0</t>
  </si>
  <si>
    <t>41.568</t>
  </si>
  <si>
    <t>56043.0</t>
  </si>
  <si>
    <t>5281131.0</t>
  </si>
  <si>
    <t>58873.0</t>
  </si>
  <si>
    <t>5351741.0</t>
  </si>
  <si>
    <t>70610.0</t>
  </si>
  <si>
    <t>42.947</t>
  </si>
  <si>
    <t>59907.0</t>
  </si>
  <si>
    <t>5396403.0</t>
  </si>
  <si>
    <t>44662.0</t>
  </si>
  <si>
    <t>61183.0</t>
  </si>
  <si>
    <t>5412441.0</t>
  </si>
  <si>
    <t>5493214.0</t>
  </si>
  <si>
    <t>80773.0</t>
  </si>
  <si>
    <t>44.082</t>
  </si>
  <si>
    <t>68735.0</t>
  </si>
  <si>
    <t>5596527.0</t>
  </si>
  <si>
    <t>103313.0</t>
  </si>
  <si>
    <t>44.911</t>
  </si>
  <si>
    <t>71129.0</t>
  </si>
  <si>
    <t>5683331.0</t>
  </si>
  <si>
    <t>86804.0</t>
  </si>
  <si>
    <t>45.608</t>
  </si>
  <si>
    <t>71922.0</t>
  </si>
  <si>
    <t>5769100.0</t>
  </si>
  <si>
    <t>85769.0</t>
  </si>
  <si>
    <t>46.296</t>
  </si>
  <si>
    <t>69710.0</t>
  </si>
  <si>
    <t>5870373.0</t>
  </si>
  <si>
    <t>47.109</t>
  </si>
  <si>
    <t>5907489.0</t>
  </si>
  <si>
    <t>37116.0</t>
  </si>
  <si>
    <t>47.407</t>
  </si>
  <si>
    <t>73012.0</t>
  </si>
  <si>
    <t>5926273.0</t>
  </si>
  <si>
    <t>47.558</t>
  </si>
  <si>
    <t>6008214.0</t>
  </si>
  <si>
    <t>48.215</t>
  </si>
  <si>
    <t>6074549.0</t>
  </si>
  <si>
    <t>66335.0</t>
  </si>
  <si>
    <t>68289.0</t>
  </si>
  <si>
    <t>6165373.0</t>
  </si>
  <si>
    <t>90824.0</t>
  </si>
  <si>
    <t>49.476</t>
  </si>
  <si>
    <t>6229705.0</t>
  </si>
  <si>
    <t>49.993</t>
  </si>
  <si>
    <t>65801.0</t>
  </si>
  <si>
    <t>6312001.0</t>
  </si>
  <si>
    <t>82296.0</t>
  </si>
  <si>
    <t>63090.0</t>
  </si>
  <si>
    <t>6352426.0</t>
  </si>
  <si>
    <t>50.977</t>
  </si>
  <si>
    <t>63562.0</t>
  </si>
  <si>
    <t>6370198.0</t>
  </si>
  <si>
    <t>63418.0</t>
  </si>
  <si>
    <t>-29673.5</t>
  </si>
  <si>
    <t>-239.395675554129</t>
  </si>
  <si>
    <t>6437467.0</t>
  </si>
  <si>
    <t>67269.0</t>
  </si>
  <si>
    <t>61322.0</t>
  </si>
  <si>
    <t>6496577.0</t>
  </si>
  <si>
    <t>59110.0</t>
  </si>
  <si>
    <t>6565384.0</t>
  </si>
  <si>
    <t>52.686</t>
  </si>
  <si>
    <t>57144.0</t>
  </si>
  <si>
    <t>6627286.0</t>
  </si>
  <si>
    <t>61902.0</t>
  </si>
  <si>
    <t>6698430.0</t>
  </si>
  <si>
    <t>71144.0</t>
  </si>
  <si>
    <t>53.754</t>
  </si>
  <si>
    <t>55204.0</t>
  </si>
  <si>
    <t>6731473.0</t>
  </si>
  <si>
    <t>54.019</t>
  </si>
  <si>
    <t>54150.0</t>
  </si>
  <si>
    <t>6749664.0</t>
  </si>
  <si>
    <t>54.165</t>
  </si>
  <si>
    <t>54209.0</t>
  </si>
  <si>
    <t>6808163.0</t>
  </si>
  <si>
    <t>54.635</t>
  </si>
  <si>
    <t>52957.0</t>
  </si>
  <si>
    <t>6886316.0</t>
  </si>
  <si>
    <t>78153.0</t>
  </si>
  <si>
    <t>55.262</t>
  </si>
  <si>
    <t>6951668.0</t>
  </si>
  <si>
    <t>55.786</t>
  </si>
  <si>
    <t>55183.0</t>
  </si>
  <si>
    <t>6984533.0</t>
  </si>
  <si>
    <t>51035.0</t>
  </si>
  <si>
    <t>7041183.0</t>
  </si>
  <si>
    <t>56.505</t>
  </si>
  <si>
    <t>48965.0</t>
  </si>
  <si>
    <t>7071403.0</t>
  </si>
  <si>
    <t>30220.0</t>
  </si>
  <si>
    <t>56.747</t>
  </si>
  <si>
    <t>48561.0</t>
  </si>
  <si>
    <t>7086119.0</t>
  </si>
  <si>
    <t>56.865</t>
  </si>
  <si>
    <t>48065.0</t>
  </si>
  <si>
    <t>7144540.0</t>
  </si>
  <si>
    <t>57.334</t>
  </si>
  <si>
    <t>7204389.0</t>
  </si>
  <si>
    <t>59849.0</t>
  </si>
  <si>
    <t>57.814</t>
  </si>
  <si>
    <t>45439.0</t>
  </si>
  <si>
    <t>7265527.0</t>
  </si>
  <si>
    <t>61138.0</t>
  </si>
  <si>
    <t>7320031.0</t>
  </si>
  <si>
    <t>54504.0</t>
  </si>
  <si>
    <t>47928.0</t>
  </si>
  <si>
    <t>7394986.0</t>
  </si>
  <si>
    <t>59.344</t>
  </si>
  <si>
    <t>7426565.0</t>
  </si>
  <si>
    <t>59.597</t>
  </si>
  <si>
    <t>7441248.0</t>
  </si>
  <si>
    <t>59.715</t>
  </si>
  <si>
    <t>50733.0</t>
  </si>
  <si>
    <t>7495428.0</t>
  </si>
  <si>
    <t>54180.0</t>
  </si>
  <si>
    <t>7513752.0</t>
  </si>
  <si>
    <t>18324.0</t>
  </si>
  <si>
    <t>60.297</t>
  </si>
  <si>
    <t>7568454.0</t>
  </si>
  <si>
    <t>60.736</t>
  </si>
  <si>
    <t>7627688.0</t>
  </si>
  <si>
    <t>61.211</t>
  </si>
  <si>
    <t>7685552.0</t>
  </si>
  <si>
    <t>7714748.0</t>
  </si>
  <si>
    <t>7734523.0</t>
  </si>
  <si>
    <t>62.069</t>
  </si>
  <si>
    <t>-35238.2</t>
  </si>
  <si>
    <t>-4.47</t>
  </si>
  <si>
    <t>-284.289776882117</t>
  </si>
  <si>
    <t>7794613.0</t>
  </si>
  <si>
    <t>60090.0</t>
  </si>
  <si>
    <t>62.551</t>
  </si>
  <si>
    <t>42741.0</t>
  </si>
  <si>
    <t>7876937.0</t>
  </si>
  <si>
    <t>63.211</t>
  </si>
  <si>
    <t>7907105.0</t>
  </si>
  <si>
    <t>63.454</t>
  </si>
  <si>
    <t>48379.0</t>
  </si>
  <si>
    <t>37303.0</t>
  </si>
  <si>
    <t>7975961.0</t>
  </si>
  <si>
    <t>68856.0</t>
  </si>
  <si>
    <t>64.006</t>
  </si>
  <si>
    <t>49753.0</t>
  </si>
  <si>
    <t>8021114.0</t>
  </si>
  <si>
    <t>64.368</t>
  </si>
  <si>
    <t>46469.0</t>
  </si>
  <si>
    <t>8052172.0</t>
  </si>
  <si>
    <t>31058.0</t>
  </si>
  <si>
    <t>64.618</t>
  </si>
  <si>
    <t>48203.0</t>
  </si>
  <si>
    <t>8066581.0</t>
  </si>
  <si>
    <t>14409.0</t>
  </si>
  <si>
    <t>64.733</t>
  </si>
  <si>
    <t>8134498.0</t>
  </si>
  <si>
    <t>67917.0</t>
  </si>
  <si>
    <t>65.278</t>
  </si>
  <si>
    <t>48555.0</t>
  </si>
  <si>
    <t>70796.0</t>
  </si>
  <si>
    <t>8174735.0</t>
  </si>
  <si>
    <t>65.601</t>
  </si>
  <si>
    <t>107558.0</t>
  </si>
  <si>
    <t>8234887.0</t>
  </si>
  <si>
    <t>66.084</t>
  </si>
  <si>
    <t>46826.0</t>
  </si>
  <si>
    <t>148950.0</t>
  </si>
  <si>
    <t>148915.0</t>
  </si>
  <si>
    <t>8291738.0</t>
  </si>
  <si>
    <t>56851.0</t>
  </si>
  <si>
    <t>181184.0</t>
  </si>
  <si>
    <t>180741.0</t>
  </si>
  <si>
    <t>32234.0</t>
  </si>
  <si>
    <t>8347300.0</t>
  </si>
  <si>
    <t>66.986</t>
  </si>
  <si>
    <t>230542.0</t>
  </si>
  <si>
    <t>227194.0</t>
  </si>
  <si>
    <t>8378595.0</t>
  </si>
  <si>
    <t>67.237</t>
  </si>
  <si>
    <t>46632.0</t>
  </si>
  <si>
    <t>27982.0</t>
  </si>
  <si>
    <t>8395861.0</t>
  </si>
  <si>
    <t>17266.0</t>
  </si>
  <si>
    <t>67.376</t>
  </si>
  <si>
    <t>28759.0</t>
  </si>
  <si>
    <t>8445731.0</t>
  </si>
  <si>
    <t>49870.0</t>
  </si>
  <si>
    <t>67.776</t>
  </si>
  <si>
    <t>44462.0</t>
  </si>
  <si>
    <t>290275.0</t>
  </si>
  <si>
    <t>30229.0</t>
  </si>
  <si>
    <t>8493507.0</t>
  </si>
  <si>
    <t>45539.0</t>
  </si>
  <si>
    <t>359191.0</t>
  </si>
  <si>
    <t>349844.0</t>
  </si>
  <si>
    <t>68916.0</t>
  </si>
  <si>
    <t>34612.0</t>
  </si>
  <si>
    <t>4.913</t>
  </si>
  <si>
    <t>8578426.0</t>
  </si>
  <si>
    <t>84919.0</t>
  </si>
  <si>
    <t>68.841</t>
  </si>
  <si>
    <t>437485.0</t>
  </si>
  <si>
    <t>423196.0</t>
  </si>
  <si>
    <t>78294.0</t>
  </si>
  <si>
    <t>8633325.0</t>
  </si>
  <si>
    <t>54899.0</t>
  </si>
  <si>
    <t>69.281</t>
  </si>
  <si>
    <t>48798.0</t>
  </si>
  <si>
    <t>508702.0</t>
  </si>
  <si>
    <t>490413.0</t>
  </si>
  <si>
    <t>71217.0</t>
  </si>
  <si>
    <t>8704626.0</t>
  </si>
  <si>
    <t>71301.0</t>
  </si>
  <si>
    <t>69.854</t>
  </si>
  <si>
    <t>51047.0</t>
  </si>
  <si>
    <t>578835.0</t>
  </si>
  <si>
    <t>553454.0</t>
  </si>
  <si>
    <t>70133.0</t>
  </si>
  <si>
    <t>8735284.0</t>
  </si>
  <si>
    <t>50429.0</t>
  </si>
  <si>
    <t>47319.0</t>
  </si>
  <si>
    <t>8752281.0</t>
  </si>
  <si>
    <t>70.236</t>
  </si>
  <si>
    <t>50917.0</t>
  </si>
  <si>
    <t>51102.0</t>
  </si>
  <si>
    <t>8803750.0</t>
  </si>
  <si>
    <t>51469.0</t>
  </si>
  <si>
    <t>70.649</t>
  </si>
  <si>
    <t>652698.0</t>
  </si>
  <si>
    <t>623569.0</t>
  </si>
  <si>
    <t>48739.0</t>
  </si>
  <si>
    <t>8856465.0</t>
  </si>
  <si>
    <t>52715.0</t>
  </si>
  <si>
    <t>699126.0</t>
  </si>
  <si>
    <t>667370.0</t>
  </si>
  <si>
    <t>48562.0</t>
  </si>
  <si>
    <t>45361.0</t>
  </si>
  <si>
    <t>8916439.0</t>
  </si>
  <si>
    <t>59974.0</t>
  </si>
  <si>
    <t>71.553</t>
  </si>
  <si>
    <t>741180.0</t>
  </si>
  <si>
    <t>706101.0</t>
  </si>
  <si>
    <t>8979084.0</t>
  </si>
  <si>
    <t>72.056</t>
  </si>
  <si>
    <t>49394.0</t>
  </si>
  <si>
    <t>775122.0</t>
  </si>
  <si>
    <t>737672.0</t>
  </si>
  <si>
    <t>33942.0</t>
  </si>
  <si>
    <t>35323.0</t>
  </si>
  <si>
    <t>9046380.0</t>
  </si>
  <si>
    <t>67296.0</t>
  </si>
  <si>
    <t>72.596</t>
  </si>
  <si>
    <t>822869.0</t>
  </si>
  <si>
    <t>781665.0</t>
  </si>
  <si>
    <t>41204.0</t>
  </si>
  <si>
    <t>9085971.0</t>
  </si>
  <si>
    <t>39591.0</t>
  </si>
  <si>
    <t>34573.0</t>
  </si>
  <si>
    <t>31360.0</t>
  </si>
  <si>
    <t>9104858.0</t>
  </si>
  <si>
    <t>73.065</t>
  </si>
  <si>
    <t>50368.0</t>
  </si>
  <si>
    <t>34284.0</t>
  </si>
  <si>
    <t>9177037.0</t>
  </si>
  <si>
    <t>72179.0</t>
  </si>
  <si>
    <t>73.645</t>
  </si>
  <si>
    <t>890662.0</t>
  </si>
  <si>
    <t>825704.0</t>
  </si>
  <si>
    <t>64958.0</t>
  </si>
  <si>
    <t>28876.0</t>
  </si>
  <si>
    <t>9218284.0</t>
  </si>
  <si>
    <t>949731.0</t>
  </si>
  <si>
    <t>852946.0</t>
  </si>
  <si>
    <t>35801.0</t>
  </si>
  <si>
    <t>9285719.0</t>
  </si>
  <si>
    <t>67435.0</t>
  </si>
  <si>
    <t>74.517</t>
  </si>
  <si>
    <t>1002739.0</t>
  </si>
  <si>
    <t>877159.0</t>
  </si>
  <si>
    <t>53008.0</t>
  </si>
  <si>
    <t>37366.0</t>
  </si>
  <si>
    <t>-37726.1</t>
  </si>
  <si>
    <t>-304.361305391094</t>
  </si>
  <si>
    <t>9351096.0</t>
  </si>
  <si>
    <t>65377.0</t>
  </si>
  <si>
    <t>75.041</t>
  </si>
  <si>
    <t>1050112.0</t>
  </si>
  <si>
    <t>893315.0</t>
  </si>
  <si>
    <t>156797.0</t>
  </si>
  <si>
    <t>47373.0</t>
  </si>
  <si>
    <t>9412242.0</t>
  </si>
  <si>
    <t>61146.0</t>
  </si>
  <si>
    <t>75.532</t>
  </si>
  <si>
    <t>52266.0</t>
  </si>
  <si>
    <t>1096698.0</t>
  </si>
  <si>
    <t>913341.0</t>
  </si>
  <si>
    <t>183357.0</t>
  </si>
  <si>
    <t>46586.0</t>
  </si>
  <si>
    <t>9453345.0</t>
  </si>
  <si>
    <t>41103.0</t>
  </si>
  <si>
    <t>75.862</t>
  </si>
  <si>
    <t>9470534.0</t>
  </si>
  <si>
    <t>52239.0</t>
  </si>
  <si>
    <t>42203.0</t>
  </si>
  <si>
    <t>9530808.0</t>
  </si>
  <si>
    <t>60274.0</t>
  </si>
  <si>
    <t>76.484</t>
  </si>
  <si>
    <t>50539.0</t>
  </si>
  <si>
    <t>1196884.0</t>
  </si>
  <si>
    <t>956638.0</t>
  </si>
  <si>
    <t>240246.0</t>
  </si>
  <si>
    <t>9583827.0</t>
  </si>
  <si>
    <t>76.909</t>
  </si>
  <si>
    <t>52220.0</t>
  </si>
  <si>
    <t>1288566.0</t>
  </si>
  <si>
    <t>996058.0</t>
  </si>
  <si>
    <t>292508.0</t>
  </si>
  <si>
    <t>91682.0</t>
  </si>
  <si>
    <t>48405.0</t>
  </si>
  <si>
    <t>9642251.0</t>
  </si>
  <si>
    <t>50933.0</t>
  </si>
  <si>
    <t>1393108.0</t>
  </si>
  <si>
    <t>1036429.0</t>
  </si>
  <si>
    <t>356679.0</t>
  </si>
  <si>
    <t>104542.0</t>
  </si>
  <si>
    <t>9713210.0</t>
  </si>
  <si>
    <t>70959.0</t>
  </si>
  <si>
    <t>77.947</t>
  </si>
  <si>
    <t>1487606.0</t>
  </si>
  <si>
    <t>1066385.0</t>
  </si>
  <si>
    <t>421221.0</t>
  </si>
  <si>
    <t>94498.0</t>
  </si>
  <si>
    <t>62499.0</t>
  </si>
  <si>
    <t>24724.0</t>
  </si>
  <si>
    <t>9780819.0</t>
  </si>
  <si>
    <t>67609.0</t>
  </si>
  <si>
    <t>1592517.0</t>
  </si>
  <si>
    <t>1101698.0</t>
  </si>
  <si>
    <t>490819.0</t>
  </si>
  <si>
    <t>104911.0</t>
  </si>
  <si>
    <t>70831.0</t>
  </si>
  <si>
    <t>9821743.0</t>
  </si>
  <si>
    <t>78.818</t>
  </si>
  <si>
    <t>70901.0</t>
  </si>
  <si>
    <t>9844209.0</t>
  </si>
  <si>
    <t>78.999</t>
  </si>
  <si>
    <t>53382.0</t>
  </si>
  <si>
    <t>9916469.0</t>
  </si>
  <si>
    <t>79.578</t>
  </si>
  <si>
    <t>55094.0</t>
  </si>
  <si>
    <t>1694163.0</t>
  </si>
  <si>
    <t>1133258.0</t>
  </si>
  <si>
    <t>560905.0</t>
  </si>
  <si>
    <t>71040.0</t>
  </si>
  <si>
    <t>9981747.0</t>
  </si>
  <si>
    <t>65278.0</t>
  </si>
  <si>
    <t>80.102</t>
  </si>
  <si>
    <t>1752479.0</t>
  </si>
  <si>
    <t>1151484.0</t>
  </si>
  <si>
    <t>600995.0</t>
  </si>
  <si>
    <t>58316.0</t>
  </si>
  <si>
    <t>66273.0</t>
  </si>
  <si>
    <t>22204.0</t>
  </si>
  <si>
    <t>7.898</t>
  </si>
  <si>
    <t>10054839.0</t>
  </si>
  <si>
    <t>80.689</t>
  </si>
  <si>
    <t>58941.0</t>
  </si>
  <si>
    <t>1808794.0</t>
  </si>
  <si>
    <t>1166372.0</t>
  </si>
  <si>
    <t>642422.0</t>
  </si>
  <si>
    <t>56315.0</t>
  </si>
  <si>
    <t>59384.0</t>
  </si>
  <si>
    <t>10137169.0</t>
  </si>
  <si>
    <t>82330.0</t>
  </si>
  <si>
    <t>60566.0</t>
  </si>
  <si>
    <t>1870265.0</t>
  </si>
  <si>
    <t>1191860.0</t>
  </si>
  <si>
    <t>678405.0</t>
  </si>
  <si>
    <t>54666.0</t>
  </si>
  <si>
    <t>10215135.0</t>
  </si>
  <si>
    <t>62045.0</t>
  </si>
  <si>
    <t>1950732.0</t>
  </si>
  <si>
    <t>1232336.0</t>
  </si>
  <si>
    <t>718396.0</t>
  </si>
  <si>
    <t>10265638.0</t>
  </si>
  <si>
    <t>63414.0</t>
  </si>
  <si>
    <t>1958414.0</t>
  </si>
  <si>
    <t>1240018.0</t>
  </si>
  <si>
    <t>10296209.0</t>
  </si>
  <si>
    <t>30571.0</t>
  </si>
  <si>
    <t>82.626</t>
  </si>
  <si>
    <t>64571.0</t>
  </si>
  <si>
    <t>1966841.0</t>
  </si>
  <si>
    <t>1248445.0</t>
  </si>
  <si>
    <t>43794.0</t>
  </si>
  <si>
    <t>10382905.0</t>
  </si>
  <si>
    <t>86696.0</t>
  </si>
  <si>
    <t>2116796.0</t>
  </si>
  <si>
    <t>1344093.0</t>
  </si>
  <si>
    <t>772703.0</t>
  </si>
  <si>
    <t>149955.0</t>
  </si>
  <si>
    <t>60376.0</t>
  </si>
  <si>
    <t>10453856.0</t>
  </si>
  <si>
    <t>83.891</t>
  </si>
  <si>
    <t>2291128.0</t>
  </si>
  <si>
    <t>1490628.0</t>
  </si>
  <si>
    <t>800500.0</t>
  </si>
  <si>
    <t>76950.0</t>
  </si>
  <si>
    <t>10550284.0</t>
  </si>
  <si>
    <t>2501247.0</t>
  </si>
  <si>
    <t>1674051.0</t>
  </si>
  <si>
    <t>210119.0</t>
  </si>
  <si>
    <t>98922.0</t>
  </si>
  <si>
    <t>10644541.0</t>
  </si>
  <si>
    <t>94257.0</t>
  </si>
  <si>
    <t>85.421</t>
  </si>
  <si>
    <t>2706626.0</t>
  </si>
  <si>
    <t>1857575.0</t>
  </si>
  <si>
    <t>849051.0</t>
  </si>
  <si>
    <t>205379.0</t>
  </si>
  <si>
    <t>119480.0</t>
  </si>
  <si>
    <t>95102.0</t>
  </si>
  <si>
    <t>10735827.0</t>
  </si>
  <si>
    <t>91286.0</t>
  </si>
  <si>
    <t>86.154</t>
  </si>
  <si>
    <t>74385.0</t>
  </si>
  <si>
    <t>2936024.0</t>
  </si>
  <si>
    <t>2057290.0</t>
  </si>
  <si>
    <t>878734.0</t>
  </si>
  <si>
    <t>229398.0</t>
  </si>
  <si>
    <t>140756.0</t>
  </si>
  <si>
    <t>117851.0</t>
  </si>
  <si>
    <t>10794048.0</t>
  </si>
  <si>
    <t>75487.0</t>
  </si>
  <si>
    <t>2971529.0</t>
  </si>
  <si>
    <t>2092795.0</t>
  </si>
  <si>
    <t>144731.0</t>
  </si>
  <si>
    <t>121825.0</t>
  </si>
  <si>
    <t>10829934.0</t>
  </si>
  <si>
    <t>86.909</t>
  </si>
  <si>
    <t>76246.0</t>
  </si>
  <si>
    <t>2997028.0</t>
  </si>
  <si>
    <t>2118294.0</t>
  </si>
  <si>
    <t>124264.0</t>
  </si>
  <si>
    <t>10913859.0</t>
  </si>
  <si>
    <t>87.582</t>
  </si>
  <si>
    <t>75851.0</t>
  </si>
  <si>
    <t>3316293.0</t>
  </si>
  <si>
    <t>2395908.0</t>
  </si>
  <si>
    <t>920385.0</t>
  </si>
  <si>
    <t>319265.0</t>
  </si>
  <si>
    <t>171357.0</t>
  </si>
  <si>
    <t>150259.0</t>
  </si>
  <si>
    <t>10994907.0</t>
  </si>
  <si>
    <t>88.233</t>
  </si>
  <si>
    <t>77293.0</t>
  </si>
  <si>
    <t>3593882.0</t>
  </si>
  <si>
    <t>2642392.0</t>
  </si>
  <si>
    <t>951490.0</t>
  </si>
  <si>
    <t>277589.0</t>
  </si>
  <si>
    <t>186108.0</t>
  </si>
  <si>
    <t>164538.0</t>
  </si>
  <si>
    <t>11063013.0</t>
  </si>
  <si>
    <t>3913085.0</t>
  </si>
  <si>
    <t>2917327.0</t>
  </si>
  <si>
    <t>995758.0</t>
  </si>
  <si>
    <t>319203.0</t>
  </si>
  <si>
    <t>11154934.0</t>
  </si>
  <si>
    <t>91921.0</t>
  </si>
  <si>
    <t>89.517</t>
  </si>
  <si>
    <t>72913.0</t>
  </si>
  <si>
    <t>3933390.0</t>
  </si>
  <si>
    <t>2937632.0</t>
  </si>
  <si>
    <t>175252.0</t>
  </si>
  <si>
    <t>154294.0</t>
  </si>
  <si>
    <t>11219428.0</t>
  </si>
  <si>
    <t>64494.0</t>
  </si>
  <si>
    <t>90.035</t>
  </si>
  <si>
    <t>69086.0</t>
  </si>
  <si>
    <t>4269528.0</t>
  </si>
  <si>
    <t>3226530.0</t>
  </si>
  <si>
    <t>1042998.0</t>
  </si>
  <si>
    <t>336138.0</t>
  </si>
  <si>
    <t>190501.0</t>
  </si>
  <si>
    <t>167034.0</t>
  </si>
  <si>
    <t>-35919.6</t>
  </si>
  <si>
    <t>-289.787079637861</t>
  </si>
  <si>
    <t>11287751.0</t>
  </si>
  <si>
    <t>90.583</t>
  </si>
  <si>
    <t>70529.0</t>
  </si>
  <si>
    <t>4310055.0</t>
  </si>
  <si>
    <t>3267057.0</t>
  </si>
  <si>
    <t>167752.0</t>
  </si>
  <si>
    <t>11323968.0</t>
  </si>
  <si>
    <t>36217.0</t>
  </si>
  <si>
    <t>90.873</t>
  </si>
  <si>
    <t>70576.0</t>
  </si>
  <si>
    <t>4337419.0</t>
  </si>
  <si>
    <t>3294421.0</t>
  </si>
  <si>
    <t>27364.0</t>
  </si>
  <si>
    <t>191484.0</t>
  </si>
  <si>
    <t>168018.0</t>
  </si>
  <si>
    <t>11368154.0</t>
  </si>
  <si>
    <t>44186.0</t>
  </si>
  <si>
    <t>91.228</t>
  </si>
  <si>
    <t>4345682.0</t>
  </si>
  <si>
    <t>3301886.0</t>
  </si>
  <si>
    <t>1043796.0</t>
  </si>
  <si>
    <t>147056.0</t>
  </si>
  <si>
    <t>129425.0</t>
  </si>
  <si>
    <t>11395900.0</t>
  </si>
  <si>
    <t>91.451</t>
  </si>
  <si>
    <t>57285.0</t>
  </si>
  <si>
    <t>4354921.0</t>
  </si>
  <si>
    <t>3310426.0</t>
  </si>
  <si>
    <t>1044495.0</t>
  </si>
  <si>
    <t>108720.0</t>
  </si>
  <si>
    <t>95433.0</t>
  </si>
  <si>
    <t>14927.0</t>
  </si>
  <si>
    <t>11462985.0</t>
  </si>
  <si>
    <t>67085.0</t>
  </si>
  <si>
    <t>57139.0</t>
  </si>
  <si>
    <t>4365713.0</t>
  </si>
  <si>
    <t>3320314.0</t>
  </si>
  <si>
    <t>1045399.0</t>
  </si>
  <si>
    <t>64661.0</t>
  </si>
  <si>
    <t>11552571.0</t>
  </si>
  <si>
    <t>89586.0</t>
  </si>
  <si>
    <t>4754636.0</t>
  </si>
  <si>
    <t>3637110.0</t>
  </si>
  <si>
    <t>1117526.0</t>
  </si>
  <si>
    <t>388923.0</t>
  </si>
  <si>
    <t>117321.0</t>
  </si>
  <si>
    <t>11662329.0</t>
  </si>
  <si>
    <t>109758.0</t>
  </si>
  <si>
    <t>4957294.0</t>
  </si>
  <si>
    <t>3784932.0</t>
  </si>
  <si>
    <t>1172362.0</t>
  </si>
  <si>
    <t>202658.0</t>
  </si>
  <si>
    <t>98252.0</t>
  </si>
  <si>
    <t>11733330.0</t>
  </si>
  <si>
    <t>71001.0</t>
  </si>
  <si>
    <t>94.159</t>
  </si>
  <si>
    <t>5028036.0</t>
  </si>
  <si>
    <t>3848006.0</t>
  </si>
  <si>
    <t>1180030.0</t>
  </si>
  <si>
    <t>102569.0</t>
  </si>
  <si>
    <t>82993.0</t>
  </si>
  <si>
    <t>11774668.0</t>
  </si>
  <si>
    <t>64386.0</t>
  </si>
  <si>
    <t>5112141.0</t>
  </si>
  <si>
    <t>3923886.0</t>
  </si>
  <si>
    <t>1188255.0</t>
  </si>
  <si>
    <t>84105.0</t>
  </si>
  <si>
    <t>110675.0</t>
  </si>
  <si>
    <t>11905345.0</t>
  </si>
  <si>
    <t>130677.0</t>
  </si>
  <si>
    <t>95.539</t>
  </si>
  <si>
    <t>5470266.0</t>
  </si>
  <si>
    <t>4185135.0</t>
  </si>
  <si>
    <t>1285131.0</t>
  </si>
  <si>
    <t>358125.0</t>
  </si>
  <si>
    <t>126178.0</t>
  </si>
  <si>
    <t>12002383.0</t>
  </si>
  <si>
    <t>97038.0</t>
  </si>
  <si>
    <t>96.318</t>
  </si>
  <si>
    <t>86640.0</t>
  </si>
  <si>
    <t>5817415.0</t>
  </si>
  <si>
    <t>4408905.0</t>
  </si>
  <si>
    <t>1408510.0</t>
  </si>
  <si>
    <t>208928.0</t>
  </si>
  <si>
    <t>156926.0</t>
  </si>
  <si>
    <t>12089456.0</t>
  </si>
  <si>
    <t>87073.0</t>
  </si>
  <si>
    <t>97.016</t>
  </si>
  <si>
    <t>89496.0</t>
  </si>
  <si>
    <t>6216043.0</t>
  </si>
  <si>
    <t>4655272.0</t>
  </si>
  <si>
    <t>1560771.0</t>
  </si>
  <si>
    <t>398628.0</t>
  </si>
  <si>
    <t>264333.0</t>
  </si>
  <si>
    <t>190708.0</t>
  </si>
  <si>
    <t>12211958.0</t>
  </si>
  <si>
    <t>97.999</t>
  </si>
  <si>
    <t>94198.0</t>
  </si>
  <si>
    <t>6647345.0</t>
  </si>
  <si>
    <t>4908787.0</t>
  </si>
  <si>
    <t>1738558.0</t>
  </si>
  <si>
    <t>431302.0</t>
  </si>
  <si>
    <t>270387.0</t>
  </si>
  <si>
    <t>181668.0</t>
  </si>
  <si>
    <t>12311634.0</t>
  </si>
  <si>
    <t>99676.0</t>
  </si>
  <si>
    <t>98.799</t>
  </si>
  <si>
    <t>7077685.0</t>
  </si>
  <si>
    <t>5144881.0</t>
  </si>
  <si>
    <t>1932804.0</t>
  </si>
  <si>
    <t>430340.0</t>
  </si>
  <si>
    <t>302913.0</t>
  </si>
  <si>
    <t>194278.0</t>
  </si>
  <si>
    <t>12378502.0</t>
  </si>
  <si>
    <t>66868.0</t>
  </si>
  <si>
    <t>99.336</t>
  </si>
  <si>
    <t>92167.0</t>
  </si>
  <si>
    <t>7252507.0</t>
  </si>
  <si>
    <t>5284697.0</t>
  </si>
  <si>
    <t>1967810.0</t>
  </si>
  <si>
    <t>174822.0</t>
  </si>
  <si>
    <t>205242.0</t>
  </si>
  <si>
    <t>12414450.0</t>
  </si>
  <si>
    <t>91397.0</t>
  </si>
  <si>
    <t>7467062.0</t>
  </si>
  <si>
    <t>5474985.0</t>
  </si>
  <si>
    <t>1992077.0</t>
  </si>
  <si>
    <t>214555.0</t>
  </si>
  <si>
    <t>336417.0</t>
  </si>
  <si>
    <t>221586.0</t>
  </si>
  <si>
    <t>12509875.0</t>
  </si>
  <si>
    <t>95425.0</t>
  </si>
  <si>
    <t>86361.0</t>
  </si>
  <si>
    <t>8080188.0</t>
  </si>
  <si>
    <t>5820249.0</t>
  </si>
  <si>
    <t>2259939.0</t>
  </si>
  <si>
    <t>613126.0</t>
  </si>
  <si>
    <t>372846.0</t>
  </si>
  <si>
    <t>233588.0</t>
  </si>
  <si>
    <t>12596227.0</t>
  </si>
  <si>
    <t>101.083</t>
  </si>
  <si>
    <t>8656407.0</t>
  </si>
  <si>
    <t>6172738.0</t>
  </si>
  <si>
    <t>2483669.0</t>
  </si>
  <si>
    <t>576219.0</t>
  </si>
  <si>
    <t>405570.0</t>
  </si>
  <si>
    <t>251976.0</t>
  </si>
  <si>
    <t>12745461.0</t>
  </si>
  <si>
    <t>93715.0</t>
  </si>
  <si>
    <t>9309322.0</t>
  </si>
  <si>
    <t>6574152.0</t>
  </si>
  <si>
    <t>2735170.0</t>
  </si>
  <si>
    <t>652915.0</t>
  </si>
  <si>
    <t>441897.0</t>
  </si>
  <si>
    <t>274126.0</t>
  </si>
  <si>
    <t>12842748.0</t>
  </si>
  <si>
    <t>97287.0</t>
  </si>
  <si>
    <t>103.061</t>
  </si>
  <si>
    <t>90113.0</t>
  </si>
  <si>
    <t>9855125.0</t>
  </si>
  <si>
    <t>6982607.0</t>
  </si>
  <si>
    <t>2872518.0</t>
  </si>
  <si>
    <t>545803.0</t>
  </si>
  <si>
    <t>458254.0</t>
  </si>
  <si>
    <t>296260.0</t>
  </si>
  <si>
    <t>12959893.0</t>
  </si>
  <si>
    <t>117145.0</t>
  </si>
  <si>
    <t>104.002</t>
  </si>
  <si>
    <t>10449627.0</t>
  </si>
  <si>
    <t>7367246.0</t>
  </si>
  <si>
    <t>3082381.0</t>
  </si>
  <si>
    <t>594502.0</t>
  </si>
  <si>
    <t>481706.0</t>
  </si>
  <si>
    <t>317481.0</t>
  </si>
  <si>
    <t>13026476.0</t>
  </si>
  <si>
    <t>66583.0</t>
  </si>
  <si>
    <t>104.536</t>
  </si>
  <si>
    <t>92568.0</t>
  </si>
  <si>
    <t>10780624.0</t>
  </si>
  <si>
    <t>7655346.0</t>
  </si>
  <si>
    <t>3125278.0</t>
  </si>
  <si>
    <t>330997.0</t>
  </si>
  <si>
    <t>504017.0</t>
  </si>
  <si>
    <t>338664.0</t>
  </si>
  <si>
    <t>13061739.0</t>
  </si>
  <si>
    <t>35263.0</t>
  </si>
  <si>
    <t>104.819</t>
  </si>
  <si>
    <t>92470.0</t>
  </si>
  <si>
    <t>11136316.0</t>
  </si>
  <si>
    <t>7982963.0</t>
  </si>
  <si>
    <t>3153353.0</t>
  </si>
  <si>
    <t>355692.0</t>
  </si>
  <si>
    <t>524179.0</t>
  </si>
  <si>
    <t>13153355.0</t>
  </si>
  <si>
    <t>105.554</t>
  </si>
  <si>
    <t>91926.0</t>
  </si>
  <si>
    <t>11931702.0</t>
  </si>
  <si>
    <t>8574195.0</t>
  </si>
  <si>
    <t>3357507.0</t>
  </si>
  <si>
    <t>795386.0</t>
  </si>
  <si>
    <t>550216.0</t>
  </si>
  <si>
    <t>393421.0</t>
  </si>
  <si>
    <t>13223400.0</t>
  </si>
  <si>
    <t>70045.0</t>
  </si>
  <si>
    <t>106.116</t>
  </si>
  <si>
    <t>89596.0</t>
  </si>
  <si>
    <t>12607974.0</t>
  </si>
  <si>
    <t>9187383.0</t>
  </si>
  <si>
    <t>3420591.0</t>
  </si>
  <si>
    <t>676272.0</t>
  </si>
  <si>
    <t>564510.0</t>
  </si>
  <si>
    <t>430664.0</t>
  </si>
  <si>
    <t>13310489.0</t>
  </si>
  <si>
    <t>106.815</t>
  </si>
  <si>
    <t>80718.0</t>
  </si>
  <si>
    <t>13345185.0</t>
  </si>
  <si>
    <t>9862726.0</t>
  </si>
  <si>
    <t>3482459.0</t>
  </si>
  <si>
    <t>737211.0</t>
  </si>
  <si>
    <t>576552.0</t>
  </si>
  <si>
    <t>469796.0</t>
  </si>
  <si>
    <t>13427073.0</t>
  </si>
  <si>
    <t>116584.0</t>
  </si>
  <si>
    <t>107.751</t>
  </si>
  <si>
    <t>14099014.0</t>
  </si>
  <si>
    <t>10510292.0</t>
  </si>
  <si>
    <t>3588722.0</t>
  </si>
  <si>
    <t>753829.0</t>
  </si>
  <si>
    <t>606270.0</t>
  </si>
  <si>
    <t>503955.0</t>
  </si>
  <si>
    <t>13545596.0</t>
  </si>
  <si>
    <t>108.702</t>
  </si>
  <si>
    <t>14849488.0</t>
  </si>
  <si>
    <t>11135731.0</t>
  </si>
  <si>
    <t>3713757.0</t>
  </si>
  <si>
    <t>750474.0</t>
  </si>
  <si>
    <t>628552.0</t>
  </si>
  <si>
    <t>538355.0</t>
  </si>
  <si>
    <t>13602680.0</t>
  </si>
  <si>
    <t>15388438.0</t>
  </si>
  <si>
    <t>11614670.0</t>
  </si>
  <si>
    <t>3773768.0</t>
  </si>
  <si>
    <t>538950.0</t>
  </si>
  <si>
    <t>658259.0</t>
  </si>
  <si>
    <t>565618.0</t>
  </si>
  <si>
    <t>13632777.0</t>
  </si>
  <si>
    <t>30097.0</t>
  </si>
  <si>
    <t>81577.0</t>
  </si>
  <si>
    <t>15921606.0</t>
  </si>
  <si>
    <t>12080008.0</t>
  </si>
  <si>
    <t>3841598.0</t>
  </si>
  <si>
    <t>533168.0</t>
  </si>
  <si>
    <t>683613.0</t>
  </si>
  <si>
    <t>585292.0</t>
  </si>
  <si>
    <t>13716480.0</t>
  </si>
  <si>
    <t>16829223.0</t>
  </si>
  <si>
    <t>12750628.0</t>
  </si>
  <si>
    <t>4078595.0</t>
  </si>
  <si>
    <t>907617.0</t>
  </si>
  <si>
    <t>596633.0</t>
  </si>
  <si>
    <t>-31284.5</t>
  </si>
  <si>
    <t>-252.392673997781</t>
  </si>
  <si>
    <t>13783874.0</t>
  </si>
  <si>
    <t>67394.0</t>
  </si>
  <si>
    <t>110.614</t>
  </si>
  <si>
    <t>80068.0</t>
  </si>
  <si>
    <t>17770348.0</t>
  </si>
  <si>
    <t>13476738.0</t>
  </si>
  <si>
    <t>4293610.0</t>
  </si>
  <si>
    <t>941125.0</t>
  </si>
  <si>
    <t>737482.0</t>
  </si>
  <si>
    <t>612765.0</t>
  </si>
  <si>
    <t>13860464.0</t>
  </si>
  <si>
    <t>76590.0</t>
  </si>
  <si>
    <t>111.228</t>
  </si>
  <si>
    <t>78568.0</t>
  </si>
  <si>
    <t>18760730.0</t>
  </si>
  <si>
    <t>14229710.0</t>
  </si>
  <si>
    <t>4531020.0</t>
  </si>
  <si>
    <t>990382.0</t>
  </si>
  <si>
    <t>773649.0</t>
  </si>
  <si>
    <t>623855.0</t>
  </si>
  <si>
    <t>14036843.0</t>
  </si>
  <si>
    <t>176379.0</t>
  </si>
  <si>
    <t>112.644</t>
  </si>
  <si>
    <t>19738268.0</t>
  </si>
  <si>
    <t>14975533.0</t>
  </si>
  <si>
    <t>4762735.0</t>
  </si>
  <si>
    <t>977538.0</t>
  </si>
  <si>
    <t>805608.0</t>
  </si>
  <si>
    <t>637892.0</t>
  </si>
  <si>
    <t>14135140.0</t>
  </si>
  <si>
    <t>98297.0</t>
  </si>
  <si>
    <t>113.433</t>
  </si>
  <si>
    <t>84221.0</t>
  </si>
  <si>
    <t>20691310.0</t>
  </si>
  <si>
    <t>15707076.0</t>
  </si>
  <si>
    <t>4984234.0</t>
  </si>
  <si>
    <t>953042.0</t>
  </si>
  <si>
    <t>834546.0</t>
  </si>
  <si>
    <t>653049.0</t>
  </si>
  <si>
    <t>14189324.0</t>
  </si>
  <si>
    <t>113.868</t>
  </si>
  <si>
    <t>21448630.0</t>
  </si>
  <si>
    <t>16333086.0</t>
  </si>
  <si>
    <t>5115544.0</t>
  </si>
  <si>
    <t>757320.0</t>
  </si>
  <si>
    <t>865742.0</t>
  </si>
  <si>
    <t>674059.0</t>
  </si>
  <si>
    <t>14215790.0</t>
  </si>
  <si>
    <t>114.08</t>
  </si>
  <si>
    <t>83288.0</t>
  </si>
  <si>
    <t>22201821.0</t>
  </si>
  <si>
    <t>16903296.0</t>
  </si>
  <si>
    <t>5298525.0</t>
  </si>
  <si>
    <t>753191.0</t>
  </si>
  <si>
    <t>897174.0</t>
  </si>
  <si>
    <t>689041.0</t>
  </si>
  <si>
    <t>14290924.0</t>
  </si>
  <si>
    <t>75134.0</t>
  </si>
  <si>
    <t>114.683</t>
  </si>
  <si>
    <t>23312508.0</t>
  </si>
  <si>
    <t>17685424.0</t>
  </si>
  <si>
    <t>5627084.0</t>
  </si>
  <si>
    <t>1110687.0</t>
  </si>
  <si>
    <t>926184.0</t>
  </si>
  <si>
    <t>704971.0</t>
  </si>
  <si>
    <t>14353065.0</t>
  </si>
  <si>
    <t>62141.0</t>
  </si>
  <si>
    <t>115.182</t>
  </si>
  <si>
    <t>81313.0</t>
  </si>
  <si>
    <t>24453531.0</t>
  </si>
  <si>
    <t>18497839.0</t>
  </si>
  <si>
    <t>5955692.0</t>
  </si>
  <si>
    <t>1141023.0</t>
  </si>
  <si>
    <t>954740.0</t>
  </si>
  <si>
    <t>717300.0</t>
  </si>
  <si>
    <t>14416280.0</t>
  </si>
  <si>
    <t>63215.0</t>
  </si>
  <si>
    <t>79402.0</t>
  </si>
  <si>
    <t>25640891.0</t>
  </si>
  <si>
    <t>19292207.0</t>
  </si>
  <si>
    <t>6348684.0</t>
  </si>
  <si>
    <t>1187360.0</t>
  </si>
  <si>
    <t>982880.0</t>
  </si>
  <si>
    <t>723214.0</t>
  </si>
  <si>
    <t>14490993.0</t>
  </si>
  <si>
    <t>74713.0</t>
  </si>
  <si>
    <t>116.288</t>
  </si>
  <si>
    <t>64879.0</t>
  </si>
  <si>
    <t>26797162.0</t>
  </si>
  <si>
    <t>20054490.0</t>
  </si>
  <si>
    <t>6742672.0</t>
  </si>
  <si>
    <t>1156271.0</t>
  </si>
  <si>
    <t>1008413.0</t>
  </si>
  <si>
    <t>725565.0</t>
  </si>
  <si>
    <t>14590843.0</t>
  </si>
  <si>
    <t>65100.0</t>
  </si>
  <si>
    <t>27935639.0</t>
  </si>
  <si>
    <t>20827578.0</t>
  </si>
  <si>
    <t>7108061.0</t>
  </si>
  <si>
    <t>1138477.0</t>
  </si>
  <si>
    <t>1034904.0</t>
  </si>
  <si>
    <t>731500.0</t>
  </si>
  <si>
    <t>14642140.0</t>
  </si>
  <si>
    <t>51297.0</t>
  </si>
  <si>
    <t>117.501</t>
  </si>
  <si>
    <t>28886116.0</t>
  </si>
  <si>
    <t>21499024.0</t>
  </si>
  <si>
    <t>7387092.0</t>
  </si>
  <si>
    <t>950477.0</t>
  </si>
  <si>
    <t>1062498.0</t>
  </si>
  <si>
    <t>737991.0</t>
  </si>
  <si>
    <t>14667199.0</t>
  </si>
  <si>
    <t>117.702</t>
  </si>
  <si>
    <t>64487.0</t>
  </si>
  <si>
    <t>29815592.0</t>
  </si>
  <si>
    <t>22109787.0</t>
  </si>
  <si>
    <t>7705805.0</t>
  </si>
  <si>
    <t>929476.0</t>
  </si>
  <si>
    <t>1087682.0</t>
  </si>
  <si>
    <t>743784.0</t>
  </si>
  <si>
    <t>14727513.0</t>
  </si>
  <si>
    <t>118.186</t>
  </si>
  <si>
    <t>62370.0</t>
  </si>
  <si>
    <t>31072928.0</t>
  </si>
  <si>
    <t>22820794.0</t>
  </si>
  <si>
    <t>8252134.0</t>
  </si>
  <si>
    <t>1108631.0</t>
  </si>
  <si>
    <t>733624.0</t>
  </si>
  <si>
    <t>14788726.0</t>
  </si>
  <si>
    <t>118.678</t>
  </si>
  <si>
    <t>32349385.0</t>
  </si>
  <si>
    <t>23533821.0</t>
  </si>
  <si>
    <t>8815564.0</t>
  </si>
  <si>
    <t>1276457.0</t>
  </si>
  <si>
    <t>1127979.0</t>
  </si>
  <si>
    <t>719426.0</t>
  </si>
  <si>
    <t>14854712.0</t>
  </si>
  <si>
    <t>65986.0</t>
  </si>
  <si>
    <t>119.207</t>
  </si>
  <si>
    <t>62633.0</t>
  </si>
  <si>
    <t>33662499.0</t>
  </si>
  <si>
    <t>24230802.0</t>
  </si>
  <si>
    <t>9431697.0</t>
  </si>
  <si>
    <t>1313114.0</t>
  </si>
  <si>
    <t>1145944.0</t>
  </si>
  <si>
    <t>705514.0</t>
  </si>
  <si>
    <t>14925318.0</t>
  </si>
  <si>
    <t>70606.0</t>
  </si>
  <si>
    <t>119.774</t>
  </si>
  <si>
    <t>62046.0</t>
  </si>
  <si>
    <t>34979260.0</t>
  </si>
  <si>
    <t>24939502.0</t>
  </si>
  <si>
    <t>10039758.0</t>
  </si>
  <si>
    <t>1316761.0</t>
  </si>
  <si>
    <t>1168871.0</t>
  </si>
  <si>
    <t>697859.0</t>
  </si>
  <si>
    <t>14994327.0</t>
  </si>
  <si>
    <t>120.328</t>
  </si>
  <si>
    <t>57641.0</t>
  </si>
  <si>
    <t>36252426.0</t>
  </si>
  <si>
    <t>25630727.0</t>
  </si>
  <si>
    <t>10621699.0</t>
  </si>
  <si>
    <t>1273166.0</t>
  </si>
  <si>
    <t>1188112.0</t>
  </si>
  <si>
    <t>686164.0</t>
  </si>
  <si>
    <t>15037340.0</t>
  </si>
  <si>
    <t>120.673</t>
  </si>
  <si>
    <t>37376375.0</t>
  </si>
  <si>
    <t>26306270.0</t>
  </si>
  <si>
    <t>11070105.0</t>
  </si>
  <si>
    <t>1123949.0</t>
  </si>
  <si>
    <t>1212894.0</t>
  </si>
  <si>
    <t>686749.0</t>
  </si>
  <si>
    <t>15068754.0</t>
  </si>
  <si>
    <t>120.925</t>
  </si>
  <si>
    <t>57365.0</t>
  </si>
  <si>
    <t>38494132.0</t>
  </si>
  <si>
    <t>26982143.0</t>
  </si>
  <si>
    <t>11511989.0</t>
  </si>
  <si>
    <t>1117757.0</t>
  </si>
  <si>
    <t>1239791.0</t>
  </si>
  <si>
    <t>696051.0</t>
  </si>
  <si>
    <t>15127598.0</t>
  </si>
  <si>
    <t>58844.0</t>
  </si>
  <si>
    <t>121.397</t>
  </si>
  <si>
    <t>57155.0</t>
  </si>
  <si>
    <t>39909872.0</t>
  </si>
  <si>
    <t>27763609.0</t>
  </si>
  <si>
    <t>12146263.0</t>
  </si>
  <si>
    <t>1415740.0</t>
  </si>
  <si>
    <t>1262421.0</t>
  </si>
  <si>
    <t>706116.0</t>
  </si>
  <si>
    <t>15180212.0</t>
  </si>
  <si>
    <t>121.819</t>
  </si>
  <si>
    <t>55927.0</t>
  </si>
  <si>
    <t>41367511.0</t>
  </si>
  <si>
    <t>28552901.0</t>
  </si>
  <si>
    <t>12814610.0</t>
  </si>
  <si>
    <t>1457639.0</t>
  </si>
  <si>
    <t>1288304.0</t>
  </si>
  <si>
    <t>717011.0</t>
  </si>
  <si>
    <t>15242560.0</t>
  </si>
  <si>
    <t>62348.0</t>
  </si>
  <si>
    <t>55407.0</t>
  </si>
  <si>
    <t>42877000.0</t>
  </si>
  <si>
    <t>29359961.0</t>
  </si>
  <si>
    <t>13517039.0</t>
  </si>
  <si>
    <t>1509489.0</t>
  </si>
  <si>
    <t>1316357.0</t>
  </si>
  <si>
    <t>732737.0</t>
  </si>
  <si>
    <t>15302980.0</t>
  </si>
  <si>
    <t>60420.0</t>
  </si>
  <si>
    <t>122.805</t>
  </si>
  <si>
    <t>53952.0</t>
  </si>
  <si>
    <t>44362759.0</t>
  </si>
  <si>
    <t>30138485.0</t>
  </si>
  <si>
    <t>14224274.0</t>
  </si>
  <si>
    <t>1485759.0</t>
  </si>
  <si>
    <t>1340500.0</t>
  </si>
  <si>
    <t>742712.0</t>
  </si>
  <si>
    <t>15392639.0</t>
  </si>
  <si>
    <t>89659.0</t>
  </si>
  <si>
    <t>123.524</t>
  </si>
  <si>
    <t>56902.0</t>
  </si>
  <si>
    <t>45849661.0</t>
  </si>
  <si>
    <t>30913224.0</t>
  </si>
  <si>
    <t>14936437.0</t>
  </si>
  <si>
    <t>1486902.0</t>
  </si>
  <si>
    <t>1371034.0</t>
  </si>
  <si>
    <t>754642.0</t>
  </si>
  <si>
    <t>15435784.0</t>
  </si>
  <si>
    <t>56921.0</t>
  </si>
  <si>
    <t>47205348.0</t>
  </si>
  <si>
    <t>31673367.0</t>
  </si>
  <si>
    <t>15531981.0</t>
  </si>
  <si>
    <t>1355687.0</t>
  </si>
  <si>
    <t>1404139.0</t>
  </si>
  <si>
    <t>766728.0</t>
  </si>
  <si>
    <t>15456922.0</t>
  </si>
  <si>
    <t>21138.0</t>
  </si>
  <si>
    <t>48540940.0</t>
  </si>
  <si>
    <t>32460473.0</t>
  </si>
  <si>
    <t>16080467.0</t>
  </si>
  <si>
    <t>1335592.0</t>
  </si>
  <si>
    <t>1435258.0</t>
  </si>
  <si>
    <t>11579.0</t>
  </si>
  <si>
    <t>782619.0</t>
  </si>
  <si>
    <t>15519537.0</t>
  </si>
  <si>
    <t>124.542</t>
  </si>
  <si>
    <t>50085095.0</t>
  </si>
  <si>
    <t>33274589.0</t>
  </si>
  <si>
    <t>16810506.0</t>
  </si>
  <si>
    <t>1544155.0</t>
  </si>
  <si>
    <t>1453603.0</t>
  </si>
  <si>
    <t>787283.0</t>
  </si>
  <si>
    <t>15581453.0</t>
  </si>
  <si>
    <t>125.039</t>
  </si>
  <si>
    <t>57320.0</t>
  </si>
  <si>
    <t>51683498.0</t>
  </si>
  <si>
    <t>34105165.0</t>
  </si>
  <si>
    <t>17578333.0</t>
  </si>
  <si>
    <t>1598403.0</t>
  </si>
  <si>
    <t>1473712.0</t>
  </si>
  <si>
    <t>793181.0</t>
  </si>
  <si>
    <t>15649029.0</t>
  </si>
  <si>
    <t>67576.0</t>
  </si>
  <si>
    <t>125.582</t>
  </si>
  <si>
    <t>53306328.0</t>
  </si>
  <si>
    <t>34971314.0</t>
  </si>
  <si>
    <t>18335014.0</t>
  </si>
  <si>
    <t>1622830.0</t>
  </si>
  <si>
    <t>1489904.0</t>
  </si>
  <si>
    <t>801622.0</t>
  </si>
  <si>
    <t>-28568.4</t>
  </si>
  <si>
    <t>-230.480105734092</t>
  </si>
  <si>
    <t>15726092.0</t>
  </si>
  <si>
    <t>77063.0</t>
  </si>
  <si>
    <t>60445.0</t>
  </si>
  <si>
    <t>54719766.0</t>
  </si>
  <si>
    <t>35647357.0</t>
  </si>
  <si>
    <t>19072409.0</t>
  </si>
  <si>
    <t>1413438.0</t>
  </si>
  <si>
    <t>1479572.0</t>
  </si>
  <si>
    <t>786982.0</t>
  </si>
  <si>
    <t>15793136.0</t>
  </si>
  <si>
    <t>67044.0</t>
  </si>
  <si>
    <t>126.738</t>
  </si>
  <si>
    <t>57214.0</t>
  </si>
  <si>
    <t>56094090.0</t>
  </si>
  <si>
    <t>36273919.0</t>
  </si>
  <si>
    <t>19820171.0</t>
  </si>
  <si>
    <t>1374324.0</t>
  </si>
  <si>
    <t>1463490.0</t>
  </si>
  <si>
    <t>765814.0</t>
  </si>
  <si>
    <t>15831258.0</t>
  </si>
  <si>
    <t>127.044</t>
  </si>
  <si>
    <t>56496.0</t>
  </si>
  <si>
    <t>57621039.0</t>
  </si>
  <si>
    <t>37165952.0</t>
  </si>
  <si>
    <t>20455087.0</t>
  </si>
  <si>
    <t>1526949.0</t>
  </si>
  <si>
    <t>1487956.0</t>
  </si>
  <si>
    <t>784655.0</t>
  </si>
  <si>
    <t>15848356.0</t>
  </si>
  <si>
    <t>17098.0</t>
  </si>
  <si>
    <t>127.181</t>
  </si>
  <si>
    <t>55919.0</t>
  </si>
  <si>
    <t>59032220.0</t>
  </si>
  <si>
    <t>38009312.0</t>
  </si>
  <si>
    <t>21022908.0</t>
  </si>
  <si>
    <t>1411181.0</t>
  </si>
  <si>
    <t>1498754.0</t>
  </si>
  <si>
    <t>792691.0</t>
  </si>
  <si>
    <t>15907062.0</t>
  </si>
  <si>
    <t>58706.0</t>
  </si>
  <si>
    <t>127.652</t>
  </si>
  <si>
    <t>55361.0</t>
  </si>
  <si>
    <t>60729959.0</t>
  </si>
  <si>
    <t>39015751.0</t>
  </si>
  <si>
    <t>21714208.0</t>
  </si>
  <si>
    <t>1697739.0</t>
  </si>
  <si>
    <t>1520695.0</t>
  </si>
  <si>
    <t>820166.0</t>
  </si>
  <si>
    <t>15961018.0</t>
  </si>
  <si>
    <t>53956.0</t>
  </si>
  <si>
    <t>128.085</t>
  </si>
  <si>
    <t>54224.0</t>
  </si>
  <si>
    <t>62486177.0</t>
  </si>
  <si>
    <t>40060547.0</t>
  </si>
  <si>
    <t>22425630.0</t>
  </si>
  <si>
    <t>1756218.0</t>
  </si>
  <si>
    <t>1543240.0</t>
  </si>
  <si>
    <t>850769.0</t>
  </si>
  <si>
    <t>6.922</t>
  </si>
  <si>
    <t>16027504.0</t>
  </si>
  <si>
    <t>66486.0</t>
  </si>
  <si>
    <t>128.619</t>
  </si>
  <si>
    <t>54068.0</t>
  </si>
  <si>
    <t>64227852.0</t>
  </si>
  <si>
    <t>41117767.0</t>
  </si>
  <si>
    <t>23110085.0</t>
  </si>
  <si>
    <t>1741675.0</t>
  </si>
  <si>
    <t>1560218.0</t>
  </si>
  <si>
    <t>878065.0</t>
  </si>
  <si>
    <t>16088207.0</t>
  </si>
  <si>
    <t>60703.0</t>
  </si>
  <si>
    <t>129.106</t>
  </si>
  <si>
    <t>65976040.0</t>
  </si>
  <si>
    <t>42182845.0</t>
  </si>
  <si>
    <t>23793195.0</t>
  </si>
  <si>
    <t>1748188.0</t>
  </si>
  <si>
    <t>1608039.0</t>
  </si>
  <si>
    <t>933641.0</t>
  </si>
  <si>
    <t>16159399.0</t>
  </si>
  <si>
    <t>71192.0</t>
  </si>
  <si>
    <t>129.677</t>
  </si>
  <si>
    <t>52323.0</t>
  </si>
  <si>
    <t>67733154.0</t>
  </si>
  <si>
    <t>43253954.0</t>
  </si>
  <si>
    <t>24479200.0</t>
  </si>
  <si>
    <t>1757114.0</t>
  </si>
  <si>
    <t>1662723.0</t>
  </si>
  <si>
    <t>997148.0</t>
  </si>
  <si>
    <t>16203522.0</t>
  </si>
  <si>
    <t>44123.0</t>
  </si>
  <si>
    <t>130.031</t>
  </si>
  <si>
    <t>53181.0</t>
  </si>
  <si>
    <t>69438392.0</t>
  </si>
  <si>
    <t>44296379.0</t>
  </si>
  <si>
    <t>25142013.0</t>
  </si>
  <si>
    <t>1705238.0</t>
  </si>
  <si>
    <t>1688193.0</t>
  </si>
  <si>
    <t>1018632.0</t>
  </si>
  <si>
    <t>16229616.0</t>
  </si>
  <si>
    <t>130.241</t>
  </si>
  <si>
    <t>70877833.0</t>
  </si>
  <si>
    <t>45063940.0</t>
  </si>
  <si>
    <t>25813893.0</t>
  </si>
  <si>
    <t>1439441.0</t>
  </si>
  <si>
    <t>1692230.0</t>
  </si>
  <si>
    <t>1007804.0</t>
  </si>
  <si>
    <t>16293838.0</t>
  </si>
  <si>
    <t>130.756</t>
  </si>
  <si>
    <t>72476458.0</t>
  </si>
  <si>
    <t>45937682.0</t>
  </si>
  <si>
    <t>26538776.0</t>
  </si>
  <si>
    <t>1598625.0</t>
  </si>
  <si>
    <t>1678071.0</t>
  </si>
  <si>
    <t>988847.0</t>
  </si>
  <si>
    <t>16397735.0</t>
  </si>
  <si>
    <t>103897.0</t>
  </si>
  <si>
    <t>62388.0</t>
  </si>
  <si>
    <t>74098965.0</t>
  </si>
  <si>
    <t>46846494.0</t>
  </si>
  <si>
    <t>27252471.0</t>
  </si>
  <si>
    <t>1622507.0</t>
  </si>
  <si>
    <t>1658970.0</t>
  </si>
  <si>
    <t>969421.0</t>
  </si>
  <si>
    <t>16461909.0</t>
  </si>
  <si>
    <t>64174.0</t>
  </si>
  <si>
    <t>62058.0</t>
  </si>
  <si>
    <t>75707196.0</t>
  </si>
  <si>
    <t>47730460.0</t>
  </si>
  <si>
    <t>27976736.0</t>
  </si>
  <si>
    <t>1608231.0</t>
  </si>
  <si>
    <t>1639906.0</t>
  </si>
  <si>
    <t>944670.0</t>
  </si>
  <si>
    <t>16529422.0</t>
  </si>
  <si>
    <t>67513.0</t>
  </si>
  <si>
    <t>63031.0</t>
  </si>
  <si>
    <t>77277505.0</t>
  </si>
  <si>
    <t>48597909.0</t>
  </si>
  <si>
    <t>28679596.0</t>
  </si>
  <si>
    <t>1570309.0</t>
  </si>
  <si>
    <t>1614495.0</t>
  </si>
  <si>
    <t>916438.0</t>
  </si>
  <si>
    <t>16605858.0</t>
  </si>
  <si>
    <t>63780.0</t>
  </si>
  <si>
    <t>78871873.0</t>
  </si>
  <si>
    <t>49498773.0</t>
  </si>
  <si>
    <t>29373100.0</t>
  </si>
  <si>
    <t>1594368.0</t>
  </si>
  <si>
    <t>1591246.0</t>
  </si>
  <si>
    <t>12838.0</t>
  </si>
  <si>
    <t>892117.0</t>
  </si>
  <si>
    <t>16649331.0</t>
  </si>
  <si>
    <t>133.609</t>
  </si>
  <si>
    <t>63687.0</t>
  </si>
  <si>
    <t>80399589.0</t>
  </si>
  <si>
    <t>50329280.0</t>
  </si>
  <si>
    <t>30070309.0</t>
  </si>
  <si>
    <t>1527716.0</t>
  </si>
  <si>
    <t>1565885.0</t>
  </si>
  <si>
    <t>12633.0</t>
  </si>
  <si>
    <t>861843.0</t>
  </si>
  <si>
    <t>16675166.0</t>
  </si>
  <si>
    <t>63650.0</t>
  </si>
  <si>
    <t>81735774.0</t>
  </si>
  <si>
    <t>50946252.0</t>
  </si>
  <si>
    <t>30789522.0</t>
  </si>
  <si>
    <t>1551134.0</t>
  </si>
  <si>
    <t>840330.0</t>
  </si>
  <si>
    <t>16744118.0</t>
  </si>
  <si>
    <t>68952.0</t>
  </si>
  <si>
    <t>134.369</t>
  </si>
  <si>
    <t>64326.0</t>
  </si>
  <si>
    <t>83010651.0</t>
  </si>
  <si>
    <t>51491187.0</t>
  </si>
  <si>
    <t>31519464.0</t>
  </si>
  <si>
    <t>1274877.0</t>
  </si>
  <si>
    <t>1504885.0</t>
  </si>
  <si>
    <t>12141.0</t>
  </si>
  <si>
    <t>793358.0</t>
  </si>
  <si>
    <t>16810082.0</t>
  </si>
  <si>
    <t>65964.0</t>
  </si>
  <si>
    <t>134.899</t>
  </si>
  <si>
    <t>58907.0</t>
  </si>
  <si>
    <t>84588675.0</t>
  </si>
  <si>
    <t>52309313.0</t>
  </si>
  <si>
    <t>32279362.0</t>
  </si>
  <si>
    <t>1578024.0</t>
  </si>
  <si>
    <t>1498530.0</t>
  </si>
  <si>
    <t>12090.0</t>
  </si>
  <si>
    <t>780403.0</t>
  </si>
  <si>
    <t>16879445.0</t>
  </si>
  <si>
    <t>135.455</t>
  </si>
  <si>
    <t>86156408.0</t>
  </si>
  <si>
    <t>53058871.0</t>
  </si>
  <si>
    <t>33097537.0</t>
  </si>
  <si>
    <t>1567733.0</t>
  </si>
  <si>
    <t>1492745.0</t>
  </si>
  <si>
    <t>761202.0</t>
  </si>
  <si>
    <t>16917050.0</t>
  </si>
  <si>
    <t>37605.0</t>
  </si>
  <si>
    <t>135.757</t>
  </si>
  <si>
    <t>86827837.0</t>
  </si>
  <si>
    <t>53383093.0</t>
  </si>
  <si>
    <t>33444744.0</t>
  </si>
  <si>
    <t>671429.0</t>
  </si>
  <si>
    <t>1364333.0</t>
  </si>
  <si>
    <t>683598.0</t>
  </si>
  <si>
    <t>16967187.0</t>
  </si>
  <si>
    <t>87356202.0</t>
  </si>
  <si>
    <t>53636544.0</t>
  </si>
  <si>
    <t>33719658.0</t>
  </si>
  <si>
    <t>528365.0</t>
  </si>
  <si>
    <t>1212047.0</t>
  </si>
  <si>
    <t>591110.0</t>
  </si>
  <si>
    <t>16999286.0</t>
  </si>
  <si>
    <t>32099.0</t>
  </si>
  <si>
    <t>136.417</t>
  </si>
  <si>
    <t>49994.0</t>
  </si>
  <si>
    <t>88676648.0</t>
  </si>
  <si>
    <t>54103873.0</t>
  </si>
  <si>
    <t>34572775.0</t>
  </si>
  <si>
    <t>1320446.0</t>
  </si>
  <si>
    <t>1182437.0</t>
  </si>
  <si>
    <t>539228.0</t>
  </si>
  <si>
    <t>17016940.0</t>
  </si>
  <si>
    <t>136.559</t>
  </si>
  <si>
    <t>89887729.0</t>
  </si>
  <si>
    <t>54524937.0</t>
  </si>
  <si>
    <t>35362792.0</t>
  </si>
  <si>
    <t>1211081.0</t>
  </si>
  <si>
    <t>1164565.0</t>
  </si>
  <si>
    <t>511241.0</t>
  </si>
  <si>
    <t>17112077.0</t>
  </si>
  <si>
    <t>95137.0</t>
  </si>
  <si>
    <t>137.322</t>
  </si>
  <si>
    <t>52566.0</t>
  </si>
  <si>
    <t>91444063.0</t>
  </si>
  <si>
    <t>55111151.0</t>
  </si>
  <si>
    <t>36332912.0</t>
  </si>
  <si>
    <t>1556334.0</t>
  </si>
  <si>
    <t>1204773.0</t>
  </si>
  <si>
    <t>517138.0</t>
  </si>
  <si>
    <t>17204422.0</t>
  </si>
  <si>
    <t>92345.0</t>
  </si>
  <si>
    <t>138.063</t>
  </si>
  <si>
    <t>56334.0</t>
  </si>
  <si>
    <t>93048945.0</t>
  </si>
  <si>
    <t>55737332.0</t>
  </si>
  <si>
    <t>37311613.0</t>
  </si>
  <si>
    <t>1604882.0</t>
  </si>
  <si>
    <t>1208610.0</t>
  </si>
  <si>
    <t>489717.0</t>
  </si>
  <si>
    <t>17290950.0</t>
  </si>
  <si>
    <t>86528.0</t>
  </si>
  <si>
    <t>138.758</t>
  </si>
  <si>
    <t>94666688.0</t>
  </si>
  <si>
    <t>56351549.0</t>
  </si>
  <si>
    <t>38315139.0</t>
  </si>
  <si>
    <t>1617743.0</t>
  </si>
  <si>
    <t>1215754.0</t>
  </si>
  <si>
    <t>470383.0</t>
  </si>
  <si>
    <t>17379719.0</t>
  </si>
  <si>
    <t>88769.0</t>
  </si>
  <si>
    <t>66096.0</t>
  </si>
  <si>
    <t>96276244.0</t>
  </si>
  <si>
    <t>56967614.0</t>
  </si>
  <si>
    <t>39308630.0</t>
  </si>
  <si>
    <t>1609556.0</t>
  </si>
  <si>
    <t>1349772.0</t>
  </si>
  <si>
    <t>512074.0</t>
  </si>
  <si>
    <t>88920.0</t>
  </si>
  <si>
    <t>140.184</t>
  </si>
  <si>
    <t>71636.0</t>
  </si>
  <si>
    <t>97960770.0</t>
  </si>
  <si>
    <t>57615226.0</t>
  </si>
  <si>
    <t>40345544.0</t>
  </si>
  <si>
    <t>1684526.0</t>
  </si>
  <si>
    <t>1514938.0</t>
  </si>
  <si>
    <t>568383.0</t>
  </si>
  <si>
    <t>17556339.0</t>
  </si>
  <si>
    <t>87700.0</t>
  </si>
  <si>
    <t>140.887</t>
  </si>
  <si>
    <t>79579.0</t>
  </si>
  <si>
    <t>99608148.0</t>
  </si>
  <si>
    <t>58256816.0</t>
  </si>
  <si>
    <t>41351332.0</t>
  </si>
  <si>
    <t>1647378.0</t>
  </si>
  <si>
    <t>1561643.0</t>
  </si>
  <si>
    <t>33.36</t>
  </si>
  <si>
    <t>593278.0</t>
  </si>
  <si>
    <t>-27523.9</t>
  </si>
  <si>
    <t>-222.05343604173</t>
  </si>
  <si>
    <t>17592943.0</t>
  </si>
  <si>
    <t>141.181</t>
  </si>
  <si>
    <t>100870720.0</t>
  </si>
  <si>
    <t>58818041.0</t>
  </si>
  <si>
    <t>42052679.0</t>
  </si>
  <si>
    <t>1262572.0</t>
  </si>
  <si>
    <t>1568999.0</t>
  </si>
  <si>
    <t>613301.0</t>
  </si>
  <si>
    <t>17698073.0</t>
  </si>
  <si>
    <t>105130.0</t>
  </si>
  <si>
    <t>142.025</t>
  </si>
  <si>
    <t>102262332.0</t>
  </si>
  <si>
    <t>59388973.0</t>
  </si>
  <si>
    <t>42873359.0</t>
  </si>
  <si>
    <t>1391612.0</t>
  </si>
  <si>
    <t>1545467.0</t>
  </si>
  <si>
    <t>611117.0</t>
  </si>
  <si>
    <t>17781232.0</t>
  </si>
  <si>
    <t>142.692</t>
  </si>
  <si>
    <t>103722561.0</t>
  </si>
  <si>
    <t>59977342.0</t>
  </si>
  <si>
    <t>43745219.0</t>
  </si>
  <si>
    <t>1460229.0</t>
  </si>
  <si>
    <t>1524802.0</t>
  </si>
  <si>
    <t>605716.0</t>
  </si>
  <si>
    <t>17881815.0</t>
  </si>
  <si>
    <t>100583.0</t>
  </si>
  <si>
    <t>143.499</t>
  </si>
  <si>
    <t>84409.0</t>
  </si>
  <si>
    <t>105165675.0</t>
  </si>
  <si>
    <t>60553640.0</t>
  </si>
  <si>
    <t>44612035.0</t>
  </si>
  <si>
    <t>1443114.0</t>
  </si>
  <si>
    <t>1499855.0</t>
  </si>
  <si>
    <t>12100.0</t>
  </si>
  <si>
    <t>600299.0</t>
  </si>
  <si>
    <t>17996659.0</t>
  </si>
  <si>
    <t>144.421</t>
  </si>
  <si>
    <t>88134.0</t>
  </si>
  <si>
    <t>106618746.0</t>
  </si>
  <si>
    <t>61117723.0</t>
  </si>
  <si>
    <t>45501023.0</t>
  </si>
  <si>
    <t>1453071.0</t>
  </si>
  <si>
    <t>1477500.0</t>
  </si>
  <si>
    <t>592873.0</t>
  </si>
  <si>
    <t>18109312.0</t>
  </si>
  <si>
    <t>112653.0</t>
  </si>
  <si>
    <t>145.325</t>
  </si>
  <si>
    <t>91525.0</t>
  </si>
  <si>
    <t>108149458.0</t>
  </si>
  <si>
    <t>61701617.0</t>
  </si>
  <si>
    <t>46447841.0</t>
  </si>
  <si>
    <t>1530712.0</t>
  </si>
  <si>
    <t>1455527.0</t>
  </si>
  <si>
    <t>583770.0</t>
  </si>
  <si>
    <t>18180813.0</t>
  </si>
  <si>
    <t>71501.0</t>
  </si>
  <si>
    <t>145.899</t>
  </si>
  <si>
    <t>89211.0</t>
  </si>
  <si>
    <t>109741267.0</t>
  </si>
  <si>
    <t>62401600.0</t>
  </si>
  <si>
    <t>47339667.0</t>
  </si>
  <si>
    <t>1591809.0</t>
  </si>
  <si>
    <t>1447588.0</t>
  </si>
  <si>
    <t>592112.0</t>
  </si>
  <si>
    <t>18222654.0</t>
  </si>
  <si>
    <t>146.235</t>
  </si>
  <si>
    <t>89959.0</t>
  </si>
  <si>
    <t>110988589.0</t>
  </si>
  <si>
    <t>63012293.0</t>
  </si>
  <si>
    <t>47976296.0</t>
  </si>
  <si>
    <t>1247322.0</t>
  </si>
  <si>
    <t>1445410.0</t>
  </si>
  <si>
    <t>599179.0</t>
  </si>
  <si>
    <t>18251075.0</t>
  </si>
  <si>
    <t>146.463</t>
  </si>
  <si>
    <t>111378019.0</t>
  </si>
  <si>
    <t>63181386.0</t>
  </si>
  <si>
    <t>48196633.0</t>
  </si>
  <si>
    <t>389430.0</t>
  </si>
  <si>
    <t>1302241.0</t>
  </si>
  <si>
    <t>541773.0</t>
  </si>
  <si>
    <t>18377746.0</t>
  </si>
  <si>
    <t>126671.0</t>
  </si>
  <si>
    <t>112704450.0</t>
  </si>
  <si>
    <t>63670680.0</t>
  </si>
  <si>
    <t>49033770.0</t>
  </si>
  <si>
    <t>1326431.0</t>
  </si>
  <si>
    <t>1283127.0</t>
  </si>
  <si>
    <t>527620.0</t>
  </si>
  <si>
    <t>18506602.0</t>
  </si>
  <si>
    <t>128856.0</t>
  </si>
  <si>
    <t>148.513</t>
  </si>
  <si>
    <t>89255.0</t>
  </si>
  <si>
    <t>113945621.0</t>
  </si>
  <si>
    <t>64169434.0</t>
  </si>
  <si>
    <t>49776187.0</t>
  </si>
  <si>
    <t>1241171.0</t>
  </si>
  <si>
    <t>1254278.0</t>
  </si>
  <si>
    <t>10119.0</t>
  </si>
  <si>
    <t>516542.0</t>
  </si>
  <si>
    <t>18617335.0</t>
  </si>
  <si>
    <t>110733.0</t>
  </si>
  <si>
    <t>149.402</t>
  </si>
  <si>
    <t>114876028.0</t>
  </si>
  <si>
    <t>64661917.0</t>
  </si>
  <si>
    <t>50214111.0</t>
  </si>
  <si>
    <t>930407.0</t>
  </si>
  <si>
    <t>1179612.0</t>
  </si>
  <si>
    <t>506313.0</t>
  </si>
  <si>
    <t>18751875.0</t>
  </si>
  <si>
    <t>134540.0</t>
  </si>
  <si>
    <t>150.481</t>
  </si>
  <si>
    <t>91795.0</t>
  </si>
  <si>
    <t>115552561.0</t>
  </si>
  <si>
    <t>65007893.0</t>
  </si>
  <si>
    <t>50544668.0</t>
  </si>
  <si>
    <t>676533.0</t>
  </si>
  <si>
    <t>1057586.0</t>
  </si>
  <si>
    <t>93.22</t>
  </si>
  <si>
    <t>472325.0</t>
  </si>
  <si>
    <t>18833330.0</t>
  </si>
  <si>
    <t>81455.0</t>
  </si>
  <si>
    <t>151.135</t>
  </si>
  <si>
    <t>116319375.0</t>
  </si>
  <si>
    <t>65362747.0</t>
  </si>
  <si>
    <t>50956628.0</t>
  </si>
  <si>
    <t>766814.0</t>
  </si>
  <si>
    <t>939730.0</t>
  </si>
  <si>
    <t>93.84</t>
  </si>
  <si>
    <t>423021.0</t>
  </si>
  <si>
    <t>18896172.0</t>
  </si>
  <si>
    <t>62842.0</t>
  </si>
  <si>
    <t>151.639</t>
  </si>
  <si>
    <t>96217.0</t>
  </si>
  <si>
    <t>117068993.0</t>
  </si>
  <si>
    <t>65732475.0</t>
  </si>
  <si>
    <t>51336518.0</t>
  </si>
  <si>
    <t>749618.0</t>
  </si>
  <si>
    <t>868629.0</t>
  </si>
  <si>
    <t>388597.0</t>
  </si>
  <si>
    <t>19000346.0</t>
  </si>
  <si>
    <t>104174.0</t>
  </si>
  <si>
    <t>152.475</t>
  </si>
  <si>
    <t>118090464.0</t>
  </si>
  <si>
    <t>66167997.0</t>
  </si>
  <si>
    <t>51922467.0</t>
  </si>
  <si>
    <t>1021471.0</t>
  </si>
  <si>
    <t>958921.0</t>
  </si>
  <si>
    <t>426659.0</t>
  </si>
  <si>
    <t>19118418.0</t>
  </si>
  <si>
    <t>105810.0</t>
  </si>
  <si>
    <t>119342039.0</t>
  </si>
  <si>
    <t>66715424.0</t>
  </si>
  <si>
    <t>52626615.0</t>
  </si>
  <si>
    <t>1251575.0</t>
  </si>
  <si>
    <t>948227.0</t>
  </si>
  <si>
    <t>434963.0</t>
  </si>
  <si>
    <t>19249909.0</t>
  </si>
  <si>
    <t>131491.0</t>
  </si>
  <si>
    <t>106187.0</t>
  </si>
  <si>
    <t>120604066.0</t>
  </si>
  <si>
    <t>67293340.0</t>
  </si>
  <si>
    <t>53310726.0</t>
  </si>
  <si>
    <t>1262027.0</t>
  </si>
  <si>
    <t>951206.0</t>
  </si>
  <si>
    <t>446272.0</t>
  </si>
  <si>
    <t>19482275.0</t>
  </si>
  <si>
    <t>232366.0</t>
  </si>
  <si>
    <t>156.343</t>
  </si>
  <si>
    <t>123563.0</t>
  </si>
  <si>
    <t>121823807.0</t>
  </si>
  <si>
    <t>67870382.0</t>
  </si>
  <si>
    <t>53953425.0</t>
  </si>
  <si>
    <t>1219741.0</t>
  </si>
  <si>
    <t>992540.0</t>
  </si>
  <si>
    <t>458352.0</t>
  </si>
  <si>
    <t>19511503.0</t>
  </si>
  <si>
    <t>156.577</t>
  </si>
  <si>
    <t>108518.0</t>
  </si>
  <si>
    <t>123136462.0</t>
  </si>
  <si>
    <t>68486315.0</t>
  </si>
  <si>
    <t>54650147.0</t>
  </si>
  <si>
    <t>1312655.0</t>
  </si>
  <si>
    <t>1083414.0</t>
  </si>
  <si>
    <t>496917.0</t>
  </si>
  <si>
    <t>19624796.0</t>
  </si>
  <si>
    <t>157.487</t>
  </si>
  <si>
    <t>113067.0</t>
  </si>
  <si>
    <t>124584171.0</t>
  </si>
  <si>
    <t>69208310.0</t>
  </si>
  <si>
    <t>55375861.0</t>
  </si>
  <si>
    <t>1447709.0</t>
  </si>
  <si>
    <t>1180685.0</t>
  </si>
  <si>
    <t>549366.0</t>
  </si>
  <si>
    <t>19680108.0</t>
  </si>
  <si>
    <t>55312.0</t>
  </si>
  <si>
    <t>157.93</t>
  </si>
  <si>
    <t>111991.0</t>
  </si>
  <si>
    <t>125824582.0</t>
  </si>
  <si>
    <t>69836546.0</t>
  </si>
  <si>
    <t>55988036.0</t>
  </si>
  <si>
    <t>1240411.0</t>
  </si>
  <si>
    <t>1250798.0</t>
  </si>
  <si>
    <t>586296.0</t>
  </si>
  <si>
    <t>19813029.0</t>
  </si>
  <si>
    <t>132921.0</t>
  </si>
  <si>
    <t>158.997</t>
  </si>
  <si>
    <t>116098.0</t>
  </si>
  <si>
    <t>127026895.0</t>
  </si>
  <si>
    <t>70385894.0</t>
  </si>
  <si>
    <t>56641001.0</t>
  </si>
  <si>
    <t>1202313.0</t>
  </si>
  <si>
    <t>1276633.0</t>
  </si>
  <si>
    <t>602557.0</t>
  </si>
  <si>
    <t>19974766.0</t>
  </si>
  <si>
    <t>161737.0</t>
  </si>
  <si>
    <t>160.295</t>
  </si>
  <si>
    <t>128295185.0</t>
  </si>
  <si>
    <t>70998591.0</t>
  </si>
  <si>
    <t>57296594.0</t>
  </si>
  <si>
    <t>1268290.0</t>
  </si>
  <si>
    <t>1279021.0</t>
  </si>
  <si>
    <t>611881.0</t>
  </si>
  <si>
    <t>22.823</t>
  </si>
  <si>
    <t>24126.0</t>
  </si>
  <si>
    <t>20119612.0</t>
  </si>
  <si>
    <t>144846.0</t>
  </si>
  <si>
    <t>161.457</t>
  </si>
  <si>
    <t>124243.0</t>
  </si>
  <si>
    <t>129538110.0</t>
  </si>
  <si>
    <t>71603971.0</t>
  </si>
  <si>
    <t>57934139.0</t>
  </si>
  <si>
    <t>1242925.0</t>
  </si>
  <si>
    <t>1276292.0</t>
  </si>
  <si>
    <t>104.51</t>
  </si>
  <si>
    <t>615804.0</t>
  </si>
  <si>
    <t>20265016.0</t>
  </si>
  <si>
    <t>145404.0</t>
  </si>
  <si>
    <t>162.624</t>
  </si>
  <si>
    <t>130712937.0</t>
  </si>
  <si>
    <t>72174913.0</t>
  </si>
  <si>
    <t>58538024.0</t>
  </si>
  <si>
    <t>1174827.0</t>
  </si>
  <si>
    <t>1269876.0</t>
  </si>
  <si>
    <t>614933.0</t>
  </si>
  <si>
    <t>20439020.0</t>
  </si>
  <si>
    <t>174004.0</t>
  </si>
  <si>
    <t>164.021</t>
  </si>
  <si>
    <t>132502.0</t>
  </si>
  <si>
    <t>132023409.0</t>
  </si>
  <si>
    <t>72817069.0</t>
  </si>
  <si>
    <t>59206340.0</t>
  </si>
  <si>
    <t>1310472.0</t>
  </si>
  <si>
    <t>1269564.0</t>
  </si>
  <si>
    <t>618679.0</t>
  </si>
  <si>
    <t>20535909.0</t>
  </si>
  <si>
    <t>164.798</t>
  </si>
  <si>
    <t>130159.0</t>
  </si>
  <si>
    <t>133504052.0</t>
  </si>
  <si>
    <t>73547949.0</t>
  </si>
  <si>
    <t>59956103.0</t>
  </si>
  <si>
    <t>1480643.0</t>
  </si>
  <si>
    <t>1274269.0</t>
  </si>
  <si>
    <t>48.37</t>
  </si>
  <si>
    <t>619948.0</t>
  </si>
  <si>
    <t>20602458.0</t>
  </si>
  <si>
    <t>66549.0</t>
  </si>
  <si>
    <t>165.332</t>
  </si>
  <si>
    <t>131764.0</t>
  </si>
  <si>
    <t>134736566.0</t>
  </si>
  <si>
    <t>74147709.0</t>
  </si>
  <si>
    <t>60588857.0</t>
  </si>
  <si>
    <t>1232514.0</t>
  </si>
  <si>
    <t>1273141.0</t>
  </si>
  <si>
    <t>615880.0</t>
  </si>
  <si>
    <t>20759237.0</t>
  </si>
  <si>
    <t>156779.0</t>
  </si>
  <si>
    <t>135173.0</t>
  </si>
  <si>
    <t>135415236.0</t>
  </si>
  <si>
    <t>74538498.0</t>
  </si>
  <si>
    <t>60876738.0</t>
  </si>
  <si>
    <t>678670.0</t>
  </si>
  <si>
    <t>1198334.0</t>
  </si>
  <si>
    <t>593229.0</t>
  </si>
  <si>
    <t>20874666.0</t>
  </si>
  <si>
    <t>115429.0</t>
  </si>
  <si>
    <t>167.517</t>
  </si>
  <si>
    <t>128557.0</t>
  </si>
  <si>
    <t>136604800.0</t>
  </si>
  <si>
    <t>75191003.0</t>
  </si>
  <si>
    <t>61413797.0</t>
  </si>
  <si>
    <t>1189564.0</t>
  </si>
  <si>
    <t>1187088.0</t>
  </si>
  <si>
    <t>598916.0</t>
  </si>
  <si>
    <t>-23101.6</t>
  </si>
  <si>
    <t>-0.98</t>
  </si>
  <si>
    <t>-186.375828209725</t>
  </si>
  <si>
    <t>21023875.0</t>
  </si>
  <si>
    <t>149209.0</t>
  </si>
  <si>
    <t>168.714</t>
  </si>
  <si>
    <t>129180.0</t>
  </si>
  <si>
    <t>137748941.0</t>
  </si>
  <si>
    <t>75838339.0</t>
  </si>
  <si>
    <t>61910602.0</t>
  </si>
  <si>
    <t>1144141.0</t>
  </si>
  <si>
    <t>1172976.0</t>
  </si>
  <si>
    <t>604910.0</t>
  </si>
  <si>
    <t>21144934.0</t>
  </si>
  <si>
    <t>121059.0</t>
  </si>
  <si>
    <t>169.685</t>
  </si>
  <si>
    <t>138677875.0</t>
  </si>
  <si>
    <t>76261415.0</t>
  </si>
  <si>
    <t>62416460.0</t>
  </si>
  <si>
    <t>928934.0</t>
  </si>
  <si>
    <t>1137848.0</t>
  </si>
  <si>
    <t>583786.0</t>
  </si>
  <si>
    <t>21345262.0</t>
  </si>
  <si>
    <t>129463.0</t>
  </si>
  <si>
    <t>139842095.0</t>
  </si>
  <si>
    <t>77003918.0</t>
  </si>
  <si>
    <t>62838177.0</t>
  </si>
  <si>
    <t>1164220.0</t>
  </si>
  <si>
    <t>1116955.0</t>
  </si>
  <si>
    <t>112.82</t>
  </si>
  <si>
    <t>598121.0</t>
  </si>
  <si>
    <t>21432643.0</t>
  </si>
  <si>
    <t>87381.0</t>
  </si>
  <si>
    <t>171.994</t>
  </si>
  <si>
    <t>128105.0</t>
  </si>
  <si>
    <t>141256417.0</t>
  </si>
  <si>
    <t>77962433.0</t>
  </si>
  <si>
    <t>63293984.0</t>
  </si>
  <si>
    <t>1414322.0</t>
  </si>
  <si>
    <t>1107481.0</t>
  </si>
  <si>
    <t>113.96</t>
  </si>
  <si>
    <t>630641.0</t>
  </si>
  <si>
    <t>21498028.0</t>
  </si>
  <si>
    <t>65385.0</t>
  </si>
  <si>
    <t>127939.0</t>
  </si>
  <si>
    <t>142438602.0</t>
  </si>
  <si>
    <t>78741108.0</t>
  </si>
  <si>
    <t>63697494.0</t>
  </si>
  <si>
    <t>1182185.0</t>
  </si>
  <si>
    <t>1100291.0</t>
  </si>
  <si>
    <t>656200.0</t>
  </si>
  <si>
    <t>21626232.0</t>
  </si>
  <si>
    <t>128204.0</t>
  </si>
  <si>
    <t>173.548</t>
  </si>
  <si>
    <t>123856.0</t>
  </si>
  <si>
    <t>143478852.0</t>
  </si>
  <si>
    <t>79360687.0</t>
  </si>
  <si>
    <t>64118165.0</t>
  </si>
  <si>
    <t>1040250.0</t>
  </si>
  <si>
    <t>1151945.0</t>
  </si>
  <si>
    <t>688884.0</t>
  </si>
  <si>
    <t>21742740.0</t>
  </si>
  <si>
    <t>116508.0</t>
  </si>
  <si>
    <t>174.483</t>
  </si>
  <si>
    <t>124011.0</t>
  </si>
  <si>
    <t>144641865.0</t>
  </si>
  <si>
    <t>79993462.0</t>
  </si>
  <si>
    <t>64648403.0</t>
  </si>
  <si>
    <t>1163013.0</t>
  </si>
  <si>
    <t>1148152.0</t>
  </si>
  <si>
    <t>686066.0</t>
  </si>
  <si>
    <t>21876633.0</t>
  </si>
  <si>
    <t>133893.0</t>
  </si>
  <si>
    <t>175.557</t>
  </si>
  <si>
    <t>145796935.0</t>
  </si>
  <si>
    <t>80593215.0</t>
  </si>
  <si>
    <t>65203720.0</t>
  </si>
  <si>
    <t>1155070.0</t>
  </si>
  <si>
    <t>1149713.0</t>
  </si>
  <si>
    <t>117.62</t>
  </si>
  <si>
    <t>679268.0</t>
  </si>
  <si>
    <t>21997153.0</t>
  </si>
  <si>
    <t>176.524</t>
  </si>
  <si>
    <t>146927365.0</t>
  </si>
  <si>
    <t>81180067.0</t>
  </si>
  <si>
    <t>65747298.0</t>
  </si>
  <si>
    <t>1130430.0</t>
  </si>
  <si>
    <t>1178499.0</t>
  </si>
  <si>
    <t>702665.0</t>
  </si>
  <si>
    <t>22142826.0</t>
  </si>
  <si>
    <t>177.693</t>
  </si>
  <si>
    <t>113938.0</t>
  </si>
  <si>
    <t>148193242.0</t>
  </si>
  <si>
    <t>81830887.0</t>
  </si>
  <si>
    <t>66362355.0</t>
  </si>
  <si>
    <t>1265877.0</t>
  </si>
  <si>
    <t>1193021.0</t>
  </si>
  <si>
    <t>689567.0</t>
  </si>
  <si>
    <t>22220931.0</t>
  </si>
  <si>
    <t>78105.0</t>
  </si>
  <si>
    <t>178.32</t>
  </si>
  <si>
    <t>149707060.0</t>
  </si>
  <si>
    <t>82618940.0</t>
  </si>
  <si>
    <t>67088120.0</t>
  </si>
  <si>
    <t>1513818.0</t>
  </si>
  <si>
    <t>1207235.0</t>
  </si>
  <si>
    <t>665215.0</t>
  </si>
  <si>
    <t>22264587.0</t>
  </si>
  <si>
    <t>43656.0</t>
  </si>
  <si>
    <t>178.671</t>
  </si>
  <si>
    <t>150923777.0</t>
  </si>
  <si>
    <t>83239083.0</t>
  </si>
  <si>
    <t>67684694.0</t>
  </si>
  <si>
    <t>1216717.0</t>
  </si>
  <si>
    <t>1212168.0</t>
  </si>
  <si>
    <t>642568.0</t>
  </si>
  <si>
    <t>22383150.0</t>
  </si>
  <si>
    <t>179.622</t>
  </si>
  <si>
    <t>108131.0</t>
  </si>
  <si>
    <t>151954448.0</t>
  </si>
  <si>
    <t>83751065.0</t>
  </si>
  <si>
    <t>68203383.0</t>
  </si>
  <si>
    <t>1030671.0</t>
  </si>
  <si>
    <t>1210799.0</t>
  </si>
  <si>
    <t>627197.0</t>
  </si>
  <si>
    <t>22483162.0</t>
  </si>
  <si>
    <t>100012.0</t>
  </si>
  <si>
    <t>180.425</t>
  </si>
  <si>
    <t>105775.0</t>
  </si>
  <si>
    <t>153047704.0</t>
  </si>
  <si>
    <t>84289143.0</t>
  </si>
  <si>
    <t>68758561.0</t>
  </si>
  <si>
    <t>1093256.0</t>
  </si>
  <si>
    <t>1200834.0</t>
  </si>
  <si>
    <t>613669.0</t>
  </si>
  <si>
    <t>22590267.0</t>
  </si>
  <si>
    <t>107105.0</t>
  </si>
  <si>
    <t>101948.0</t>
  </si>
  <si>
    <t>154119241.0</t>
  </si>
  <si>
    <t>84804111.0</t>
  </si>
  <si>
    <t>69315130.0</t>
  </si>
  <si>
    <t>1071537.0</t>
  </si>
  <si>
    <t>1188901.0</t>
  </si>
  <si>
    <t>601557.0</t>
  </si>
  <si>
    <t>22686960.0</t>
  </si>
  <si>
    <t>96693.0</t>
  </si>
  <si>
    <t>182.06</t>
  </si>
  <si>
    <t>155181434.0</t>
  </si>
  <si>
    <t>85305529.0</t>
  </si>
  <si>
    <t>69875905.0</t>
  </si>
  <si>
    <t>1062193.0</t>
  </si>
  <si>
    <t>1179153.0</t>
  </si>
  <si>
    <t>589352.0</t>
  </si>
  <si>
    <t>22855827.0</t>
  </si>
  <si>
    <t>168867.0</t>
  </si>
  <si>
    <t>183.415</t>
  </si>
  <si>
    <t>156402849.0</t>
  </si>
  <si>
    <t>85883845.0</t>
  </si>
  <si>
    <t>70519004.0</t>
  </si>
  <si>
    <t>1221415.0</t>
  </si>
  <si>
    <t>1172801.0</t>
  </si>
  <si>
    <t>578994.0</t>
  </si>
  <si>
    <t>22915104.0</t>
  </si>
  <si>
    <t>59277.0</t>
  </si>
  <si>
    <t>183.891</t>
  </si>
  <si>
    <t>99168.0</t>
  </si>
  <si>
    <t>157871225.0</t>
  </si>
  <si>
    <t>86624430.0</t>
  </si>
  <si>
    <t>71246795.0</t>
  </si>
  <si>
    <t>1468376.0</t>
  </si>
  <si>
    <t>1166309.0</t>
  </si>
  <si>
    <t>572213.0</t>
  </si>
  <si>
    <t>22954390.0</t>
  </si>
  <si>
    <t>39286.0</t>
  </si>
  <si>
    <t>184.206</t>
  </si>
  <si>
    <t>98543.0</t>
  </si>
  <si>
    <t>159018296.0</t>
  </si>
  <si>
    <t>87201563.0</t>
  </si>
  <si>
    <t>71816733.0</t>
  </si>
  <si>
    <t>1147071.0</t>
  </si>
  <si>
    <t>1156360.0</t>
  </si>
  <si>
    <t>566069.0</t>
  </si>
  <si>
    <t>22979541.0</t>
  </si>
  <si>
    <t>25151.0</t>
  </si>
  <si>
    <t>85199.0</t>
  </si>
  <si>
    <t>159331685.0</t>
  </si>
  <si>
    <t>87358088.0</t>
  </si>
  <si>
    <t>71973597.0</t>
  </si>
  <si>
    <t>313389.0</t>
  </si>
  <si>
    <t>1053891.0</t>
  </si>
  <si>
    <t>515289.0</t>
  </si>
  <si>
    <t>23066338.0</t>
  </si>
  <si>
    <t>86797.0</t>
  </si>
  <si>
    <t>185.104</t>
  </si>
  <si>
    <t>160432486.0</t>
  </si>
  <si>
    <t>87769878.0</t>
  </si>
  <si>
    <t>72662608.0</t>
  </si>
  <si>
    <t>1100801.0</t>
  </si>
  <si>
    <t>1054969.0</t>
  </si>
  <si>
    <t>497248.0</t>
  </si>
  <si>
    <t>14.586</t>
  </si>
  <si>
    <t>23160013.0</t>
  </si>
  <si>
    <t>185.856</t>
  </si>
  <si>
    <t>81392.0</t>
  </si>
  <si>
    <t>161511185.0</t>
  </si>
  <si>
    <t>88191007.0</t>
  </si>
  <si>
    <t>73320178.0</t>
  </si>
  <si>
    <t>1078699.0</t>
  </si>
  <si>
    <t>1055992.0</t>
  </si>
  <si>
    <t>483842.0</t>
  </si>
  <si>
    <t>23207886.0</t>
  </si>
  <si>
    <t>74418.0</t>
  </si>
  <si>
    <t>161944962.0</t>
  </si>
  <si>
    <t>88386101.0</t>
  </si>
  <si>
    <t>73558861.0</t>
  </si>
  <si>
    <t>433777.0</t>
  </si>
  <si>
    <t>966218.0</t>
  </si>
  <si>
    <t>440082.0</t>
  </si>
  <si>
    <t>23343745.0</t>
  </si>
  <si>
    <t>135859.0</t>
  </si>
  <si>
    <t>187.331</t>
  </si>
  <si>
    <t>163151442.0</t>
  </si>
  <si>
    <t>88822980.0</t>
  </si>
  <si>
    <t>74328462.0</t>
  </si>
  <si>
    <t>1206480.0</t>
  </si>
  <si>
    <t>964085.0</t>
  </si>
  <si>
    <t>419876.0</t>
  </si>
  <si>
    <t>23398904.0</t>
  </si>
  <si>
    <t>55159.0</t>
  </si>
  <si>
    <t>187.773</t>
  </si>
  <si>
    <t>69114.0</t>
  </si>
  <si>
    <t>164671466.0</t>
  </si>
  <si>
    <t>89399174.0</t>
  </si>
  <si>
    <t>75272292.0</t>
  </si>
  <si>
    <t>1520024.0</t>
  </si>
  <si>
    <t>971463.0</t>
  </si>
  <si>
    <t>396392.0</t>
  </si>
  <si>
    <t>23425906.0</t>
  </si>
  <si>
    <t>27002.0</t>
  </si>
  <si>
    <t>187.99</t>
  </si>
  <si>
    <t>67359.0</t>
  </si>
  <si>
    <t>165849925.0</t>
  </si>
  <si>
    <t>89847142.0</t>
  </si>
  <si>
    <t>76002783.0</t>
  </si>
  <si>
    <t>1178459.0</t>
  </si>
  <si>
    <t>975947.0</t>
  </si>
  <si>
    <t>377940.0</t>
  </si>
  <si>
    <t>23505196.0</t>
  </si>
  <si>
    <t>188.626</t>
  </si>
  <si>
    <t>166844852.0</t>
  </si>
  <si>
    <t>90224802.0</t>
  </si>
  <si>
    <t>76620050.0</t>
  </si>
  <si>
    <t>994927.0</t>
  </si>
  <si>
    <t>1073310.0</t>
  </si>
  <si>
    <t>409531.0</t>
  </si>
  <si>
    <t>23583669.0</t>
  </si>
  <si>
    <t>189.256</t>
  </si>
  <si>
    <t>73904.0</t>
  </si>
  <si>
    <t>167875967.0</t>
  </si>
  <si>
    <t>90632601.0</t>
  </si>
  <si>
    <t>77243366.0</t>
  </si>
  <si>
    <t>1031115.0</t>
  </si>
  <si>
    <t>1063354.0</t>
  </si>
  <si>
    <t>408960.0</t>
  </si>
  <si>
    <t>23668615.0</t>
  </si>
  <si>
    <t>189.938</t>
  </si>
  <si>
    <t>72657.0</t>
  </si>
  <si>
    <t>168874890.0</t>
  </si>
  <si>
    <t>91036718.0</t>
  </si>
  <si>
    <t>77838172.0</t>
  </si>
  <si>
    <t>998923.0</t>
  </si>
  <si>
    <t>1051958.0</t>
  </si>
  <si>
    <t>406530.0</t>
  </si>
  <si>
    <t>23736402.0</t>
  </si>
  <si>
    <t>190.482</t>
  </si>
  <si>
    <t>169866420.0</t>
  </si>
  <si>
    <t>91426144.0</t>
  </si>
  <si>
    <t>78440276.0</t>
  </si>
  <si>
    <t>991530.0</t>
  </si>
  <si>
    <t>1131637.0</t>
  </si>
  <si>
    <t>9130.0</t>
  </si>
  <si>
    <t>434292.0</t>
  </si>
  <si>
    <t>-18039.9</t>
  </si>
  <si>
    <t>-145.539759294621</t>
  </si>
  <si>
    <t>23817842.0</t>
  </si>
  <si>
    <t>191.135</t>
  </si>
  <si>
    <t>170949891.0</t>
  </si>
  <si>
    <t>91866558.0</t>
  </si>
  <si>
    <t>79083333.0</t>
  </si>
  <si>
    <t>1083471.0</t>
  </si>
  <si>
    <t>1114064.0</t>
  </si>
  <si>
    <t>137.92</t>
  </si>
  <si>
    <t>434797.0</t>
  </si>
  <si>
    <t>23871642.0</t>
  </si>
  <si>
    <t>53800.0</t>
  </si>
  <si>
    <t>191.567</t>
  </si>
  <si>
    <t>67534.0</t>
  </si>
  <si>
    <t>172331838.0</t>
  </si>
  <si>
    <t>92465520.0</t>
  </si>
  <si>
    <t>79866318.0</t>
  </si>
  <si>
    <t>1381947.0</t>
  </si>
  <si>
    <t>1094339.0</t>
  </si>
  <si>
    <t>23892432.0</t>
  </si>
  <si>
    <t>20790.0</t>
  </si>
  <si>
    <t>191.734</t>
  </si>
  <si>
    <t>173410733.0</t>
  </si>
  <si>
    <t>92934591.0</t>
  </si>
  <si>
    <t>80476142.0</t>
  </si>
  <si>
    <t>1078895.0</t>
  </si>
  <si>
    <t>1080115.0</t>
  </si>
  <si>
    <t>441064.0</t>
  </si>
  <si>
    <t>23956810.0</t>
  </si>
  <si>
    <t>64378.0</t>
  </si>
  <si>
    <t>64516.0</t>
  </si>
  <si>
    <t>174275697.0</t>
  </si>
  <si>
    <t>93266149.0</t>
  </si>
  <si>
    <t>81009548.0</t>
  </si>
  <si>
    <t>1061549.0</t>
  </si>
  <si>
    <t>434478.0</t>
  </si>
  <si>
    <t>24019087.0</t>
  </si>
  <si>
    <t>62277.0</t>
  </si>
  <si>
    <t>62203.0</t>
  </si>
  <si>
    <t>175179190.0</t>
  </si>
  <si>
    <t>93612651.0</t>
  </si>
  <si>
    <t>81566539.0</t>
  </si>
  <si>
    <t>903493.0</t>
  </si>
  <si>
    <t>1043318.0</t>
  </si>
  <si>
    <t>425721.0</t>
  </si>
  <si>
    <t>6.188</t>
  </si>
  <si>
    <t>24087134.0</t>
  </si>
  <si>
    <t>68047.0</t>
  </si>
  <si>
    <t>193.296</t>
  </si>
  <si>
    <t>59788.0</t>
  </si>
  <si>
    <t>176053214.0</t>
  </si>
  <si>
    <t>93944256.0</t>
  </si>
  <si>
    <t>82108958.0</t>
  </si>
  <si>
    <t>874024.0</t>
  </si>
  <si>
    <t>1025475.0</t>
  </si>
  <si>
    <t>415363.0</t>
  </si>
  <si>
    <t>24146710.0</t>
  </si>
  <si>
    <t>59576.0</t>
  </si>
  <si>
    <t>193.774</t>
  </si>
  <si>
    <t>58615.0</t>
  </si>
  <si>
    <t>176910627.0</t>
  </si>
  <si>
    <t>94262618.0</t>
  </si>
  <si>
    <t>82648009.0</t>
  </si>
  <si>
    <t>857413.0</t>
  </si>
  <si>
    <t>1006315.0</t>
  </si>
  <si>
    <t>405211.0</t>
  </si>
  <si>
    <t>24214328.0</t>
  </si>
  <si>
    <t>194.317</t>
  </si>
  <si>
    <t>56641.0</t>
  </si>
  <si>
    <t>177951271.0</t>
  </si>
  <si>
    <t>94640627.0</t>
  </si>
  <si>
    <t>83310644.0</t>
  </si>
  <si>
    <t>1040644.0</t>
  </si>
  <si>
    <t>1000197.0</t>
  </si>
  <si>
    <t>396296.0</t>
  </si>
  <si>
    <t>24262886.0</t>
  </si>
  <si>
    <t>194.707</t>
  </si>
  <si>
    <t>55892.0</t>
  </si>
  <si>
    <t>179284891.0</t>
  </si>
  <si>
    <t>95149888.0</t>
  </si>
  <si>
    <t>84135003.0</t>
  </si>
  <si>
    <t>1333620.0</t>
  </si>
  <si>
    <t>993293.0</t>
  </si>
  <si>
    <t>144.64</t>
  </si>
  <si>
    <t>383481.0</t>
  </si>
  <si>
    <t>24286475.0</t>
  </si>
  <si>
    <t>194.896</t>
  </si>
  <si>
    <t>56292.0</t>
  </si>
  <si>
    <t>180266234.0</t>
  </si>
  <si>
    <t>95529678.0</t>
  </si>
  <si>
    <t>84736556.0</t>
  </si>
  <si>
    <t>981343.0</t>
  </si>
  <si>
    <t>979357.0</t>
  </si>
  <si>
    <t>370727.0</t>
  </si>
  <si>
    <t>24344819.0</t>
  </si>
  <si>
    <t>195.364</t>
  </si>
  <si>
    <t>180768976.0</t>
  </si>
  <si>
    <t>95815062.0</t>
  </si>
  <si>
    <t>84953914.0</t>
  </si>
  <si>
    <t>502742.0</t>
  </si>
  <si>
    <t>927611.0</t>
  </si>
  <si>
    <t>364130.0</t>
  </si>
  <si>
    <t>24402961.0</t>
  </si>
  <si>
    <t>58142.0</t>
  </si>
  <si>
    <t>195.831</t>
  </si>
  <si>
    <t>54839.0</t>
  </si>
  <si>
    <t>181486444.0</t>
  </si>
  <si>
    <t>96086064.0</t>
  </si>
  <si>
    <t>85400380.0</t>
  </si>
  <si>
    <t>717468.0</t>
  </si>
  <si>
    <t>901036.0</t>
  </si>
  <si>
    <t>353345.0</t>
  </si>
  <si>
    <t>24460746.0</t>
  </si>
  <si>
    <t>57785.0</t>
  </si>
  <si>
    <t>196.294</t>
  </si>
  <si>
    <t>53373.0</t>
  </si>
  <si>
    <t>182067609.0</t>
  </si>
  <si>
    <t>96228178.0</t>
  </si>
  <si>
    <t>85839431.0</t>
  </si>
  <si>
    <t>581165.0</t>
  </si>
  <si>
    <t>859199.0</t>
  </si>
  <si>
    <t>146.89</t>
  </si>
  <si>
    <t>326275.0</t>
  </si>
  <si>
    <t>24534767.0</t>
  </si>
  <si>
    <t>196.888</t>
  </si>
  <si>
    <t>55437.0</t>
  </si>
  <si>
    <t>182584276.0</t>
  </si>
  <si>
    <t>96491798.0</t>
  </si>
  <si>
    <t>86092478.0</t>
  </si>
  <si>
    <t>516667.0</t>
  </si>
  <si>
    <t>810521.0</t>
  </si>
  <si>
    <t>318454.0</t>
  </si>
  <si>
    <t>24599579.0</t>
  </si>
  <si>
    <t>64812.0</t>
  </si>
  <si>
    <t>197.409</t>
  </si>
  <si>
    <t>55036.0</t>
  </si>
  <si>
    <t>183407130.0</t>
  </si>
  <si>
    <t>96796705.0</t>
  </si>
  <si>
    <t>86610425.0</t>
  </si>
  <si>
    <t>822854.0</t>
  </si>
  <si>
    <t>779408.0</t>
  </si>
  <si>
    <t>147.97</t>
  </si>
  <si>
    <t>308011.0</t>
  </si>
  <si>
    <t>24641733.0</t>
  </si>
  <si>
    <t>42154.0</t>
  </si>
  <si>
    <t>184466858.0</t>
  </si>
  <si>
    <t>97195818.0</t>
  </si>
  <si>
    <t>87271040.0</t>
  </si>
  <si>
    <t>1059728.0</t>
  </si>
  <si>
    <t>740281.0</t>
  </si>
  <si>
    <t>292276.0</t>
  </si>
  <si>
    <t>24660231.0</t>
  </si>
  <si>
    <t>197.895</t>
  </si>
  <si>
    <t>53394.0</t>
  </si>
  <si>
    <t>185214594.0</t>
  </si>
  <si>
    <t>97445585.0</t>
  </si>
  <si>
    <t>87769009.0</t>
  </si>
  <si>
    <t>747736.0</t>
  </si>
  <si>
    <t>706909.0</t>
  </si>
  <si>
    <t>24712021.0</t>
  </si>
  <si>
    <t>51790.0</t>
  </si>
  <si>
    <t>198.311</t>
  </si>
  <si>
    <t>185773533.0</t>
  </si>
  <si>
    <t>97623155.0</t>
  </si>
  <si>
    <t>88150378.0</t>
  </si>
  <si>
    <t>558939.0</t>
  </si>
  <si>
    <t>714937.0</t>
  </si>
  <si>
    <t>258299.0</t>
  </si>
  <si>
    <t>24763856.0</t>
  </si>
  <si>
    <t>198.727</t>
  </si>
  <si>
    <t>186368082.0</t>
  </si>
  <si>
    <t>97796836.0</t>
  </si>
  <si>
    <t>88571246.0</t>
  </si>
  <si>
    <t>594549.0</t>
  </si>
  <si>
    <t>697377.0</t>
  </si>
  <si>
    <t>244396.0</t>
  </si>
  <si>
    <t>24831492.0</t>
  </si>
  <si>
    <t>67636.0</t>
  </si>
  <si>
    <t>199.27</t>
  </si>
  <si>
    <t>186950457.0</t>
  </si>
  <si>
    <t>97962931.0</t>
  </si>
  <si>
    <t>88987526.0</t>
  </si>
  <si>
    <t>582375.0</t>
  </si>
  <si>
    <t>697550.0</t>
  </si>
  <si>
    <t>24879464.0</t>
  </si>
  <si>
    <t>47972.0</t>
  </si>
  <si>
    <t>49242.0</t>
  </si>
  <si>
    <t>187489926.0</t>
  </si>
  <si>
    <t>98111951.0</t>
  </si>
  <si>
    <t>89377975.0</t>
  </si>
  <si>
    <t>539469.0</t>
  </si>
  <si>
    <t>700807.0</t>
  </si>
  <si>
    <t>231450.0</t>
  </si>
  <si>
    <t>24907724.0</t>
  </si>
  <si>
    <t>199.881</t>
  </si>
  <si>
    <t>188186494.0</t>
  </si>
  <si>
    <t>98307001.0</t>
  </si>
  <si>
    <t>89879493.0</t>
  </si>
  <si>
    <t>696568.0</t>
  </si>
  <si>
    <t>682766.0</t>
  </si>
  <si>
    <t>215757.0</t>
  </si>
  <si>
    <t>24950467.0</t>
  </si>
  <si>
    <t>200.224</t>
  </si>
  <si>
    <t>189118761.0</t>
  </si>
  <si>
    <t>98573366.0</t>
  </si>
  <si>
    <t>90545395.0</t>
  </si>
  <si>
    <t>932267.0</t>
  </si>
  <si>
    <t>664558.0</t>
  </si>
  <si>
    <t>196793.0</t>
  </si>
  <si>
    <t>24969951.0</t>
  </si>
  <si>
    <t>200.381</t>
  </si>
  <si>
    <t>189791034.0</t>
  </si>
  <si>
    <t>98740699.0</t>
  </si>
  <si>
    <t>91050335.0</t>
  </si>
  <si>
    <t>672273.0</t>
  </si>
  <si>
    <t>653777.0</t>
  </si>
  <si>
    <t>25029130.0</t>
  </si>
  <si>
    <t>59179.0</t>
  </si>
  <si>
    <t>200.856</t>
  </si>
  <si>
    <t>45301.0</t>
  </si>
  <si>
    <t>190256700.0</t>
  </si>
  <si>
    <t>98850990.0</t>
  </si>
  <si>
    <t>91405710.0</t>
  </si>
  <si>
    <t>465666.0</t>
  </si>
  <si>
    <t>640452.0</t>
  </si>
  <si>
    <t>153.49</t>
  </si>
  <si>
    <t>175405.0</t>
  </si>
  <si>
    <t>25082462.0</t>
  </si>
  <si>
    <t>53332.0</t>
  </si>
  <si>
    <t>201.284</t>
  </si>
  <si>
    <t>190731406.0</t>
  </si>
  <si>
    <t>98964692.0</t>
  </si>
  <si>
    <t>91766714.0</t>
  </si>
  <si>
    <t>474706.0</t>
  </si>
  <si>
    <t>623332.0</t>
  </si>
  <si>
    <t>153.88</t>
  </si>
  <si>
    <t>166837.0</t>
  </si>
  <si>
    <t>25139360.0</t>
  </si>
  <si>
    <t>56898.0</t>
  </si>
  <si>
    <t>43981.0</t>
  </si>
  <si>
    <t>191184004.0</t>
  </si>
  <si>
    <t>99070733.0</t>
  </si>
  <si>
    <t>92113271.0</t>
  </si>
  <si>
    <t>452598.0</t>
  </si>
  <si>
    <t>604792.0</t>
  </si>
  <si>
    <t>158257.0</t>
  </si>
  <si>
    <t>25195388.0</t>
  </si>
  <si>
    <t>56028.0</t>
  </si>
  <si>
    <t>191621200.0</t>
  </si>
  <si>
    <t>99173602.0</t>
  </si>
  <si>
    <t>92447598.0</t>
  </si>
  <si>
    <t>437196.0</t>
  </si>
  <si>
    <t>590182.0</t>
  </si>
  <si>
    <t>154.59</t>
  </si>
  <si>
    <t>151664.0</t>
  </si>
  <si>
    <t>25258385.0</t>
  </si>
  <si>
    <t>62997.0</t>
  </si>
  <si>
    <t>202.695</t>
  </si>
  <si>
    <t>192179702.0</t>
  </si>
  <si>
    <t>99305162.0</t>
  </si>
  <si>
    <t>92874540.0</t>
  </si>
  <si>
    <t>558502.0</t>
  </si>
  <si>
    <t>570458.0</t>
  </si>
  <si>
    <t>142594.0</t>
  </si>
  <si>
    <t>25300445.0</t>
  </si>
  <si>
    <t>203.033</t>
  </si>
  <si>
    <t>49997.0</t>
  </si>
  <si>
    <t>192931574.0</t>
  </si>
  <si>
    <t>99487426.0</t>
  </si>
  <si>
    <t>93444148.0</t>
  </si>
  <si>
    <t>751872.0</t>
  </si>
  <si>
    <t>544688.0</t>
  </si>
  <si>
    <t>25317162.0</t>
  </si>
  <si>
    <t>203.167</t>
  </si>
  <si>
    <t>193459263.0</t>
  </si>
  <si>
    <t>99607193.0</t>
  </si>
  <si>
    <t>93852070.0</t>
  </si>
  <si>
    <t>527689.0</t>
  </si>
  <si>
    <t>524033.0</t>
  </si>
  <si>
    <t>123785.0</t>
  </si>
  <si>
    <t>-16466.0</t>
  </si>
  <si>
    <t>-132.84207099514</t>
  </si>
  <si>
    <t>25366757.0</t>
  </si>
  <si>
    <t>49595.0</t>
  </si>
  <si>
    <t>203.565</t>
  </si>
  <si>
    <t>48232.0</t>
  </si>
  <si>
    <t>193794277.0</t>
  </si>
  <si>
    <t>99664467.0</t>
  </si>
  <si>
    <t>94129810.0</t>
  </si>
  <si>
    <t>335014.0</t>
  </si>
  <si>
    <t>505368.0</t>
  </si>
  <si>
    <t>116211.0</t>
  </si>
  <si>
    <t>25423741.0</t>
  </si>
  <si>
    <t>56984.0</t>
  </si>
  <si>
    <t>204.022</t>
  </si>
  <si>
    <t>194108443.0</t>
  </si>
  <si>
    <t>99703208.0</t>
  </si>
  <si>
    <t>94405235.0</t>
  </si>
  <si>
    <t>314166.0</t>
  </si>
  <si>
    <t>482434.0</t>
  </si>
  <si>
    <t>25446244.0</t>
  </si>
  <si>
    <t>204.203</t>
  </si>
  <si>
    <t>43841.0</t>
  </si>
  <si>
    <t>194207765.0</t>
  </si>
  <si>
    <t>99724943.0</t>
  </si>
  <si>
    <t>94482822.0</t>
  </si>
  <si>
    <t>99322.0</t>
  </si>
  <si>
    <t>431966.0</t>
  </si>
  <si>
    <t>93459.0</t>
  </si>
  <si>
    <t>25504826.0</t>
  </si>
  <si>
    <t>58582.0</t>
  </si>
  <si>
    <t>204.673</t>
  </si>
  <si>
    <t>44205.0</t>
  </si>
  <si>
    <t>194536681.0</t>
  </si>
  <si>
    <t>99779920.0</t>
  </si>
  <si>
    <t>94756761.0</t>
  </si>
  <si>
    <t>328916.0</t>
  </si>
  <si>
    <t>416497.0</t>
  </si>
  <si>
    <t>86617.0</t>
  </si>
  <si>
    <t>25564248.0</t>
  </si>
  <si>
    <t>59422.0</t>
  </si>
  <si>
    <t>205.15</t>
  </si>
  <si>
    <t>194950146.0</t>
  </si>
  <si>
    <t>99864696.0</t>
  </si>
  <si>
    <t>95085450.0</t>
  </si>
  <si>
    <t>413465.0</t>
  </si>
  <si>
    <t>395778.0</t>
  </si>
  <si>
    <t>79933.0</t>
  </si>
  <si>
    <t>25599188.0</t>
  </si>
  <si>
    <t>42678.0</t>
  </si>
  <si>
    <t>195506278.0</t>
  </si>
  <si>
    <t>99981094.0</t>
  </si>
  <si>
    <t>95525184.0</t>
  </si>
  <si>
    <t>556132.0</t>
  </si>
  <si>
    <t>367815.0</t>
  </si>
  <si>
    <t>70524.0</t>
  </si>
  <si>
    <t>25616548.0</t>
  </si>
  <si>
    <t>205.57</t>
  </si>
  <si>
    <t>42769.0</t>
  </si>
  <si>
    <t>195857954.0</t>
  </si>
  <si>
    <t>100054698.0</t>
  </si>
  <si>
    <t>95803256.0</t>
  </si>
  <si>
    <t>351676.0</t>
  </si>
  <si>
    <t>342670.0</t>
  </si>
  <si>
    <t>25669260.0</t>
  </si>
  <si>
    <t>205.993</t>
  </si>
  <si>
    <t>196089233.0</t>
  </si>
  <si>
    <t>100103024.0</t>
  </si>
  <si>
    <t>95986209.0</t>
  </si>
  <si>
    <t>231279.0</t>
  </si>
  <si>
    <t>327851.0</t>
  </si>
  <si>
    <t>25719940.0</t>
  </si>
  <si>
    <t>206.399</t>
  </si>
  <si>
    <t>42314.0</t>
  </si>
  <si>
    <t>196317308.0</t>
  </si>
  <si>
    <t>100153391.0</t>
  </si>
  <si>
    <t>96163917.0</t>
  </si>
  <si>
    <t>228075.0</t>
  </si>
  <si>
    <t>315552.0</t>
  </si>
  <si>
    <t>64312.0</t>
  </si>
  <si>
    <t>25786604.0</t>
  </si>
  <si>
    <t>66664.0</t>
  </si>
  <si>
    <t>206.934</t>
  </si>
  <si>
    <t>270.1</t>
  </si>
  <si>
    <t>196525568.0</t>
  </si>
  <si>
    <t>100187387.0</t>
  </si>
  <si>
    <t>96338181.0</t>
  </si>
  <si>
    <t>208260.0</t>
  </si>
  <si>
    <t>331115.0</t>
  </si>
  <si>
    <t>158.55</t>
  </si>
  <si>
    <t>66063.0</t>
  </si>
  <si>
    <t>25837727.0</t>
  </si>
  <si>
    <t>51123.0</t>
  </si>
  <si>
    <t>207.345</t>
  </si>
  <si>
    <t>254.3</t>
  </si>
  <si>
    <t>196709605.0</t>
  </si>
  <si>
    <t>100218025.0</t>
  </si>
  <si>
    <t>96491580.0</t>
  </si>
  <si>
    <t>184037.0</t>
  </si>
  <si>
    <t>310418.0</t>
  </si>
  <si>
    <t>62586.0</t>
  </si>
  <si>
    <t>25904809.0</t>
  </si>
  <si>
    <t>207.883</t>
  </si>
  <si>
    <t>48652.0</t>
  </si>
  <si>
    <t>266.5</t>
  </si>
  <si>
    <t>196982720.0</t>
  </si>
  <si>
    <t>100268836.0</t>
  </si>
  <si>
    <t>96713884.0</t>
  </si>
  <si>
    <t>273115.0</t>
  </si>
  <si>
    <t>290368.0</t>
  </si>
  <si>
    <t>57734.0</t>
  </si>
  <si>
    <t>25940567.0</t>
  </si>
  <si>
    <t>35758.0</t>
  </si>
  <si>
    <t>274.9</t>
  </si>
  <si>
    <t>197341421.0</t>
  </si>
  <si>
    <t>100336544.0</t>
  </si>
  <si>
    <t>97004877.0</t>
  </si>
  <si>
    <t>358701.0</t>
  </si>
  <si>
    <t>262163.0</t>
  </si>
  <si>
    <t>159.21</t>
  </si>
  <si>
    <t>50779.0</t>
  </si>
  <si>
    <t>25960192.0</t>
  </si>
  <si>
    <t>208.327</t>
  </si>
  <si>
    <t>49092.0</t>
  </si>
  <si>
    <t>197548441.0</t>
  </si>
  <si>
    <t>100367449.0</t>
  </si>
  <si>
    <t>97180992.0</t>
  </si>
  <si>
    <t>207020.0</t>
  </si>
  <si>
    <t>241498.0</t>
  </si>
  <si>
    <t>44679.0</t>
  </si>
  <si>
    <t>26009123.0</t>
  </si>
  <si>
    <t>48931.0</t>
  </si>
  <si>
    <t>48552.0</t>
  </si>
  <si>
    <t>286.8</t>
  </si>
  <si>
    <t>197694522.0</t>
  </si>
  <si>
    <t>100393366.0</t>
  </si>
  <si>
    <t>97301156.0</t>
  </si>
  <si>
    <t>146081.0</t>
  </si>
  <si>
    <t>229327.0</t>
  </si>
  <si>
    <t>26057507.0</t>
  </si>
  <si>
    <t>209.108</t>
  </si>
  <si>
    <t>48224.0</t>
  </si>
  <si>
    <t>297.4</t>
  </si>
  <si>
    <t>197841012.0</t>
  </si>
  <si>
    <t>100418737.0</t>
  </si>
  <si>
    <t>97422275.0</t>
  </si>
  <si>
    <t>146490.0</t>
  </si>
  <si>
    <t>217672.0</t>
  </si>
  <si>
    <t>159.61</t>
  </si>
  <si>
    <t>26114399.0</t>
  </si>
  <si>
    <t>209.565</t>
  </si>
  <si>
    <t>197981568.0</t>
  </si>
  <si>
    <t>100443694.0</t>
  </si>
  <si>
    <t>97537874.0</t>
  </si>
  <si>
    <t>140556.0</t>
  </si>
  <si>
    <t>208000.0</t>
  </si>
  <si>
    <t>159.72</t>
  </si>
  <si>
    <t>26164700.0</t>
  </si>
  <si>
    <t>209.968</t>
  </si>
  <si>
    <t>46710.0</t>
  </si>
  <si>
    <t>198111799.0</t>
  </si>
  <si>
    <t>100467087.0</t>
  </si>
  <si>
    <t>97644712.0</t>
  </si>
  <si>
    <t>130231.0</t>
  </si>
  <si>
    <t>200313.0</t>
  </si>
  <si>
    <t>26223667.0</t>
  </si>
  <si>
    <t>210.442</t>
  </si>
  <si>
    <t>307.2</t>
  </si>
  <si>
    <t>198311712.0</t>
  </si>
  <si>
    <t>100509237.0</t>
  </si>
  <si>
    <t>97802475.0</t>
  </si>
  <si>
    <t>199913.0</t>
  </si>
  <si>
    <t>189856.0</t>
  </si>
  <si>
    <t>34343.0</t>
  </si>
  <si>
    <t>26256221.0</t>
  </si>
  <si>
    <t>210.703</t>
  </si>
  <si>
    <t>198591680.0</t>
  </si>
  <si>
    <t>100565225.0</t>
  </si>
  <si>
    <t>98026455.0</t>
  </si>
  <si>
    <t>279968.0</t>
  </si>
  <si>
    <t>178608.0</t>
  </si>
  <si>
    <t>160.22</t>
  </si>
  <si>
    <t>26272002.0</t>
  </si>
  <si>
    <t>210.83</t>
  </si>
  <si>
    <t>325.8</t>
  </si>
  <si>
    <t>198750514.0</t>
  </si>
  <si>
    <t>100590197.0</t>
  </si>
  <si>
    <t>98160317.0</t>
  </si>
  <si>
    <t>158834.0</t>
  </si>
  <si>
    <t>171725.0</t>
  </si>
  <si>
    <t>160.35</t>
  </si>
  <si>
    <t>31821.0</t>
  </si>
  <si>
    <t>26315889.0</t>
  </si>
  <si>
    <t>43887.0</t>
  </si>
  <si>
    <t>211.182</t>
  </si>
  <si>
    <t>43824.0</t>
  </si>
  <si>
    <t>330.9</t>
  </si>
  <si>
    <t>198843558.0</t>
  </si>
  <si>
    <t>100612802.0</t>
  </si>
  <si>
    <t>98230756.0</t>
  </si>
  <si>
    <t>93044.0</t>
  </si>
  <si>
    <t>164148.0</t>
  </si>
  <si>
    <t>31348.0</t>
  </si>
  <si>
    <t>26340598.0</t>
  </si>
  <si>
    <t>24709.0</t>
  </si>
  <si>
    <t>40442.0</t>
  </si>
  <si>
    <t>198869379.0</t>
  </si>
  <si>
    <t>100617786.0</t>
  </si>
  <si>
    <t>98251593.0</t>
  </si>
  <si>
    <t>146910.0</t>
  </si>
  <si>
    <t>26395934.0</t>
  </si>
  <si>
    <t>211.824</t>
  </si>
  <si>
    <t>198940653.0</t>
  </si>
  <si>
    <t>100640259.0</t>
  </si>
  <si>
    <t>98300394.0</t>
  </si>
  <si>
    <t>71274.0</t>
  </si>
  <si>
    <t>137012.0</t>
  </si>
  <si>
    <t>28081.0</t>
  </si>
  <si>
    <t>26442460.0</t>
  </si>
  <si>
    <t>46526.0</t>
  </si>
  <si>
    <t>212.197</t>
  </si>
  <si>
    <t>39680.0</t>
  </si>
  <si>
    <t>381.5</t>
  </si>
  <si>
    <t>199027152.0</t>
  </si>
  <si>
    <t>100660515.0</t>
  </si>
  <si>
    <t>98366637.0</t>
  </si>
  <si>
    <t>130765.0</t>
  </si>
  <si>
    <t>26504457.0</t>
  </si>
  <si>
    <t>61997.0</t>
  </si>
  <si>
    <t>212.695</t>
  </si>
  <si>
    <t>199176562.0</t>
  </si>
  <si>
    <t>100698879.0</t>
  </si>
  <si>
    <t>98477683.0</t>
  </si>
  <si>
    <t>149410.0</t>
  </si>
  <si>
    <t>123550.0</t>
  </si>
  <si>
    <t>26543747.0</t>
  </si>
  <si>
    <t>408.4</t>
  </si>
  <si>
    <t>199384740.0</t>
  </si>
  <si>
    <t>100750463.0</t>
  </si>
  <si>
    <t>98634277.0</t>
  </si>
  <si>
    <t>208178.0</t>
  </si>
  <si>
    <t>26567016.0</t>
  </si>
  <si>
    <t>213.197</t>
  </si>
  <si>
    <t>42145.0</t>
  </si>
  <si>
    <t>199498252.0</t>
  </si>
  <si>
    <t>100770339.0</t>
  </si>
  <si>
    <t>98727913.0</t>
  </si>
  <si>
    <t>113512.0</t>
  </si>
  <si>
    <t>160.95</t>
  </si>
  <si>
    <t>26614958.0</t>
  </si>
  <si>
    <t>213.582</t>
  </si>
  <si>
    <t>452.4</t>
  </si>
  <si>
    <t>199574281.0</t>
  </si>
  <si>
    <t>100788704.0</t>
  </si>
  <si>
    <t>98785577.0</t>
  </si>
  <si>
    <t>104389.0</t>
  </si>
  <si>
    <t>26664442.0</t>
  </si>
  <si>
    <t>49484.0</t>
  </si>
  <si>
    <t>213.979</t>
  </si>
  <si>
    <t>46263.0</t>
  </si>
  <si>
    <t>199654594.0</t>
  </si>
  <si>
    <t>100806761.0</t>
  </si>
  <si>
    <t>98847833.0</t>
  </si>
  <si>
    <t>80313.0</t>
  </si>
  <si>
    <t>112174.0</t>
  </si>
  <si>
    <t>-15870.1</t>
  </si>
  <si>
    <t>-128.034553072997</t>
  </si>
  <si>
    <t>26718229.0</t>
  </si>
  <si>
    <t>53787.0</t>
  </si>
  <si>
    <t>46042.0</t>
  </si>
  <si>
    <t>199708679.0</t>
  </si>
  <si>
    <t>100822940.0</t>
  </si>
  <si>
    <t>98880805.0</t>
  </si>
  <si>
    <t>109718.0</t>
  </si>
  <si>
    <t>26770951.0</t>
  </si>
  <si>
    <t>52722.0</t>
  </si>
  <si>
    <t>214.834</t>
  </si>
  <si>
    <t>46927.0</t>
  </si>
  <si>
    <t>484.5</t>
  </si>
  <si>
    <t>199757713.0</t>
  </si>
  <si>
    <t>100838222.0</t>
  </si>
  <si>
    <t>98910665.0</t>
  </si>
  <si>
    <t>49034.0</t>
  </si>
  <si>
    <t>104366.0</t>
  </si>
  <si>
    <t>26827895.0</t>
  </si>
  <si>
    <t>56944.0</t>
  </si>
  <si>
    <t>215.291</t>
  </si>
  <si>
    <t>46205.0</t>
  </si>
  <si>
    <t>458.1</t>
  </si>
  <si>
    <t>199850355.0</t>
  </si>
  <si>
    <t>100867388.0</t>
  </si>
  <si>
    <t>98964024.0</t>
  </si>
  <si>
    <t>92642.0</t>
  </si>
  <si>
    <t>96256.0</t>
  </si>
  <si>
    <t>26855528.0</t>
  </si>
  <si>
    <t>215.512</t>
  </si>
  <si>
    <t>44540.0</t>
  </si>
  <si>
    <t>441.6</t>
  </si>
  <si>
    <t>199974734.0</t>
  </si>
  <si>
    <t>100912045.0</t>
  </si>
  <si>
    <t>99041153.0</t>
  </si>
  <si>
    <t>21536.0</t>
  </si>
  <si>
    <t>124379.0</t>
  </si>
  <si>
    <t>161.33</t>
  </si>
  <si>
    <t>26869715.0</t>
  </si>
  <si>
    <t>215.626</t>
  </si>
  <si>
    <t>200025049.0</t>
  </si>
  <si>
    <t>100928265.0</t>
  </si>
  <si>
    <t>99074430.0</t>
  </si>
  <si>
    <t>50315.0</t>
  </si>
  <si>
    <t>161.37</t>
  </si>
  <si>
    <t>26917715.0</t>
  </si>
  <si>
    <t>216.011</t>
  </si>
  <si>
    <t>415.9</t>
  </si>
  <si>
    <t>200075279.0</t>
  </si>
  <si>
    <t>100942302.0</t>
  </si>
  <si>
    <t>99100295.0</t>
  </si>
  <si>
    <t>50230.0</t>
  </si>
  <si>
    <t>71571.0</t>
  </si>
  <si>
    <t>161.41</t>
  </si>
  <si>
    <t>26967369.0</t>
  </si>
  <si>
    <t>49654.0</t>
  </si>
  <si>
    <t>216.41</t>
  </si>
  <si>
    <t>200123841.0</t>
  </si>
  <si>
    <t>100954085.0</t>
  </si>
  <si>
    <t>99124787.0</t>
  </si>
  <si>
    <t>27019380.0</t>
  </si>
  <si>
    <t>216.827</t>
  </si>
  <si>
    <t>43022.0</t>
  </si>
  <si>
    <t>399.9</t>
  </si>
  <si>
    <t>200168237.0</t>
  </si>
  <si>
    <t>100960924.0</t>
  </si>
  <si>
    <t>99148396.0</t>
  </si>
  <si>
    <t>58917.0</t>
  </si>
  <si>
    <t>65651.0</t>
  </si>
  <si>
    <t>19712.0</t>
  </si>
  <si>
    <t>27068218.0</t>
  </si>
  <si>
    <t>48838.0</t>
  </si>
  <si>
    <t>217.219</t>
  </si>
  <si>
    <t>374.4</t>
  </si>
  <si>
    <t>200211477.0</t>
  </si>
  <si>
    <t>100965783.0</t>
  </si>
  <si>
    <t>99170453.0</t>
  </si>
  <si>
    <t>75241.0</t>
  </si>
  <si>
    <t>18223.0</t>
  </si>
  <si>
    <t>27131473.0</t>
  </si>
  <si>
    <t>63255.0</t>
  </si>
  <si>
    <t>217.727</t>
  </si>
  <si>
    <t>43368.0</t>
  </si>
  <si>
    <t>384.8</t>
  </si>
  <si>
    <t>200306668.0</t>
  </si>
  <si>
    <t>100973709.0</t>
  </si>
  <si>
    <t>99214744.0</t>
  </si>
  <si>
    <t>118215.0</t>
  </si>
  <si>
    <t>95191.0</t>
  </si>
  <si>
    <t>65188.0</t>
  </si>
  <si>
    <t>27166322.0</t>
  </si>
  <si>
    <t>218.006</t>
  </si>
  <si>
    <t>44399.0</t>
  </si>
  <si>
    <t>388.5</t>
  </si>
  <si>
    <t>200386694.0</t>
  </si>
  <si>
    <t>100984734.0</t>
  </si>
  <si>
    <t>99276699.0</t>
  </si>
  <si>
    <t>125261.0</t>
  </si>
  <si>
    <t>80026.0</t>
  </si>
  <si>
    <t>10384.0</t>
  </si>
  <si>
    <t>27182528.0</t>
  </si>
  <si>
    <t>218.136</t>
  </si>
  <si>
    <t>200416807.0</t>
  </si>
  <si>
    <t>100989166.0</t>
  </si>
  <si>
    <t>99301605.0</t>
  </si>
  <si>
    <t>126036.0</t>
  </si>
  <si>
    <t>55965.0</t>
  </si>
  <si>
    <t>161.69</t>
  </si>
  <si>
    <t>27236037.0</t>
  </si>
  <si>
    <t>53509.0</t>
  </si>
  <si>
    <t>218.566</t>
  </si>
  <si>
    <t>394.5</t>
  </si>
  <si>
    <t>200477554.0</t>
  </si>
  <si>
    <t>100993854.0</t>
  </si>
  <si>
    <t>99323533.0</t>
  </si>
  <si>
    <t>60747.0</t>
  </si>
  <si>
    <t>57468.0</t>
  </si>
  <si>
    <t>161.74</t>
  </si>
  <si>
    <t>27284620.0</t>
  </si>
  <si>
    <t>218.956</t>
  </si>
  <si>
    <t>379.5</t>
  </si>
  <si>
    <t>200531130.0</t>
  </si>
  <si>
    <t>101001177.0</t>
  </si>
  <si>
    <t>99331284.0</t>
  </si>
  <si>
    <t>198669.0</t>
  </si>
  <si>
    <t>58184.0</t>
  </si>
  <si>
    <t>161.78</t>
  </si>
  <si>
    <t>27333787.0</t>
  </si>
  <si>
    <t>49167.0</t>
  </si>
  <si>
    <t>360.1</t>
  </si>
  <si>
    <t>200610809.0</t>
  </si>
  <si>
    <t>101010840.0</t>
  </si>
  <si>
    <t>99353506.0</t>
  </si>
  <si>
    <t>246463.0</t>
  </si>
  <si>
    <t>79679.0</t>
  </si>
  <si>
    <t>63225.0</t>
  </si>
  <si>
    <t>27383971.0</t>
  </si>
  <si>
    <t>50184.0</t>
  </si>
  <si>
    <t>219.753</t>
  </si>
  <si>
    <t>45108.0</t>
  </si>
  <si>
    <t>200694150.0</t>
  </si>
  <si>
    <t>101021042.0</t>
  </si>
  <si>
    <t>99373835.0</t>
  </si>
  <si>
    <t>299273.0</t>
  </si>
  <si>
    <t>27443659.0</t>
  </si>
  <si>
    <t>220.232</t>
  </si>
  <si>
    <t>344.2</t>
  </si>
  <si>
    <t>200854926.0</t>
  </si>
  <si>
    <t>101043996.0</t>
  </si>
  <si>
    <t>99415416.0</t>
  </si>
  <si>
    <t>395514.0</t>
  </si>
  <si>
    <t>160776.0</t>
  </si>
  <si>
    <t>10041.0</t>
  </si>
  <si>
    <t>27472787.0</t>
  </si>
  <si>
    <t>220.466</t>
  </si>
  <si>
    <t>200972498.0</t>
  </si>
  <si>
    <t>101079468.0</t>
  </si>
  <si>
    <t>99474314.0</t>
  </si>
  <si>
    <t>418716.0</t>
  </si>
  <si>
    <t>83686.0</t>
  </si>
  <si>
    <t>27487539.0</t>
  </si>
  <si>
    <t>220.584</t>
  </si>
  <si>
    <t>201011567.0</t>
  </si>
  <si>
    <t>101093865.0</t>
  </si>
  <si>
    <t>99496376.0</t>
  </si>
  <si>
    <t>421326.0</t>
  </si>
  <si>
    <t>27532023.0</t>
  </si>
  <si>
    <t>44484.0</t>
  </si>
  <si>
    <t>220.941</t>
  </si>
  <si>
    <t>282.2</t>
  </si>
  <si>
    <t>201094284.0</t>
  </si>
  <si>
    <t>101100344.0</t>
  </si>
  <si>
    <t>99515424.0</t>
  </si>
  <si>
    <t>478516.0</t>
  </si>
  <si>
    <t>82717.0</t>
  </si>
  <si>
    <t>162.24</t>
  </si>
  <si>
    <t>15213.0</t>
  </si>
  <si>
    <t>27582198.0</t>
  </si>
  <si>
    <t>50175.0</t>
  </si>
  <si>
    <t>221.344</t>
  </si>
  <si>
    <t>42511.0</t>
  </si>
  <si>
    <t>201190116.0</t>
  </si>
  <si>
    <t>101112819.0</t>
  </si>
  <si>
    <t>99534285.0</t>
  </si>
  <si>
    <t>543012.0</t>
  </si>
  <si>
    <t>95832.0</t>
  </si>
  <si>
    <t>94141.0</t>
  </si>
  <si>
    <t>27634349.0</t>
  </si>
  <si>
    <t>52151.0</t>
  </si>
  <si>
    <t>221.762</t>
  </si>
  <si>
    <t>201293268.0</t>
  </si>
  <si>
    <t>101125538.0</t>
  </si>
  <si>
    <t>99553085.0</t>
  </si>
  <si>
    <t>614645.0</t>
  </si>
  <si>
    <t>103152.0</t>
  </si>
  <si>
    <t>27681835.0</t>
  </si>
  <si>
    <t>222.143</t>
  </si>
  <si>
    <t>201395034.0</t>
  </si>
  <si>
    <t>101136072.0</t>
  </si>
  <si>
    <t>99569718.0</t>
  </si>
  <si>
    <t>689244.0</t>
  </si>
  <si>
    <t>101766.0</t>
  </si>
  <si>
    <t>27733163.0</t>
  </si>
  <si>
    <t>222.555</t>
  </si>
  <si>
    <t>201562820.0</t>
  </si>
  <si>
    <t>101154512.0</t>
  </si>
  <si>
    <t>99602334.0</t>
  </si>
  <si>
    <t>805974.0</t>
  </si>
  <si>
    <t>167786.0</t>
  </si>
  <si>
    <t>101128.0</t>
  </si>
  <si>
    <t>27769177.0</t>
  </si>
  <si>
    <t>222.844</t>
  </si>
  <si>
    <t>42341.0</t>
  </si>
  <si>
    <t>201686630.0</t>
  </si>
  <si>
    <t>101182465.0</t>
  </si>
  <si>
    <t>99653962.0</t>
  </si>
  <si>
    <t>850203.0</t>
  </si>
  <si>
    <t>123810.0</t>
  </si>
  <si>
    <t>102019.0</t>
  </si>
  <si>
    <t>14714.0</t>
  </si>
  <si>
    <t>27787197.0</t>
  </si>
  <si>
    <t>201726686.0</t>
  </si>
  <si>
    <t>101193886.0</t>
  </si>
  <si>
    <t>99675383.0</t>
  </si>
  <si>
    <t>857417.0</t>
  </si>
  <si>
    <t>102160.0</t>
  </si>
  <si>
    <t>27839101.0</t>
  </si>
  <si>
    <t>51904.0</t>
  </si>
  <si>
    <t>223.405</t>
  </si>
  <si>
    <t>201809645.0</t>
  </si>
  <si>
    <t>101202799.0</t>
  </si>
  <si>
    <t>99691756.0</t>
  </si>
  <si>
    <t>915090.0</t>
  </si>
  <si>
    <t>82959.0</t>
  </si>
  <si>
    <t>102194.0</t>
  </si>
  <si>
    <t>162.81</t>
  </si>
  <si>
    <t>27899039.0</t>
  </si>
  <si>
    <t>223.886</t>
  </si>
  <si>
    <t>201902169.0</t>
  </si>
  <si>
    <t>101209940.0</t>
  </si>
  <si>
    <t>99704728.0</t>
  </si>
  <si>
    <t>987501.0</t>
  </si>
  <si>
    <t>92524.0</t>
  </si>
  <si>
    <t>101722.0</t>
  </si>
  <si>
    <t>27936807.0</t>
  </si>
  <si>
    <t>37768.0</t>
  </si>
  <si>
    <t>224.189</t>
  </si>
  <si>
    <t>201953022.0</t>
  </si>
  <si>
    <t>101212867.0</t>
  </si>
  <si>
    <t>99709295.0</t>
  </si>
  <si>
    <t>1030860.0</t>
  </si>
  <si>
    <t>94251.0</t>
  </si>
  <si>
    <t>162.93</t>
  </si>
  <si>
    <t>27962128.0</t>
  </si>
  <si>
    <t>224.393</t>
  </si>
  <si>
    <t>201966147.0</t>
  </si>
  <si>
    <t>101213807.0</t>
  </si>
  <si>
    <t>99710520.0</t>
  </si>
  <si>
    <t>1041820.0</t>
  </si>
  <si>
    <t>27993035.0</t>
  </si>
  <si>
    <t>224.641</t>
  </si>
  <si>
    <t>37125.0</t>
  </si>
  <si>
    <t>201967421.0</t>
  </si>
  <si>
    <t>101214016.0</t>
  </si>
  <si>
    <t>99710722.0</t>
  </si>
  <si>
    <t>1042683.0</t>
  </si>
  <si>
    <t>-13147.4</t>
  </si>
  <si>
    <t>-106.06873826075</t>
  </si>
  <si>
    <t>28000037.0</t>
  </si>
  <si>
    <t>201967761.0</t>
  </si>
  <si>
    <t>101214030.0</t>
  </si>
  <si>
    <t>99710746.0</t>
  </si>
  <si>
    <t>1042985.0</t>
  </si>
  <si>
    <t>28011402.0</t>
  </si>
  <si>
    <t>224.788</t>
  </si>
  <si>
    <t>32029.0</t>
  </si>
  <si>
    <t>201968689.0</t>
  </si>
  <si>
    <t>101214158.0</t>
  </si>
  <si>
    <t>99710936.0</t>
  </si>
  <si>
    <t>1043595.0</t>
  </si>
  <si>
    <t>34572.0</t>
  </si>
  <si>
    <t>28017007.0</t>
  </si>
  <si>
    <t>25415.0</t>
  </si>
  <si>
    <t>201969871.0</t>
  </si>
  <si>
    <t>101214273.0</t>
  </si>
  <si>
    <t>99711183.0</t>
  </si>
  <si>
    <t>1044415.0</t>
  </si>
  <si>
    <t>28104424.0</t>
  </si>
  <si>
    <t>87417.0</t>
  </si>
  <si>
    <t>225.534</t>
  </si>
  <si>
    <t>201991222.0</t>
  </si>
  <si>
    <t>101217557.0</t>
  </si>
  <si>
    <t>99717684.0</t>
  </si>
  <si>
    <t>1055981.0</t>
  </si>
  <si>
    <t>162.96</t>
  </si>
  <si>
    <t>28190174.0</t>
  </si>
  <si>
    <t>85750.0</t>
  </si>
  <si>
    <t>226.223</t>
  </si>
  <si>
    <t>36195.0</t>
  </si>
  <si>
    <t>202037700.0</t>
  </si>
  <si>
    <t>101223548.0</t>
  </si>
  <si>
    <t>99728178.0</t>
  </si>
  <si>
    <t>1085974.0</t>
  </si>
  <si>
    <t>46478.0</t>
  </si>
  <si>
    <t>28255550.0</t>
  </si>
  <si>
    <t>65376.0</t>
  </si>
  <si>
    <t>226.747</t>
  </si>
  <si>
    <t>202097113.0</t>
  </si>
  <si>
    <t>101230281.0</t>
  </si>
  <si>
    <t>99738985.0</t>
  </si>
  <si>
    <t>1127847.0</t>
  </si>
  <si>
    <t>59413.0</t>
  </si>
  <si>
    <t>28353317.0</t>
  </si>
  <si>
    <t>227.532</t>
  </si>
  <si>
    <t>202247029.0</t>
  </si>
  <si>
    <t>101246719.0</t>
  </si>
  <si>
    <t>99764430.0</t>
  </si>
  <si>
    <t>1235880.0</t>
  </si>
  <si>
    <t>149916.0</t>
  </si>
  <si>
    <t>39944.0</t>
  </si>
  <si>
    <t>28409369.0</t>
  </si>
  <si>
    <t>56052.0</t>
  </si>
  <si>
    <t>227.982</t>
  </si>
  <si>
    <t>202435184.0</t>
  </si>
  <si>
    <t>101273880.0</t>
  </si>
  <si>
    <t>99804663.0</t>
  </si>
  <si>
    <t>1356641.0</t>
  </si>
  <si>
    <t>188155.0</t>
  </si>
  <si>
    <t>28443325.0</t>
  </si>
  <si>
    <t>228.254</t>
  </si>
  <si>
    <t>202476252.0</t>
  </si>
  <si>
    <t>101284289.0</t>
  </si>
  <si>
    <t>99818862.0</t>
  </si>
  <si>
    <t>1373101.0</t>
  </si>
  <si>
    <t>41068.0</t>
  </si>
  <si>
    <t>72509.0</t>
  </si>
  <si>
    <t>28476365.0</t>
  </si>
  <si>
    <t>228.519</t>
  </si>
  <si>
    <t>202485390.0</t>
  </si>
  <si>
    <t>101285608.0</t>
  </si>
  <si>
    <t>99821174.0</t>
  </si>
  <si>
    <t>1378608.0</t>
  </si>
  <si>
    <t>163.36</t>
  </si>
  <si>
    <t>28587320.0</t>
  </si>
  <si>
    <t>110955.0</t>
  </si>
  <si>
    <t>229.41</t>
  </si>
  <si>
    <t>202603259.0</t>
  </si>
  <si>
    <t>101294584.0</t>
  </si>
  <si>
    <t>99836422.0</t>
  </si>
  <si>
    <t>1472253.0</t>
  </si>
  <si>
    <t>117869.0</t>
  </si>
  <si>
    <t>28715568.0</t>
  </si>
  <si>
    <t>128248.0</t>
  </si>
  <si>
    <t>230.439</t>
  </si>
  <si>
    <t>202754730.0</t>
  </si>
  <si>
    <t>101303734.0</t>
  </si>
  <si>
    <t>99850307.0</t>
  </si>
  <si>
    <t>1600689.0</t>
  </si>
  <si>
    <t>151471.0</t>
  </si>
  <si>
    <t>102433.0</t>
  </si>
  <si>
    <t>28863471.0</t>
  </si>
  <si>
    <t>147903.0</t>
  </si>
  <si>
    <t>231.626</t>
  </si>
  <si>
    <t>86846.0</t>
  </si>
  <si>
    <t>202905077.0</t>
  </si>
  <si>
    <t>101311981.0</t>
  </si>
  <si>
    <t>99861491.0</t>
  </si>
  <si>
    <t>1731605.0</t>
  </si>
  <si>
    <t>150347.0</t>
  </si>
  <si>
    <t>115423.0</t>
  </si>
  <si>
    <t>163.7</t>
  </si>
  <si>
    <t>28998433.0</t>
  </si>
  <si>
    <t>134962.0</t>
  </si>
  <si>
    <t>232.709</t>
  </si>
  <si>
    <t>92159.0</t>
  </si>
  <si>
    <t>203181342.0</t>
  </si>
  <si>
    <t>101329386.0</t>
  </si>
  <si>
    <t>99882116.0</t>
  </si>
  <si>
    <t>1969840.0</t>
  </si>
  <si>
    <t>276265.0</t>
  </si>
  <si>
    <t>133473.0</t>
  </si>
  <si>
    <t>29092292.0</t>
  </si>
  <si>
    <t>233.462</t>
  </si>
  <si>
    <t>97560.0</t>
  </si>
  <si>
    <t>203421413.0</t>
  </si>
  <si>
    <t>101356537.0</t>
  </si>
  <si>
    <t>99914028.0</t>
  </si>
  <si>
    <t>2150848.0</t>
  </si>
  <si>
    <t>240071.0</t>
  </si>
  <si>
    <t>164.11</t>
  </si>
  <si>
    <t>29154505.0</t>
  </si>
  <si>
    <t>62213.0</t>
  </si>
  <si>
    <t>233.961</t>
  </si>
  <si>
    <t>203480458.0</t>
  </si>
  <si>
    <t>101367345.0</t>
  </si>
  <si>
    <t>99927126.0</t>
  </si>
  <si>
    <t>2185987.0</t>
  </si>
  <si>
    <t>59045.0</t>
  </si>
  <si>
    <t>143458.0</t>
  </si>
  <si>
    <t>164.16</t>
  </si>
  <si>
    <t>29347245.0</t>
  </si>
  <si>
    <t>192740.0</t>
  </si>
  <si>
    <t>235.508</t>
  </si>
  <si>
    <t>124411.0</t>
  </si>
  <si>
    <t>203663801.0</t>
  </si>
  <si>
    <t>101378386.0</t>
  </si>
  <si>
    <t>99937464.0</t>
  </si>
  <si>
    <t>2347951.0</t>
  </si>
  <si>
    <t>183343.0</t>
  </si>
  <si>
    <t>168344.0</t>
  </si>
  <si>
    <t>29493077.0</t>
  </si>
  <si>
    <t>145832.0</t>
  </si>
  <si>
    <t>236.678</t>
  </si>
  <si>
    <t>129394.0</t>
  </si>
  <si>
    <t>203896016.0</t>
  </si>
  <si>
    <t>101389829.0</t>
  </si>
  <si>
    <t>99945063.0</t>
  </si>
  <si>
    <t>2561124.0</t>
  </si>
  <si>
    <t>232215.0</t>
  </si>
  <si>
    <t>184680.0</t>
  </si>
  <si>
    <t>5.534</t>
  </si>
  <si>
    <t>29714759.0</t>
  </si>
  <si>
    <t>221682.0</t>
  </si>
  <si>
    <t>238.457</t>
  </si>
  <si>
    <t>142742.0</t>
  </si>
  <si>
    <t>204151068.0</t>
  </si>
  <si>
    <t>101400564.0</t>
  </si>
  <si>
    <t>99950357.0</t>
  </si>
  <si>
    <t>2800147.0</t>
  </si>
  <si>
    <t>255052.0</t>
  </si>
  <si>
    <t>199477.0</t>
  </si>
  <si>
    <t>29905819.0</t>
  </si>
  <si>
    <t>148907.0</t>
  </si>
  <si>
    <t>204404582.0</t>
  </si>
  <si>
    <t>101410919.0</t>
  </si>
  <si>
    <t>99954119.0</t>
  </si>
  <si>
    <t>3039544.0</t>
  </si>
  <si>
    <t>253514.0</t>
  </si>
  <si>
    <t>214215.0</t>
  </si>
  <si>
    <t>164.91</t>
  </si>
  <si>
    <t>14134.0</t>
  </si>
  <si>
    <t>30139495.0</t>
  </si>
  <si>
    <t>233676.0</t>
  </si>
  <si>
    <t>241.866</t>
  </si>
  <si>
    <t>204800646.0</t>
  </si>
  <si>
    <t>101423089.0</t>
  </si>
  <si>
    <t>99960271.0</t>
  </si>
  <si>
    <t>3417286.0</t>
  </si>
  <si>
    <t>396064.0</t>
  </si>
  <si>
    <t>30303393.0</t>
  </si>
  <si>
    <t>163898.0</t>
  </si>
  <si>
    <t>243.181</t>
  </si>
  <si>
    <t>173014.0</t>
  </si>
  <si>
    <t>205121964.0</t>
  </si>
  <si>
    <t>101450867.0</t>
  </si>
  <si>
    <t>99967270.0</t>
  </si>
  <si>
    <t>3703827.0</t>
  </si>
  <si>
    <t>321318.0</t>
  </si>
  <si>
    <t>242936.0</t>
  </si>
  <si>
    <t>30387432.0</t>
  </si>
  <si>
    <t>243.855</t>
  </si>
  <si>
    <t>176132.0</t>
  </si>
  <si>
    <t>205222432.0</t>
  </si>
  <si>
    <t>101460891.0</t>
  </si>
  <si>
    <t>99970484.0</t>
  </si>
  <si>
    <t>3791057.0</t>
  </si>
  <si>
    <t>100468.0</t>
  </si>
  <si>
    <t>248853.0</t>
  </si>
  <si>
    <t>165.57</t>
  </si>
  <si>
    <t>30633747.0</t>
  </si>
  <si>
    <t>246315.0</t>
  </si>
  <si>
    <t>245.832</t>
  </si>
  <si>
    <t>183786.0</t>
  </si>
  <si>
    <t>205503355.0</t>
  </si>
  <si>
    <t>101471884.0</t>
  </si>
  <si>
    <t>99972972.0</t>
  </si>
  <si>
    <t>4058499.0</t>
  </si>
  <si>
    <t>280923.0</t>
  </si>
  <si>
    <t>262793.0</t>
  </si>
  <si>
    <t>30857520.0</t>
  </si>
  <si>
    <t>223773.0</t>
  </si>
  <si>
    <t>247.628</t>
  </si>
  <si>
    <t>194920.0</t>
  </si>
  <si>
    <t>205832916.0</t>
  </si>
  <si>
    <t>101482936.0</t>
  </si>
  <si>
    <t>99977209.0</t>
  </si>
  <si>
    <t>4372771.0</t>
  </si>
  <si>
    <t>329561.0</t>
  </si>
  <si>
    <t>276700.0</t>
  </si>
  <si>
    <t>166.06</t>
  </si>
  <si>
    <t>31146491.0</t>
  </si>
  <si>
    <t>288971.0</t>
  </si>
  <si>
    <t>249.947</t>
  </si>
  <si>
    <t>204533.0</t>
  </si>
  <si>
    <t>0.2644</t>
  </si>
  <si>
    <t>206182160.0</t>
  </si>
  <si>
    <t>101493343.0</t>
  </si>
  <si>
    <t>99983147.0</t>
  </si>
  <si>
    <t>4705670.0</t>
  </si>
  <si>
    <t>349244.0</t>
  </si>
  <si>
    <t>290156.0</t>
  </si>
  <si>
    <t>166.34</t>
  </si>
  <si>
    <t>31361308.0</t>
  </si>
  <si>
    <t>214817.0</t>
  </si>
  <si>
    <t>251.671</t>
  </si>
  <si>
    <t>207927.0</t>
  </si>
  <si>
    <t>0.2826</t>
  </si>
  <si>
    <t>206523068.0</t>
  </si>
  <si>
    <t>101502948.0</t>
  </si>
  <si>
    <t>99989813.0</t>
  </si>
  <si>
    <t>5030307.0</t>
  </si>
  <si>
    <t>340908.0</t>
  </si>
  <si>
    <t>302641.0</t>
  </si>
  <si>
    <t>166.62</t>
  </si>
  <si>
    <t>31635466.0</t>
  </si>
  <si>
    <t>274158.0</t>
  </si>
  <si>
    <t>253.871</t>
  </si>
  <si>
    <t>213710.0</t>
  </si>
  <si>
    <t>207008387.0</t>
  </si>
  <si>
    <t>101522285.0</t>
  </si>
  <si>
    <t>100005981.0</t>
  </si>
  <si>
    <t>5480121.0</t>
  </si>
  <si>
    <t>485319.0</t>
  </si>
  <si>
    <t>315392.0</t>
  </si>
  <si>
    <t>14171.0</t>
  </si>
  <si>
    <t>31810108.0</t>
  </si>
  <si>
    <t>174642.0</t>
  </si>
  <si>
    <t>255.272</t>
  </si>
  <si>
    <t>215245.0</t>
  </si>
  <si>
    <t>207430739.0</t>
  </si>
  <si>
    <t>101548537.0</t>
  </si>
  <si>
    <t>100033449.0</t>
  </si>
  <si>
    <t>5848753.0</t>
  </si>
  <si>
    <t>422352.0</t>
  </si>
  <si>
    <t>329825.0</t>
  </si>
  <si>
    <t>167.35</t>
  </si>
  <si>
    <t>31928900.0</t>
  </si>
  <si>
    <t>118792.0</t>
  </si>
  <si>
    <t>256.225</t>
  </si>
  <si>
    <t>0.3256</t>
  </si>
  <si>
    <t>207621091.0</t>
  </si>
  <si>
    <t>101557975.0</t>
  </si>
  <si>
    <t>100044584.0</t>
  </si>
  <si>
    <t>6018532.0</t>
  </si>
  <si>
    <t>190352.0</t>
  </si>
  <si>
    <t>342666.0</t>
  </si>
  <si>
    <t>32178877.0</t>
  </si>
  <si>
    <t>249977.0</t>
  </si>
  <si>
    <t>258.231</t>
  </si>
  <si>
    <t>220733.0</t>
  </si>
  <si>
    <t>207976103.0</t>
  </si>
  <si>
    <t>101567555.0</t>
  </si>
  <si>
    <t>100047419.0</t>
  </si>
  <si>
    <t>6361129.0</t>
  </si>
  <si>
    <t>355012.0</t>
  </si>
  <si>
    <t>353250.0</t>
  </si>
  <si>
    <t>-13742.6</t>
  </si>
  <si>
    <t>-110.870608821682</t>
  </si>
  <si>
    <t>32432569.0</t>
  </si>
  <si>
    <t>253692.0</t>
  </si>
  <si>
    <t>260.267</t>
  </si>
  <si>
    <t>225007.0</t>
  </si>
  <si>
    <t>208645455.0</t>
  </si>
  <si>
    <t>101580030.0</t>
  </si>
  <si>
    <t>100054808.0</t>
  </si>
  <si>
    <t>7010617.0</t>
  </si>
  <si>
    <t>669352.0</t>
  </si>
  <si>
    <t>32697200.0</t>
  </si>
  <si>
    <t>264631.0</t>
  </si>
  <si>
    <t>262.391</t>
  </si>
  <si>
    <t>221530.0</t>
  </si>
  <si>
    <t>0.3614</t>
  </si>
  <si>
    <t>209294698.0</t>
  </si>
  <si>
    <t>101587152.0</t>
  </si>
  <si>
    <t>100062375.0</t>
  </si>
  <si>
    <t>7645171.0</t>
  </si>
  <si>
    <t>649243.0</t>
  </si>
  <si>
    <t>444648.0</t>
  </si>
  <si>
    <t>32963234.0</t>
  </si>
  <si>
    <t>266034.0</t>
  </si>
  <si>
    <t>264.526</t>
  </si>
  <si>
    <t>228847.0</t>
  </si>
  <si>
    <t>0.3659</t>
  </si>
  <si>
    <t>209951809.0</t>
  </si>
  <si>
    <t>101596776.0</t>
  </si>
  <si>
    <t>100069859.0</t>
  </si>
  <si>
    <t>8285174.0</t>
  </si>
  <si>
    <t>657111.0</t>
  </si>
  <si>
    <t>489820.0</t>
  </si>
  <si>
    <t>169.38</t>
  </si>
  <si>
    <t>33200760.0</t>
  </si>
  <si>
    <t>237526.0</t>
  </si>
  <si>
    <t>266.432</t>
  </si>
  <si>
    <t>223613.0</t>
  </si>
  <si>
    <t>0.3849</t>
  </si>
  <si>
    <t>210774928.0</t>
  </si>
  <si>
    <t>101615400.0</t>
  </si>
  <si>
    <t>100085885.0</t>
  </si>
  <si>
    <t>9073643.0</t>
  </si>
  <si>
    <t>823119.0</t>
  </si>
  <si>
    <t>538077.0</t>
  </si>
  <si>
    <t>170.05</t>
  </si>
  <si>
    <t>33369641.0</t>
  </si>
  <si>
    <t>168881.0</t>
  </si>
  <si>
    <t>267.787</t>
  </si>
  <si>
    <t>222790.0</t>
  </si>
  <si>
    <t>211558010.0</t>
  </si>
  <si>
    <t>101640750.0</t>
  </si>
  <si>
    <t>100110362.0</t>
  </si>
  <si>
    <t>9806898.0</t>
  </si>
  <si>
    <t>783082.0</t>
  </si>
  <si>
    <t>589610.0</t>
  </si>
  <si>
    <t>33456153.0</t>
  </si>
  <si>
    <t>268.481</t>
  </si>
  <si>
    <t>218179.0</t>
  </si>
  <si>
    <t>212069784.0</t>
  </si>
  <si>
    <t>101650183.0</t>
  </si>
  <si>
    <t>100120178.0</t>
  </si>
  <si>
    <t>10299423.0</t>
  </si>
  <si>
    <t>511774.0</t>
  </si>
  <si>
    <t>635528.0</t>
  </si>
  <si>
    <t>171.09</t>
  </si>
  <si>
    <t>33773142.0</t>
  </si>
  <si>
    <t>316989.0</t>
  </si>
  <si>
    <t>271.025</t>
  </si>
  <si>
    <t>227752.0</t>
  </si>
  <si>
    <t>212882413.0</t>
  </si>
  <si>
    <t>101661968.0</t>
  </si>
  <si>
    <t>100129849.0</t>
  </si>
  <si>
    <t>11090596.0</t>
  </si>
  <si>
    <t>812629.0</t>
  </si>
  <si>
    <t>700901.0</t>
  </si>
  <si>
    <t>33989730.0</t>
  </si>
  <si>
    <t>216588.0</t>
  </si>
  <si>
    <t>222452.0</t>
  </si>
  <si>
    <t>213792389.0</t>
  </si>
  <si>
    <t>101671800.0</t>
  </si>
  <si>
    <t>100140522.0</t>
  </si>
  <si>
    <t>11980067.0</t>
  </si>
  <si>
    <t>909976.0</t>
  </si>
  <si>
    <t>735276.0</t>
  </si>
  <si>
    <t>172.48</t>
  </si>
  <si>
    <t>26734.0</t>
  </si>
  <si>
    <t>34246893.0</t>
  </si>
  <si>
    <t>257163.0</t>
  </si>
  <si>
    <t>274.827</t>
  </si>
  <si>
    <t>221385.0</t>
  </si>
  <si>
    <t>0.4268</t>
  </si>
  <si>
    <t>214687778.0</t>
  </si>
  <si>
    <t>101681245.0</t>
  </si>
  <si>
    <t>100150309.0</t>
  </si>
  <si>
    <t>12856224.0</t>
  </si>
  <si>
    <t>895389.0</t>
  </si>
  <si>
    <t>770440.0</t>
  </si>
  <si>
    <t>34457138.0</t>
  </si>
  <si>
    <t>210245.0</t>
  </si>
  <si>
    <t>276.514</t>
  </si>
  <si>
    <t>213415.0</t>
  </si>
  <si>
    <t>0.4396</t>
  </si>
  <si>
    <t>215607681.0</t>
  </si>
  <si>
    <t>101690229.0</t>
  </si>
  <si>
    <t>100160754.0</t>
  </si>
  <si>
    <t>13756698.0</t>
  </si>
  <si>
    <t>919903.0</t>
  </si>
  <si>
    <t>807982.0</t>
  </si>
  <si>
    <t>173.94</t>
  </si>
  <si>
    <t>34631334.0</t>
  </si>
  <si>
    <t>174196.0</t>
  </si>
  <si>
    <t>277.912</t>
  </si>
  <si>
    <t>204368.0</t>
  </si>
  <si>
    <t>216001347.0</t>
  </si>
  <si>
    <t>101694547.0</t>
  </si>
  <si>
    <t>100163924.0</t>
  </si>
  <si>
    <t>14142876.0</t>
  </si>
  <si>
    <t>393666.0</t>
  </si>
  <si>
    <t>746631.0</t>
  </si>
  <si>
    <t>34737506.0</t>
  </si>
  <si>
    <t>106172.0</t>
  </si>
  <si>
    <t>278.764</t>
  </si>
  <si>
    <t>195409.0</t>
  </si>
  <si>
    <t>0.4554</t>
  </si>
  <si>
    <t>216943259.0</t>
  </si>
  <si>
    <t>101712630.0</t>
  </si>
  <si>
    <t>100190191.0</t>
  </si>
  <si>
    <t>15040438.0</t>
  </si>
  <si>
    <t>941912.0</t>
  </si>
  <si>
    <t>769321.0</t>
  </si>
  <si>
    <t>34807845.0</t>
  </si>
  <si>
    <t>70339.0</t>
  </si>
  <si>
    <t>279.329</t>
  </si>
  <si>
    <t>193099.0</t>
  </si>
  <si>
    <t>217579945.0</t>
  </si>
  <si>
    <t>101720091.0</t>
  </si>
  <si>
    <t>100199496.0</t>
  </si>
  <si>
    <t>15660358.0</t>
  </si>
  <si>
    <t>636686.0</t>
  </si>
  <si>
    <t>787166.0</t>
  </si>
  <si>
    <t>35018342.0</t>
  </si>
  <si>
    <t>210497.0</t>
  </si>
  <si>
    <t>281.018</t>
  </si>
  <si>
    <t>177886.0</t>
  </si>
  <si>
    <t>0.4839</t>
  </si>
  <si>
    <t>218479700.0</t>
  </si>
  <si>
    <t>101728137.0</t>
  </si>
  <si>
    <t>100209970.0</t>
  </si>
  <si>
    <t>16541593.0</t>
  </si>
  <si>
    <t>899755.0</t>
  </si>
  <si>
    <t>799612.0</t>
  </si>
  <si>
    <t>176.26</t>
  </si>
  <si>
    <t>35196187.0</t>
  </si>
  <si>
    <t>177845.0</t>
  </si>
  <si>
    <t>282.445</t>
  </si>
  <si>
    <t>172351.0</t>
  </si>
  <si>
    <t>219480828.0</t>
  </si>
  <si>
    <t>101737414.0</t>
  </si>
  <si>
    <t>100220875.0</t>
  </si>
  <si>
    <t>17522539.0</t>
  </si>
  <si>
    <t>1001128.0</t>
  </si>
  <si>
    <t>812634.0</t>
  </si>
  <si>
    <t>35424903.0</t>
  </si>
  <si>
    <t>228716.0</t>
  </si>
  <si>
    <t>284.28</t>
  </si>
  <si>
    <t>168287.0</t>
  </si>
  <si>
    <t>0.4913</t>
  </si>
  <si>
    <t>220446520.0</t>
  </si>
  <si>
    <t>101746505.0</t>
  </si>
  <si>
    <t>100230379.0</t>
  </si>
  <si>
    <t>18469636.0</t>
  </si>
  <si>
    <t>822677.0</t>
  </si>
  <si>
    <t>177.85</t>
  </si>
  <si>
    <t>35631207.0</t>
  </si>
  <si>
    <t>206304.0</t>
  </si>
  <si>
    <t>285.936</t>
  </si>
  <si>
    <t>167724.0</t>
  </si>
  <si>
    <t>0.4891</t>
  </si>
  <si>
    <t>221402909.0</t>
  </si>
  <si>
    <t>101755045.0</t>
  </si>
  <si>
    <t>100239439.0</t>
  </si>
  <si>
    <t>19408425.0</t>
  </si>
  <si>
    <t>956389.0</t>
  </si>
  <si>
    <t>827890.0</t>
  </si>
  <si>
    <t>178.62</t>
  </si>
  <si>
    <t>35879000.0</t>
  </si>
  <si>
    <t>287.924</t>
  </si>
  <si>
    <t>0.4517</t>
  </si>
  <si>
    <t>222529084.0</t>
  </si>
  <si>
    <t>101770508.0</t>
  </si>
  <si>
    <t>100259055.0</t>
  </si>
  <si>
    <t>20499521.0</t>
  </si>
  <si>
    <t>1126175.0</t>
  </si>
  <si>
    <t>932534.0</t>
  </si>
  <si>
    <t>179.53</t>
  </si>
  <si>
    <t>36013944.0</t>
  </si>
  <si>
    <t>134944.0</t>
  </si>
  <si>
    <t>289.007</t>
  </si>
  <si>
    <t>182348.0</t>
  </si>
  <si>
    <t>223631501.0</t>
  </si>
  <si>
    <t>101790727.0</t>
  </si>
  <si>
    <t>100284685.0</t>
  </si>
  <si>
    <t>21556089.0</t>
  </si>
  <si>
    <t>1102417.0</t>
  </si>
  <si>
    <t>955463.0</t>
  </si>
  <si>
    <t>36102787.0</t>
  </si>
  <si>
    <t>88843.0</t>
  </si>
  <si>
    <t>289.72</t>
  </si>
  <si>
    <t>184992.0</t>
  </si>
  <si>
    <t>224387915.0</t>
  </si>
  <si>
    <t>101799358.0</t>
  </si>
  <si>
    <t>100293599.0</t>
  </si>
  <si>
    <t>22294958.0</t>
  </si>
  <si>
    <t>756414.0</t>
  </si>
  <si>
    <t>972567.0</t>
  </si>
  <si>
    <t>181.03</t>
  </si>
  <si>
    <t>36280935.0</t>
  </si>
  <si>
    <t>178148.0</t>
  </si>
  <si>
    <t>291.15</t>
  </si>
  <si>
    <t>180370.0</t>
  </si>
  <si>
    <t>0.4456</t>
  </si>
  <si>
    <t>225337576.0</t>
  </si>
  <si>
    <t>101807042.0</t>
  </si>
  <si>
    <t>100303348.0</t>
  </si>
  <si>
    <t>23227186.0</t>
  </si>
  <si>
    <t>949661.0</t>
  </si>
  <si>
    <t>979697.0</t>
  </si>
  <si>
    <t>36501350.0</t>
  </si>
  <si>
    <t>220415.0</t>
  </si>
  <si>
    <t>292.919</t>
  </si>
  <si>
    <t>186452.0</t>
  </si>
  <si>
    <t>0.4198</t>
  </si>
  <si>
    <t>226414540.0</t>
  </si>
  <si>
    <t>101815790.0</t>
  </si>
  <si>
    <t>100316268.0</t>
  </si>
  <si>
    <t>24282482.0</t>
  </si>
  <si>
    <t>1076964.0</t>
  </si>
  <si>
    <t>990530.0</t>
  </si>
  <si>
    <t>182.66</t>
  </si>
  <si>
    <t>36620967.0</t>
  </si>
  <si>
    <t>119617.0</t>
  </si>
  <si>
    <t>170866.0</t>
  </si>
  <si>
    <t>0.4493</t>
  </si>
  <si>
    <t>226856140.0</t>
  </si>
  <si>
    <t>101818239.0</t>
  </si>
  <si>
    <t>100318849.0</t>
  </si>
  <si>
    <t>24719052.0</t>
  </si>
  <si>
    <t>441600.0</t>
  </si>
  <si>
    <t>915660.0</t>
  </si>
  <si>
    <t>36805681.0</t>
  </si>
  <si>
    <t>184714.0</t>
  </si>
  <si>
    <t>295.361</t>
  </si>
  <si>
    <t>0.4286</t>
  </si>
  <si>
    <t>227833014.0</t>
  </si>
  <si>
    <t>101825713.0</t>
  </si>
  <si>
    <t>100329852.0</t>
  </si>
  <si>
    <t>25677449.0</t>
  </si>
  <si>
    <t>976874.0</t>
  </si>
  <si>
    <t>918586.0</t>
  </si>
  <si>
    <t>37051314.0</t>
  </si>
  <si>
    <t>245633.0</t>
  </si>
  <si>
    <t>297.332</t>
  </si>
  <si>
    <t>167473.0</t>
  </si>
  <si>
    <t>228998455.0</t>
  </si>
  <si>
    <t>101837819.0</t>
  </si>
  <si>
    <t>100349711.0</t>
  </si>
  <si>
    <t>26810925.0</t>
  </si>
  <si>
    <t>1165441.0</t>
  </si>
  <si>
    <t>924196.0</t>
  </si>
  <si>
    <t>184.75</t>
  </si>
  <si>
    <t>37191535.0</t>
  </si>
  <si>
    <t>140221.0</t>
  </si>
  <si>
    <t>298.457</t>
  </si>
  <si>
    <t>168227.0</t>
  </si>
  <si>
    <t>230193438.0</t>
  </si>
  <si>
    <t>101854794.0</t>
  </si>
  <si>
    <t>100375825.0</t>
  </si>
  <si>
    <t>27962819.0</t>
  </si>
  <si>
    <t>1194983.0</t>
  </si>
  <si>
    <t>937420.0</t>
  </si>
  <si>
    <t>185.71</t>
  </si>
  <si>
    <t>37263716.0</t>
  </si>
  <si>
    <t>72181.0</t>
  </si>
  <si>
    <t>299.037</t>
  </si>
  <si>
    <t>165847.0</t>
  </si>
  <si>
    <t>0.3998</t>
  </si>
  <si>
    <t>231017087.0</t>
  </si>
  <si>
    <t>101862337.0</t>
  </si>
  <si>
    <t>100385966.0</t>
  </si>
  <si>
    <t>28768784.0</t>
  </si>
  <si>
    <t>823649.0</t>
  </si>
  <si>
    <t>947025.0</t>
  </si>
  <si>
    <t>186.38</t>
  </si>
  <si>
    <t>37460826.0</t>
  </si>
  <si>
    <t>197110.0</t>
  </si>
  <si>
    <t>300.618</t>
  </si>
  <si>
    <t>168556.0</t>
  </si>
  <si>
    <t>0.3926</t>
  </si>
  <si>
    <t>231943132.0</t>
  </si>
  <si>
    <t>101867932.0</t>
  </si>
  <si>
    <t>100398032.0</t>
  </si>
  <si>
    <t>29677168.0</t>
  </si>
  <si>
    <t>926045.0</t>
  </si>
  <si>
    <t>943651.0</t>
  </si>
  <si>
    <t>187.12</t>
  </si>
  <si>
    <t>-1891.0</t>
  </si>
  <si>
    <t>-15.2559429279612</t>
  </si>
  <si>
    <t>37629310.0</t>
  </si>
  <si>
    <t>301.971</t>
  </si>
  <si>
    <t>161137.0</t>
  </si>
  <si>
    <t>0.4071</t>
  </si>
  <si>
    <t>232936733.0</t>
  </si>
  <si>
    <t>101876375.0</t>
  </si>
  <si>
    <t>100407201.0</t>
  </si>
  <si>
    <t>30653157.0</t>
  </si>
  <si>
    <t>993601.0</t>
  </si>
  <si>
    <t>931742.0</t>
  </si>
  <si>
    <t>37847247.0</t>
  </si>
  <si>
    <t>217937.0</t>
  </si>
  <si>
    <t>303.719</t>
  </si>
  <si>
    <t>175183.0</t>
  </si>
  <si>
    <t>233896657.0</t>
  </si>
  <si>
    <t>101883632.0</t>
  </si>
  <si>
    <t>100415914.0</t>
  </si>
  <si>
    <t>31597111.0</t>
  </si>
  <si>
    <t>959924.0</t>
  </si>
  <si>
    <t>1005788.0</t>
  </si>
  <si>
    <t>37989703.0</t>
  </si>
  <si>
    <t>142456.0</t>
  </si>
  <si>
    <t>304.863</t>
  </si>
  <si>
    <t>169146.0</t>
  </si>
  <si>
    <t>234854484.0</t>
  </si>
  <si>
    <t>101891292.0</t>
  </si>
  <si>
    <t>100423390.0</t>
  </si>
  <si>
    <t>32539802.0</t>
  </si>
  <si>
    <t>957827.0</t>
  </si>
  <si>
    <t>1003067.0</t>
  </si>
  <si>
    <t>189.47</t>
  </si>
  <si>
    <t>38201039.0</t>
  </si>
  <si>
    <t>211336.0</t>
  </si>
  <si>
    <t>306.559</t>
  </si>
  <si>
    <t>164246.0</t>
  </si>
  <si>
    <t>0.3988</t>
  </si>
  <si>
    <t>236046731.0</t>
  </si>
  <si>
    <t>101906326.0</t>
  </si>
  <si>
    <t>100430532.0</t>
  </si>
  <si>
    <t>33709873.0</t>
  </si>
  <si>
    <t>1192247.0</t>
  </si>
  <si>
    <t>1006897.0</t>
  </si>
  <si>
    <t>190.43</t>
  </si>
  <si>
    <t>38322092.0</t>
  </si>
  <si>
    <t>121053.0</t>
  </si>
  <si>
    <t>307.53</t>
  </si>
  <si>
    <t>161508.0</t>
  </si>
  <si>
    <t>237273843.0</t>
  </si>
  <si>
    <t>101933887.0</t>
  </si>
  <si>
    <t>100449788.0</t>
  </si>
  <si>
    <t>34890168.0</t>
  </si>
  <si>
    <t>1227112.0</t>
  </si>
  <si>
    <t>1011486.0</t>
  </si>
  <si>
    <t>191.42</t>
  </si>
  <si>
    <t>38394244.0</t>
  </si>
  <si>
    <t>308.109</t>
  </si>
  <si>
    <t>161504.0</t>
  </si>
  <si>
    <t>238083059.0</t>
  </si>
  <si>
    <t>101949158.0</t>
  </si>
  <si>
    <t>100456713.0</t>
  </si>
  <si>
    <t>35677188.0</t>
  </si>
  <si>
    <t>809216.0</t>
  </si>
  <si>
    <t>1009425.0</t>
  </si>
  <si>
    <t>38546613.0</t>
  </si>
  <si>
    <t>152369.0</t>
  </si>
  <si>
    <t>309.332</t>
  </si>
  <si>
    <t>155112.0</t>
  </si>
  <si>
    <t>238985674.0</t>
  </si>
  <si>
    <t>101961785.0</t>
  </si>
  <si>
    <t>100464706.0</t>
  </si>
  <si>
    <t>36559183.0</t>
  </si>
  <si>
    <t>902615.0</t>
  </si>
  <si>
    <t>1006077.0</t>
  </si>
  <si>
    <t>38713149.0</t>
  </si>
  <si>
    <t>166536.0</t>
  </si>
  <si>
    <t>310.668</t>
  </si>
  <si>
    <t>154834.0</t>
  </si>
  <si>
    <t>0.3827</t>
  </si>
  <si>
    <t>239925569.0</t>
  </si>
  <si>
    <t>101976001.0</t>
  </si>
  <si>
    <t>100472993.0</t>
  </si>
  <si>
    <t>37476575.0</t>
  </si>
  <si>
    <t>939895.0</t>
  </si>
  <si>
    <t>998405.0</t>
  </si>
  <si>
    <t>14.506</t>
  </si>
  <si>
    <t>24191.0</t>
  </si>
  <si>
    <t>38919005.0</t>
  </si>
  <si>
    <t>205856.0</t>
  </si>
  <si>
    <t>312.32</t>
  </si>
  <si>
    <t>153108.0</t>
  </si>
  <si>
    <t>240820099.0</t>
  </si>
  <si>
    <t>101989916.0</t>
  </si>
  <si>
    <t>100481312.0</t>
  </si>
  <si>
    <t>38348871.0</t>
  </si>
  <si>
    <t>894530.0</t>
  </si>
  <si>
    <t>989063.0</t>
  </si>
  <si>
    <t>15183.0</t>
  </si>
  <si>
    <t>39085277.0</t>
  </si>
  <si>
    <t>313.654</t>
  </si>
  <si>
    <t>156511.0</t>
  </si>
  <si>
    <t>0.3621</t>
  </si>
  <si>
    <t>241701904.0</t>
  </si>
  <si>
    <t>102004981.0</t>
  </si>
  <si>
    <t>100489303.0</t>
  </si>
  <si>
    <t>39207620.0</t>
  </si>
  <si>
    <t>881805.0</t>
  </si>
  <si>
    <t>978203.0</t>
  </si>
  <si>
    <t>39264111.0</t>
  </si>
  <si>
    <t>178834.0</t>
  </si>
  <si>
    <t>315.09</t>
  </si>
  <si>
    <t>151867.0</t>
  </si>
  <si>
    <t>242858685.0</t>
  </si>
  <si>
    <t>102030014.0</t>
  </si>
  <si>
    <t>100503391.0</t>
  </si>
  <si>
    <t>40325280.0</t>
  </si>
  <si>
    <t>1156781.0</t>
  </si>
  <si>
    <t>973136.0</t>
  </si>
  <si>
    <t>39378874.0</t>
  </si>
  <si>
    <t>316.011</t>
  </si>
  <si>
    <t>150969.0</t>
  </si>
  <si>
    <t>244061078.0</t>
  </si>
  <si>
    <t>102084713.0</t>
  </si>
  <si>
    <t>100523834.0</t>
  </si>
  <si>
    <t>41452531.0</t>
  </si>
  <si>
    <t>1202393.0</t>
  </si>
  <si>
    <t>969605.0</t>
  </si>
  <si>
    <t>39445713.0</t>
  </si>
  <si>
    <t>316.547</t>
  </si>
  <si>
    <t>150210.0</t>
  </si>
  <si>
    <t>0.3591</t>
  </si>
  <si>
    <t>244794692.0</t>
  </si>
  <si>
    <t>102108830.0</t>
  </si>
  <si>
    <t>100531843.0</t>
  </si>
  <si>
    <t>42154019.0</t>
  </si>
  <si>
    <t>733614.0</t>
  </si>
  <si>
    <t>958805.0</t>
  </si>
  <si>
    <t>197.49</t>
  </si>
  <si>
    <t>39596246.0</t>
  </si>
  <si>
    <t>150533.0</t>
  </si>
  <si>
    <t>317.755</t>
  </si>
  <si>
    <t>0.3553</t>
  </si>
  <si>
    <t>245614353.0</t>
  </si>
  <si>
    <t>102128168.0</t>
  </si>
  <si>
    <t>100539309.0</t>
  </si>
  <si>
    <t>42946876.0</t>
  </si>
  <si>
    <t>819661.0</t>
  </si>
  <si>
    <t>946954.0</t>
  </si>
  <si>
    <t>23769.0</t>
  </si>
  <si>
    <t>39736957.0</t>
  </si>
  <si>
    <t>318.884</t>
  </si>
  <si>
    <t>146258.0</t>
  </si>
  <si>
    <t>246476078.0</t>
  </si>
  <si>
    <t>102150625.0</t>
  </si>
  <si>
    <t>100547384.0</t>
  </si>
  <si>
    <t>43778069.0</t>
  </si>
  <si>
    <t>861725.0</t>
  </si>
  <si>
    <t>935787.0</t>
  </si>
  <si>
    <t>39907494.0</t>
  </si>
  <si>
    <t>170537.0</t>
  </si>
  <si>
    <t>320.253</t>
  </si>
  <si>
    <t>247298391.0</t>
  </si>
  <si>
    <t>102170219.0</t>
  </si>
  <si>
    <t>100552061.0</t>
  </si>
  <si>
    <t>44576111.0</t>
  </si>
  <si>
    <t>822313.0</t>
  </si>
  <si>
    <t>40063837.0</t>
  </si>
  <si>
    <t>156343.0</t>
  </si>
  <si>
    <t>321.507</t>
  </si>
  <si>
    <t>139794.0</t>
  </si>
  <si>
    <t>0.3641</t>
  </si>
  <si>
    <t>248094574.0</t>
  </si>
  <si>
    <t>102187902.0</t>
  </si>
  <si>
    <t>100558702.0</t>
  </si>
  <si>
    <t>45347970.0</t>
  </si>
  <si>
    <t>796183.0</t>
  </si>
  <si>
    <t>913239.0</t>
  </si>
  <si>
    <t>40240745.0</t>
  </si>
  <si>
    <t>322.927</t>
  </si>
  <si>
    <t>139519.0</t>
  </si>
  <si>
    <t>249207399.0</t>
  </si>
  <si>
    <t>102223027.0</t>
  </si>
  <si>
    <t>100570629.0</t>
  </si>
  <si>
    <t>46413743.0</t>
  </si>
  <si>
    <t>1112825.0</t>
  </si>
  <si>
    <t>906959.0</t>
  </si>
  <si>
    <t>40335554.0</t>
  </si>
  <si>
    <t>323.688</t>
  </si>
  <si>
    <t>0.3543</t>
  </si>
  <si>
    <t>250401003.0</t>
  </si>
  <si>
    <t>102294180.0</t>
  </si>
  <si>
    <t>100587423.0</t>
  </si>
  <si>
    <t>47519400.0</t>
  </si>
  <si>
    <t>1193604.0</t>
  </si>
  <si>
    <t>905704.0</t>
  </si>
  <si>
    <t>29924.0</t>
  </si>
  <si>
    <t>40388920.0</t>
  </si>
  <si>
    <t>324.116</t>
  </si>
  <si>
    <t>134744.0</t>
  </si>
  <si>
    <t>0.3473</t>
  </si>
  <si>
    <t>251096697.0</t>
  </si>
  <si>
    <t>102326035.0</t>
  </si>
  <si>
    <t>100595084.0</t>
  </si>
  <si>
    <t>48175578.0</t>
  </si>
  <si>
    <t>695694.0</t>
  </si>
  <si>
    <t>900286.0</t>
  </si>
  <si>
    <t>31029.0</t>
  </si>
  <si>
    <t>40426350.0</t>
  </si>
  <si>
    <t>37430.0</t>
  </si>
  <si>
    <t>324.416</t>
  </si>
  <si>
    <t>118586.0</t>
  </si>
  <si>
    <t>0.3889</t>
  </si>
  <si>
    <t>251301180.0</t>
  </si>
  <si>
    <t>102329353.0</t>
  </si>
  <si>
    <t>100596473.0</t>
  </si>
  <si>
    <t>48375354.0</t>
  </si>
  <si>
    <t>204483.0</t>
  </si>
  <si>
    <t>812404.0</t>
  </si>
  <si>
    <t>40567970.0</t>
  </si>
  <si>
    <t>141620.0</t>
  </si>
  <si>
    <t>325.553</t>
  </si>
  <si>
    <t>118716.0</t>
  </si>
  <si>
    <t>252067314.0</t>
  </si>
  <si>
    <t>102352875.0</t>
  </si>
  <si>
    <t>100606462.0</t>
  </si>
  <si>
    <t>49107977.0</t>
  </si>
  <si>
    <t>766134.0</t>
  </si>
  <si>
    <t>798748.0</t>
  </si>
  <si>
    <t>9.318</t>
  </si>
  <si>
    <t>40724879.0</t>
  </si>
  <si>
    <t>156909.0</t>
  </si>
  <si>
    <t>326.812</t>
  </si>
  <si>
    <t>116769.0</t>
  </si>
  <si>
    <t>252790447.0</t>
  </si>
  <si>
    <t>102376835.0</t>
  </si>
  <si>
    <t>100614411.0</t>
  </si>
  <si>
    <t>49799201.0</t>
  </si>
  <si>
    <t>723133.0</t>
  </si>
  <si>
    <t>784579.0</t>
  </si>
  <si>
    <t>40866280.0</t>
  </si>
  <si>
    <t>141401.0</t>
  </si>
  <si>
    <t>327.947</t>
  </si>
  <si>
    <t>114635.0</t>
  </si>
  <si>
    <t>253500639.0</t>
  </si>
  <si>
    <t>102399358.0</t>
  </si>
  <si>
    <t>100623075.0</t>
  </si>
  <si>
    <t>50478206.0</t>
  </si>
  <si>
    <t>710192.0</t>
  </si>
  <si>
    <t>772295.0</t>
  </si>
  <si>
    <t>204.52</t>
  </si>
  <si>
    <t>41022628.0</t>
  </si>
  <si>
    <t>156348.0</t>
  </si>
  <si>
    <t>329.201</t>
  </si>
  <si>
    <t>111698.0</t>
  </si>
  <si>
    <t>254531286.0</t>
  </si>
  <si>
    <t>102441088.0</t>
  </si>
  <si>
    <t>100638775.0</t>
  </si>
  <si>
    <t>51451423.0</t>
  </si>
  <si>
    <t>1030647.0</t>
  </si>
  <si>
    <t>760555.0</t>
  </si>
  <si>
    <t>31152.0</t>
  </si>
  <si>
    <t>41118428.0</t>
  </si>
  <si>
    <t>329.97</t>
  </si>
  <si>
    <t>255615758.0</t>
  </si>
  <si>
    <t>102520814.0</t>
  </si>
  <si>
    <t>100667372.0</t>
  </si>
  <si>
    <t>52427572.0</t>
  </si>
  <si>
    <t>1084472.0</t>
  </si>
  <si>
    <t>744965.0</t>
  </si>
  <si>
    <t>32376.0</t>
  </si>
  <si>
    <t>41185177.0</t>
  </si>
  <si>
    <t>330.506</t>
  </si>
  <si>
    <t>113751.0</t>
  </si>
  <si>
    <t>0.3466</t>
  </si>
  <si>
    <t>256199957.0</t>
  </si>
  <si>
    <t>102560291.0</t>
  </si>
  <si>
    <t>100682728.0</t>
  </si>
  <si>
    <t>52956938.0</t>
  </si>
  <si>
    <t>584199.0</t>
  </si>
  <si>
    <t>729037.0</t>
  </si>
  <si>
    <t>41296938.0</t>
  </si>
  <si>
    <t>111761.0</t>
  </si>
  <si>
    <t>331.403</t>
  </si>
  <si>
    <t>124370.0</t>
  </si>
  <si>
    <t>0.3195</t>
  </si>
  <si>
    <t>256868804.0</t>
  </si>
  <si>
    <t>102585092.0</t>
  </si>
  <si>
    <t>100696007.0</t>
  </si>
  <si>
    <t>53587705.0</t>
  </si>
  <si>
    <t>668847.0</t>
  </si>
  <si>
    <t>795375.0</t>
  </si>
  <si>
    <t>41416920.0</t>
  </si>
  <si>
    <t>119982.0</t>
  </si>
  <si>
    <t>332.366</t>
  </si>
  <si>
    <t>121279.0</t>
  </si>
  <si>
    <t>257530453.0</t>
  </si>
  <si>
    <t>102613055.0</t>
  </si>
  <si>
    <t>100710511.0</t>
  </si>
  <si>
    <t>54206887.0</t>
  </si>
  <si>
    <t>661649.0</t>
  </si>
  <si>
    <t>780448.0</t>
  </si>
  <si>
    <t>207.77</t>
  </si>
  <si>
    <t>41564379.0</t>
  </si>
  <si>
    <t>147459.0</t>
  </si>
  <si>
    <t>333.549</t>
  </si>
  <si>
    <t>119929.0</t>
  </si>
  <si>
    <t>258121303.0</t>
  </si>
  <si>
    <t>102637835.0</t>
  </si>
  <si>
    <t>100724274.0</t>
  </si>
  <si>
    <t>54759194.0</t>
  </si>
  <si>
    <t>590850.0</t>
  </si>
  <si>
    <t>761551.0</t>
  </si>
  <si>
    <t>41703363.0</t>
  </si>
  <si>
    <t>138984.0</t>
  </si>
  <si>
    <t>334.664</t>
  </si>
  <si>
    <t>119583.0</t>
  </si>
  <si>
    <t>258620392.0</t>
  </si>
  <si>
    <t>102657233.0</t>
  </si>
  <si>
    <t>100738703.0</t>
  </si>
  <si>
    <t>55224456.0</t>
  </si>
  <si>
    <t>499089.0</t>
  </si>
  <si>
    <t>731393.0</t>
  </si>
  <si>
    <t>36839.0</t>
  </si>
  <si>
    <t>9539.4</t>
  </si>
  <si>
    <t>76.960625048648</t>
  </si>
  <si>
    <t>41887430.0</t>
  </si>
  <si>
    <t>184067.0</t>
  </si>
  <si>
    <t>336.141</t>
  </si>
  <si>
    <t>123543.0</t>
  </si>
  <si>
    <t>0.3687</t>
  </si>
  <si>
    <t>259270882.0</t>
  </si>
  <si>
    <t>102693964.0</t>
  </si>
  <si>
    <t>100761922.0</t>
  </si>
  <si>
    <t>55814996.0</t>
  </si>
  <si>
    <t>650490.0</t>
  </si>
  <si>
    <t>677085.0</t>
  </si>
  <si>
    <t>36125.0</t>
  </si>
  <si>
    <t>41988189.0</t>
  </si>
  <si>
    <t>100759.0</t>
  </si>
  <si>
    <t>336.95</t>
  </si>
  <si>
    <t>124252.0</t>
  </si>
  <si>
    <t>260042063.0</t>
  </si>
  <si>
    <t>102761290.0</t>
  </si>
  <si>
    <t>100812881.0</t>
  </si>
  <si>
    <t>56467892.0</t>
  </si>
  <si>
    <t>771181.0</t>
  </si>
  <si>
    <t>632329.0</t>
  </si>
  <si>
    <t>209.79</t>
  </si>
  <si>
    <t>42027728.0</t>
  </si>
  <si>
    <t>39539.0</t>
  </si>
  <si>
    <t>337.267</t>
  </si>
  <si>
    <t>120364.0</t>
  </si>
  <si>
    <t>260399688.0</t>
  </si>
  <si>
    <t>102792528.0</t>
  </si>
  <si>
    <t>100835304.0</t>
  </si>
  <si>
    <t>56771856.0</t>
  </si>
  <si>
    <t>357625.0</t>
  </si>
  <si>
    <t>599962.0</t>
  </si>
  <si>
    <t>42153245.0</t>
  </si>
  <si>
    <t>125517.0</t>
  </si>
  <si>
    <t>338.275</t>
  </si>
  <si>
    <t>0.3791</t>
  </si>
  <si>
    <t>260853318.0</t>
  </si>
  <si>
    <t>102811754.0</t>
  </si>
  <si>
    <t>100853763.0</t>
  </si>
  <si>
    <t>57187801.0</t>
  </si>
  <si>
    <t>453630.0</t>
  </si>
  <si>
    <t>569216.0</t>
  </si>
  <si>
    <t>42333666.0</t>
  </si>
  <si>
    <t>180421.0</t>
  </si>
  <si>
    <t>339.722</t>
  </si>
  <si>
    <t>130964.0</t>
  </si>
  <si>
    <t>261320848.0</t>
  </si>
  <si>
    <t>102831725.0</t>
  </si>
  <si>
    <t>100874272.0</t>
  </si>
  <si>
    <t>57614851.0</t>
  </si>
  <si>
    <t>467530.0</t>
  </si>
  <si>
    <t>541485.0</t>
  </si>
  <si>
    <t>210.82</t>
  </si>
  <si>
    <t>42461200.0</t>
  </si>
  <si>
    <t>127534.0</t>
  </si>
  <si>
    <t>340.746</t>
  </si>
  <si>
    <t>128117.0</t>
  </si>
  <si>
    <t>261753731.0</t>
  </si>
  <si>
    <t>102848843.0</t>
  </si>
  <si>
    <t>100891678.0</t>
  </si>
  <si>
    <t>58013210.0</t>
  </si>
  <si>
    <t>432883.0</t>
  </si>
  <si>
    <t>518918.0</t>
  </si>
  <si>
    <t>211.17</t>
  </si>
  <si>
    <t>30144.0</t>
  </si>
  <si>
    <t>42605604.0</t>
  </si>
  <si>
    <t>144404.0</t>
  </si>
  <si>
    <t>341.905</t>
  </si>
  <si>
    <t>0.3661</t>
  </si>
  <si>
    <t>262186635.0</t>
  </si>
  <si>
    <t>102863234.0</t>
  </si>
  <si>
    <t>100907936.0</t>
  </si>
  <si>
    <t>58415465.0</t>
  </si>
  <si>
    <t>432904.0</t>
  </si>
  <si>
    <t>509463.0</t>
  </si>
  <si>
    <t>42782932.0</t>
  </si>
  <si>
    <t>0.3719</t>
  </si>
  <si>
    <t>262939973.0</t>
  </si>
  <si>
    <t>102874583.0</t>
  </si>
  <si>
    <t>100940862.0</t>
  </si>
  <si>
    <t>59124528.0</t>
  </si>
  <si>
    <t>753338.0</t>
  </si>
  <si>
    <t>524156.0</t>
  </si>
  <si>
    <t>42879926.0</t>
  </si>
  <si>
    <t>96994.0</t>
  </si>
  <si>
    <t>344.106</t>
  </si>
  <si>
    <t>127391.0</t>
  </si>
  <si>
    <t>263804678.0</t>
  </si>
  <si>
    <t>102920722.0</t>
  </si>
  <si>
    <t>101009526.0</t>
  </si>
  <si>
    <t>59874430.0</t>
  </si>
  <si>
    <t>864705.0</t>
  </si>
  <si>
    <t>537516.0</t>
  </si>
  <si>
    <t>212.83</t>
  </si>
  <si>
    <t>42936789.0</t>
  </si>
  <si>
    <t>56863.0</t>
  </si>
  <si>
    <t>344.562</t>
  </si>
  <si>
    <t>129866.0</t>
  </si>
  <si>
    <t>264193218.0</t>
  </si>
  <si>
    <t>102935983.0</t>
  </si>
  <si>
    <t>101037841.0</t>
  </si>
  <si>
    <t>60219394.0</t>
  </si>
  <si>
    <t>388540.0</t>
  </si>
  <si>
    <t>541933.0</t>
  </si>
  <si>
    <t>213.14</t>
  </si>
  <si>
    <t>43024555.0</t>
  </si>
  <si>
    <t>345.267</t>
  </si>
  <si>
    <t>124473.0</t>
  </si>
  <si>
    <t>264607297.0</t>
  </si>
  <si>
    <t>102948100.0</t>
  </si>
  <si>
    <t>101042195.0</t>
  </si>
  <si>
    <t>60617002.0</t>
  </si>
  <si>
    <t>414079.0</t>
  </si>
  <si>
    <t>536283.0</t>
  </si>
  <si>
    <t>19478.0</t>
  </si>
  <si>
    <t>43180632.0</t>
  </si>
  <si>
    <t>156077.0</t>
  </si>
  <si>
    <t>346.519</t>
  </si>
  <si>
    <t>120995.0</t>
  </si>
  <si>
    <t>0.4084</t>
  </si>
  <si>
    <t>265031666.0</t>
  </si>
  <si>
    <t>102953856.0</t>
  </si>
  <si>
    <t>101062689.0</t>
  </si>
  <si>
    <t>61015121.0</t>
  </si>
  <si>
    <t>424369.0</t>
  </si>
  <si>
    <t>530117.0</t>
  </si>
  <si>
    <t>213.82</t>
  </si>
  <si>
    <t>17447.0</t>
  </si>
  <si>
    <t>43343715.0</t>
  </si>
  <si>
    <t>163083.0</t>
  </si>
  <si>
    <t>347.828</t>
  </si>
  <si>
    <t>0.3953</t>
  </si>
  <si>
    <t>265434373.0</t>
  </si>
  <si>
    <t>102959207.0</t>
  </si>
  <si>
    <t>101083331.0</t>
  </si>
  <si>
    <t>61391835.0</t>
  </si>
  <si>
    <t>402707.0</t>
  </si>
  <si>
    <t>525806.0</t>
  </si>
  <si>
    <t>43513239.0</t>
  </si>
  <si>
    <t>169524.0</t>
  </si>
  <si>
    <t>349.188</t>
  </si>
  <si>
    <t>129662.0</t>
  </si>
  <si>
    <t>0.3847</t>
  </si>
  <si>
    <t>265835427.0</t>
  </si>
  <si>
    <t>102964250.0</t>
  </si>
  <si>
    <t>101102674.0</t>
  </si>
  <si>
    <t>61768503.0</t>
  </si>
  <si>
    <t>521256.0</t>
  </si>
  <si>
    <t>14431.0</t>
  </si>
  <si>
    <t>43686934.0</t>
  </si>
  <si>
    <t>173695.0</t>
  </si>
  <si>
    <t>350.582</t>
  </si>
  <si>
    <t>129143.0</t>
  </si>
  <si>
    <t>0.3839</t>
  </si>
  <si>
    <t>266611002.0</t>
  </si>
  <si>
    <t>102984863.0</t>
  </si>
  <si>
    <t>101141989.0</t>
  </si>
  <si>
    <t>62484150.0</t>
  </si>
  <si>
    <t>775575.0</t>
  </si>
  <si>
    <t>524433.0</t>
  </si>
  <si>
    <t>215.09</t>
  </si>
  <si>
    <t>43790575.0</t>
  </si>
  <si>
    <t>103641.0</t>
  </si>
  <si>
    <t>351.414</t>
  </si>
  <si>
    <t>130093.0</t>
  </si>
  <si>
    <t>0.3755</t>
  </si>
  <si>
    <t>267486406.0</t>
  </si>
  <si>
    <t>103026875.0</t>
  </si>
  <si>
    <t>101219581.0</t>
  </si>
  <si>
    <t>63239950.0</t>
  </si>
  <si>
    <t>875404.0</t>
  </si>
  <si>
    <t>525961.0</t>
  </si>
  <si>
    <t>43840036.0</t>
  </si>
  <si>
    <t>351.811</t>
  </si>
  <si>
    <t>129035.0</t>
  </si>
  <si>
    <t>0.3676</t>
  </si>
  <si>
    <t>267875756.0</t>
  </si>
  <si>
    <t>103045692.0</t>
  </si>
  <si>
    <t>101255421.0</t>
  </si>
  <si>
    <t>63574643.0</t>
  </si>
  <si>
    <t>389350.0</t>
  </si>
  <si>
    <t>526077.0</t>
  </si>
  <si>
    <t>15673.0</t>
  </si>
  <si>
    <t>44009069.0</t>
  </si>
  <si>
    <t>169033.0</t>
  </si>
  <si>
    <t>353.167</t>
  </si>
  <si>
    <t>140645.0</t>
  </si>
  <si>
    <t>268261837.0</t>
  </si>
  <si>
    <t>103059211.0</t>
  </si>
  <si>
    <t>101276198.0</t>
  </si>
  <si>
    <t>63926428.0</t>
  </si>
  <si>
    <t>386081.0</t>
  </si>
  <si>
    <t>44168143.0</t>
  </si>
  <si>
    <t>159074.0</t>
  </si>
  <si>
    <t>354.444</t>
  </si>
  <si>
    <t>141073.0</t>
  </si>
  <si>
    <t>268654762.0</t>
  </si>
  <si>
    <t>103073975.0</t>
  </si>
  <si>
    <t>101299853.0</t>
  </si>
  <si>
    <t>64280934.0</t>
  </si>
  <si>
    <t>392925.0</t>
  </si>
  <si>
    <t>517585.0</t>
  </si>
  <si>
    <t>44364957.0</t>
  </si>
  <si>
    <t>196814.0</t>
  </si>
  <si>
    <t>356.023</t>
  </si>
  <si>
    <t>145892.0</t>
  </si>
  <si>
    <t>269034508.0</t>
  </si>
  <si>
    <t>103088695.0</t>
  </si>
  <si>
    <t>101321693.0</t>
  </si>
  <si>
    <t>64624120.0</t>
  </si>
  <si>
    <t>379746.0</t>
  </si>
  <si>
    <t>514305.0</t>
  </si>
  <si>
    <t>44500652.0</t>
  </si>
  <si>
    <t>135695.0</t>
  </si>
  <si>
    <t>357.112</t>
  </si>
  <si>
    <t>141059.0</t>
  </si>
  <si>
    <t>269418009.0</t>
  </si>
  <si>
    <t>103102190.0</t>
  </si>
  <si>
    <t>101338607.0</t>
  </si>
  <si>
    <t>64977212.0</t>
  </si>
  <si>
    <t>511797.0</t>
  </si>
  <si>
    <t>217.36</t>
  </si>
  <si>
    <t>44680237.0</t>
  </si>
  <si>
    <t>179585.0</t>
  </si>
  <si>
    <t>358.553</t>
  </si>
  <si>
    <t>270175882.0</t>
  </si>
  <si>
    <t>103128024.0</t>
  </si>
  <si>
    <t>101376607.0</t>
  </si>
  <si>
    <t>65671251.0</t>
  </si>
  <si>
    <t>757873.0</t>
  </si>
  <si>
    <t>509269.0</t>
  </si>
  <si>
    <t>44777761.0</t>
  </si>
  <si>
    <t>97524.0</t>
  </si>
  <si>
    <t>359.336</t>
  </si>
  <si>
    <t>141027.0</t>
  </si>
  <si>
    <t>271071536.0</t>
  </si>
  <si>
    <t>103182130.0</t>
  </si>
  <si>
    <t>101449519.0</t>
  </si>
  <si>
    <t>66439887.0</t>
  </si>
  <si>
    <t>895654.0</t>
  </si>
  <si>
    <t>512161.0</t>
  </si>
  <si>
    <t>44832046.0</t>
  </si>
  <si>
    <t>54285.0</t>
  </si>
  <si>
    <t>359.772</t>
  </si>
  <si>
    <t>141716.0</t>
  </si>
  <si>
    <t>271449309.0</t>
  </si>
  <si>
    <t>103201733.0</t>
  </si>
  <si>
    <t>101481162.0</t>
  </si>
  <si>
    <t>66766414.0</t>
  </si>
  <si>
    <t>377773.0</t>
  </si>
  <si>
    <t>510508.0</t>
  </si>
  <si>
    <t>44955892.0</t>
  </si>
  <si>
    <t>123846.0</t>
  </si>
  <si>
    <t>360.765</t>
  </si>
  <si>
    <t>135260.0</t>
  </si>
  <si>
    <t>271820967.0</t>
  </si>
  <si>
    <t>103216413.0</t>
  </si>
  <si>
    <t>101499128.0</t>
  </si>
  <si>
    <t>67105426.0</t>
  </si>
  <si>
    <t>371658.0</t>
  </si>
  <si>
    <t>508447.0</t>
  </si>
  <si>
    <t>46285268.0</t>
  </si>
  <si>
    <t>1329376.0</t>
  </si>
  <si>
    <t>371.433</t>
  </si>
  <si>
    <t>302446.0</t>
  </si>
  <si>
    <t>272189424.0</t>
  </si>
  <si>
    <t>103231694.0</t>
  </si>
  <si>
    <t>101518293.0</t>
  </si>
  <si>
    <t>67439437.0</t>
  </si>
  <si>
    <t>368457.0</t>
  </si>
  <si>
    <t>504952.0</t>
  </si>
  <si>
    <t>46501307.0</t>
  </si>
  <si>
    <t>216039.0</t>
  </si>
  <si>
    <t>373.167</t>
  </si>
  <si>
    <t>305193.0</t>
  </si>
  <si>
    <t>272547249.0</t>
  </si>
  <si>
    <t>103244701.0</t>
  </si>
  <si>
    <t>101535693.0</t>
  </si>
  <si>
    <t>67766855.0</t>
  </si>
  <si>
    <t>357825.0</t>
  </si>
  <si>
    <t>501820.0</t>
  </si>
  <si>
    <t>46632157.0</t>
  </si>
  <si>
    <t>130850.0</t>
  </si>
  <si>
    <t>374.217</t>
  </si>
  <si>
    <t>273035964.0</t>
  </si>
  <si>
    <t>103259748.0</t>
  </si>
  <si>
    <t>101553205.0</t>
  </si>
  <si>
    <t>68223011.0</t>
  </si>
  <si>
    <t>516851.0</t>
  </si>
  <si>
    <t>46711664.0</t>
  </si>
  <si>
    <t>374.855</t>
  </si>
  <si>
    <t>290204.0</t>
  </si>
  <si>
    <t>273302617.0</t>
  </si>
  <si>
    <t>103264102.0</t>
  </si>
  <si>
    <t>101557783.0</t>
  </si>
  <si>
    <t>68480732.0</t>
  </si>
  <si>
    <t>266653.0</t>
  </si>
  <si>
    <t>446676.0</t>
  </si>
  <si>
    <t>19440.0</t>
  </si>
  <si>
    <t>46776900.0</t>
  </si>
  <si>
    <t>65236.0</t>
  </si>
  <si>
    <t>375.379</t>
  </si>
  <si>
    <t>285591.0</t>
  </si>
  <si>
    <t>273909501.0</t>
  </si>
  <si>
    <t>103297513.0</t>
  </si>
  <si>
    <t>101607281.0</t>
  </si>
  <si>
    <t>69004707.0</t>
  </si>
  <si>
    <t>606884.0</t>
  </si>
  <si>
    <t>405424.0</t>
  </si>
  <si>
    <t>104.090548305204</t>
  </si>
  <si>
    <t>46822449.0</t>
  </si>
  <si>
    <t>375.744</t>
  </si>
  <si>
    <t>284343.0</t>
  </si>
  <si>
    <t>274089517.0</t>
  </si>
  <si>
    <t>103304964.0</t>
  </si>
  <si>
    <t>101621032.0</t>
  </si>
  <si>
    <t>69163521.0</t>
  </si>
  <si>
    <t>180016.0</t>
  </si>
  <si>
    <t>377173.0</t>
  </si>
  <si>
    <t>46946943.0</t>
  </si>
  <si>
    <t>376.743</t>
  </si>
  <si>
    <t>284436.0</t>
  </si>
  <si>
    <t>274346706.0</t>
  </si>
  <si>
    <t>103312292.0</t>
  </si>
  <si>
    <t>101632976.0</t>
  </si>
  <si>
    <t>69401438.0</t>
  </si>
  <si>
    <t>257189.0</t>
  </si>
  <si>
    <t>47003041.0</t>
  </si>
  <si>
    <t>56098.0</t>
  </si>
  <si>
    <t>377.194</t>
  </si>
  <si>
    <t>102539.0</t>
  </si>
  <si>
    <t>274424437.0</t>
  </si>
  <si>
    <t>103313557.0</t>
  </si>
  <si>
    <t>101634178.0</t>
  </si>
  <si>
    <t>69476702.0</t>
  </si>
  <si>
    <t>319288.0</t>
  </si>
  <si>
    <t>47095704.0</t>
  </si>
  <si>
    <t>92663.0</t>
  </si>
  <si>
    <t>377.937</t>
  </si>
  <si>
    <t>84914.0</t>
  </si>
  <si>
    <t>274476770.0</t>
  </si>
  <si>
    <t>103314308.0</t>
  </si>
  <si>
    <t>101635217.0</t>
  </si>
  <si>
    <t>69527245.0</t>
  </si>
  <si>
    <t>275646.0</t>
  </si>
  <si>
    <t>47133947.0</t>
  </si>
  <si>
    <t>378.244</t>
  </si>
  <si>
    <t>71684.0</t>
  </si>
  <si>
    <t>0.3692</t>
  </si>
  <si>
    <t>274510598.0</t>
  </si>
  <si>
    <t>103314867.0</t>
  </si>
  <si>
    <t>101635879.0</t>
  </si>
  <si>
    <t>69559852.0</t>
  </si>
  <si>
    <t>210662.0</t>
  </si>
  <si>
    <t>47349231.0</t>
  </si>
  <si>
    <t>215284.0</t>
  </si>
  <si>
    <t>379.972</t>
  </si>
  <si>
    <t>91081.0</t>
  </si>
  <si>
    <t>274873475.0</t>
  </si>
  <si>
    <t>103331509.0</t>
  </si>
  <si>
    <t>101659038.0</t>
  </si>
  <si>
    <t>69882928.0</t>
  </si>
  <si>
    <t>362877.0</t>
  </si>
  <si>
    <t>224408.0</t>
  </si>
  <si>
    <t>47435526.0</t>
  </si>
  <si>
    <t>86295.0</t>
  </si>
  <si>
    <t>380.664</t>
  </si>
  <si>
    <t>94089.0</t>
  </si>
  <si>
    <t>275329162.0</t>
  </si>
  <si>
    <t>103364251.0</t>
  </si>
  <si>
    <t>101702159.0</t>
  </si>
  <si>
    <t>70262752.0</t>
  </si>
  <si>
    <t>455687.0</t>
  </si>
  <si>
    <t>47490592.0</t>
  </si>
  <si>
    <t>55066.0</t>
  </si>
  <si>
    <t>381.106</t>
  </si>
  <si>
    <t>95449.0</t>
  </si>
  <si>
    <t>275481803.0</t>
  </si>
  <si>
    <t>103375060.0</t>
  </si>
  <si>
    <t>101720267.0</t>
  </si>
  <si>
    <t>70386476.0</t>
  </si>
  <si>
    <t>152641.0</t>
  </si>
  <si>
    <t>47635055.0</t>
  </si>
  <si>
    <t>144463.0</t>
  </si>
  <si>
    <t>382.265</t>
  </si>
  <si>
    <t>0.3038</t>
  </si>
  <si>
    <t>275710443.0</t>
  </si>
  <si>
    <t>103385497.0</t>
  </si>
  <si>
    <t>101734865.0</t>
  </si>
  <si>
    <t>70590081.0</t>
  </si>
  <si>
    <t>228640.0</t>
  </si>
  <si>
    <t>194820.0</t>
  </si>
  <si>
    <t>47769952.0</t>
  </si>
  <si>
    <t>134897.0</t>
  </si>
  <si>
    <t>383.348</t>
  </si>
  <si>
    <t>109559.0</t>
  </si>
  <si>
    <t>0.2877</t>
  </si>
  <si>
    <t>275949813.0</t>
  </si>
  <si>
    <t>103397134.0</t>
  </si>
  <si>
    <t>101750715.0</t>
  </si>
  <si>
    <t>70801964.0</t>
  </si>
  <si>
    <t>239370.0</t>
  </si>
  <si>
    <t>217911.0</t>
  </si>
  <si>
    <t>47944597.0</t>
  </si>
  <si>
    <t>174645.0</t>
  </si>
  <si>
    <t>384.749</t>
  </si>
  <si>
    <t>121270.0</t>
  </si>
  <si>
    <t>276176635.0</t>
  </si>
  <si>
    <t>103406434.0</t>
  </si>
  <si>
    <t>101765550.0</t>
  </si>
  <si>
    <t>71004651.0</t>
  </si>
  <si>
    <t>226822.0</t>
  </si>
  <si>
    <t>242838.0</t>
  </si>
  <si>
    <t>48076937.0</t>
  </si>
  <si>
    <t>385.811</t>
  </si>
  <si>
    <t>276399672.0</t>
  </si>
  <si>
    <t>103414480.0</t>
  </si>
  <si>
    <t>101778813.0</t>
  </si>
  <si>
    <t>71206379.0</t>
  </si>
  <si>
    <t>223037.0</t>
  </si>
  <si>
    <t>269868.0</t>
  </si>
  <si>
    <t>48221802.0</t>
  </si>
  <si>
    <t>144865.0</t>
  </si>
  <si>
    <t>386.974</t>
  </si>
  <si>
    <t>124653.0</t>
  </si>
  <si>
    <t>0.3198</t>
  </si>
  <si>
    <t>276900087.0</t>
  </si>
  <si>
    <t>103433500.0</t>
  </si>
  <si>
    <t>101805883.0</t>
  </si>
  <si>
    <t>71660704.0</t>
  </si>
  <si>
    <t>500415.0</t>
  </si>
  <si>
    <t>289516.0</t>
  </si>
  <si>
    <t>48323354.0</t>
  </si>
  <si>
    <t>101552.0</t>
  </si>
  <si>
    <t>387.789</t>
  </si>
  <si>
    <t>126833.0</t>
  </si>
  <si>
    <t>277492803.0</t>
  </si>
  <si>
    <t>103464152.0</t>
  </si>
  <si>
    <t>101860876.0</t>
  </si>
  <si>
    <t>72167775.0</t>
  </si>
  <si>
    <t>592716.0</t>
  </si>
  <si>
    <t>309092.0</t>
  </si>
  <si>
    <t>48388720.0</t>
  </si>
  <si>
    <t>65366.0</t>
  </si>
  <si>
    <t>388.313</t>
  </si>
  <si>
    <t>128304.0</t>
  </si>
  <si>
    <t>277693378.0</t>
  </si>
  <si>
    <t>103472448.0</t>
  </si>
  <si>
    <t>101879897.0</t>
  </si>
  <si>
    <t>72341033.0</t>
  </si>
  <si>
    <t>200575.0</t>
  </si>
  <si>
    <t>315939.0</t>
  </si>
  <si>
    <t>224.03</t>
  </si>
  <si>
    <t>48513410.0</t>
  </si>
  <si>
    <t>124690.0</t>
  </si>
  <si>
    <t>389.314</t>
  </si>
  <si>
    <t>125479.0</t>
  </si>
  <si>
    <t>277897683.0</t>
  </si>
  <si>
    <t>103479625.0</t>
  </si>
  <si>
    <t>101893899.0</t>
  </si>
  <si>
    <t>72524159.0</t>
  </si>
  <si>
    <t>204305.0</t>
  </si>
  <si>
    <t>312463.0</t>
  </si>
  <si>
    <t>48656422.0</t>
  </si>
  <si>
    <t>143012.0</t>
  </si>
  <si>
    <t>390.462</t>
  </si>
  <si>
    <t>126639.0</t>
  </si>
  <si>
    <t>278098156.0</t>
  </si>
  <si>
    <t>103486962.0</t>
  </si>
  <si>
    <t>101908447.0</t>
  </si>
  <si>
    <t>72702747.0</t>
  </si>
  <si>
    <t>200473.0</t>
  </si>
  <si>
    <t>224.36</t>
  </si>
  <si>
    <t>48833598.0</t>
  </si>
  <si>
    <t>391.884</t>
  </si>
  <si>
    <t>127000.0</t>
  </si>
  <si>
    <t>278289394.0</t>
  </si>
  <si>
    <t>103493994.0</t>
  </si>
  <si>
    <t>101921265.0</t>
  </si>
  <si>
    <t>72874135.0</t>
  </si>
  <si>
    <t>191238.0</t>
  </si>
  <si>
    <t>301823.0</t>
  </si>
  <si>
    <t>48973400.0</t>
  </si>
  <si>
    <t>139802.0</t>
  </si>
  <si>
    <t>393.005</t>
  </si>
  <si>
    <t>278477765.0</t>
  </si>
  <si>
    <t>103499708.0</t>
  </si>
  <si>
    <t>101933806.0</t>
  </si>
  <si>
    <t>73044251.0</t>
  </si>
  <si>
    <t>188371.0</t>
  </si>
  <si>
    <t>296870.0</t>
  </si>
  <si>
    <t>49126717.0</t>
  </si>
  <si>
    <t>153317.0</t>
  </si>
  <si>
    <t>394.236</t>
  </si>
  <si>
    <t>129274.0</t>
  </si>
  <si>
    <t>278891320.0</t>
  </si>
  <si>
    <t>103515575.0</t>
  </si>
  <si>
    <t>101942976.0</t>
  </si>
  <si>
    <t>73432769.0</t>
  </si>
  <si>
    <t>413555.0</t>
  </si>
  <si>
    <t>284462.0</t>
  </si>
  <si>
    <t>49204406.0</t>
  </si>
  <si>
    <t>394.859</t>
  </si>
  <si>
    <t>125865.0</t>
  </si>
  <si>
    <t>279383194.0</t>
  </si>
  <si>
    <t>103538701.0</t>
  </si>
  <si>
    <t>101979061.0</t>
  </si>
  <si>
    <t>73865432.0</t>
  </si>
  <si>
    <t>491874.0</t>
  </si>
  <si>
    <t>270056.0</t>
  </si>
  <si>
    <t>49253117.0</t>
  </si>
  <si>
    <t>48711.0</t>
  </si>
  <si>
    <t>395.25</t>
  </si>
  <si>
    <t>123485.0</t>
  </si>
  <si>
    <t>279525046.0</t>
  </si>
  <si>
    <t>103544887.0</t>
  </si>
  <si>
    <t>101988289.0</t>
  </si>
  <si>
    <t>73991870.0</t>
  </si>
  <si>
    <t>141852.0</t>
  </si>
  <si>
    <t>261667.0</t>
  </si>
  <si>
    <t>49417175.0</t>
  </si>
  <si>
    <t>164058.0</t>
  </si>
  <si>
    <t>396.567</t>
  </si>
  <si>
    <t>279681417.0</t>
  </si>
  <si>
    <t>103552449.0</t>
  </si>
  <si>
    <t>101995517.0</t>
  </si>
  <si>
    <t>74133451.0</t>
  </si>
  <si>
    <t>156371.0</t>
  </si>
  <si>
    <t>254819.0</t>
  </si>
  <si>
    <t>225.64</t>
  </si>
  <si>
    <t>49529860.0</t>
  </si>
  <si>
    <t>397.471</t>
  </si>
  <si>
    <t>124777.0</t>
  </si>
  <si>
    <t>0.2712</t>
  </si>
  <si>
    <t>279829034.0</t>
  </si>
  <si>
    <t>103560240.0</t>
  </si>
  <si>
    <t>101998344.0</t>
  </si>
  <si>
    <t>74270450.0</t>
  </si>
  <si>
    <t>147617.0</t>
  </si>
  <si>
    <t>247268.0</t>
  </si>
  <si>
    <t>49692201.0</t>
  </si>
  <si>
    <t>162341.0</t>
  </si>
  <si>
    <t>122658.0</t>
  </si>
  <si>
    <t>279971901.0</t>
  </si>
  <si>
    <t>103567950.0</t>
  </si>
  <si>
    <t>102001177.0</t>
  </si>
  <si>
    <t>74402774.0</t>
  </si>
  <si>
    <t>142867.0</t>
  </si>
  <si>
    <t>240358.0</t>
  </si>
  <si>
    <t>49813422.0</t>
  </si>
  <si>
    <t>399.746</t>
  </si>
  <si>
    <t>120003.0</t>
  </si>
  <si>
    <t>280119042.0</t>
  </si>
  <si>
    <t>103574281.0</t>
  </si>
  <si>
    <t>102003570.0</t>
  </si>
  <si>
    <t>74541191.0</t>
  </si>
  <si>
    <t>147141.0</t>
  </si>
  <si>
    <t>225.99</t>
  </si>
  <si>
    <t>49974179.0</t>
  </si>
  <si>
    <t>160757.0</t>
  </si>
  <si>
    <t>401.037</t>
  </si>
  <si>
    <t>121066.0</t>
  </si>
  <si>
    <t>280477993.0</t>
  </si>
  <si>
    <t>103587435.0</t>
  </si>
  <si>
    <t>102020708.0</t>
  </si>
  <si>
    <t>74869850.0</t>
  </si>
  <si>
    <t>358951.0</t>
  </si>
  <si>
    <t>226668.0</t>
  </si>
  <si>
    <t>50064524.0</t>
  </si>
  <si>
    <t>90345.0</t>
  </si>
  <si>
    <t>401.762</t>
  </si>
  <si>
    <t>122874.0</t>
  </si>
  <si>
    <t>280913628.0</t>
  </si>
  <si>
    <t>103607439.0</t>
  </si>
  <si>
    <t>102056156.0</t>
  </si>
  <si>
    <t>75250033.0</t>
  </si>
  <si>
    <t>435635.0</t>
  </si>
  <si>
    <t>218633.0</t>
  </si>
  <si>
    <t>226.63</t>
  </si>
  <si>
    <t>50106123.0</t>
  </si>
  <si>
    <t>41599.0</t>
  </si>
  <si>
    <t>402.095</t>
  </si>
  <si>
    <t>121858.0</t>
  </si>
  <si>
    <t>281045957.0</t>
  </si>
  <si>
    <t>103611866.0</t>
  </si>
  <si>
    <t>102067536.0</t>
  </si>
  <si>
    <t>75366555.0</t>
  </si>
  <si>
    <t>132329.0</t>
  </si>
  <si>
    <t>217273.0</t>
  </si>
  <si>
    <t>50222644.0</t>
  </si>
  <si>
    <t>116521.0</t>
  </si>
  <si>
    <t>403.03</t>
  </si>
  <si>
    <t>115067.0</t>
  </si>
  <si>
    <t>281174616.0</t>
  </si>
  <si>
    <t>103617188.0</t>
  </si>
  <si>
    <t>102078188.0</t>
  </si>
  <si>
    <t>75479240.0</t>
  </si>
  <si>
    <t>128659.0</t>
  </si>
  <si>
    <t>226.84</t>
  </si>
  <si>
    <t>50347399.0</t>
  </si>
  <si>
    <t>124755.0</t>
  </si>
  <si>
    <t>404.032</t>
  </si>
  <si>
    <t>116791.0</t>
  </si>
  <si>
    <t>281299032.0</t>
  </si>
  <si>
    <t>103622451.0</t>
  </si>
  <si>
    <t>102089462.0</t>
  </si>
  <si>
    <t>75587119.0</t>
  </si>
  <si>
    <t>124416.0</t>
  </si>
  <si>
    <t>210000.0</t>
  </si>
  <si>
    <t>226.94</t>
  </si>
  <si>
    <t>18302.6</t>
  </si>
  <si>
    <t>147.659133280435</t>
  </si>
  <si>
    <t>50499191.0</t>
  </si>
  <si>
    <t>151792.0</t>
  </si>
  <si>
    <t>405.25</t>
  </si>
  <si>
    <t>115284.0</t>
  </si>
  <si>
    <t>281388354.0</t>
  </si>
  <si>
    <t>103627155.0</t>
  </si>
  <si>
    <t>102097906.0</t>
  </si>
  <si>
    <t>75663293.0</t>
  </si>
  <si>
    <t>89322.0</t>
  </si>
  <si>
    <t>202350.0</t>
  </si>
  <si>
    <t>227.01</t>
  </si>
  <si>
    <t>50612934.0</t>
  </si>
  <si>
    <t>406.162</t>
  </si>
  <si>
    <t>114216.0</t>
  </si>
  <si>
    <t>281476395.0</t>
  </si>
  <si>
    <t>103631121.0</t>
  </si>
  <si>
    <t>102104879.0</t>
  </si>
  <si>
    <t>75740395.0</t>
  </si>
  <si>
    <t>193908.0</t>
  </si>
  <si>
    <t>50844783.0</t>
  </si>
  <si>
    <t>231849.0</t>
  </si>
  <si>
    <t>408.023</t>
  </si>
  <si>
    <t>124372.0</t>
  </si>
  <si>
    <t>281720255.0</t>
  </si>
  <si>
    <t>103642506.0</t>
  </si>
  <si>
    <t>102123278.0</t>
  </si>
  <si>
    <t>75954471.0</t>
  </si>
  <si>
    <t>243860.0</t>
  </si>
  <si>
    <t>177466.0</t>
  </si>
  <si>
    <t>227.28</t>
  </si>
  <si>
    <t>50921921.0</t>
  </si>
  <si>
    <t>77138.0</t>
  </si>
  <si>
    <t>408.642</t>
  </si>
  <si>
    <t>282016247.0</t>
  </si>
  <si>
    <t>103662882.0</t>
  </si>
  <si>
    <t>102154203.0</t>
  </si>
  <si>
    <t>76199162.0</t>
  </si>
  <si>
    <t>295992.0</t>
  </si>
  <si>
    <t>157517.0</t>
  </si>
  <si>
    <t>227.52</t>
  </si>
  <si>
    <t>50957186.0</t>
  </si>
  <si>
    <t>408.925</t>
  </si>
  <si>
    <t>282086797.0</t>
  </si>
  <si>
    <t>103666879.0</t>
  </si>
  <si>
    <t>102161866.0</t>
  </si>
  <si>
    <t>76258052.0</t>
  </si>
  <si>
    <t>70550.0</t>
  </si>
  <si>
    <t>148691.0</t>
  </si>
  <si>
    <t>227.58</t>
  </si>
  <si>
    <t>51053108.0</t>
  </si>
  <si>
    <t>282176530.0</t>
  </si>
  <si>
    <t>103671606.0</t>
  </si>
  <si>
    <t>102168543.0</t>
  </si>
  <si>
    <t>76336381.0</t>
  </si>
  <si>
    <t>143131.0</t>
  </si>
  <si>
    <t>227.65</t>
  </si>
  <si>
    <t>51140457.0</t>
  </si>
  <si>
    <t>87349.0</t>
  </si>
  <si>
    <t>410.396</t>
  </si>
  <si>
    <t>282265014.0</t>
  </si>
  <si>
    <t>103676656.0</t>
  </si>
  <si>
    <t>102175394.0</t>
  </si>
  <si>
    <t>76412964.0</t>
  </si>
  <si>
    <t>88484.0</t>
  </si>
  <si>
    <t>227.72</t>
  </si>
  <si>
    <t>51310938.0</t>
  </si>
  <si>
    <t>170481.0</t>
  </si>
  <si>
    <t>411.764</t>
  </si>
  <si>
    <t>115964.0</t>
  </si>
  <si>
    <t>282347808.0</t>
  </si>
  <si>
    <t>103680812.0</t>
  </si>
  <si>
    <t>102181818.0</t>
  </si>
  <si>
    <t>76485178.0</t>
  </si>
  <si>
    <t>82794.0</t>
  </si>
  <si>
    <t>137065.0</t>
  </si>
  <si>
    <t>227.79</t>
  </si>
  <si>
    <t>51430677.0</t>
  </si>
  <si>
    <t>119739.0</t>
  </si>
  <si>
    <t>412.725</t>
  </si>
  <si>
    <t>116820.0</t>
  </si>
  <si>
    <t>282428446.0</t>
  </si>
  <si>
    <t>103684913.0</t>
  </si>
  <si>
    <t>102187362.0</t>
  </si>
  <si>
    <t>76556171.0</t>
  </si>
  <si>
    <t>136007.0</t>
  </si>
  <si>
    <t>227.85</t>
  </si>
  <si>
    <t>51552858.0</t>
  </si>
  <si>
    <t>413.705</t>
  </si>
  <si>
    <t>101154.0</t>
  </si>
  <si>
    <t>282651253.0</t>
  </si>
  <si>
    <t>103693644.0</t>
  </si>
  <si>
    <t>102203683.0</t>
  </si>
  <si>
    <t>76753926.0</t>
  </si>
  <si>
    <t>222807.0</t>
  </si>
  <si>
    <t>133000.0</t>
  </si>
  <si>
    <t>51615801.0</t>
  </si>
  <si>
    <t>62943.0</t>
  </si>
  <si>
    <t>414.21</t>
  </si>
  <si>
    <t>99126.0</t>
  </si>
  <si>
    <t>282918663.0</t>
  </si>
  <si>
    <t>103709346.0</t>
  </si>
  <si>
    <t>102227853.0</t>
  </si>
  <si>
    <t>76981464.0</t>
  </si>
  <si>
    <t>267410.0</t>
  </si>
  <si>
    <t>83.67</t>
  </si>
  <si>
    <t>51648746.0</t>
  </si>
  <si>
    <t>414.475</t>
  </si>
  <si>
    <t>282982218.0</t>
  </si>
  <si>
    <t>103711780.0</t>
  </si>
  <si>
    <t>102234082.0</t>
  </si>
  <si>
    <t>77036356.0</t>
  </si>
  <si>
    <t>63555.0</t>
  </si>
  <si>
    <t>127917.0</t>
  </si>
  <si>
    <t>52592395.0</t>
  </si>
  <si>
    <t>943649.0</t>
  </si>
  <si>
    <t>422.047</t>
  </si>
  <si>
    <t>219898.0</t>
  </si>
  <si>
    <t>283063246.0</t>
  </si>
  <si>
    <t>103714749.0</t>
  </si>
  <si>
    <t>102241424.0</t>
  </si>
  <si>
    <t>77107073.0</t>
  </si>
  <si>
    <t>81028.0</t>
  </si>
  <si>
    <t>126674.0</t>
  </si>
  <si>
    <t>228.37</t>
  </si>
  <si>
    <t>52697510.0</t>
  </si>
  <si>
    <t>105115.0</t>
  </si>
  <si>
    <t>422.891</t>
  </si>
  <si>
    <t>283144228.0</t>
  </si>
  <si>
    <t>103717691.0</t>
  </si>
  <si>
    <t>102249013.0</t>
  </si>
  <si>
    <t>77177524.0</t>
  </si>
  <si>
    <t>80982.0</t>
  </si>
  <si>
    <t>52840464.0</t>
  </si>
  <si>
    <t>142954.0</t>
  </si>
  <si>
    <t>424.038</t>
  </si>
  <si>
    <t>283222146.0</t>
  </si>
  <si>
    <t>103720497.0</t>
  </si>
  <si>
    <t>102256292.0</t>
  </si>
  <si>
    <t>77245357.0</t>
  </si>
  <si>
    <t>124905.0</t>
  </si>
  <si>
    <t>228.49</t>
  </si>
  <si>
    <t>52932555.0</t>
  </si>
  <si>
    <t>92091.0</t>
  </si>
  <si>
    <t>424.777</t>
  </si>
  <si>
    <t>214554.0</t>
  </si>
  <si>
    <t>283297758.0</t>
  </si>
  <si>
    <t>103722814.0</t>
  </si>
  <si>
    <t>102262189.0</t>
  </si>
  <si>
    <t>77312755.0</t>
  </si>
  <si>
    <t>228.55</t>
  </si>
  <si>
    <t>53051063.0</t>
  </si>
  <si>
    <t>118508.0</t>
  </si>
  <si>
    <t>425.728</t>
  </si>
  <si>
    <t>214029.0</t>
  </si>
  <si>
    <t>283509037.0</t>
  </si>
  <si>
    <t>103731201.0</t>
  </si>
  <si>
    <t>102275654.0</t>
  </si>
  <si>
    <t>77502182.0</t>
  </si>
  <si>
    <t>211279.0</t>
  </si>
  <si>
    <t>122541.0</t>
  </si>
  <si>
    <t>53112020.0</t>
  </si>
  <si>
    <t>60957.0</t>
  </si>
  <si>
    <t>426.217</t>
  </si>
  <si>
    <t>213746.0</t>
  </si>
  <si>
    <t>283749075.0</t>
  </si>
  <si>
    <t>103745107.0</t>
  </si>
  <si>
    <t>102297237.0</t>
  </si>
  <si>
    <t>77706731.0</t>
  </si>
  <si>
    <t>240038.0</t>
  </si>
  <si>
    <t>53143650.0</t>
  </si>
  <si>
    <t>426.471</t>
  </si>
  <si>
    <t>213558.0</t>
  </si>
  <si>
    <t>283806790.0</t>
  </si>
  <si>
    <t>103747378.0</t>
  </si>
  <si>
    <t>102301673.0</t>
  </si>
  <si>
    <t>77757739.0</t>
  </si>
  <si>
    <t>57715.0</t>
  </si>
  <si>
    <t>117796.0</t>
  </si>
  <si>
    <t>228.97</t>
  </si>
  <si>
    <t>53256621.0</t>
  </si>
  <si>
    <t>112971.0</t>
  </si>
  <si>
    <t>427.378</t>
  </si>
  <si>
    <t>94889.0</t>
  </si>
  <si>
    <t>283893975.0</t>
  </si>
  <si>
    <t>103750719.0</t>
  </si>
  <si>
    <t>102306934.0</t>
  </si>
  <si>
    <t>77836322.0</t>
  </si>
  <si>
    <t>87185.0</t>
  </si>
  <si>
    <t>118676.0</t>
  </si>
  <si>
    <t>229.04</t>
  </si>
  <si>
    <t>53366701.0</t>
  </si>
  <si>
    <t>110080.0</t>
  </si>
  <si>
    <t>428.261</t>
  </si>
  <si>
    <t>95599.0</t>
  </si>
  <si>
    <t>283986733.0</t>
  </si>
  <si>
    <t>103754261.0</t>
  </si>
  <si>
    <t>102312139.0</t>
  </si>
  <si>
    <t>77920333.0</t>
  </si>
  <si>
    <t>120358.0</t>
  </si>
  <si>
    <t>229.11</t>
  </si>
  <si>
    <t>53504941.0</t>
  </si>
  <si>
    <t>138240.0</t>
  </si>
  <si>
    <t>429.37</t>
  </si>
  <si>
    <t>94925.0</t>
  </si>
  <si>
    <t>284080991.0</t>
  </si>
  <si>
    <t>103757523.0</t>
  </si>
  <si>
    <t>102317176.0</t>
  </si>
  <si>
    <t>78006292.0</t>
  </si>
  <si>
    <t>94258.0</t>
  </si>
  <si>
    <t>122692.0</t>
  </si>
  <si>
    <t>229.19</t>
  </si>
  <si>
    <t>284173496.0</t>
  </si>
  <si>
    <t>103760026.0</t>
  </si>
  <si>
    <t>102321431.0</t>
  </si>
  <si>
    <t>78092039.0</t>
  </si>
  <si>
    <t>92505.0</t>
  </si>
  <si>
    <t>125105.0</t>
  </si>
  <si>
    <t>229.26</t>
  </si>
  <si>
    <t>284404822.0</t>
  </si>
  <si>
    <t>103768038.0</t>
  </si>
  <si>
    <t>102333980.0</t>
  </si>
  <si>
    <t>78302804.0</t>
  </si>
  <si>
    <t>231326.0</t>
  </si>
  <si>
    <t>284670673.0</t>
  </si>
  <si>
    <t>103780000.0</t>
  </si>
  <si>
    <t>102356064.0</t>
  </si>
  <si>
    <t>78534609.0</t>
  </si>
  <si>
    <t>265851.0</t>
  </si>
  <si>
    <t>131657.0</t>
  </si>
  <si>
    <t>229.66</t>
  </si>
  <si>
    <t>284737856.0</t>
  </si>
  <si>
    <t>103782331.0</t>
  </si>
  <si>
    <t>102360485.0</t>
  </si>
  <si>
    <t>78595040.0</t>
  </si>
  <si>
    <t>67183.0</t>
  </si>
  <si>
    <t>133009.0</t>
  </si>
  <si>
    <t>284862921.0</t>
  </si>
  <si>
    <t>103783952.0</t>
  </si>
  <si>
    <t>102365346.0</t>
  </si>
  <si>
    <t>78713623.0</t>
  </si>
  <si>
    <t>125065.0</t>
  </si>
  <si>
    <t>138421.0</t>
  </si>
  <si>
    <t>285001224.0</t>
  </si>
  <si>
    <t>103786733.0</t>
  </si>
  <si>
    <t>102370532.0</t>
  </si>
  <si>
    <t>78843959.0</t>
  </si>
  <si>
    <t>138303.0</t>
  </si>
  <si>
    <t>144927.0</t>
  </si>
  <si>
    <t>229.93</t>
  </si>
  <si>
    <t>285134138.0</t>
  </si>
  <si>
    <t>103789524.0</t>
  </si>
  <si>
    <t>102375061.0</t>
  </si>
  <si>
    <t>78969553.0</t>
  </si>
  <si>
    <t>132914.0</t>
  </si>
  <si>
    <t>150450.0</t>
  </si>
  <si>
    <t>230.04</t>
  </si>
  <si>
    <t>285262132.0</t>
  </si>
  <si>
    <t>103791664.0</t>
  </si>
  <si>
    <t>102378983.0</t>
  </si>
  <si>
    <t>79091485.0</t>
  </si>
  <si>
    <t>127994.0</t>
  </si>
  <si>
    <t>155519.0</t>
  </si>
  <si>
    <t>22115.0</t>
  </si>
  <si>
    <t>178.416275966083</t>
  </si>
  <si>
    <t>285549264.0</t>
  </si>
  <si>
    <t>103798230.0</t>
  </si>
  <si>
    <t>102387696.0</t>
  </si>
  <si>
    <t>79363338.0</t>
  </si>
  <si>
    <t>287132.0</t>
  </si>
  <si>
    <t>163492.0</t>
  </si>
  <si>
    <t>285831682.0</t>
  </si>
  <si>
    <t>103807708.0</t>
  </si>
  <si>
    <t>102403220.0</t>
  </si>
  <si>
    <t>79620754.0</t>
  </si>
  <si>
    <t>282418.0</t>
  </si>
  <si>
    <t>165858.0</t>
  </si>
  <si>
    <t>285920136.0</t>
  </si>
  <si>
    <t>103809592.0</t>
  </si>
  <si>
    <t>102405553.0</t>
  </si>
  <si>
    <t>79704991.0</t>
  </si>
  <si>
    <t>88454.0</t>
  </si>
  <si>
    <t>168897.0</t>
  </si>
  <si>
    <t>230.67</t>
  </si>
  <si>
    <t>286182976.0</t>
  </si>
  <si>
    <t>103812278.0</t>
  </si>
  <si>
    <t>102408421.0</t>
  </si>
  <si>
    <t>79962277.0</t>
  </si>
  <si>
    <t>262840.0</t>
  </si>
  <si>
    <t>188579.0</t>
  </si>
  <si>
    <t>230.88</t>
  </si>
  <si>
    <t>286461974.0</t>
  </si>
  <si>
    <t>103815352.0</t>
  </si>
  <si>
    <t>102411335.0</t>
  </si>
  <si>
    <t>80235287.0</t>
  </si>
  <si>
    <t>278998.0</t>
  </si>
  <si>
    <t>208679.0</t>
  </si>
  <si>
    <t>231.11</t>
  </si>
  <si>
    <t>56.466</t>
  </si>
  <si>
    <t>286731977.0</t>
  </si>
  <si>
    <t>103817997.0</t>
  </si>
  <si>
    <t>102414206.0</t>
  </si>
  <si>
    <t>80499774.0</t>
  </si>
  <si>
    <t>270003.0</t>
  </si>
  <si>
    <t>287021200.0</t>
  </si>
  <si>
    <t>103820571.0</t>
  </si>
  <si>
    <t>102416636.0</t>
  </si>
  <si>
    <t>80783993.0</t>
  </si>
  <si>
    <t>289223.0</t>
  </si>
  <si>
    <t>251295.0</t>
  </si>
  <si>
    <t>231.56</t>
  </si>
  <si>
    <t>287507763.0</t>
  </si>
  <si>
    <t>103827251.0</t>
  </si>
  <si>
    <t>102425124.0</t>
  </si>
  <si>
    <t>81255388.0</t>
  </si>
  <si>
    <t>486563.0</t>
  </si>
  <si>
    <t>279786.0</t>
  </si>
  <si>
    <t>287970296.0</t>
  </si>
  <si>
    <t>103838046.0</t>
  </si>
  <si>
    <t>102439861.0</t>
  </si>
  <si>
    <t>81692389.0</t>
  </si>
  <si>
    <t>462533.0</t>
  </si>
  <si>
    <t>305516.0</t>
  </si>
  <si>
    <t>232.32</t>
  </si>
  <si>
    <t>288131827.0</t>
  </si>
  <si>
    <t>103839998.0</t>
  </si>
  <si>
    <t>102442059.0</t>
  </si>
  <si>
    <t>81849770.0</t>
  </si>
  <si>
    <t>161531.0</t>
  </si>
  <si>
    <t>315956.0</t>
  </si>
  <si>
    <t>232.45</t>
  </si>
  <si>
    <t>288539551.0</t>
  </si>
  <si>
    <t>103842485.0</t>
  </si>
  <si>
    <t>102445466.0</t>
  </si>
  <si>
    <t>82251600.0</t>
  </si>
  <si>
    <t>407724.0</t>
  </si>
  <si>
    <t>336654.0</t>
  </si>
  <si>
    <t>288989243.0</t>
  </si>
  <si>
    <t>103845193.0</t>
  </si>
  <si>
    <t>102449029.0</t>
  </si>
  <si>
    <t>82695021.0</t>
  </si>
  <si>
    <t>449692.0</t>
  </si>
  <si>
    <t>361038.0</t>
  </si>
  <si>
    <t>289420737.0</t>
  </si>
  <si>
    <t>103847864.0</t>
  </si>
  <si>
    <t>102452287.0</t>
  </si>
  <si>
    <t>83120586.0</t>
  </si>
  <si>
    <t>431494.0</t>
  </si>
  <si>
    <t>384109.0</t>
  </si>
  <si>
    <t>233.49</t>
  </si>
  <si>
    <t>289856984.0</t>
  </si>
  <si>
    <t>103850524.0</t>
  </si>
  <si>
    <t>102454856.0</t>
  </si>
  <si>
    <t>83551604.0</t>
  </si>
  <si>
    <t>436247.0</t>
  </si>
  <si>
    <t>233.85</t>
  </si>
  <si>
    <t>290520796.0</t>
  </si>
  <si>
    <t>103858145.0</t>
  </si>
  <si>
    <t>102462875.0</t>
  </si>
  <si>
    <t>84199776.0</t>
  </si>
  <si>
    <t>663812.0</t>
  </si>
  <si>
    <t>430433.0</t>
  </si>
  <si>
    <t>291201928.0</t>
  </si>
  <si>
    <t>103871283.0</t>
  </si>
  <si>
    <t>102474964.0</t>
  </si>
  <si>
    <t>84855681.0</t>
  </si>
  <si>
    <t>681132.0</t>
  </si>
  <si>
    <t>461662.0</t>
  </si>
  <si>
    <t>291512908.0</t>
  </si>
  <si>
    <t>103873708.0</t>
  </si>
  <si>
    <t>102477524.0</t>
  </si>
  <si>
    <t>85161676.0</t>
  </si>
  <si>
    <t>310980.0</t>
  </si>
  <si>
    <t>483012.0</t>
  </si>
  <si>
    <t>291615848.0</t>
  </si>
  <si>
    <t>103874265.0</t>
  </si>
  <si>
    <t>102477775.0</t>
  </si>
  <si>
    <t>85263808.0</t>
  </si>
  <si>
    <t>102940.0</t>
  </si>
  <si>
    <t>439471.0</t>
  </si>
  <si>
    <t>292195572.0</t>
  </si>
  <si>
    <t>103878051.0</t>
  </si>
  <si>
    <t>102480954.0</t>
  </si>
  <si>
    <t>85836567.0</t>
  </si>
  <si>
    <t>458047.0</t>
  </si>
  <si>
    <t>292789016.0</t>
  </si>
  <si>
    <t>103882611.0</t>
  </si>
  <si>
    <t>102483973.0</t>
  </si>
  <si>
    <t>86422432.0</t>
  </si>
  <si>
    <t>593444.0</t>
  </si>
  <si>
    <t>481183.0</t>
  </si>
  <si>
    <t>293358056.0</t>
  </si>
  <si>
    <t>103885223.0</t>
  </si>
  <si>
    <t>102486395.0</t>
  </si>
  <si>
    <t>86986438.0</t>
  </si>
  <si>
    <t>500153.0</t>
  </si>
  <si>
    <t>294174282.0</t>
  </si>
  <si>
    <t>103893320.0</t>
  </si>
  <si>
    <t>102493458.0</t>
  </si>
  <si>
    <t>87787504.0</t>
  </si>
  <si>
    <t>816226.0</t>
  </si>
  <si>
    <t>521927.0</t>
  </si>
  <si>
    <t>295004573.0</t>
  </si>
  <si>
    <t>103904216.0</t>
  </si>
  <si>
    <t>102503784.0</t>
  </si>
  <si>
    <t>88596573.0</t>
  </si>
  <si>
    <t>830291.0</t>
  </si>
  <si>
    <t>543235.0</t>
  </si>
  <si>
    <t>295444580.0</t>
  </si>
  <si>
    <t>103907057.0</t>
  </si>
  <si>
    <t>102505926.0</t>
  </si>
  <si>
    <t>89031597.0</t>
  </si>
  <si>
    <t>440007.0</t>
  </si>
  <si>
    <t>561667.0</t>
  </si>
  <si>
    <t>238.35</t>
  </si>
  <si>
    <t>296067404.0</t>
  </si>
  <si>
    <t>103911812.0</t>
  </si>
  <si>
    <t>102509402.0</t>
  </si>
  <si>
    <t>89646190.0</t>
  </si>
  <si>
    <t>622824.0</t>
  </si>
  <si>
    <t>635937.0</t>
  </si>
  <si>
    <t>296750745.0</t>
  </si>
  <si>
    <t>103917579.0</t>
  </si>
  <si>
    <t>102512951.0</t>
  </si>
  <si>
    <t>90320215.0</t>
  </si>
  <si>
    <t>683341.0</t>
  </si>
  <si>
    <t>650739.0</t>
  </si>
  <si>
    <t>10.907</t>
  </si>
  <si>
    <t>24860.0</t>
  </si>
  <si>
    <t>297402577.0</t>
  </si>
  <si>
    <t>103923711.0</t>
  </si>
  <si>
    <t>102516169.0</t>
  </si>
  <si>
    <t>90962697.0</t>
  </si>
  <si>
    <t>659080.0</t>
  </si>
  <si>
    <t>298050619.0</t>
  </si>
  <si>
    <t>103929784.0</t>
  </si>
  <si>
    <t>102519049.0</t>
  </si>
  <si>
    <t>91601786.0</t>
  </si>
  <si>
    <t>648042.0</t>
  </si>
  <si>
    <t>670366.0</t>
  </si>
  <si>
    <t>298937625.0</t>
  </si>
  <si>
    <t>103943388.0</t>
  </si>
  <si>
    <t>102526181.0</t>
  </si>
  <si>
    <t>92468056.0</t>
  </si>
  <si>
    <t>887006.0</t>
  </si>
  <si>
    <t>680478.0</t>
  </si>
  <si>
    <t>299839474.0</t>
  </si>
  <si>
    <t>103963413.0</t>
  </si>
  <si>
    <t>102537177.0</t>
  </si>
  <si>
    <t>93338884.0</t>
  </si>
  <si>
    <t>901849.0</t>
  </si>
  <si>
    <t>690700.0</t>
  </si>
  <si>
    <t>300289391.0</t>
  </si>
  <si>
    <t>103967641.0</t>
  </si>
  <si>
    <t>102539246.0</t>
  </si>
  <si>
    <t>93782504.0</t>
  </si>
  <si>
    <t>449917.0</t>
  </si>
  <si>
    <t>692116.0</t>
  </si>
  <si>
    <t>242.26</t>
  </si>
  <si>
    <t>26431.8</t>
  </si>
  <si>
    <t>213.242745787036</t>
  </si>
  <si>
    <t>300871467.0</t>
  </si>
  <si>
    <t>103974991.0</t>
  </si>
  <si>
    <t>102541832.0</t>
  </si>
  <si>
    <t>94354644.0</t>
  </si>
  <si>
    <t>582076.0</t>
  </si>
  <si>
    <t>686295.0</t>
  </si>
  <si>
    <t>242.73</t>
  </si>
  <si>
    <t>301529105.0</t>
  </si>
  <si>
    <t>103983282.0</t>
  </si>
  <si>
    <t>102544601.0</t>
  </si>
  <si>
    <t>95001222.0</t>
  </si>
  <si>
    <t>657638.0</t>
  </si>
  <si>
    <t>682623.0</t>
  </si>
  <si>
    <t>13.868</t>
  </si>
  <si>
    <t>302171913.0</t>
  </si>
  <si>
    <t>103990296.0</t>
  </si>
  <si>
    <t>102547251.0</t>
  </si>
  <si>
    <t>95634366.0</t>
  </si>
  <si>
    <t>642808.0</t>
  </si>
  <si>
    <t>681334.0</t>
  </si>
  <si>
    <t>302799612.0</t>
  </si>
  <si>
    <t>103996712.0</t>
  </si>
  <si>
    <t>102549963.0</t>
  </si>
  <si>
    <t>96252937.0</t>
  </si>
  <si>
    <t>627699.0</t>
  </si>
  <si>
    <t>678428.0</t>
  </si>
  <si>
    <t>303707164.0</t>
  </si>
  <si>
    <t>104010915.0</t>
  </si>
  <si>
    <t>102556999.0</t>
  </si>
  <si>
    <t>97139250.0</t>
  </si>
  <si>
    <t>907552.0</t>
  </si>
  <si>
    <t>681363.0</t>
  </si>
  <si>
    <t>245.02</t>
  </si>
  <si>
    <t>304611863.0</t>
  </si>
  <si>
    <t>104031732.0</t>
  </si>
  <si>
    <t>102569228.0</t>
  </si>
  <si>
    <t>98010903.0</t>
  </si>
  <si>
    <t>904699.0</t>
  </si>
  <si>
    <t>681770.0</t>
  </si>
  <si>
    <t>245.75</t>
  </si>
  <si>
    <t>305035959.0</t>
  </si>
  <si>
    <t>104036774.0</t>
  </si>
  <si>
    <t>102571538.0</t>
  </si>
  <si>
    <t>98427647.0</t>
  </si>
  <si>
    <t>424096.0</t>
  </si>
  <si>
    <t>678081.0</t>
  </si>
  <si>
    <t>246.09</t>
  </si>
  <si>
    <t>305668546.0</t>
  </si>
  <si>
    <t>104043003.0</t>
  </si>
  <si>
    <t>102573163.0</t>
  </si>
  <si>
    <t>99052380.0</t>
  </si>
  <si>
    <t>632587.0</t>
  </si>
  <si>
    <t>685297.0</t>
  </si>
  <si>
    <t>306354043.0</t>
  </si>
  <si>
    <t>104049688.0</t>
  </si>
  <si>
    <t>102576826.0</t>
  </si>
  <si>
    <t>99727529.0</t>
  </si>
  <si>
    <t>685497.0</t>
  </si>
  <si>
    <t>689277.0</t>
  </si>
  <si>
    <t>247.16</t>
  </si>
  <si>
    <t>295.18</t>
  </si>
  <si>
    <t>307055095.0</t>
  </si>
  <si>
    <t>104055388.0</t>
  </si>
  <si>
    <t>102581068.0</t>
  </si>
  <si>
    <t>100418639.0</t>
  </si>
  <si>
    <t>701052.0</t>
  </si>
  <si>
    <t>697597.0</t>
  </si>
  <si>
    <t>247.72</t>
  </si>
  <si>
    <t>307262747.0</t>
  </si>
  <si>
    <t>104056229.0</t>
  </si>
  <si>
    <t>102581666.0</t>
  </si>
  <si>
    <t>100624852.0</t>
  </si>
  <si>
    <t>207652.0</t>
  </si>
  <si>
    <t>637591.0</t>
  </si>
  <si>
    <t>307846578.0</t>
  </si>
  <si>
    <t>104061792.0</t>
  </si>
  <si>
    <t>102587076.0</t>
  </si>
  <si>
    <t>101197710.0</t>
  </si>
  <si>
    <t>583831.0</t>
  </si>
  <si>
    <t>591345.0</t>
  </si>
  <si>
    <t>248.36</t>
  </si>
  <si>
    <t>308164086.0</t>
  </si>
  <si>
    <t>104067109.0</t>
  </si>
  <si>
    <t>102592929.0</t>
  </si>
  <si>
    <t>101504048.0</t>
  </si>
  <si>
    <t>317508.0</t>
  </si>
  <si>
    <t>507460.0</t>
  </si>
  <si>
    <t>248.62</t>
  </si>
  <si>
    <t>308308292.0</t>
  </si>
  <si>
    <t>104068624.0</t>
  </si>
  <si>
    <t>102594786.0</t>
  </si>
  <si>
    <t>101644882.0</t>
  </si>
  <si>
    <t>144206.0</t>
  </si>
  <si>
    <t>467476.0</t>
  </si>
  <si>
    <t>248.73</t>
  </si>
  <si>
    <t>308516801.0</t>
  </si>
  <si>
    <t>104070504.0</t>
  </si>
  <si>
    <t>102597183.0</t>
  </si>
  <si>
    <t>101849114.0</t>
  </si>
  <si>
    <t>208509.0</t>
  </si>
  <si>
    <t>406894.0</t>
  </si>
  <si>
    <t>308917153.0</t>
  </si>
  <si>
    <t>104073569.0</t>
  </si>
  <si>
    <t>102601471.0</t>
  </si>
  <si>
    <t>102242113.0</t>
  </si>
  <si>
    <t>400352.0</t>
  </si>
  <si>
    <t>366159.0</t>
  </si>
  <si>
    <t>249.22</t>
  </si>
  <si>
    <t>309440729.0</t>
  </si>
  <si>
    <t>104077170.0</t>
  </si>
  <si>
    <t>102606850.0</t>
  </si>
  <si>
    <t>102756709.0</t>
  </si>
  <si>
    <t>523576.0</t>
  </si>
  <si>
    <t>340805.0</t>
  </si>
  <si>
    <t>249.65</t>
  </si>
  <si>
    <t>310000275.0</t>
  </si>
  <si>
    <t>104080912.0</t>
  </si>
  <si>
    <t>102612650.0</t>
  </si>
  <si>
    <t>103306713.0</t>
  </si>
  <si>
    <t>559546.0</t>
  </si>
  <si>
    <t>391075.0</t>
  </si>
  <si>
    <t>250.1</t>
  </si>
  <si>
    <t>310835650.0</t>
  </si>
  <si>
    <t>104089341.0</t>
  </si>
  <si>
    <t>102625310.0</t>
  </si>
  <si>
    <t>104120999.0</t>
  </si>
  <si>
    <t>835375.0</t>
  </si>
  <si>
    <t>427010.0</t>
  </si>
  <si>
    <t>311649109.0</t>
  </si>
  <si>
    <t>104102457.0</t>
  </si>
  <si>
    <t>102644940.0</t>
  </si>
  <si>
    <t>104901712.0</t>
  </si>
  <si>
    <t>813459.0</t>
  </si>
  <si>
    <t>497860.0</t>
  </si>
  <si>
    <t>251.43</t>
  </si>
  <si>
    <t>312034534.0</t>
  </si>
  <si>
    <t>104105293.0</t>
  </si>
  <si>
    <t>102648985.0</t>
  </si>
  <si>
    <t>105280256.0</t>
  </si>
  <si>
    <t>385425.0</t>
  </si>
  <si>
    <t>532320.0</t>
  </si>
  <si>
    <t>251.74</t>
  </si>
  <si>
    <t>312586001.0</t>
  </si>
  <si>
    <t>104109218.0</t>
  </si>
  <si>
    <t>102656355.0</t>
  </si>
  <si>
    <t>105820428.0</t>
  </si>
  <si>
    <t>581314.0</t>
  </si>
  <si>
    <t>252.18</t>
  </si>
  <si>
    <t>313186860.0</t>
  </si>
  <si>
    <t>104113881.0</t>
  </si>
  <si>
    <t>102664796.0</t>
  </si>
  <si>
    <t>106408183.0</t>
  </si>
  <si>
    <t>600859.0</t>
  </si>
  <si>
    <t>609958.0</t>
  </si>
  <si>
    <t>252.67</t>
  </si>
  <si>
    <t>313750024.0</t>
  </si>
  <si>
    <t>104117947.0</t>
  </si>
  <si>
    <t>102671578.0</t>
  </si>
  <si>
    <t>106960499.0</t>
  </si>
  <si>
    <t>563164.0</t>
  </si>
  <si>
    <t>615614.0</t>
  </si>
  <si>
    <t>253.12</t>
  </si>
  <si>
    <t>314286222.0</t>
  </si>
  <si>
    <t>104121675.0</t>
  </si>
  <si>
    <t>102677828.0</t>
  </si>
  <si>
    <t>107486719.0</t>
  </si>
  <si>
    <t>536198.0</t>
  </si>
  <si>
    <t>612278.0</t>
  </si>
  <si>
    <t>315094884.0</t>
  </si>
  <si>
    <t>104129719.0</t>
  </si>
  <si>
    <t>102691971.0</t>
  </si>
  <si>
    <t>108273194.0</t>
  </si>
  <si>
    <t>808662.0</t>
  </si>
  <si>
    <t>608462.0</t>
  </si>
  <si>
    <t>254.21</t>
  </si>
  <si>
    <t>315843744.0</t>
  </si>
  <si>
    <t>104142361.0</t>
  </si>
  <si>
    <t>102712646.0</t>
  </si>
  <si>
    <t>108988737.0</t>
  </si>
  <si>
    <t>748860.0</t>
  </si>
  <si>
    <t>599234.0</t>
  </si>
  <si>
    <t>254.81</t>
  </si>
  <si>
    <t>316172402.0</t>
  </si>
  <si>
    <t>104144697.0</t>
  </si>
  <si>
    <t>102717456.0</t>
  </si>
  <si>
    <t>109310249.0</t>
  </si>
  <si>
    <t>328658.0</t>
  </si>
  <si>
    <t>591124.0</t>
  </si>
  <si>
    <t>316656552.0</t>
  </si>
  <si>
    <t>104147093.0</t>
  </si>
  <si>
    <t>102723600.0</t>
  </si>
  <si>
    <t>109785859.0</t>
  </si>
  <si>
    <t>484150.0</t>
  </si>
  <si>
    <t>581507.0</t>
  </si>
  <si>
    <t>317186142.0</t>
  </si>
  <si>
    <t>104151195.0</t>
  </si>
  <si>
    <t>102730197.0</t>
  </si>
  <si>
    <t>110304750.0</t>
  </si>
  <si>
    <t>529590.0</t>
  </si>
  <si>
    <t>571326.0</t>
  </si>
  <si>
    <t>255.89</t>
  </si>
  <si>
    <t>12.723</t>
  </si>
  <si>
    <t>317651603.0</t>
  </si>
  <si>
    <t>104154814.0</t>
  </si>
  <si>
    <t>102735422.0</t>
  </si>
  <si>
    <t>110761367.0</t>
  </si>
  <si>
    <t>465461.0</t>
  </si>
  <si>
    <t>557368.0</t>
  </si>
  <si>
    <t>256.27</t>
  </si>
  <si>
    <t>46625.4</t>
  </si>
  <si>
    <t>376.157821995433</t>
  </si>
  <si>
    <t>318001571.0</t>
  </si>
  <si>
    <t>104158528.0</t>
  </si>
  <si>
    <t>102736762.0</t>
  </si>
  <si>
    <t>111106281.0</t>
  </si>
  <si>
    <t>349968.0</t>
  </si>
  <si>
    <t>530764.0</t>
  </si>
  <si>
    <t>318566944.0</t>
  </si>
  <si>
    <t>104162974.0</t>
  </si>
  <si>
    <t>102742837.0</t>
  </si>
  <si>
    <t>111661133.0</t>
  </si>
  <si>
    <t>565373.0</t>
  </si>
  <si>
    <t>496009.0</t>
  </si>
  <si>
    <t>257.01</t>
  </si>
  <si>
    <t>319072677.0</t>
  </si>
  <si>
    <t>104178805.0</t>
  </si>
  <si>
    <t>102751594.0</t>
  </si>
  <si>
    <t>112142278.0</t>
  </si>
  <si>
    <t>505733.0</t>
  </si>
  <si>
    <t>461276.0</t>
  </si>
  <si>
    <t>257.42</t>
  </si>
  <si>
    <t>319243556.0</t>
  </si>
  <si>
    <t>104181761.0</t>
  </si>
  <si>
    <t>102753138.0</t>
  </si>
  <si>
    <t>112308657.0</t>
  </si>
  <si>
    <t>170879.0</t>
  </si>
  <si>
    <t>438736.0</t>
  </si>
  <si>
    <t>257.55</t>
  </si>
  <si>
    <t>319567109.0</t>
  </si>
  <si>
    <t>104185375.0</t>
  </si>
  <si>
    <t>102755171.0</t>
  </si>
  <si>
    <t>112626563.0</t>
  </si>
  <si>
    <t>323553.0</t>
  </si>
  <si>
    <t>257.82</t>
  </si>
  <si>
    <t>319906814.0</t>
  </si>
  <si>
    <t>104189427.0</t>
  </si>
  <si>
    <t>102757925.0</t>
  </si>
  <si>
    <t>112959462.0</t>
  </si>
  <si>
    <t>339705.0</t>
  </si>
  <si>
    <t>388667.0</t>
  </si>
  <si>
    <t>258.09</t>
  </si>
  <si>
    <t>320230952.0</t>
  </si>
  <si>
    <t>104193404.0</t>
  </si>
  <si>
    <t>102760955.0</t>
  </si>
  <si>
    <t>113276593.0</t>
  </si>
  <si>
    <t>324138.0</t>
  </si>
  <si>
    <t>368478.0</t>
  </si>
  <si>
    <t>258.35</t>
  </si>
  <si>
    <t>320518151.0</t>
  </si>
  <si>
    <t>104196518.0</t>
  </si>
  <si>
    <t>102763809.0</t>
  </si>
  <si>
    <t>113557824.0</t>
  </si>
  <si>
    <t>287199.0</t>
  </si>
  <si>
    <t>359511.0</t>
  </si>
  <si>
    <t>258.58</t>
  </si>
  <si>
    <t>320999329.0</t>
  </si>
  <si>
    <t>104206134.0</t>
  </si>
  <si>
    <t>102771869.0</t>
  </si>
  <si>
    <t>114021326.0</t>
  </si>
  <si>
    <t>481178.0</t>
  </si>
  <si>
    <t>347484.0</t>
  </si>
  <si>
    <t>258.97</t>
  </si>
  <si>
    <t>321434229.0</t>
  </si>
  <si>
    <t>104212660.0</t>
  </si>
  <si>
    <t>102785070.0</t>
  </si>
  <si>
    <t>114436499.0</t>
  </si>
  <si>
    <t>434900.0</t>
  </si>
  <si>
    <t>337365.0</t>
  </si>
  <si>
    <t>259.32</t>
  </si>
  <si>
    <t>92.32</t>
  </si>
  <si>
    <t>321559752.0</t>
  </si>
  <si>
    <t>104213514.0</t>
  </si>
  <si>
    <t>102787373.0</t>
  </si>
  <si>
    <t>114558865.0</t>
  </si>
  <si>
    <t>125523.0</t>
  </si>
  <si>
    <t>330885.0</t>
  </si>
  <si>
    <t>259.42</t>
  </si>
  <si>
    <t>92.42</t>
  </si>
  <si>
    <t>321823317.0</t>
  </si>
  <si>
    <t>104215008.0</t>
  </si>
  <si>
    <t>102790651.0</t>
  </si>
  <si>
    <t>114817658.0</t>
  </si>
  <si>
    <t>263565.0</t>
  </si>
  <si>
    <t>322315.0</t>
  </si>
  <si>
    <t>259.64</t>
  </si>
  <si>
    <t>322104130.0</t>
  </si>
  <si>
    <t>104216724.0</t>
  </si>
  <si>
    <t>102794449.0</t>
  </si>
  <si>
    <t>115092957.0</t>
  </si>
  <si>
    <t>280813.0</t>
  </si>
  <si>
    <t>313902.0</t>
  </si>
  <si>
    <t>259.86</t>
  </si>
  <si>
    <t>322355006.0</t>
  </si>
  <si>
    <t>104218221.0</t>
  </si>
  <si>
    <t>102797912.0</t>
  </si>
  <si>
    <t>115338873.0</t>
  </si>
  <si>
    <t>250876.0</t>
  </si>
  <si>
    <t>303436.0</t>
  </si>
  <si>
    <t>260.07</t>
  </si>
  <si>
    <t>322576756.0</t>
  </si>
  <si>
    <t>104219506.0</t>
  </si>
  <si>
    <t>102800954.0</t>
  </si>
  <si>
    <t>115556296.0</t>
  </si>
  <si>
    <t>294086.0</t>
  </si>
  <si>
    <t>260.24</t>
  </si>
  <si>
    <t>93.23</t>
  </si>
  <si>
    <t>322960644.0</t>
  </si>
  <si>
    <t>104223564.0</t>
  </si>
  <si>
    <t>102809238.0</t>
  </si>
  <si>
    <t>115927842.0</t>
  </si>
  <si>
    <t>383888.0</t>
  </si>
  <si>
    <t>280188.0</t>
  </si>
  <si>
    <t>260.55</t>
  </si>
  <si>
    <t>323297405.0</t>
  </si>
  <si>
    <t>104229361.0</t>
  </si>
  <si>
    <t>102822809.0</t>
  </si>
  <si>
    <t>116245235.0</t>
  </si>
  <si>
    <t>336761.0</t>
  </si>
  <si>
    <t>260.83</t>
  </si>
  <si>
    <t>323373253.0</t>
  </si>
  <si>
    <t>104230176.0</t>
  </si>
  <si>
    <t>102824647.0</t>
  </si>
  <si>
    <t>116318430.0</t>
  </si>
  <si>
    <t>259072.0</t>
  </si>
  <si>
    <t>323390714.0</t>
  </si>
  <si>
    <t>104230366.0</t>
  </si>
  <si>
    <t>102824944.0</t>
  </si>
  <si>
    <t>116335404.0</t>
  </si>
  <si>
    <t>223914.0</t>
  </si>
  <si>
    <t>260.9</t>
  </si>
  <si>
    <t>323591549.0</t>
  </si>
  <si>
    <t>104231882.0</t>
  </si>
  <si>
    <t>102829089.0</t>
  </si>
  <si>
    <t>116530578.0</t>
  </si>
  <si>
    <t>200835.0</t>
  </si>
  <si>
    <t>212488.0</t>
  </si>
  <si>
    <t>261.06</t>
  </si>
  <si>
    <t>94.01</t>
  </si>
  <si>
    <t>7.406</t>
  </si>
  <si>
    <t>323787093.0</t>
  </si>
  <si>
    <t>104233357.0</t>
  </si>
  <si>
    <t>102832755.0</t>
  </si>
  <si>
    <t>116720981.0</t>
  </si>
  <si>
    <t>195544.0</t>
  </si>
  <si>
    <t>204584.0</t>
  </si>
  <si>
    <t>323991869.0</t>
  </si>
  <si>
    <t>104235033.0</t>
  </si>
  <si>
    <t>102837277.0</t>
  </si>
  <si>
    <t>116919559.0</t>
  </si>
  <si>
    <t>204776.0</t>
  </si>
  <si>
    <t>261.39</t>
  </si>
  <si>
    <t>94.33</t>
  </si>
  <si>
    <t>324059696.0</t>
  </si>
  <si>
    <t>104235909.0</t>
  </si>
  <si>
    <t>102838522.0</t>
  </si>
  <si>
    <t>116985265.0</t>
  </si>
  <si>
    <t>94.38</t>
  </si>
  <si>
    <t>324311826.0</t>
  </si>
  <si>
    <t>104239947.0</t>
  </si>
  <si>
    <t>102855958.0</t>
  </si>
  <si>
    <t>117215921.0</t>
  </si>
  <si>
    <t>252130.0</t>
  </si>
  <si>
    <t>144917.0</t>
  </si>
  <si>
    <t>261.64</t>
  </si>
  <si>
    <t>324400630.0</t>
  </si>
  <si>
    <t>104240789.0</t>
  </si>
  <si>
    <t>102859327.0</t>
  </si>
  <si>
    <t>117300514.0</t>
  </si>
  <si>
    <t>88804.0</t>
  </si>
  <si>
    <t>146768.0</t>
  </si>
  <si>
    <t>324573854.0</t>
  </si>
  <si>
    <t>104242097.0</t>
  </si>
  <si>
    <t>102863952.0</t>
  </si>
  <si>
    <t>117467805.0</t>
  </si>
  <si>
    <t>173224.0</t>
  </si>
  <si>
    <t>169020.0</t>
  </si>
  <si>
    <t>261.86</t>
  </si>
  <si>
    <t>324759583.0</t>
  </si>
  <si>
    <t>104243433.0</t>
  </si>
  <si>
    <t>102868578.0</t>
  </si>
  <si>
    <t>117647572.0</t>
  </si>
  <si>
    <t>185729.0</t>
  </si>
  <si>
    <t>166862.0</t>
  </si>
  <si>
    <t>324942054.0</t>
  </si>
  <si>
    <t>104244746.0</t>
  </si>
  <si>
    <t>102873050.0</t>
  </si>
  <si>
    <t>117824258.0</t>
  </si>
  <si>
    <t>182471.0</t>
  </si>
  <si>
    <t>164994.0</t>
  </si>
  <si>
    <t>262.15</t>
  </si>
  <si>
    <t>325110723.0</t>
  </si>
  <si>
    <t>104245816.0</t>
  </si>
  <si>
    <t>102876703.0</t>
  </si>
  <si>
    <t>117988204.0</t>
  </si>
  <si>
    <t>168669.0</t>
  </si>
  <si>
    <t>159836.0</t>
  </si>
  <si>
    <t>262.29</t>
  </si>
  <si>
    <t>325408405.0</t>
  </si>
  <si>
    <t>104248981.0</t>
  </si>
  <si>
    <t>102888563.0</t>
  </si>
  <si>
    <t>118270861.0</t>
  </si>
  <si>
    <t>297682.0</t>
  </si>
  <si>
    <t>192673.0</t>
  </si>
  <si>
    <t>262.53</t>
  </si>
  <si>
    <t>60947.4</t>
  </si>
  <si>
    <t>491.70283236786</t>
  </si>
  <si>
    <t>325608372.0</t>
  </si>
  <si>
    <t>104252556.0</t>
  </si>
  <si>
    <t>102894350.0</t>
  </si>
  <si>
    <t>118461466.0</t>
  </si>
  <si>
    <t>199967.0</t>
  </si>
  <si>
    <t>185221.0</t>
  </si>
  <si>
    <t>325674214.0</t>
  </si>
  <si>
    <t>104253675.0</t>
  </si>
  <si>
    <t>102895051.0</t>
  </si>
  <si>
    <t>118525488.0</t>
  </si>
  <si>
    <t>181941.0</t>
  </si>
  <si>
    <t>262.74</t>
  </si>
  <si>
    <t>325792163.0</t>
  </si>
  <si>
    <t>104254718.0</t>
  </si>
  <si>
    <t>102896358.0</t>
  </si>
  <si>
    <t>118641087.0</t>
  </si>
  <si>
    <t>117949.0</t>
  </si>
  <si>
    <t>174044.0</t>
  </si>
  <si>
    <t>262.84</t>
  </si>
  <si>
    <t>325922144.0</t>
  </si>
  <si>
    <t>104255890.0</t>
  </si>
  <si>
    <t>102897795.0</t>
  </si>
  <si>
    <t>118768459.0</t>
  </si>
  <si>
    <t>129981.0</t>
  </si>
  <si>
    <t>166080.0</t>
  </si>
  <si>
    <t>262.94</t>
  </si>
  <si>
    <t>326045385.0</t>
  </si>
  <si>
    <t>104256992.0</t>
  </si>
  <si>
    <t>102899022.0</t>
  </si>
  <si>
    <t>118889371.0</t>
  </si>
  <si>
    <t>123241.0</t>
  </si>
  <si>
    <t>157619.0</t>
  </si>
  <si>
    <t>263.04</t>
  </si>
  <si>
    <t>326165761.0</t>
  </si>
  <si>
    <t>104258082.0</t>
  </si>
  <si>
    <t>102900197.0</t>
  </si>
  <si>
    <t>119007482.0</t>
  </si>
  <si>
    <t>120376.0</t>
  </si>
  <si>
    <t>150720.0</t>
  </si>
  <si>
    <t>263.14</t>
  </si>
  <si>
    <t>96.01</t>
  </si>
  <si>
    <t>326420953.0</t>
  </si>
  <si>
    <t>104260589.0</t>
  </si>
  <si>
    <t>102903953.0</t>
  </si>
  <si>
    <t>119256411.0</t>
  </si>
  <si>
    <t>144650.0</t>
  </si>
  <si>
    <t>326733046.0</t>
  </si>
  <si>
    <t>104264442.0</t>
  </si>
  <si>
    <t>102909605.0</t>
  </si>
  <si>
    <t>119558999.0</t>
  </si>
  <si>
    <t>312093.0</t>
  </si>
  <si>
    <t>160668.0</t>
  </si>
  <si>
    <t>96.46</t>
  </si>
  <si>
    <t>326849963.0</t>
  </si>
  <si>
    <t>104265520.0</t>
  </si>
  <si>
    <t>102910546.0</t>
  </si>
  <si>
    <t>119673897.0</t>
  </si>
  <si>
    <t>116917.0</t>
  </si>
  <si>
    <t>263.69</t>
  </si>
  <si>
    <t>326882041.0</t>
  </si>
  <si>
    <t>104265666.0</t>
  </si>
  <si>
    <t>102910712.0</t>
  </si>
  <si>
    <t>119705663.0</t>
  </si>
  <si>
    <t>32078.0</t>
  </si>
  <si>
    <t>155697.0</t>
  </si>
  <si>
    <t>263.72</t>
  </si>
  <si>
    <t>327058265.0</t>
  </si>
  <si>
    <t>104266604.0</t>
  </si>
  <si>
    <t>102912022.0</t>
  </si>
  <si>
    <t>119879639.0</t>
  </si>
  <si>
    <t>176224.0</t>
  </si>
  <si>
    <t>162303.0</t>
  </si>
  <si>
    <t>263.86</t>
  </si>
  <si>
    <t>327231785.0</t>
  </si>
  <si>
    <t>104267618.0</t>
  </si>
  <si>
    <t>102913284.0</t>
  </si>
  <si>
    <t>120050883.0</t>
  </si>
  <si>
    <t>173520.0</t>
  </si>
  <si>
    <t>169486.0</t>
  </si>
  <si>
    <t>327397637.0</t>
  </si>
  <si>
    <t>104268219.0</t>
  </si>
  <si>
    <t>102914411.0</t>
  </si>
  <si>
    <t>120215007.0</t>
  </si>
  <si>
    <t>165852.0</t>
  </si>
  <si>
    <t>175982.0</t>
  </si>
  <si>
    <t>327735614.0</t>
  </si>
  <si>
    <t>104270388.0</t>
  </si>
  <si>
    <t>102916339.0</t>
  </si>
  <si>
    <t>120548887.0</t>
  </si>
  <si>
    <t>337977.0</t>
  </si>
  <si>
    <t>187809.0</t>
  </si>
  <si>
    <t>264.41</t>
  </si>
  <si>
    <t>97.25</t>
  </si>
  <si>
    <t>328143472.0</t>
  </si>
  <si>
    <t>104274349.0</t>
  </si>
  <si>
    <t>102920928.0</t>
  </si>
  <si>
    <t>120948195.0</t>
  </si>
  <si>
    <t>407858.0</t>
  </si>
  <si>
    <t>201489.0</t>
  </si>
  <si>
    <t>328302931.0</t>
  </si>
  <si>
    <t>104275153.0</t>
  </si>
  <si>
    <t>102921799.0</t>
  </si>
  <si>
    <t>121105979.0</t>
  </si>
  <si>
    <t>159459.0</t>
  </si>
  <si>
    <t>264.86</t>
  </si>
  <si>
    <t>328513455.0</t>
  </si>
  <si>
    <t>104276080.0</t>
  </si>
  <si>
    <t>102922943.0</t>
  </si>
  <si>
    <t>121314432.0</t>
  </si>
  <si>
    <t>210524.0</t>
  </si>
  <si>
    <t>233059.0</t>
  </si>
  <si>
    <t>265.03</t>
  </si>
  <si>
    <t>97.87</t>
  </si>
  <si>
    <t>328735279.0</t>
  </si>
  <si>
    <t>104277151.0</t>
  </si>
  <si>
    <t>102924164.0</t>
  </si>
  <si>
    <t>121533964.0</t>
  </si>
  <si>
    <t>221824.0</t>
  </si>
  <si>
    <t>239573.0</t>
  </si>
  <si>
    <t>265.21</t>
  </si>
  <si>
    <t>328950334.0</t>
  </si>
  <si>
    <t>104278366.0</t>
  </si>
  <si>
    <t>102925449.0</t>
  </si>
  <si>
    <t>121746519.0</t>
  </si>
  <si>
    <t>215055.0</t>
  </si>
  <si>
    <t>265.39</t>
  </si>
  <si>
    <t>329157254.0</t>
  </si>
  <si>
    <t>104279416.0</t>
  </si>
  <si>
    <t>102926427.0</t>
  </si>
  <si>
    <t>121951411.0</t>
  </si>
  <si>
    <t>206920.0</t>
  </si>
  <si>
    <t>251374.0</t>
  </si>
  <si>
    <t>265.55</t>
  </si>
  <si>
    <t>98.39</t>
  </si>
  <si>
    <t>329568418.0</t>
  </si>
  <si>
    <t>104281881.0</t>
  </si>
  <si>
    <t>102929330.0</t>
  </si>
  <si>
    <t>122357207.0</t>
  </si>
  <si>
    <t>411164.0</t>
  </si>
  <si>
    <t>261829.0</t>
  </si>
  <si>
    <t>98.71</t>
  </si>
  <si>
    <t>330089720.0</t>
  </si>
  <si>
    <t>104285678.0</t>
  </si>
  <si>
    <t>102933914.0</t>
  </si>
  <si>
    <t>122870128.0</t>
  </si>
  <si>
    <t>521302.0</t>
  </si>
  <si>
    <t>266.31</t>
  </si>
  <si>
    <t>330295110.0</t>
  </si>
  <si>
    <t>104286648.0</t>
  </si>
  <si>
    <t>102935424.0</t>
  </si>
  <si>
    <t>123073038.0</t>
  </si>
  <si>
    <t>205390.0</t>
  </si>
  <si>
    <t>284597.0</t>
  </si>
  <si>
    <t>266.47</t>
  </si>
  <si>
    <t>330527417.0</t>
  </si>
  <si>
    <t>104287793.0</t>
  </si>
  <si>
    <t>102936782.0</t>
  </si>
  <si>
    <t>123302842.0</t>
  </si>
  <si>
    <t>232307.0</t>
  </si>
  <si>
    <t>287709.0</t>
  </si>
  <si>
    <t>266.66</t>
  </si>
  <si>
    <t>330779182.0</t>
  </si>
  <si>
    <t>104288897.0</t>
  </si>
  <si>
    <t>102938231.0</t>
  </si>
  <si>
    <t>123552054.0</t>
  </si>
  <si>
    <t>251765.0</t>
  </si>
  <si>
    <t>291986.0</t>
  </si>
  <si>
    <t>266.86</t>
  </si>
  <si>
    <t>99.68</t>
  </si>
  <si>
    <t>331031611.0</t>
  </si>
  <si>
    <t>104290103.0</t>
  </si>
  <si>
    <t>102939631.0</t>
  </si>
  <si>
    <t>123801877.0</t>
  </si>
  <si>
    <t>252429.0</t>
  </si>
  <si>
    <t>297325.0</t>
  </si>
  <si>
    <t>267.07</t>
  </si>
  <si>
    <t>331286338.0</t>
  </si>
  <si>
    <t>104291207.0</t>
  </si>
  <si>
    <t>102941038.0</t>
  </si>
  <si>
    <t>124054093.0</t>
  </si>
  <si>
    <t>304155.0</t>
  </si>
  <si>
    <t>267.27</t>
  </si>
  <si>
    <t>331773484.0</t>
  </si>
  <si>
    <t>104293983.0</t>
  </si>
  <si>
    <t>102944283.0</t>
  </si>
  <si>
    <t>124535218.0</t>
  </si>
  <si>
    <t>487146.0</t>
  </si>
  <si>
    <t>315009.0</t>
  </si>
  <si>
    <t>267.66</t>
  </si>
  <si>
    <t>332371567.0</t>
  </si>
  <si>
    <t>104298666.0</t>
  </si>
  <si>
    <t>102948951.0</t>
  </si>
  <si>
    <t>125123950.0</t>
  </si>
  <si>
    <t>598083.0</t>
  </si>
  <si>
    <t>325978.0</t>
  </si>
  <si>
    <t>268.15</t>
  </si>
  <si>
    <t>100.95</t>
  </si>
  <si>
    <t>332631907.0</t>
  </si>
  <si>
    <t>104299946.0</t>
  </si>
  <si>
    <t>102950182.0</t>
  </si>
  <si>
    <t>125381779.0</t>
  </si>
  <si>
    <t>260340.0</t>
  </si>
  <si>
    <t>333828.0</t>
  </si>
  <si>
    <t>101.15</t>
  </si>
  <si>
    <t>332918092.0</t>
  </si>
  <si>
    <t>104301039.0</t>
  </si>
  <si>
    <t>102950752.0</t>
  </si>
  <si>
    <t>125666301.0</t>
  </si>
  <si>
    <t>286185.0</t>
  </si>
  <si>
    <t>341525.0</t>
  </si>
  <si>
    <t>101.38</t>
  </si>
  <si>
    <t>71506.6</t>
  </si>
  <si>
    <t>576.890855934718</t>
  </si>
  <si>
    <t>333269122.0</t>
  </si>
  <si>
    <t>104302443.0</t>
  </si>
  <si>
    <t>102951639.0</t>
  </si>
  <si>
    <t>126015040.0</t>
  </si>
  <si>
    <t>351030.0</t>
  </si>
  <si>
    <t>355706.0</t>
  </si>
  <si>
    <t>268.87</t>
  </si>
  <si>
    <t>333693148.0</t>
  </si>
  <si>
    <t>104303487.0</t>
  </si>
  <si>
    <t>102952645.0</t>
  </si>
  <si>
    <t>126437016.0</t>
  </si>
  <si>
    <t>424026.0</t>
  </si>
  <si>
    <t>380220.0</t>
  </si>
  <si>
    <t>269.21</t>
  </si>
  <si>
    <t>333890695.0</t>
  </si>
  <si>
    <t>104303888.0</t>
  </si>
  <si>
    <t>102952897.0</t>
  </si>
  <si>
    <t>126633910.0</t>
  </si>
  <si>
    <t>197547.0</t>
  </si>
  <si>
    <t>372051.0</t>
  </si>
  <si>
    <t>269.37</t>
  </si>
  <si>
    <t>334498773.0</t>
  </si>
  <si>
    <t>104307054.0</t>
  </si>
  <si>
    <t>102955334.0</t>
  </si>
  <si>
    <t>127236385.0</t>
  </si>
  <si>
    <t>608078.0</t>
  </si>
  <si>
    <t>269.86</t>
  </si>
  <si>
    <t>335218493.0</t>
  </si>
  <si>
    <t>104312886.0</t>
  </si>
  <si>
    <t>102959695.0</t>
  </si>
  <si>
    <t>127945912.0</t>
  </si>
  <si>
    <t>719720.0</t>
  </si>
  <si>
    <t>406704.0</t>
  </si>
  <si>
    <t>103.22</t>
  </si>
  <si>
    <t>335573043.0</t>
  </si>
  <si>
    <t>104314680.0</t>
  </si>
  <si>
    <t>102960493.0</t>
  </si>
  <si>
    <t>128297870.0</t>
  </si>
  <si>
    <t>354550.0</t>
  </si>
  <si>
    <t>420162.0</t>
  </si>
  <si>
    <t>270.73</t>
  </si>
  <si>
    <t>103.51</t>
  </si>
  <si>
    <t>336013558.0</t>
  </si>
  <si>
    <t>104316296.0</t>
  </si>
  <si>
    <t>102961476.0</t>
  </si>
  <si>
    <t>128735786.0</t>
  </si>
  <si>
    <t>440515.0</t>
  </si>
  <si>
    <t>442209.0</t>
  </si>
  <si>
    <t>336506354.0</t>
  </si>
  <si>
    <t>104318374.0</t>
  </si>
  <si>
    <t>102962582.0</t>
  </si>
  <si>
    <t>129225398.0</t>
  </si>
  <si>
    <t>492796.0</t>
  </si>
  <si>
    <t>462462.0</t>
  </si>
  <si>
    <t>271.48</t>
  </si>
  <si>
    <t>122.879</t>
  </si>
  <si>
    <t>337004524.0</t>
  </si>
  <si>
    <t>104320895.0</t>
  </si>
  <si>
    <t>102963816.0</t>
  </si>
  <si>
    <t>129719813.0</t>
  </si>
  <si>
    <t>498170.0</t>
  </si>
  <si>
    <t>271.88</t>
  </si>
  <si>
    <t>104.65</t>
  </si>
  <si>
    <t>337510473.0</t>
  </si>
  <si>
    <t>104322621.0</t>
  </si>
  <si>
    <t>102965044.0</t>
  </si>
  <si>
    <t>130222808.0</t>
  </si>
  <si>
    <t>505949.0</t>
  </si>
  <si>
    <t>517111.0</t>
  </si>
  <si>
    <t>272.29</t>
  </si>
  <si>
    <t>338300141.0</t>
  </si>
  <si>
    <t>104327400.0</t>
  </si>
  <si>
    <t>102967745.0</t>
  </si>
  <si>
    <t>131004996.0</t>
  </si>
  <si>
    <t>789668.0</t>
  </si>
  <si>
    <t>543053.0</t>
  </si>
  <si>
    <t>272.93</t>
  </si>
  <si>
    <t>339197788.0</t>
  </si>
  <si>
    <t>104334498.0</t>
  </si>
  <si>
    <t>102971828.0</t>
  </si>
  <si>
    <t>131891462.0</t>
  </si>
  <si>
    <t>897647.0</t>
  </si>
  <si>
    <t>273.65</t>
  </si>
  <si>
    <t>339681772.0</t>
  </si>
  <si>
    <t>104336355.0</t>
  </si>
  <si>
    <t>102972936.0</t>
  </si>
  <si>
    <t>132372481.0</t>
  </si>
  <si>
    <t>483984.0</t>
  </si>
  <si>
    <t>586961.0</t>
  </si>
  <si>
    <t>274.04</t>
  </si>
  <si>
    <t>340240376.0</t>
  </si>
  <si>
    <t>104338812.0</t>
  </si>
  <si>
    <t>102974072.0</t>
  </si>
  <si>
    <t>132927492.0</t>
  </si>
  <si>
    <t>558604.0</t>
  </si>
  <si>
    <t>603831.0</t>
  </si>
  <si>
    <t>274.49</t>
  </si>
  <si>
    <t>340863315.0</t>
  </si>
  <si>
    <t>104342355.0</t>
  </si>
  <si>
    <t>102975304.0</t>
  </si>
  <si>
    <t>133545656.0</t>
  </si>
  <si>
    <t>622939.0</t>
  </si>
  <si>
    <t>622423.0</t>
  </si>
  <si>
    <t>341491504.0</t>
  </si>
  <si>
    <t>104345719.0</t>
  </si>
  <si>
    <t>102976589.0</t>
  </si>
  <si>
    <t>134169196.0</t>
  </si>
  <si>
    <t>628189.0</t>
  </si>
  <si>
    <t>640997.0</t>
  </si>
  <si>
    <t>275.5</t>
  </si>
  <si>
    <t>108.24</t>
  </si>
  <si>
    <t>342106945.0</t>
  </si>
  <si>
    <t>104348818.0</t>
  </si>
  <si>
    <t>102977699.0</t>
  </si>
  <si>
    <t>134780428.0</t>
  </si>
  <si>
    <t>615441.0</t>
  </si>
  <si>
    <t>656639.0</t>
  </si>
  <si>
    <t>343024674.0</t>
  </si>
  <si>
    <t>104355416.0</t>
  </si>
  <si>
    <t>102980405.0</t>
  </si>
  <si>
    <t>135688853.0</t>
  </si>
  <si>
    <t>917729.0</t>
  </si>
  <si>
    <t>674933.0</t>
  </si>
  <si>
    <t>276.74</t>
  </si>
  <si>
    <t>344004429.0</t>
  </si>
  <si>
    <t>104365543.0</t>
  </si>
  <si>
    <t>102985293.0</t>
  </si>
  <si>
    <t>136653593.0</t>
  </si>
  <si>
    <t>979755.0</t>
  </si>
  <si>
    <t>686663.0</t>
  </si>
  <si>
    <t>277.53</t>
  </si>
  <si>
    <t>344552879.0</t>
  </si>
  <si>
    <t>104368043.0</t>
  </si>
  <si>
    <t>102986656.0</t>
  </si>
  <si>
    <t>137198180.0</t>
  </si>
  <si>
    <t>548450.0</t>
  </si>
  <si>
    <t>695872.0</t>
  </si>
  <si>
    <t>277.97</t>
  </si>
  <si>
    <t>345192643.0</t>
  </si>
  <si>
    <t>104371584.0</t>
  </si>
  <si>
    <t>102987875.0</t>
  </si>
  <si>
    <t>137833184.0</t>
  </si>
  <si>
    <t>639764.0</t>
  </si>
  <si>
    <t>707467.0</t>
  </si>
  <si>
    <t>278.49</t>
  </si>
  <si>
    <t>346000886.0</t>
  </si>
  <si>
    <t>104376940.0</t>
  </si>
  <si>
    <t>102989406.0</t>
  </si>
  <si>
    <t>138634540.0</t>
  </si>
  <si>
    <t>808243.0</t>
  </si>
  <si>
    <t>733939.0</t>
  </si>
  <si>
    <t>279.14</t>
  </si>
  <si>
    <t>346337054.0</t>
  </si>
  <si>
    <t>104378013.0</t>
  </si>
  <si>
    <t>102989785.0</t>
  </si>
  <si>
    <t>138969256.0</t>
  </si>
  <si>
    <t>336168.0</t>
  </si>
  <si>
    <t>692221.0</t>
  </si>
  <si>
    <t>279.41</t>
  </si>
  <si>
    <t>347024954.0</t>
  </si>
  <si>
    <t>104381999.0</t>
  </si>
  <si>
    <t>102990664.0</t>
  </si>
  <si>
    <t>139652291.0</t>
  </si>
  <si>
    <t>702573.0</t>
  </si>
  <si>
    <t>279.97</t>
  </si>
  <si>
    <t>348021289.0</t>
  </si>
  <si>
    <t>104390369.0</t>
  </si>
  <si>
    <t>102993968.0</t>
  </si>
  <si>
    <t>140636952.0</t>
  </si>
  <si>
    <t>996335.0</t>
  </si>
  <si>
    <t>713802.0</t>
  </si>
  <si>
    <t>349064226.0</t>
  </si>
  <si>
    <t>104401284.0</t>
  </si>
  <si>
    <t>103000238.0</t>
  </si>
  <si>
    <t>141662704.0</t>
  </si>
  <si>
    <t>1042937.0</t>
  </si>
  <si>
    <t>722828.0</t>
  </si>
  <si>
    <t>281.61</t>
  </si>
  <si>
    <t>349644782.0</t>
  </si>
  <si>
    <t>104404771.0</t>
  </si>
  <si>
    <t>103002283.0</t>
  </si>
  <si>
    <t>142237728.0</t>
  </si>
  <si>
    <t>580556.0</t>
  </si>
  <si>
    <t>727415.0</t>
  </si>
  <si>
    <t>282.08</t>
  </si>
  <si>
    <t>350332936.0</t>
  </si>
  <si>
    <t>104409045.0</t>
  </si>
  <si>
    <t>103004057.0</t>
  </si>
  <si>
    <t>142919834.0</t>
  </si>
  <si>
    <t>688154.0</t>
  </si>
  <si>
    <t>734328.0</t>
  </si>
  <si>
    <t>282.64</t>
  </si>
  <si>
    <t>351098978.0</t>
  </si>
  <si>
    <t>104414999.0</t>
  </si>
  <si>
    <t>103006151.0</t>
  </si>
  <si>
    <t>143677828.0</t>
  </si>
  <si>
    <t>766042.0</t>
  </si>
  <si>
    <t>728299.0</t>
  </si>
  <si>
    <t>283.25</t>
  </si>
  <si>
    <t>25636.0</t>
  </si>
  <si>
    <t>351834637.0</t>
  </si>
  <si>
    <t>104420223.0</t>
  </si>
  <si>
    <t>103008830.0</t>
  </si>
  <si>
    <t>144405584.0</t>
  </si>
  <si>
    <t>735659.0</t>
  </si>
  <si>
    <t>785369.0</t>
  </si>
  <si>
    <t>283.85</t>
  </si>
  <si>
    <t>352524966.0</t>
  </si>
  <si>
    <t>104425075.0</t>
  </si>
  <si>
    <t>103010314.0</t>
  </si>
  <si>
    <t>145089577.0</t>
  </si>
  <si>
    <t>690329.0</t>
  </si>
  <si>
    <t>785716.0</t>
  </si>
  <si>
    <t>284.41</t>
  </si>
  <si>
    <t>353524505.0</t>
  </si>
  <si>
    <t>104434734.0</t>
  </si>
  <si>
    <t>103014268.0</t>
  </si>
  <si>
    <t>146075503.0</t>
  </si>
  <si>
    <t>999539.0</t>
  </si>
  <si>
    <t>786174.0</t>
  </si>
  <si>
    <t>285.21</t>
  </si>
  <si>
    <t>117.85</t>
  </si>
  <si>
    <t>354549253.0</t>
  </si>
  <si>
    <t>104447494.0</t>
  </si>
  <si>
    <t>103020935.0</t>
  </si>
  <si>
    <t>147080824.0</t>
  </si>
  <si>
    <t>1024748.0</t>
  </si>
  <si>
    <t>783575.0</t>
  </si>
  <si>
    <t>286.04</t>
  </si>
  <si>
    <t>355089289.0</t>
  </si>
  <si>
    <t>104451650.0</t>
  </si>
  <si>
    <t>103022758.0</t>
  </si>
  <si>
    <t>147614881.0</t>
  </si>
  <si>
    <t>540036.0</t>
  </si>
  <si>
    <t>777787.0</t>
  </si>
  <si>
    <t>286.47</t>
  </si>
  <si>
    <t>355780427.0</t>
  </si>
  <si>
    <t>104456537.0</t>
  </si>
  <si>
    <t>103024998.0</t>
  </si>
  <si>
    <t>148298892.0</t>
  </si>
  <si>
    <t>691138.0</t>
  </si>
  <si>
    <t>778213.0</t>
  </si>
  <si>
    <t>287.03</t>
  </si>
  <si>
    <t>119.64</t>
  </si>
  <si>
    <t>356552566.0</t>
  </si>
  <si>
    <t>104463098.0</t>
  </si>
  <si>
    <t>103028139.0</t>
  </si>
  <si>
    <t>149061329.0</t>
  </si>
  <si>
    <t>772139.0</t>
  </si>
  <si>
    <t>779084.0</t>
  </si>
  <si>
    <t>287.65</t>
  </si>
  <si>
    <t>357300461.0</t>
  </si>
  <si>
    <t>104467217.0</t>
  </si>
  <si>
    <t>103031090.0</t>
  </si>
  <si>
    <t>149802154.0</t>
  </si>
  <si>
    <t>747895.0</t>
  </si>
  <si>
    <t>780832.0</t>
  </si>
  <si>
    <t>358018105.0</t>
  </si>
  <si>
    <t>104469536.0</t>
  </si>
  <si>
    <t>103033795.0</t>
  </si>
  <si>
    <t>150514774.0</t>
  </si>
  <si>
    <t>717644.0</t>
  </si>
  <si>
    <t>784734.0</t>
  </si>
  <si>
    <t>288.84</t>
  </si>
  <si>
    <t>359074868.0</t>
  </si>
  <si>
    <t>104473474.0</t>
  </si>
  <si>
    <t>103039771.0</t>
  </si>
  <si>
    <t>151561623.0</t>
  </si>
  <si>
    <t>1056763.0</t>
  </si>
  <si>
    <t>792909.0</t>
  </si>
  <si>
    <t>289.69</t>
  </si>
  <si>
    <t>360127174.0</t>
  </si>
  <si>
    <t>104478326.0</t>
  </si>
  <si>
    <t>103049052.0</t>
  </si>
  <si>
    <t>152599796.0</t>
  </si>
  <si>
    <t>1052306.0</t>
  </si>
  <si>
    <t>796846.0</t>
  </si>
  <si>
    <t>290.54</t>
  </si>
  <si>
    <t>360666986.0</t>
  </si>
  <si>
    <t>104479604.0</t>
  </si>
  <si>
    <t>103051371.0</t>
  </si>
  <si>
    <t>153136011.0</t>
  </si>
  <si>
    <t>539812.0</t>
  </si>
  <si>
    <t>796814.0</t>
  </si>
  <si>
    <t>290.97</t>
  </si>
  <si>
    <t>361360788.0</t>
  </si>
  <si>
    <t>104481121.0</t>
  </si>
  <si>
    <t>103054231.0</t>
  </si>
  <si>
    <t>153825436.0</t>
  </si>
  <si>
    <t>693802.0</t>
  </si>
  <si>
    <t>797194.0</t>
  </si>
  <si>
    <t>291.53</t>
  </si>
  <si>
    <t>362124338.0</t>
  </si>
  <si>
    <t>104483534.0</t>
  </si>
  <si>
    <t>103058421.0</t>
  </si>
  <si>
    <t>154582383.0</t>
  </si>
  <si>
    <t>763550.0</t>
  </si>
  <si>
    <t>795967.0</t>
  </si>
  <si>
    <t>292.15</t>
  </si>
  <si>
    <t>362852005.0</t>
  </si>
  <si>
    <t>104486388.0</t>
  </si>
  <si>
    <t>103059779.0</t>
  </si>
  <si>
    <t>155305838.0</t>
  </si>
  <si>
    <t>727667.0</t>
  </si>
  <si>
    <t>793078.0</t>
  </si>
  <si>
    <t>292.74</t>
  </si>
  <si>
    <t>363541853.0</t>
  </si>
  <si>
    <t>104489400.0</t>
  </si>
  <si>
    <t>103062999.0</t>
  </si>
  <si>
    <t>155989454.0</t>
  </si>
  <si>
    <t>689848.0</t>
  </si>
  <si>
    <t>789107.0</t>
  </si>
  <si>
    <t>293.29</t>
  </si>
  <si>
    <t>364559972.0</t>
  </si>
  <si>
    <t>104495716.0</t>
  </si>
  <si>
    <t>103070479.0</t>
  </si>
  <si>
    <t>156993777.0</t>
  </si>
  <si>
    <t>1018119.0</t>
  </si>
  <si>
    <t>783586.0</t>
  </si>
  <si>
    <t>294.11</t>
  </si>
  <si>
    <t>365572779.0</t>
  </si>
  <si>
    <t>104504866.0</t>
  </si>
  <si>
    <t>103081376.0</t>
  </si>
  <si>
    <t>157986537.0</t>
  </si>
  <si>
    <t>1012807.0</t>
  </si>
  <si>
    <t>777944.0</t>
  </si>
  <si>
    <t>294.93</t>
  </si>
  <si>
    <t>366083231.0</t>
  </si>
  <si>
    <t>104507707.0</t>
  </si>
  <si>
    <t>103084658.0</t>
  </si>
  <si>
    <t>158490866.0</t>
  </si>
  <si>
    <t>510452.0</t>
  </si>
  <si>
    <t>773749.0</t>
  </si>
  <si>
    <t>295.34</t>
  </si>
  <si>
    <t>366705550.0</t>
  </si>
  <si>
    <t>104509666.0</t>
  </si>
  <si>
    <t>103088359.0</t>
  </si>
  <si>
    <t>159107525.0</t>
  </si>
  <si>
    <t>622319.0</t>
  </si>
  <si>
    <t>763537.0</t>
  </si>
  <si>
    <t>295.85</t>
  </si>
  <si>
    <t>128.36</t>
  </si>
  <si>
    <t>367389813.0</t>
  </si>
  <si>
    <t>104514322.0</t>
  </si>
  <si>
    <t>103093612.0</t>
  </si>
  <si>
    <t>159781879.0</t>
  </si>
  <si>
    <t>684263.0</t>
  </si>
  <si>
    <t>752211.0</t>
  </si>
  <si>
    <t>368030379.0</t>
  </si>
  <si>
    <t>104518741.0</t>
  </si>
  <si>
    <t>103098152.0</t>
  </si>
  <si>
    <t>160413486.0</t>
  </si>
  <si>
    <t>640566.0</t>
  </si>
  <si>
    <t>739768.0</t>
  </si>
  <si>
    <t>296.91</t>
  </si>
  <si>
    <t>368626490.0</t>
  </si>
  <si>
    <t>104522415.0</t>
  </si>
  <si>
    <t>103102886.0</t>
  </si>
  <si>
    <t>161001189.0</t>
  </si>
  <si>
    <t>596111.0</t>
  </si>
  <si>
    <t>726377.0</t>
  </si>
  <si>
    <t>369413208.0</t>
  </si>
  <si>
    <t>104528395.0</t>
  </si>
  <si>
    <t>103111527.0</t>
  </si>
  <si>
    <t>161773286.0</t>
  </si>
  <si>
    <t>786718.0</t>
  </si>
  <si>
    <t>693319.0</t>
  </si>
  <si>
    <t>298.03</t>
  </si>
  <si>
    <t>370126222.0</t>
  </si>
  <si>
    <t>104535179.0</t>
  </si>
  <si>
    <t>103122995.0</t>
  </si>
  <si>
    <t>162468048.0</t>
  </si>
  <si>
    <t>713014.0</t>
  </si>
  <si>
    <t>650492.0</t>
  </si>
  <si>
    <t>298.61</t>
  </si>
  <si>
    <t>370452169.0</t>
  </si>
  <si>
    <t>104536877.0</t>
  </si>
  <si>
    <t>103126909.0</t>
  </si>
  <si>
    <t>162788383.0</t>
  </si>
  <si>
    <t>624134.0</t>
  </si>
  <si>
    <t>298.87</t>
  </si>
  <si>
    <t>370926158.0</t>
  </si>
  <si>
    <t>104539917.0</t>
  </si>
  <si>
    <t>103131730.0</t>
  </si>
  <si>
    <t>163254511.0</t>
  </si>
  <si>
    <t>473989.0</t>
  </si>
  <si>
    <t>602944.0</t>
  </si>
  <si>
    <t>299.25</t>
  </si>
  <si>
    <t>371369761.0</t>
  </si>
  <si>
    <t>104543627.0</t>
  </si>
  <si>
    <t>103137400.0</t>
  </si>
  <si>
    <t>163688734.0</t>
  </si>
  <si>
    <t>443603.0</t>
  </si>
  <si>
    <t>568564.0</t>
  </si>
  <si>
    <t>371672051.0</t>
  </si>
  <si>
    <t>104545614.0</t>
  </si>
  <si>
    <t>103140515.0</t>
  </si>
  <si>
    <t>163985922.0</t>
  </si>
  <si>
    <t>302290.0</t>
  </si>
  <si>
    <t>520239.0</t>
  </si>
  <si>
    <t>299.85</t>
  </si>
  <si>
    <t>371793051.0</t>
  </si>
  <si>
    <t>104546495.0</t>
  </si>
  <si>
    <t>103141694.0</t>
  </si>
  <si>
    <t>164104862.0</t>
  </si>
  <si>
    <t>121000.0</t>
  </si>
  <si>
    <t>452366.0</t>
  </si>
  <si>
    <t>299.95</t>
  </si>
  <si>
    <t>132.39</t>
  </si>
  <si>
    <t>371825269.0</t>
  </si>
  <si>
    <t>104546769.0</t>
  </si>
  <si>
    <t>103142299.0</t>
  </si>
  <si>
    <t>164136201.0</t>
  </si>
  <si>
    <t>32218.0</t>
  </si>
  <si>
    <t>344580.0</t>
  </si>
  <si>
    <t>299.98</t>
  </si>
  <si>
    <t>371829090.0</t>
  </si>
  <si>
    <t>104546829.0</t>
  </si>
  <si>
    <t>103142440.0</t>
  </si>
  <si>
    <t>164139821.0</t>
  </si>
  <si>
    <t>243267.0</t>
  </si>
  <si>
    <t>371829388.0</t>
  </si>
  <si>
    <t>103142441.0</t>
  </si>
  <si>
    <t>164140118.0</t>
  </si>
  <si>
    <t>196746.0</t>
  </si>
  <si>
    <t>371831877.0</t>
  </si>
  <si>
    <t>104546885.0</t>
  </si>
  <si>
    <t>103142495.0</t>
  </si>
  <si>
    <t>164142497.0</t>
  </si>
  <si>
    <t>129388.0</t>
  </si>
  <si>
    <t>371834515.0</t>
  </si>
  <si>
    <t>104546944.0</t>
  </si>
  <si>
    <t>103142578.0</t>
  </si>
  <si>
    <t>164144993.0</t>
  </si>
  <si>
    <t>66393.0</t>
  </si>
  <si>
    <t>371899028.0</t>
  </si>
  <si>
    <t>104547776.0</t>
  </si>
  <si>
    <t>103143605.0</t>
  </si>
  <si>
    <t>164207647.0</t>
  </si>
  <si>
    <t>300.04</t>
  </si>
  <si>
    <t>132.48</t>
  </si>
  <si>
    <t>371992321.0</t>
  </si>
  <si>
    <t>104548924.0</t>
  </si>
  <si>
    <t>103145147.0</t>
  </si>
  <si>
    <t>164298250.0</t>
  </si>
  <si>
    <t>93293.0</t>
  </si>
  <si>
    <t>300.11</t>
  </si>
  <si>
    <t>JEY</t>
  </si>
  <si>
    <t>Jersey</t>
  </si>
  <si>
    <t>52265.0</t>
  </si>
  <si>
    <t>59132.0</t>
  </si>
  <si>
    <t>44318.0</t>
  </si>
  <si>
    <t>70859.0</t>
  </si>
  <si>
    <t>45585.0</t>
  </si>
  <si>
    <t>49413.0</t>
  </si>
  <si>
    <t>52405.0</t>
  </si>
  <si>
    <t>88404.0</t>
  </si>
  <si>
    <t>52891.0</t>
  </si>
  <si>
    <t>94574.0</t>
  </si>
  <si>
    <t>97366.0</t>
  </si>
  <si>
    <t>40242.0</t>
  </si>
  <si>
    <t>59281.0</t>
  </si>
  <si>
    <t>40455.0</t>
  </si>
  <si>
    <t>103044.0</t>
  </si>
  <si>
    <t>105714.0</t>
  </si>
  <si>
    <t>60116.0</t>
  </si>
  <si>
    <t>60961.0</t>
  </si>
  <si>
    <t>110975.0</t>
  </si>
  <si>
    <t>61284.0</t>
  </si>
  <si>
    <t>113192.0</t>
  </si>
  <si>
    <t>63340.0</t>
  </si>
  <si>
    <t>114615.0</t>
  </si>
  <si>
    <t>64541.0</t>
  </si>
  <si>
    <t>50074.0</t>
  </si>
  <si>
    <t>103.45</t>
  </si>
  <si>
    <t>116607.0</t>
  </si>
  <si>
    <t>118216.0</t>
  </si>
  <si>
    <t>66606.0</t>
  </si>
  <si>
    <t>119975.0</t>
  </si>
  <si>
    <t>68210.0</t>
  </si>
  <si>
    <t>51765.0</t>
  </si>
  <si>
    <t>108.28</t>
  </si>
  <si>
    <t>121209.0</t>
  </si>
  <si>
    <t>69246.0</t>
  </si>
  <si>
    <t>51963.0</t>
  </si>
  <si>
    <t>122930.0</t>
  </si>
  <si>
    <t>70335.0</t>
  </si>
  <si>
    <t>126554.0</t>
  </si>
  <si>
    <t>71444.0</t>
  </si>
  <si>
    <t>128652.0</t>
  </si>
  <si>
    <t>71671.0</t>
  </si>
  <si>
    <t>56981.0</t>
  </si>
  <si>
    <t>130793.0</t>
  </si>
  <si>
    <t>118.05</t>
  </si>
  <si>
    <t>132739.0</t>
  </si>
  <si>
    <t>72703.0</t>
  </si>
  <si>
    <t>135379.0</t>
  </si>
  <si>
    <t>62209.0</t>
  </si>
  <si>
    <t>137530.0</t>
  </si>
  <si>
    <t>63962.0</t>
  </si>
  <si>
    <t>124.13</t>
  </si>
  <si>
    <t>140245.0</t>
  </si>
  <si>
    <t>73964.0</t>
  </si>
  <si>
    <t>66281.0</t>
  </si>
  <si>
    <t>74267.0</t>
  </si>
  <si>
    <t>67799.0</t>
  </si>
  <si>
    <t>128.22</t>
  </si>
  <si>
    <t>143244.0</t>
  </si>
  <si>
    <t>68733.0</t>
  </si>
  <si>
    <t>144126.0</t>
  </si>
  <si>
    <t>74710.0</t>
  </si>
  <si>
    <t>69416.0</t>
  </si>
  <si>
    <t>144896.0</t>
  </si>
  <si>
    <t>69997.0</t>
  </si>
  <si>
    <t>145657.0</t>
  </si>
  <si>
    <t>70408.0</t>
  </si>
  <si>
    <t>131.46</t>
  </si>
  <si>
    <t>70933.0</t>
  </si>
  <si>
    <t>146855.0</t>
  </si>
  <si>
    <t>75674.0</t>
  </si>
  <si>
    <t>75860.0</t>
  </si>
  <si>
    <t>148729.0</t>
  </si>
  <si>
    <t>76256.0</t>
  </si>
  <si>
    <t>149353.0</t>
  </si>
  <si>
    <t>76478.0</t>
  </si>
  <si>
    <t>72875.0</t>
  </si>
  <si>
    <t>149748.0</t>
  </si>
  <si>
    <t>76630.0</t>
  </si>
  <si>
    <t>73118.0</t>
  </si>
  <si>
    <t>150070.0</t>
  </si>
  <si>
    <t>150379.0</t>
  </si>
  <si>
    <t>76818.0</t>
  </si>
  <si>
    <t>73561.0</t>
  </si>
  <si>
    <t>76918.0</t>
  </si>
  <si>
    <t>73734.0</t>
  </si>
  <si>
    <t>150891.0</t>
  </si>
  <si>
    <t>136.19</t>
  </si>
  <si>
    <t>151059.0</t>
  </si>
  <si>
    <t>77089.0</t>
  </si>
  <si>
    <t>153196.0</t>
  </si>
  <si>
    <t>77168.0</t>
  </si>
  <si>
    <t>138.27</t>
  </si>
  <si>
    <t>154921.0</t>
  </si>
  <si>
    <t>77423.0</t>
  </si>
  <si>
    <t>74080.0</t>
  </si>
  <si>
    <t>157280.0</t>
  </si>
  <si>
    <t>77796.0</t>
  </si>
  <si>
    <t>74147.0</t>
  </si>
  <si>
    <t>159090.0</t>
  </si>
  <si>
    <t>162928.0</t>
  </si>
  <si>
    <t>78261.0</t>
  </si>
  <si>
    <t>74327.0</t>
  </si>
  <si>
    <t>165076.0</t>
  </si>
  <si>
    <t>78415.0</t>
  </si>
  <si>
    <t>74390.0</t>
  </si>
  <si>
    <t>148.99</t>
  </si>
  <si>
    <t>78537.0</t>
  </si>
  <si>
    <t>74457.0</t>
  </si>
  <si>
    <t>169124.0</t>
  </si>
  <si>
    <t>74525.0</t>
  </si>
  <si>
    <t>152.64</t>
  </si>
  <si>
    <t>170775.0</t>
  </si>
  <si>
    <t>172720.0</t>
  </si>
  <si>
    <t>174137.0</t>
  </si>
  <si>
    <t>74681.0</t>
  </si>
  <si>
    <t>176025.0</t>
  </si>
  <si>
    <t>177513.0</t>
  </si>
  <si>
    <t>79166.0</t>
  </si>
  <si>
    <t>74817.0</t>
  </si>
  <si>
    <t>179485.0</t>
  </si>
  <si>
    <t>79346.0</t>
  </si>
  <si>
    <t>74906.0</t>
  </si>
  <si>
    <t>181102.0</t>
  </si>
  <si>
    <t>26715.0</t>
  </si>
  <si>
    <t>183066.0</t>
  </si>
  <si>
    <t>75089.0</t>
  </si>
  <si>
    <t>184891.0</t>
  </si>
  <si>
    <t>187228.0</t>
  </si>
  <si>
    <t>79851.0</t>
  </si>
  <si>
    <t>75335.0</t>
  </si>
  <si>
    <t>32042.0</t>
  </si>
  <si>
    <t>189531.0</t>
  </si>
  <si>
    <t>80111.0</t>
  </si>
  <si>
    <t>192065.0</t>
  </si>
  <si>
    <t>75778.0</t>
  </si>
  <si>
    <t>36005.0</t>
  </si>
  <si>
    <t>173.35</t>
  </si>
  <si>
    <t>75960.0</t>
  </si>
  <si>
    <t>196865.0</t>
  </si>
  <si>
    <t>76133.0</t>
  </si>
  <si>
    <t>199488.0</t>
  </si>
  <si>
    <t>76307.0</t>
  </si>
  <si>
    <t>202739.0</t>
  </si>
  <si>
    <t>80892.0</t>
  </si>
  <si>
    <t>45383.0</t>
  </si>
  <si>
    <t>206976.0</t>
  </si>
  <si>
    <t>76747.0</t>
  </si>
  <si>
    <t>209935.0</t>
  </si>
  <si>
    <t>81467.0</t>
  </si>
  <si>
    <t>76997.0</t>
  </si>
  <si>
    <t>51471.0</t>
  </si>
  <si>
    <t>77133.0</t>
  </si>
  <si>
    <t>52744.0</t>
  </si>
  <si>
    <t>81670.0</t>
  </si>
  <si>
    <t>77327.0</t>
  </si>
  <si>
    <t>54495.0</t>
  </si>
  <si>
    <t>215231.0</t>
  </si>
  <si>
    <t>81762.0</t>
  </si>
  <si>
    <t>55975.0</t>
  </si>
  <si>
    <t>194.26</t>
  </si>
  <si>
    <t>216476.0</t>
  </si>
  <si>
    <t>217598.0</t>
  </si>
  <si>
    <t>81954.0</t>
  </si>
  <si>
    <t>57847.0</t>
  </si>
  <si>
    <t>218226.0</t>
  </si>
  <si>
    <t>82027.0</t>
  </si>
  <si>
    <t>58288.0</t>
  </si>
  <si>
    <t>218898.0</t>
  </si>
  <si>
    <t>78042.0</t>
  </si>
  <si>
    <t>219359.0</t>
  </si>
  <si>
    <t>82183.0</t>
  </si>
  <si>
    <t>78122.0</t>
  </si>
  <si>
    <t>219845.0</t>
  </si>
  <si>
    <t>82242.0</t>
  </si>
  <si>
    <t>78223.0</t>
  </si>
  <si>
    <t>220629.0</t>
  </si>
  <si>
    <t>82377.0</t>
  </si>
  <si>
    <t>221231.0</t>
  </si>
  <si>
    <t>82474.0</t>
  </si>
  <si>
    <t>78544.0</t>
  </si>
  <si>
    <t>82582.0</t>
  </si>
  <si>
    <t>78825.0</t>
  </si>
  <si>
    <t>60533.0</t>
  </si>
  <si>
    <t>200.31</t>
  </si>
  <si>
    <t>222371.0</t>
  </si>
  <si>
    <t>82645.0</t>
  </si>
  <si>
    <t>60791.0</t>
  </si>
  <si>
    <t>82706.0</t>
  </si>
  <si>
    <t>79088.0</t>
  </si>
  <si>
    <t>223189.0</t>
  </si>
  <si>
    <t>82751.0</t>
  </si>
  <si>
    <t>79180.0</t>
  </si>
  <si>
    <t>61258.0</t>
  </si>
  <si>
    <t>226090.0</t>
  </si>
  <si>
    <t>82777.0</t>
  </si>
  <si>
    <t>79327.0</t>
  </si>
  <si>
    <t>63986.0</t>
  </si>
  <si>
    <t>228059.0</t>
  </si>
  <si>
    <t>82836.0</t>
  </si>
  <si>
    <t>65751.0</t>
  </si>
  <si>
    <t>205.84</t>
  </si>
  <si>
    <t>229131.0</t>
  </si>
  <si>
    <t>82878.0</t>
  </si>
  <si>
    <t>66638.0</t>
  </si>
  <si>
    <t>230177.0</t>
  </si>
  <si>
    <t>82971.0</t>
  </si>
  <si>
    <t>67446.0</t>
  </si>
  <si>
    <t>231170.0</t>
  </si>
  <si>
    <t>79855.0</t>
  </si>
  <si>
    <t>232355.0</t>
  </si>
  <si>
    <t>80198.0</t>
  </si>
  <si>
    <t>232966.0</t>
  </si>
  <si>
    <t>80268.0</t>
  </si>
  <si>
    <t>233532.0</t>
  </si>
  <si>
    <t>80357.0</t>
  </si>
  <si>
    <t>69869.0</t>
  </si>
  <si>
    <t>233982.0</t>
  </si>
  <si>
    <t>83356.0</t>
  </si>
  <si>
    <t>70196.0</t>
  </si>
  <si>
    <t>234363.0</t>
  </si>
  <si>
    <t>80481.0</t>
  </si>
  <si>
    <t>70488.0</t>
  </si>
  <si>
    <t>211.81</t>
  </si>
  <si>
    <t>234978.0</t>
  </si>
  <si>
    <t>83487.0</t>
  </si>
  <si>
    <t>70894.0</t>
  </si>
  <si>
    <t>235239.0</t>
  </si>
  <si>
    <t>83522.0</t>
  </si>
  <si>
    <t>71085.0</t>
  </si>
  <si>
    <t>235534.0</t>
  </si>
  <si>
    <t>80680.0</t>
  </si>
  <si>
    <t>71300.0</t>
  </si>
  <si>
    <t>236026.0</t>
  </si>
  <si>
    <t>83595.0</t>
  </si>
  <si>
    <t>80755.0</t>
  </si>
  <si>
    <t>71676.0</t>
  </si>
  <si>
    <t>236648.0</t>
  </si>
  <si>
    <t>83665.0</t>
  </si>
  <si>
    <t>80841.0</t>
  </si>
  <si>
    <t>237019.0</t>
  </si>
  <si>
    <t>80957.0</t>
  </si>
  <si>
    <t>72317.0</t>
  </si>
  <si>
    <t>237339.0</t>
  </si>
  <si>
    <t>83770.0</t>
  </si>
  <si>
    <t>72542.0</t>
  </si>
  <si>
    <t>237658.0</t>
  </si>
  <si>
    <t>81088.0</t>
  </si>
  <si>
    <t>72762.0</t>
  </si>
  <si>
    <t>72990.0</t>
  </si>
  <si>
    <t>214.81</t>
  </si>
  <si>
    <t>238111.0</t>
  </si>
  <si>
    <t>73039.0</t>
  </si>
  <si>
    <t>238162.0</t>
  </si>
  <si>
    <t>81220.0</t>
  </si>
  <si>
    <t>83882.0</t>
  </si>
  <si>
    <t>73074.0</t>
  </si>
  <si>
    <t>238225.0</t>
  </si>
  <si>
    <t>83897.0</t>
  </si>
  <si>
    <t>81236.0</t>
  </si>
  <si>
    <t>73089.0</t>
  </si>
  <si>
    <t>238279.0</t>
  </si>
  <si>
    <t>81239.0</t>
  </si>
  <si>
    <t>73114.0</t>
  </si>
  <si>
    <t>240799.0</t>
  </si>
  <si>
    <t>83972.0</t>
  </si>
  <si>
    <t>242600.0</t>
  </si>
  <si>
    <t>83992.0</t>
  </si>
  <si>
    <t>73302.0</t>
  </si>
  <si>
    <t>84019.0</t>
  </si>
  <si>
    <t>81421.0</t>
  </si>
  <si>
    <t>73330.0</t>
  </si>
  <si>
    <t>84063.0</t>
  </si>
  <si>
    <t>81475.0</t>
  </si>
  <si>
    <t>250253.0</t>
  </si>
  <si>
    <t>84089.0</t>
  </si>
  <si>
    <t>81512.0</t>
  </si>
  <si>
    <t>73402.0</t>
  </si>
  <si>
    <t>252511.0</t>
  </si>
  <si>
    <t>84128.0</t>
  </si>
  <si>
    <t>227.91</t>
  </si>
  <si>
    <t>255009.0</t>
  </si>
  <si>
    <t>81597.0</t>
  </si>
  <si>
    <t>73458.0</t>
  </si>
  <si>
    <t>257209.0</t>
  </si>
  <si>
    <t>84187.0</t>
  </si>
  <si>
    <t>81635.0</t>
  </si>
  <si>
    <t>73464.0</t>
  </si>
  <si>
    <t>259504.0</t>
  </si>
  <si>
    <t>84224.0</t>
  </si>
  <si>
    <t>234.22</t>
  </si>
  <si>
    <t>261357.0</t>
  </si>
  <si>
    <t>84249.0</t>
  </si>
  <si>
    <t>81708.0</t>
  </si>
  <si>
    <t>73496.0</t>
  </si>
  <si>
    <t>262624.0</t>
  </si>
  <si>
    <t>84268.0</t>
  </si>
  <si>
    <t>81727.0</t>
  </si>
  <si>
    <t>73509.0</t>
  </si>
  <si>
    <t>264032.0</t>
  </si>
  <si>
    <t>84294.0</t>
  </si>
  <si>
    <t>81765.0</t>
  </si>
  <si>
    <t>265104.0</t>
  </si>
  <si>
    <t>84311.0</t>
  </si>
  <si>
    <t>81792.0</t>
  </si>
  <si>
    <t>265737.0</t>
  </si>
  <si>
    <t>84320.0</t>
  </si>
  <si>
    <t>239.84</t>
  </si>
  <si>
    <t>266026.0</t>
  </si>
  <si>
    <t>84333.0</t>
  </si>
  <si>
    <t>266239.0</t>
  </si>
  <si>
    <t>81838.0</t>
  </si>
  <si>
    <t>73623.0</t>
  </si>
  <si>
    <t>266351.0</t>
  </si>
  <si>
    <t>81847.0</t>
  </si>
  <si>
    <t>JOR</t>
  </si>
  <si>
    <t>Jordan</t>
  </si>
  <si>
    <t>43.6829222368669</t>
  </si>
  <si>
    <t>334.7</t>
  </si>
  <si>
    <t>29.6565397011751</t>
  </si>
  <si>
    <t>78885.0</t>
  </si>
  <si>
    <t>1340.7</t>
  </si>
  <si>
    <t>1059.6</t>
  </si>
  <si>
    <t>831.6</t>
  </si>
  <si>
    <t>625.7</t>
  </si>
  <si>
    <t>602.7</t>
  </si>
  <si>
    <t>714.1</t>
  </si>
  <si>
    <t>746.6</t>
  </si>
  <si>
    <t>772.9</t>
  </si>
  <si>
    <t>899.9</t>
  </si>
  <si>
    <t>980.6</t>
  </si>
  <si>
    <t>670.4</t>
  </si>
  <si>
    <t>631.7</t>
  </si>
  <si>
    <t>691.5</t>
  </si>
  <si>
    <t>801.2</t>
  </si>
  <si>
    <t>952.1</t>
  </si>
  <si>
    <t>1368.7</t>
  </si>
  <si>
    <t>2189.7</t>
  </si>
  <si>
    <t>471.6</t>
  </si>
  <si>
    <t>41.7867467077209</t>
  </si>
  <si>
    <t>1775.4</t>
  </si>
  <si>
    <t>1216.6</t>
  </si>
  <si>
    <t>619.8</t>
  </si>
  <si>
    <t>501.5</t>
  </si>
  <si>
    <t>429.4</t>
  </si>
  <si>
    <t>443.9</t>
  </si>
  <si>
    <t>529.8</t>
  </si>
  <si>
    <t>591.9</t>
  </si>
  <si>
    <t>706.4</t>
  </si>
  <si>
    <t>912.4</t>
  </si>
  <si>
    <t>1042.8</t>
  </si>
  <si>
    <t>995.3</t>
  </si>
  <si>
    <t>782.1</t>
  </si>
  <si>
    <t>684.3</t>
  </si>
  <si>
    <t>763.9</t>
  </si>
  <si>
    <t>448.5</t>
  </si>
  <si>
    <t>39.739940412241</t>
  </si>
  <si>
    <t>1313.9</t>
  </si>
  <si>
    <t>1527.8</t>
  </si>
  <si>
    <t>1684.6</t>
  </si>
  <si>
    <t>1824.8</t>
  </si>
  <si>
    <t>1990.9</t>
  </si>
  <si>
    <t>2526.9</t>
  </si>
  <si>
    <t>4379.4</t>
  </si>
  <si>
    <t>4105.4</t>
  </si>
  <si>
    <t>2265.3</t>
  </si>
  <si>
    <t>2053.2</t>
  </si>
  <si>
    <t>1728.7</t>
  </si>
  <si>
    <t>1642.5</t>
  </si>
  <si>
    <t>1397.8</t>
  </si>
  <si>
    <t>349.2</t>
  </si>
  <si>
    <t>30.9413315316712</t>
  </si>
  <si>
    <t>1459.8</t>
  </si>
  <si>
    <t>1564.2</t>
  </si>
  <si>
    <t>1602.4</t>
  </si>
  <si>
    <t>1113.4</t>
  </si>
  <si>
    <t>521.4</t>
  </si>
  <si>
    <t>505.4</t>
  </si>
  <si>
    <t>323.6</t>
  </si>
  <si>
    <t>277.2</t>
  </si>
  <si>
    <t>236.3</t>
  </si>
  <si>
    <t>194.9</t>
  </si>
  <si>
    <t>300.1</t>
  </si>
  <si>
    <t>26.5907605746121</t>
  </si>
  <si>
    <t>147.6</t>
  </si>
  <si>
    <t>33.6261034257423</t>
  </si>
  <si>
    <t>0.1387</t>
  </si>
  <si>
    <t>1758841.0</t>
  </si>
  <si>
    <t>29606.0</t>
  </si>
  <si>
    <t>157.768</t>
  </si>
  <si>
    <t>1783338.0</t>
  </si>
  <si>
    <t>24497.0</t>
  </si>
  <si>
    <t>159.965</t>
  </si>
  <si>
    <t>1808896.0</t>
  </si>
  <si>
    <t>162.258</t>
  </si>
  <si>
    <t>1837854.0</t>
  </si>
  <si>
    <t>164.855</t>
  </si>
  <si>
    <t>1860367.0</t>
  </si>
  <si>
    <t>166.875</t>
  </si>
  <si>
    <t>1391.2</t>
  </si>
  <si>
    <t>123.269130661114</t>
  </si>
  <si>
    <t>1879955.0</t>
  </si>
  <si>
    <t>19588.0</t>
  </si>
  <si>
    <t>168.632</t>
  </si>
  <si>
    <t>1913801.0</t>
  </si>
  <si>
    <t>171.668</t>
  </si>
  <si>
    <t>1934688.0</t>
  </si>
  <si>
    <t>173.541</t>
  </si>
  <si>
    <t>1955425.0</t>
  </si>
  <si>
    <t>1980683.0</t>
  </si>
  <si>
    <t>177.667</t>
  </si>
  <si>
    <t>24541.0</t>
  </si>
  <si>
    <t>2003989.0</t>
  </si>
  <si>
    <t>23306.0</t>
  </si>
  <si>
    <t>179.758</t>
  </si>
  <si>
    <t>2017631.0</t>
  </si>
  <si>
    <t>180.981</t>
  </si>
  <si>
    <t>2040687.0</t>
  </si>
  <si>
    <t>23056.0</t>
  </si>
  <si>
    <t>183.05</t>
  </si>
  <si>
    <t>22962.0</t>
  </si>
  <si>
    <t>2068376.0</t>
  </si>
  <si>
    <t>185.533</t>
  </si>
  <si>
    <t>2095700.0</t>
  </si>
  <si>
    <t>187.984</t>
  </si>
  <si>
    <t>2117042.0</t>
  </si>
  <si>
    <t>189.899</t>
  </si>
  <si>
    <t>2141170.0</t>
  </si>
  <si>
    <t>192.063</t>
  </si>
  <si>
    <t>2157941.0</t>
  </si>
  <si>
    <t>193.567</t>
  </si>
  <si>
    <t>2174443.0</t>
  </si>
  <si>
    <t>195.047</t>
  </si>
  <si>
    <t>22402.0</t>
  </si>
  <si>
    <t>0.2328</t>
  </si>
  <si>
    <t>2184026.0</t>
  </si>
  <si>
    <t>195.907</t>
  </si>
  <si>
    <t>2210501.0</t>
  </si>
  <si>
    <t>198.282</t>
  </si>
  <si>
    <t>2237942.0</t>
  </si>
  <si>
    <t>200.743</t>
  </si>
  <si>
    <t>2268734.0</t>
  </si>
  <si>
    <t>30792.0</t>
  </si>
  <si>
    <t>203.505</t>
  </si>
  <si>
    <t>2292944.0</t>
  </si>
  <si>
    <t>24210.0</t>
  </si>
  <si>
    <t>205.677</t>
  </si>
  <si>
    <t>21682.0</t>
  </si>
  <si>
    <t>2315758.0</t>
  </si>
  <si>
    <t>207.723</t>
  </si>
  <si>
    <t>22545.0</t>
  </si>
  <si>
    <t>2334276.0</t>
  </si>
  <si>
    <t>209.384</t>
  </si>
  <si>
    <t>0.2306</t>
  </si>
  <si>
    <t>2358229.0</t>
  </si>
  <si>
    <t>23953.0</t>
  </si>
  <si>
    <t>211.533</t>
  </si>
  <si>
    <t>24886.0</t>
  </si>
  <si>
    <t>2383578.0</t>
  </si>
  <si>
    <t>213.807</t>
  </si>
  <si>
    <t>2408242.0</t>
  </si>
  <si>
    <t>216.019</t>
  </si>
  <si>
    <t>2435340.0</t>
  </si>
  <si>
    <t>2461304.0</t>
  </si>
  <si>
    <t>220.779</t>
  </si>
  <si>
    <t>2487561.0</t>
  </si>
  <si>
    <t>223.134</t>
  </si>
  <si>
    <t>2505316.0</t>
  </si>
  <si>
    <t>224.727</t>
  </si>
  <si>
    <t>2525992.0</t>
  </si>
  <si>
    <t>226.581</t>
  </si>
  <si>
    <t>23966.0</t>
  </si>
  <si>
    <t>2551231.0</t>
  </si>
  <si>
    <t>228.845</t>
  </si>
  <si>
    <t>3883.9</t>
  </si>
  <si>
    <t>344.138137273362</t>
  </si>
  <si>
    <t>2577281.0</t>
  </si>
  <si>
    <t>231.182</t>
  </si>
  <si>
    <t>2601896.0</t>
  </si>
  <si>
    <t>24615.0</t>
  </si>
  <si>
    <t>2627156.0</t>
  </si>
  <si>
    <t>235.656</t>
  </si>
  <si>
    <t>2648917.0</t>
  </si>
  <si>
    <t>237.608</t>
  </si>
  <si>
    <t>2667541.0</t>
  </si>
  <si>
    <t>239.278</t>
  </si>
  <si>
    <t>2684520.0</t>
  </si>
  <si>
    <t>240.801</t>
  </si>
  <si>
    <t>2709571.0</t>
  </si>
  <si>
    <t>25051.0</t>
  </si>
  <si>
    <t>243.048</t>
  </si>
  <si>
    <t>2731879.0</t>
  </si>
  <si>
    <t>22308.0</t>
  </si>
  <si>
    <t>245.049</t>
  </si>
  <si>
    <t>2755299.0</t>
  </si>
  <si>
    <t>247.15</t>
  </si>
  <si>
    <t>2797026.0</t>
  </si>
  <si>
    <t>250.893</t>
  </si>
  <si>
    <t>2810294.0</t>
  </si>
  <si>
    <t>13268.0</t>
  </si>
  <si>
    <t>252.083</t>
  </si>
  <si>
    <t>2829006.0</t>
  </si>
  <si>
    <t>253.762</t>
  </si>
  <si>
    <t>20641.0</t>
  </si>
  <si>
    <t>2850723.0</t>
  </si>
  <si>
    <t>255.71</t>
  </si>
  <si>
    <t>257.578</t>
  </si>
  <si>
    <t>2894090.0</t>
  </si>
  <si>
    <t>2915266.0</t>
  </si>
  <si>
    <t>21176.0</t>
  </si>
  <si>
    <t>261.499</t>
  </si>
  <si>
    <t>2933001.0</t>
  </si>
  <si>
    <t>263.09</t>
  </si>
  <si>
    <t>2944337.0</t>
  </si>
  <si>
    <t>264.107</t>
  </si>
  <si>
    <t>2962873.0</t>
  </si>
  <si>
    <t>265.77</t>
  </si>
  <si>
    <t>19124.0</t>
  </si>
  <si>
    <t>2983088.0</t>
  </si>
  <si>
    <t>267.583</t>
  </si>
  <si>
    <t>3002173.0</t>
  </si>
  <si>
    <t>269.295</t>
  </si>
  <si>
    <t>18660.0</t>
  </si>
  <si>
    <t>3022626.0</t>
  </si>
  <si>
    <t>271.129</t>
  </si>
  <si>
    <t>3040342.0</t>
  </si>
  <si>
    <t>272.719</t>
  </si>
  <si>
    <t>3057169.0</t>
  </si>
  <si>
    <t>274.228</t>
  </si>
  <si>
    <t>3068292.0</t>
  </si>
  <si>
    <t>275.226</t>
  </si>
  <si>
    <t>3083333.0</t>
  </si>
  <si>
    <t>276.575</t>
  </si>
  <si>
    <t>3104457.0</t>
  </si>
  <si>
    <t>278.47</t>
  </si>
  <si>
    <t>17338.0</t>
  </si>
  <si>
    <t>3126192.0</t>
  </si>
  <si>
    <t>280.419</t>
  </si>
  <si>
    <t>17717.0</t>
  </si>
  <si>
    <t>3152125.0</t>
  </si>
  <si>
    <t>25933.0</t>
  </si>
  <si>
    <t>282.745</t>
  </si>
  <si>
    <t>3175555.0</t>
  </si>
  <si>
    <t>284.847</t>
  </si>
  <si>
    <t>4569.1</t>
  </si>
  <si>
    <t>404.851196739287</t>
  </si>
  <si>
    <t>3196868.0</t>
  </si>
  <si>
    <t>21313.0</t>
  </si>
  <si>
    <t>286.759</t>
  </si>
  <si>
    <t>3211366.0</t>
  </si>
  <si>
    <t>288.059</t>
  </si>
  <si>
    <t>3232259.0</t>
  </si>
  <si>
    <t>289.933</t>
  </si>
  <si>
    <t>3260036.0</t>
  </si>
  <si>
    <t>292.425</t>
  </si>
  <si>
    <t>3287021.0</t>
  </si>
  <si>
    <t>294.846</t>
  </si>
  <si>
    <t>3316615.0</t>
  </si>
  <si>
    <t>29594.0</t>
  </si>
  <si>
    <t>297.5</t>
  </si>
  <si>
    <t>3345942.0</t>
  </si>
  <si>
    <t>300.131</t>
  </si>
  <si>
    <t>24341.0</t>
  </si>
  <si>
    <t>3370292.0</t>
  </si>
  <si>
    <t>302.315</t>
  </si>
  <si>
    <t>3387107.0</t>
  </si>
  <si>
    <t>303.823</t>
  </si>
  <si>
    <t>3411667.0</t>
  </si>
  <si>
    <t>306.026</t>
  </si>
  <si>
    <t>3438946.0</t>
  </si>
  <si>
    <t>27279.0</t>
  </si>
  <si>
    <t>308.473</t>
  </si>
  <si>
    <t>3463184.0</t>
  </si>
  <si>
    <t>310.647</t>
  </si>
  <si>
    <t>3490118.0</t>
  </si>
  <si>
    <t>313.063</t>
  </si>
  <si>
    <t>24786.0</t>
  </si>
  <si>
    <t>3515132.0</t>
  </si>
  <si>
    <t>315.307</t>
  </si>
  <si>
    <t>3534673.0</t>
  </si>
  <si>
    <t>317.06</t>
  </si>
  <si>
    <t>3552411.0</t>
  </si>
  <si>
    <t>318.651</t>
  </si>
  <si>
    <t>3572034.0</t>
  </si>
  <si>
    <t>320.411</t>
  </si>
  <si>
    <t>3594305.0</t>
  </si>
  <si>
    <t>22271.0</t>
  </si>
  <si>
    <t>322.409</t>
  </si>
  <si>
    <t>3616235.0</t>
  </si>
  <si>
    <t>324.376</t>
  </si>
  <si>
    <t>3639550.0</t>
  </si>
  <si>
    <t>23315.0</t>
  </si>
  <si>
    <t>326.467</t>
  </si>
  <si>
    <t>3659959.0</t>
  </si>
  <si>
    <t>328.298</t>
  </si>
  <si>
    <t>3678331.0</t>
  </si>
  <si>
    <t>329.946</t>
  </si>
  <si>
    <t>3691350.0</t>
  </si>
  <si>
    <t>331.114</t>
  </si>
  <si>
    <t>3711158.0</t>
  </si>
  <si>
    <t>19808.0</t>
  </si>
  <si>
    <t>332.891</t>
  </si>
  <si>
    <t>3735138.0</t>
  </si>
  <si>
    <t>23980.0</t>
  </si>
  <si>
    <t>335.042</t>
  </si>
  <si>
    <t>3759470.0</t>
  </si>
  <si>
    <t>24332.0</t>
  </si>
  <si>
    <t>337.224</t>
  </si>
  <si>
    <t>20462.0</t>
  </si>
  <si>
    <t>3784233.0</t>
  </si>
  <si>
    <t>24763.0</t>
  </si>
  <si>
    <t>339.446</t>
  </si>
  <si>
    <t>3806949.0</t>
  </si>
  <si>
    <t>341.483</t>
  </si>
  <si>
    <t>3829308.0</t>
  </si>
  <si>
    <t>343.489</t>
  </si>
  <si>
    <t>3844913.0</t>
  </si>
  <si>
    <t>15605.0</t>
  </si>
  <si>
    <t>344.889</t>
  </si>
  <si>
    <t>3866183.0</t>
  </si>
  <si>
    <t>346.796</t>
  </si>
  <si>
    <t>22146.0</t>
  </si>
  <si>
    <t>4827.4</t>
  </si>
  <si>
    <t>427.738212588745</t>
  </si>
  <si>
    <t>3890185.0</t>
  </si>
  <si>
    <t>348.949</t>
  </si>
  <si>
    <t>3913770.0</t>
  </si>
  <si>
    <t>23585.0</t>
  </si>
  <si>
    <t>351.065</t>
  </si>
  <si>
    <t>3936085.0</t>
  </si>
  <si>
    <t>353.067</t>
  </si>
  <si>
    <t>3962915.0</t>
  </si>
  <si>
    <t>355.473</t>
  </si>
  <si>
    <t>22281.0</t>
  </si>
  <si>
    <t>3984226.0</t>
  </si>
  <si>
    <t>357.385</t>
  </si>
  <si>
    <t>4004929.0</t>
  </si>
  <si>
    <t>359.242</t>
  </si>
  <si>
    <t>4026071.0</t>
  </si>
  <si>
    <t>361.138</t>
  </si>
  <si>
    <t>4052794.0</t>
  </si>
  <si>
    <t>363.535</t>
  </si>
  <si>
    <t>4077648.0</t>
  </si>
  <si>
    <t>365.765</t>
  </si>
  <si>
    <t>4107189.0</t>
  </si>
  <si>
    <t>368.415</t>
  </si>
  <si>
    <t>4134849.0</t>
  </si>
  <si>
    <t>370.896</t>
  </si>
  <si>
    <t>4159350.0</t>
  </si>
  <si>
    <t>373.093</t>
  </si>
  <si>
    <t>4178921.0</t>
  </si>
  <si>
    <t>374.849</t>
  </si>
  <si>
    <t>4205234.0</t>
  </si>
  <si>
    <t>377.209</t>
  </si>
  <si>
    <t>4234459.0</t>
  </si>
  <si>
    <t>379.831</t>
  </si>
  <si>
    <t>4266806.0</t>
  </si>
  <si>
    <t>32347.0</t>
  </si>
  <si>
    <t>382.732</t>
  </si>
  <si>
    <t>4299656.0</t>
  </si>
  <si>
    <t>32850.0</t>
  </si>
  <si>
    <t>385.679</t>
  </si>
  <si>
    <t>4315789.0</t>
  </si>
  <si>
    <t>387.126</t>
  </si>
  <si>
    <t>4328210.0</t>
  </si>
  <si>
    <t>388.24</t>
  </si>
  <si>
    <t>4346414.0</t>
  </si>
  <si>
    <t>389.873</t>
  </si>
  <si>
    <t>4371522.0</t>
  </si>
  <si>
    <t>392.125</t>
  </si>
  <si>
    <t>4405368.0</t>
  </si>
  <si>
    <t>395.161</t>
  </si>
  <si>
    <t>24416.0</t>
  </si>
  <si>
    <t>4440208.0</t>
  </si>
  <si>
    <t>34840.0</t>
  </si>
  <si>
    <t>398.286</t>
  </si>
  <si>
    <t>24772.0</t>
  </si>
  <si>
    <t>4476281.0</t>
  </si>
  <si>
    <t>401.522</t>
  </si>
  <si>
    <t>4510000.0</t>
  </si>
  <si>
    <t>404.547</t>
  </si>
  <si>
    <t>4540283.0</t>
  </si>
  <si>
    <t>30283.0</t>
  </si>
  <si>
    <t>407.263</t>
  </si>
  <si>
    <t>4566735.0</t>
  </si>
  <si>
    <t>409.636</t>
  </si>
  <si>
    <t>4600197.0</t>
  </si>
  <si>
    <t>412.637</t>
  </si>
  <si>
    <t>11549.0</t>
  </si>
  <si>
    <t>5265.4</t>
  </si>
  <si>
    <t>466.54778650304</t>
  </si>
  <si>
    <t>4641226.0</t>
  </si>
  <si>
    <t>41029.0</t>
  </si>
  <si>
    <t>416.318</t>
  </si>
  <si>
    <t>33694.0</t>
  </si>
  <si>
    <t>4678877.0</t>
  </si>
  <si>
    <t>419.695</t>
  </si>
  <si>
    <t>34096.0</t>
  </si>
  <si>
    <t>4718364.0</t>
  </si>
  <si>
    <t>423.237</t>
  </si>
  <si>
    <t>4761823.0</t>
  </si>
  <si>
    <t>43459.0</t>
  </si>
  <si>
    <t>427.135</t>
  </si>
  <si>
    <t>35975.0</t>
  </si>
  <si>
    <t>4796208.0</t>
  </si>
  <si>
    <t>430.22</t>
  </si>
  <si>
    <t>36561.0</t>
  </si>
  <si>
    <t>4822160.0</t>
  </si>
  <si>
    <t>432.548</t>
  </si>
  <si>
    <t>4864598.0</t>
  </si>
  <si>
    <t>436.354</t>
  </si>
  <si>
    <t>4910795.0</t>
  </si>
  <si>
    <t>46197.0</t>
  </si>
  <si>
    <t>440.498</t>
  </si>
  <si>
    <t>4954682.0</t>
  </si>
  <si>
    <t>444.435</t>
  </si>
  <si>
    <t>4999212.0</t>
  </si>
  <si>
    <t>448.429</t>
  </si>
  <si>
    <t>5053264.0</t>
  </si>
  <si>
    <t>54052.0</t>
  </si>
  <si>
    <t>453.278</t>
  </si>
  <si>
    <t>5103809.0</t>
  </si>
  <si>
    <t>457.811</t>
  </si>
  <si>
    <t>5131793.0</t>
  </si>
  <si>
    <t>27984.0</t>
  </si>
  <si>
    <t>460.322</t>
  </si>
  <si>
    <t>44233.0</t>
  </si>
  <si>
    <t>5174645.0</t>
  </si>
  <si>
    <t>464.165</t>
  </si>
  <si>
    <t>5223283.0</t>
  </si>
  <si>
    <t>48638.0</t>
  </si>
  <si>
    <t>468.528</t>
  </si>
  <si>
    <t>204151.0</t>
  </si>
  <si>
    <t>5267567.0</t>
  </si>
  <si>
    <t>44284.0</t>
  </si>
  <si>
    <t>472.501</t>
  </si>
  <si>
    <t>44698.0</t>
  </si>
  <si>
    <t>5317747.0</t>
  </si>
  <si>
    <t>50180.0</t>
  </si>
  <si>
    <t>477.002</t>
  </si>
  <si>
    <t>241868.0</t>
  </si>
  <si>
    <t>189456.0</t>
  </si>
  <si>
    <t>52412.0</t>
  </si>
  <si>
    <t>5364765.0</t>
  </si>
  <si>
    <t>47018.0</t>
  </si>
  <si>
    <t>481.219</t>
  </si>
  <si>
    <t>5403594.0</t>
  </si>
  <si>
    <t>5431286.0</t>
  </si>
  <si>
    <t>487.186</t>
  </si>
  <si>
    <t>42785.0</t>
  </si>
  <si>
    <t>5477803.0</t>
  </si>
  <si>
    <t>46517.0</t>
  </si>
  <si>
    <t>491.359</t>
  </si>
  <si>
    <t>43308.0</t>
  </si>
  <si>
    <t>272648.0</t>
  </si>
  <si>
    <t>209278.0</t>
  </si>
  <si>
    <t>10215.0</t>
  </si>
  <si>
    <t>5523736.0</t>
  </si>
  <si>
    <t>45933.0</t>
  </si>
  <si>
    <t>495.479</t>
  </si>
  <si>
    <t>42922.0</t>
  </si>
  <si>
    <t>5569435.0</t>
  </si>
  <si>
    <t>499.578</t>
  </si>
  <si>
    <t>5617586.0</t>
  </si>
  <si>
    <t>503.897</t>
  </si>
  <si>
    <t>42834.0</t>
  </si>
  <si>
    <t>320140.0</t>
  </si>
  <si>
    <t>251197.0</t>
  </si>
  <si>
    <t>68943.0</t>
  </si>
  <si>
    <t>5664285.0</t>
  </si>
  <si>
    <t>508.086</t>
  </si>
  <si>
    <t>42789.0</t>
  </si>
  <si>
    <t>5705121.0</t>
  </si>
  <si>
    <t>511.749</t>
  </si>
  <si>
    <t>5733071.0</t>
  </si>
  <si>
    <t>27950.0</t>
  </si>
  <si>
    <t>514.256</t>
  </si>
  <si>
    <t>5776686.0</t>
  </si>
  <si>
    <t>518.168</t>
  </si>
  <si>
    <t>5825666.0</t>
  </si>
  <si>
    <t>48980.0</t>
  </si>
  <si>
    <t>522.562</t>
  </si>
  <si>
    <t>43133.0</t>
  </si>
  <si>
    <t>526.987</t>
  </si>
  <si>
    <t>43652.0</t>
  </si>
  <si>
    <t>409203.0</t>
  </si>
  <si>
    <t>304946.0</t>
  </si>
  <si>
    <t>104257.0</t>
  </si>
  <si>
    <t>5918158.0</t>
  </si>
  <si>
    <t>43158.0</t>
  </si>
  <si>
    <t>530.858</t>
  </si>
  <si>
    <t>8277.2</t>
  </si>
  <si>
    <t>733.412340647048</t>
  </si>
  <si>
    <t>5966411.0</t>
  </si>
  <si>
    <t>48253.0</t>
  </si>
  <si>
    <t>535.187</t>
  </si>
  <si>
    <t>6001445.0</t>
  </si>
  <si>
    <t>35034.0</t>
  </si>
  <si>
    <t>538.329</t>
  </si>
  <si>
    <t>42332.0</t>
  </si>
  <si>
    <t>14661.0</t>
  </si>
  <si>
    <t>6030272.0</t>
  </si>
  <si>
    <t>540.915</t>
  </si>
  <si>
    <t>6071373.0</t>
  </si>
  <si>
    <t>544.602</t>
  </si>
  <si>
    <t>42098.0</t>
  </si>
  <si>
    <t>6114599.0</t>
  </si>
  <si>
    <t>548.479</t>
  </si>
  <si>
    <t>41276.0</t>
  </si>
  <si>
    <t>6158685.0</t>
  </si>
  <si>
    <t>552.434</t>
  </si>
  <si>
    <t>6198917.0</t>
  </si>
  <si>
    <t>556.043</t>
  </si>
  <si>
    <t>524533.0</t>
  </si>
  <si>
    <t>404912.0</t>
  </si>
  <si>
    <t>119621.0</t>
  </si>
  <si>
    <t>6238652.0</t>
  </si>
  <si>
    <t>559.607</t>
  </si>
  <si>
    <t>38892.0</t>
  </si>
  <si>
    <t>13531.0</t>
  </si>
  <si>
    <t>6269269.0</t>
  </si>
  <si>
    <t>30617.0</t>
  </si>
  <si>
    <t>562.353</t>
  </si>
  <si>
    <t>6294123.0</t>
  </si>
  <si>
    <t>564.583</t>
  </si>
  <si>
    <t>6320767.0</t>
  </si>
  <si>
    <t>26644.0</t>
  </si>
  <si>
    <t>566.972</t>
  </si>
  <si>
    <t>6348440.0</t>
  </si>
  <si>
    <t>569.455</t>
  </si>
  <si>
    <t>6372263.0</t>
  </si>
  <si>
    <t>23823.0</t>
  </si>
  <si>
    <t>571.592</t>
  </si>
  <si>
    <t>30511.0</t>
  </si>
  <si>
    <t>19287.0</t>
  </si>
  <si>
    <t>6404559.0</t>
  </si>
  <si>
    <t>574.489</t>
  </si>
  <si>
    <t>665226.0</t>
  </si>
  <si>
    <t>543095.0</t>
  </si>
  <si>
    <t>122131.0</t>
  </si>
  <si>
    <t>6426320.0</t>
  </si>
  <si>
    <t>576.441</t>
  </si>
  <si>
    <t>6448333.0</t>
  </si>
  <si>
    <t>578.415</t>
  </si>
  <si>
    <t>6459718.0</t>
  </si>
  <si>
    <t>579.436</t>
  </si>
  <si>
    <t>16790.0</t>
  </si>
  <si>
    <t>6477564.0</t>
  </si>
  <si>
    <t>17846.0</t>
  </si>
  <si>
    <t>581.037</t>
  </si>
  <si>
    <t>6502520.0</t>
  </si>
  <si>
    <t>583.276</t>
  </si>
  <si>
    <t>22011.0</t>
  </si>
  <si>
    <t>732052.0</t>
  </si>
  <si>
    <t>607381.0</t>
  </si>
  <si>
    <t>124671.0</t>
  </si>
  <si>
    <t>6522141.0</t>
  </si>
  <si>
    <t>585.036</t>
  </si>
  <si>
    <t>6546769.0</t>
  </si>
  <si>
    <t>587.245</t>
  </si>
  <si>
    <t>20316.0</t>
  </si>
  <si>
    <t>6564997.0</t>
  </si>
  <si>
    <t>588.88</t>
  </si>
  <si>
    <t>6581824.0</t>
  </si>
  <si>
    <t>590.389</t>
  </si>
  <si>
    <t>19070.0</t>
  </si>
  <si>
    <t>6593672.0</t>
  </si>
  <si>
    <t>6610353.0</t>
  </si>
  <si>
    <t>592.948</t>
  </si>
  <si>
    <t>18012.0</t>
  </si>
  <si>
    <t>6630787.0</t>
  </si>
  <si>
    <t>594.781</t>
  </si>
  <si>
    <t>6649640.0</t>
  </si>
  <si>
    <t>18853.0</t>
  </si>
  <si>
    <t>596.472</t>
  </si>
  <si>
    <t>6668395.0</t>
  </si>
  <si>
    <t>598.155</t>
  </si>
  <si>
    <t>6685507.0</t>
  </si>
  <si>
    <t>599.69</t>
  </si>
  <si>
    <t>17216.0</t>
  </si>
  <si>
    <t>919922.0</t>
  </si>
  <si>
    <t>699328.0</t>
  </si>
  <si>
    <t>220594.0</t>
  </si>
  <si>
    <t>6704884.0</t>
  </si>
  <si>
    <t>601.428</t>
  </si>
  <si>
    <t>10901.0</t>
  </si>
  <si>
    <t>10693.2</t>
  </si>
  <si>
    <t>106.34</t>
  </si>
  <si>
    <t>947.485241507637</t>
  </si>
  <si>
    <t>6714356.0</t>
  </si>
  <si>
    <t>602.277</t>
  </si>
  <si>
    <t>6727600.0</t>
  </si>
  <si>
    <t>13244.0</t>
  </si>
  <si>
    <t>603.465</t>
  </si>
  <si>
    <t>16750.0</t>
  </si>
  <si>
    <t>6743722.0</t>
  </si>
  <si>
    <t>604.912</t>
  </si>
  <si>
    <t>6763398.0</t>
  </si>
  <si>
    <t>606.676</t>
  </si>
  <si>
    <t>1091048.0</t>
  </si>
  <si>
    <t>805020.0</t>
  </si>
  <si>
    <t>6781275.0</t>
  </si>
  <si>
    <t>608.28</t>
  </si>
  <si>
    <t>30487.0</t>
  </si>
  <si>
    <t>6798116.0</t>
  </si>
  <si>
    <t>609.791</t>
  </si>
  <si>
    <t>16087.0</t>
  </si>
  <si>
    <t>6814404.0</t>
  </si>
  <si>
    <t>611.252</t>
  </si>
  <si>
    <t>6824502.0</t>
  </si>
  <si>
    <t>612.158</t>
  </si>
  <si>
    <t>6839470.0</t>
  </si>
  <si>
    <t>6857925.0</t>
  </si>
  <si>
    <t>615.156</t>
  </si>
  <si>
    <t>25026.0</t>
  </si>
  <si>
    <t>6877657.0</t>
  </si>
  <si>
    <t>616.926</t>
  </si>
  <si>
    <t>6893261.0</t>
  </si>
  <si>
    <t>618.325</t>
  </si>
  <si>
    <t>15998.0</t>
  </si>
  <si>
    <t>6903678.0</t>
  </si>
  <si>
    <t>619.26</t>
  </si>
  <si>
    <t>6912958.0</t>
  </si>
  <si>
    <t>620.092</t>
  </si>
  <si>
    <t>14079.0</t>
  </si>
  <si>
    <t>6921815.0</t>
  </si>
  <si>
    <t>620.886</t>
  </si>
  <si>
    <t>6940992.0</t>
  </si>
  <si>
    <t>622.607</t>
  </si>
  <si>
    <t>6972177.0</t>
  </si>
  <si>
    <t>625.404</t>
  </si>
  <si>
    <t>7001979.0</t>
  </si>
  <si>
    <t>628.077</t>
  </si>
  <si>
    <t>1034808.0</t>
  </si>
  <si>
    <t>385142.0</t>
  </si>
  <si>
    <t>7034669.0</t>
  </si>
  <si>
    <t>631.009</t>
  </si>
  <si>
    <t>7060976.0</t>
  </si>
  <si>
    <t>633.369</t>
  </si>
  <si>
    <t>28568.0</t>
  </si>
  <si>
    <t>21195.0</t>
  </si>
  <si>
    <t>7081102.0</t>
  </si>
  <si>
    <t>20126.0</t>
  </si>
  <si>
    <t>635.175</t>
  </si>
  <si>
    <t>7096837.0</t>
  </si>
  <si>
    <t>636.586</t>
  </si>
  <si>
    <t>7118897.0</t>
  </si>
  <si>
    <t>638.565</t>
  </si>
  <si>
    <t>28367.0</t>
  </si>
  <si>
    <t>7139945.0</t>
  </si>
  <si>
    <t>640.453</t>
  </si>
  <si>
    <t>7162353.0</t>
  </si>
  <si>
    <t>642.463</t>
  </si>
  <si>
    <t>41256.0</t>
  </si>
  <si>
    <t>7182844.0</t>
  </si>
  <si>
    <t>644.301</t>
  </si>
  <si>
    <t>21168.0</t>
  </si>
  <si>
    <t>1750000.0</t>
  </si>
  <si>
    <t>7207284.0</t>
  </si>
  <si>
    <t>646.493</t>
  </si>
  <si>
    <t>1879809.0</t>
  </si>
  <si>
    <t>1389247.0</t>
  </si>
  <si>
    <t>490562.0</t>
  </si>
  <si>
    <t>129809.0</t>
  </si>
  <si>
    <t>53907.0</t>
  </si>
  <si>
    <t>41163.0</t>
  </si>
  <si>
    <t>7228956.0</t>
  </si>
  <si>
    <t>648.437</t>
  </si>
  <si>
    <t>21122.0</t>
  </si>
  <si>
    <t>1904235.0</t>
  </si>
  <si>
    <t>1412419.0</t>
  </si>
  <si>
    <t>491816.0</t>
  </si>
  <si>
    <t>24426.0</t>
  </si>
  <si>
    <t>51502.0</t>
  </si>
  <si>
    <t>39738.0</t>
  </si>
  <si>
    <t>7245152.0</t>
  </si>
  <si>
    <t>649.89</t>
  </si>
  <si>
    <t>7260498.0</t>
  </si>
  <si>
    <t>651.266</t>
  </si>
  <si>
    <t>11580.5</t>
  </si>
  <si>
    <t>1026.10564090068</t>
  </si>
  <si>
    <t>54077.0</t>
  </si>
  <si>
    <t>41941.0</t>
  </si>
  <si>
    <t>44860.0</t>
  </si>
  <si>
    <t>2307978.0</t>
  </si>
  <si>
    <t>1748084.0</t>
  </si>
  <si>
    <t>559894.0</t>
  </si>
  <si>
    <t>2487617.0</t>
  </si>
  <si>
    <t>1892782.0</t>
  </si>
  <si>
    <t>594835.0</t>
  </si>
  <si>
    <t>47311.0</t>
  </si>
  <si>
    <t>53254.0</t>
  </si>
  <si>
    <t>42377.0</t>
  </si>
  <si>
    <t>2515014.0</t>
  </si>
  <si>
    <t>1898289.0</t>
  </si>
  <si>
    <t>616725.0</t>
  </si>
  <si>
    <t>48802.0</t>
  </si>
  <si>
    <t>2515652.0</t>
  </si>
  <si>
    <t>1898859.0</t>
  </si>
  <si>
    <t>616793.0</t>
  </si>
  <si>
    <t>42485.0</t>
  </si>
  <si>
    <t>2601824.0</t>
  </si>
  <si>
    <t>1922977.0</t>
  </si>
  <si>
    <t>678847.0</t>
  </si>
  <si>
    <t>2681287.0</t>
  </si>
  <si>
    <t>1940975.0</t>
  </si>
  <si>
    <t>740312.0</t>
  </si>
  <si>
    <t>79463.0</t>
  </si>
  <si>
    <t>40498.0</t>
  </si>
  <si>
    <t>2751281.0</t>
  </si>
  <si>
    <t>1969242.0</t>
  </si>
  <si>
    <t>782039.0</t>
  </si>
  <si>
    <t>2818027.0</t>
  </si>
  <si>
    <t>2007821.0</t>
  </si>
  <si>
    <t>810206.0</t>
  </si>
  <si>
    <t>45244.0</t>
  </si>
  <si>
    <t>2891997.0</t>
  </si>
  <si>
    <t>2040499.0</t>
  </si>
  <si>
    <t>851498.0</t>
  </si>
  <si>
    <t>53855.0</t>
  </si>
  <si>
    <t>2893320.0</t>
  </si>
  <si>
    <t>2041336.0</t>
  </si>
  <si>
    <t>851984.0</t>
  </si>
  <si>
    <t>53953.0</t>
  </si>
  <si>
    <t>2914335.0</t>
  </si>
  <si>
    <t>2043855.0</t>
  </si>
  <si>
    <t>870480.0</t>
  </si>
  <si>
    <t>3099657.0</t>
  </si>
  <si>
    <t>2100892.0</t>
  </si>
  <si>
    <t>998765.0</t>
  </si>
  <si>
    <t>185322.0</t>
  </si>
  <si>
    <t>71119.0</t>
  </si>
  <si>
    <t>3197278.0</t>
  </si>
  <si>
    <t>2125824.0</t>
  </si>
  <si>
    <t>1071454.0</t>
  </si>
  <si>
    <t>97621.0</t>
  </si>
  <si>
    <t>73713.0</t>
  </si>
  <si>
    <t>26407.0</t>
  </si>
  <si>
    <t>70588.0</t>
  </si>
  <si>
    <t>24935.0</t>
  </si>
  <si>
    <t>3341638.0</t>
  </si>
  <si>
    <t>2179720.0</t>
  </si>
  <si>
    <t>1161918.0</t>
  </si>
  <si>
    <t>64234.0</t>
  </si>
  <si>
    <t>3378945.0</t>
  </si>
  <si>
    <t>2215882.0</t>
  </si>
  <si>
    <t>1163063.0</t>
  </si>
  <si>
    <t>3440724.0</t>
  </si>
  <si>
    <t>2271230.0</t>
  </si>
  <si>
    <t>1169494.0</t>
  </si>
  <si>
    <t>32482.0</t>
  </si>
  <si>
    <t>3522719.0</t>
  </si>
  <si>
    <t>2316516.0</t>
  </si>
  <si>
    <t>1206203.0</t>
  </si>
  <si>
    <t>81995.0</t>
  </si>
  <si>
    <t>30803.0</t>
  </si>
  <si>
    <t>3617998.0</t>
  </si>
  <si>
    <t>2371379.0</t>
  </si>
  <si>
    <t>1246619.0</t>
  </si>
  <si>
    <t>95279.0</t>
  </si>
  <si>
    <t>60103.0</t>
  </si>
  <si>
    <t>73916.0</t>
  </si>
  <si>
    <t>3907618.0</t>
  </si>
  <si>
    <t>2488769.0</t>
  </si>
  <si>
    <t>1418849.0</t>
  </si>
  <si>
    <t>87729.0</t>
  </si>
  <si>
    <t>46716.0</t>
  </si>
  <si>
    <t>11971.8</t>
  </si>
  <si>
    <t>1060.77729905745</t>
  </si>
  <si>
    <t>81469.0</t>
  </si>
  <si>
    <t>44606.0</t>
  </si>
  <si>
    <t>3916223.0</t>
  </si>
  <si>
    <t>2495153.0</t>
  </si>
  <si>
    <t>1421070.0</t>
  </si>
  <si>
    <t>76754.0</t>
  </si>
  <si>
    <t>39896.0</t>
  </si>
  <si>
    <t>73569.0</t>
  </si>
  <si>
    <t>3995188.0</t>
  </si>
  <si>
    <t>2539944.0</t>
  </si>
  <si>
    <t>1455244.0</t>
  </si>
  <si>
    <t>67496.0</t>
  </si>
  <si>
    <t>4053724.0</t>
  </si>
  <si>
    <t>2568752.0</t>
  </si>
  <si>
    <t>1484972.0</t>
  </si>
  <si>
    <t>58536.0</t>
  </si>
  <si>
    <t>4116064.0</t>
  </si>
  <si>
    <t>2571571.0</t>
  </si>
  <si>
    <t>1544493.0</t>
  </si>
  <si>
    <t>7389739.0</t>
  </si>
  <si>
    <t>662.859</t>
  </si>
  <si>
    <t>4180380.0</t>
  </si>
  <si>
    <t>2586787.0</t>
  </si>
  <si>
    <t>1593593.0</t>
  </si>
  <si>
    <t>7407053.0</t>
  </si>
  <si>
    <t>664.412</t>
  </si>
  <si>
    <t>7429181.0</t>
  </si>
  <si>
    <t>22128.0</t>
  </si>
  <si>
    <t>666.397</t>
  </si>
  <si>
    <t>4244779.0</t>
  </si>
  <si>
    <t>2610278.0</t>
  </si>
  <si>
    <t>1634501.0</t>
  </si>
  <si>
    <t>46113.0</t>
  </si>
  <si>
    <t>16422.0</t>
  </si>
  <si>
    <t>4312212.0</t>
  </si>
  <si>
    <t>2654733.0</t>
  </si>
  <si>
    <t>1657479.0</t>
  </si>
  <si>
    <t>45289.0</t>
  </si>
  <si>
    <t>68555.0</t>
  </si>
  <si>
    <t>4366297.0</t>
  </si>
  <si>
    <t>2658675.0</t>
  </si>
  <si>
    <t>1707622.0</t>
  </si>
  <si>
    <t>44653.0</t>
  </si>
  <si>
    <t>4407580.0</t>
  </si>
  <si>
    <t>2663304.0</t>
  </si>
  <si>
    <t>1744276.0</t>
  </si>
  <si>
    <t>41283.0</t>
  </si>
  <si>
    <t>41645.0</t>
  </si>
  <si>
    <t>8151910.0</t>
  </si>
  <si>
    <t>731.226</t>
  </si>
  <si>
    <t>4453670.0</t>
  </si>
  <si>
    <t>2687747.0</t>
  </si>
  <si>
    <t>1765923.0</t>
  </si>
  <si>
    <t>46090.0</t>
  </si>
  <si>
    <t>39041.0</t>
  </si>
  <si>
    <t>8174329.0</t>
  </si>
  <si>
    <t>733.237</t>
  </si>
  <si>
    <t>109611.0</t>
  </si>
  <si>
    <t>4524542.0</t>
  </si>
  <si>
    <t>2695410.0</t>
  </si>
  <si>
    <t>1829132.0</t>
  </si>
  <si>
    <t>70872.0</t>
  </si>
  <si>
    <t>44566.0</t>
  </si>
  <si>
    <t>108865.0</t>
  </si>
  <si>
    <t>9.765</t>
  </si>
  <si>
    <t>43525.0</t>
  </si>
  <si>
    <t>4574361.0</t>
  </si>
  <si>
    <t>2699400.0</t>
  </si>
  <si>
    <t>1874961.0</t>
  </si>
  <si>
    <t>72397.0</t>
  </si>
  <si>
    <t>4641453.0</t>
  </si>
  <si>
    <t>2710398.0</t>
  </si>
  <si>
    <t>1931055.0</t>
  </si>
  <si>
    <t>67092.0</t>
  </si>
  <si>
    <t>47034.0</t>
  </si>
  <si>
    <t>4644073.0</t>
  </si>
  <si>
    <t>2711135.0</t>
  </si>
  <si>
    <t>1932938.0</t>
  </si>
  <si>
    <t>35929.0</t>
  </si>
  <si>
    <t>8275778.0</t>
  </si>
  <si>
    <t>742.337</t>
  </si>
  <si>
    <t>4644140.0</t>
  </si>
  <si>
    <t>2711172.0</t>
  </si>
  <si>
    <t>1932968.0</t>
  </si>
  <si>
    <t>8292733.0</t>
  </si>
  <si>
    <t>743.858</t>
  </si>
  <si>
    <t>4668898.0</t>
  </si>
  <si>
    <t>2731367.0</t>
  </si>
  <si>
    <t>1937531.0</t>
  </si>
  <si>
    <t>4748953.0</t>
  </si>
  <si>
    <t>2757973.0</t>
  </si>
  <si>
    <t>1990980.0</t>
  </si>
  <si>
    <t>8348413.0</t>
  </si>
  <si>
    <t>748.852</t>
  </si>
  <si>
    <t>4848741.0</t>
  </si>
  <si>
    <t>2788103.0</t>
  </si>
  <si>
    <t>99788.0</t>
  </si>
  <si>
    <t>8374969.0</t>
  </si>
  <si>
    <t>751.234</t>
  </si>
  <si>
    <t>19001.0</t>
  </si>
  <si>
    <t>4945351.0</t>
  </si>
  <si>
    <t>2826690.0</t>
  </si>
  <si>
    <t>2118661.0</t>
  </si>
  <si>
    <t>96610.0</t>
  </si>
  <si>
    <t>20261.0</t>
  </si>
  <si>
    <t>5028619.0</t>
  </si>
  <si>
    <t>2878541.0</t>
  </si>
  <si>
    <t>2150078.0</t>
  </si>
  <si>
    <t>83268.0</t>
  </si>
  <si>
    <t>8426429.0</t>
  </si>
  <si>
    <t>755.85</t>
  </si>
  <si>
    <t>64005.0</t>
  </si>
  <si>
    <t>28507.0</t>
  </si>
  <si>
    <t>8454110.0</t>
  </si>
  <si>
    <t>758.333</t>
  </si>
  <si>
    <t>5155730.0</t>
  </si>
  <si>
    <t>2942904.0</t>
  </si>
  <si>
    <t>2212826.0</t>
  </si>
  <si>
    <t>69547.0</t>
  </si>
  <si>
    <t>5173865.0</t>
  </si>
  <si>
    <t>2954485.0</t>
  </si>
  <si>
    <t>2219380.0</t>
  </si>
  <si>
    <t>66420.0</t>
  </si>
  <si>
    <t>22740.0</t>
  </si>
  <si>
    <t>5214727.0</t>
  </si>
  <si>
    <t>2989511.0</t>
  </si>
  <si>
    <t>2225216.0</t>
  </si>
  <si>
    <t>66539.0</t>
  </si>
  <si>
    <t>12364.8</t>
  </si>
  <si>
    <t>1095.59958798055</t>
  </si>
  <si>
    <t>5265074.0</t>
  </si>
  <si>
    <t>3004698.0</t>
  </si>
  <si>
    <t>50347.0</t>
  </si>
  <si>
    <t>52019.0</t>
  </si>
  <si>
    <t>43732.0</t>
  </si>
  <si>
    <t>44751.0</t>
  </si>
  <si>
    <t>22566.0</t>
  </si>
  <si>
    <t>8628728.0</t>
  </si>
  <si>
    <t>773.996</t>
  </si>
  <si>
    <t>44409.0</t>
  </si>
  <si>
    <t>23795.0</t>
  </si>
  <si>
    <t>8647687.0</t>
  </si>
  <si>
    <t>775.697</t>
  </si>
  <si>
    <t>5620347.0</t>
  </si>
  <si>
    <t>3195060.0</t>
  </si>
  <si>
    <t>2425287.0</t>
  </si>
  <si>
    <t>5621602.0</t>
  </si>
  <si>
    <t>3195539.0</t>
  </si>
  <si>
    <t>2426063.0</t>
  </si>
  <si>
    <t>38244.0</t>
  </si>
  <si>
    <t>5684478.0</t>
  </si>
  <si>
    <t>3221151.0</t>
  </si>
  <si>
    <t>2463327.0</t>
  </si>
  <si>
    <t>62876.0</t>
  </si>
  <si>
    <t>5692336.0</t>
  </si>
  <si>
    <t>3225612.0</t>
  </si>
  <si>
    <t>2466724.0</t>
  </si>
  <si>
    <t>5741689.0</t>
  </si>
  <si>
    <t>3242791.0</t>
  </si>
  <si>
    <t>2498898.0</t>
  </si>
  <si>
    <t>49353.0</t>
  </si>
  <si>
    <t>8782890.0</t>
  </si>
  <si>
    <t>787.825</t>
  </si>
  <si>
    <t>22023.0</t>
  </si>
  <si>
    <t>5791708.0</t>
  </si>
  <si>
    <t>3252453.0</t>
  </si>
  <si>
    <t>2539255.0</t>
  </si>
  <si>
    <t>30824.0</t>
  </si>
  <si>
    <t>8813260.0</t>
  </si>
  <si>
    <t>790.549</t>
  </si>
  <si>
    <t>5845629.0</t>
  </si>
  <si>
    <t>3279754.0</t>
  </si>
  <si>
    <t>2565875.0</t>
  </si>
  <si>
    <t>32183.0</t>
  </si>
  <si>
    <t>5897072.0</t>
  </si>
  <si>
    <t>3293871.0</t>
  </si>
  <si>
    <t>2603201.0</t>
  </si>
  <si>
    <t>51443.0</t>
  </si>
  <si>
    <t>39353.0</t>
  </si>
  <si>
    <t>8896697.0</t>
  </si>
  <si>
    <t>798.033</t>
  </si>
  <si>
    <t>5953209.0</t>
  </si>
  <si>
    <t>3306810.0</t>
  </si>
  <si>
    <t>2646399.0</t>
  </si>
  <si>
    <t>56137.0</t>
  </si>
  <si>
    <t>38390.0</t>
  </si>
  <si>
    <t>8924446.0</t>
  </si>
  <si>
    <t>27749.0</t>
  </si>
  <si>
    <t>800.522</t>
  </si>
  <si>
    <t>5999613.0</t>
  </si>
  <si>
    <t>3318184.0</t>
  </si>
  <si>
    <t>2681429.0</t>
  </si>
  <si>
    <t>30126.0</t>
  </si>
  <si>
    <t>6007827.0</t>
  </si>
  <si>
    <t>3321063.0</t>
  </si>
  <si>
    <t>2686764.0</t>
  </si>
  <si>
    <t>6043931.0</t>
  </si>
  <si>
    <t>3336231.0</t>
  </si>
  <si>
    <t>2707700.0</t>
  </si>
  <si>
    <t>36104.0</t>
  </si>
  <si>
    <t>8997227.0</t>
  </si>
  <si>
    <t>807.051</t>
  </si>
  <si>
    <t>30620.0</t>
  </si>
  <si>
    <t>6098386.0</t>
  </si>
  <si>
    <t>3354577.0</t>
  </si>
  <si>
    <t>2743809.0</t>
  </si>
  <si>
    <t>9031711.0</t>
  </si>
  <si>
    <t>34484.0</t>
  </si>
  <si>
    <t>810.144</t>
  </si>
  <si>
    <t>31207.0</t>
  </si>
  <si>
    <t>6135960.0</t>
  </si>
  <si>
    <t>3372285.0</t>
  </si>
  <si>
    <t>2763675.0</t>
  </si>
  <si>
    <t>29558.0</t>
  </si>
  <si>
    <t>6185774.0</t>
  </si>
  <si>
    <t>3388945.0</t>
  </si>
  <si>
    <t>2796829.0</t>
  </si>
  <si>
    <t>9092059.0</t>
  </si>
  <si>
    <t>815.557</t>
  </si>
  <si>
    <t>6223438.0</t>
  </si>
  <si>
    <t>3401192.0</t>
  </si>
  <si>
    <t>2822246.0</t>
  </si>
  <si>
    <t>38604.0</t>
  </si>
  <si>
    <t>9123785.0</t>
  </si>
  <si>
    <t>818.403</t>
  </si>
  <si>
    <t>28477.0</t>
  </si>
  <si>
    <t>6259831.0</t>
  </si>
  <si>
    <t>3412620.0</t>
  </si>
  <si>
    <t>2847211.0</t>
  </si>
  <si>
    <t>36393.0</t>
  </si>
  <si>
    <t>28783.0</t>
  </si>
  <si>
    <t>6266164.0</t>
  </si>
  <si>
    <t>3414817.0</t>
  </si>
  <si>
    <t>2851347.0</t>
  </si>
  <si>
    <t>36905.0</t>
  </si>
  <si>
    <t>6291218.0</t>
  </si>
  <si>
    <t>3422595.0</t>
  </si>
  <si>
    <t>2868623.0</t>
  </si>
  <si>
    <t>29395.0</t>
  </si>
  <si>
    <t>6371558.0</t>
  </si>
  <si>
    <t>3450724.0</t>
  </si>
  <si>
    <t>2920834.0</t>
  </si>
  <si>
    <t>80340.0</t>
  </si>
  <si>
    <t>39025.0</t>
  </si>
  <si>
    <t>9229396.0</t>
  </si>
  <si>
    <t>827.876</t>
  </si>
  <si>
    <t>37327.0</t>
  </si>
  <si>
    <t>9255269.0</t>
  </si>
  <si>
    <t>25873.0</t>
  </si>
  <si>
    <t>830.197</t>
  </si>
  <si>
    <t>27626.0</t>
  </si>
  <si>
    <t>6422943.0</t>
  </si>
  <si>
    <t>3472046.0</t>
  </si>
  <si>
    <t>2950897.0</t>
  </si>
  <si>
    <t>12857.1</t>
  </si>
  <si>
    <t>1139.22048578422</t>
  </si>
  <si>
    <t>9287040.0</t>
  </si>
  <si>
    <t>833.047</t>
  </si>
  <si>
    <t>6452806.0</t>
  </si>
  <si>
    <t>3486242.0</t>
  </si>
  <si>
    <t>2966564.0</t>
  </si>
  <si>
    <t>9316366.0</t>
  </si>
  <si>
    <t>835.678</t>
  </si>
  <si>
    <t>27512.0</t>
  </si>
  <si>
    <t>26782.0</t>
  </si>
  <si>
    <t>6457892.0</t>
  </si>
  <si>
    <t>3488727.0</t>
  </si>
  <si>
    <t>2969165.0</t>
  </si>
  <si>
    <t>6478391.0</t>
  </si>
  <si>
    <t>3497679.0</t>
  </si>
  <si>
    <t>2980712.0</t>
  </si>
  <si>
    <t>6512659.0</t>
  </si>
  <si>
    <t>3513620.0</t>
  </si>
  <si>
    <t>2999039.0</t>
  </si>
  <si>
    <t>34268.0</t>
  </si>
  <si>
    <t>6569452.0</t>
  </si>
  <si>
    <t>3534483.0</t>
  </si>
  <si>
    <t>3034969.0</t>
  </si>
  <si>
    <t>9444134.0</t>
  </si>
  <si>
    <t>847.138</t>
  </si>
  <si>
    <t>6594040.0</t>
  </si>
  <si>
    <t>3543990.0</t>
  </si>
  <si>
    <t>3050050.0</t>
  </si>
  <si>
    <t>9474730.0</t>
  </si>
  <si>
    <t>849.883</t>
  </si>
  <si>
    <t>6617461.0</t>
  </si>
  <si>
    <t>3553514.0</t>
  </si>
  <si>
    <t>3063947.0</t>
  </si>
  <si>
    <t>6621480.0</t>
  </si>
  <si>
    <t>3555290.0</t>
  </si>
  <si>
    <t>3066190.0</t>
  </si>
  <si>
    <t>6639608.0</t>
  </si>
  <si>
    <t>3562904.0</t>
  </si>
  <si>
    <t>3076704.0</t>
  </si>
  <si>
    <t>9552258.0</t>
  </si>
  <si>
    <t>856.837</t>
  </si>
  <si>
    <t>24573.0</t>
  </si>
  <si>
    <t>6669093.0</t>
  </si>
  <si>
    <t>3577708.0</t>
  </si>
  <si>
    <t>3091385.0</t>
  </si>
  <si>
    <t>9581308.0</t>
  </si>
  <si>
    <t>859.443</t>
  </si>
  <si>
    <t>25680.0</t>
  </si>
  <si>
    <t>6695777.0</t>
  </si>
  <si>
    <t>3587736.0</t>
  </si>
  <si>
    <t>3108041.0</t>
  </si>
  <si>
    <t>18046.0</t>
  </si>
  <si>
    <t>6721452.0</t>
  </si>
  <si>
    <t>3597237.0</t>
  </si>
  <si>
    <t>3124215.0</t>
  </si>
  <si>
    <t>25675.0</t>
  </si>
  <si>
    <t>9678046.0</t>
  </si>
  <si>
    <t>868.12</t>
  </si>
  <si>
    <t>33416.0</t>
  </si>
  <si>
    <t>6745641.0</t>
  </si>
  <si>
    <t>3139853.0</t>
  </si>
  <si>
    <t>9706117.0</t>
  </si>
  <si>
    <t>870.638</t>
  </si>
  <si>
    <t>6766704.0</t>
  </si>
  <si>
    <t>3613953.0</t>
  </si>
  <si>
    <t>3152751.0</t>
  </si>
  <si>
    <t>21063.0</t>
  </si>
  <si>
    <t>31366.0</t>
  </si>
  <si>
    <t>6770298.0</t>
  </si>
  <si>
    <t>3615365.0</t>
  </si>
  <si>
    <t>3154933.0</t>
  </si>
  <si>
    <t>29676.0</t>
  </si>
  <si>
    <t>6786367.0</t>
  </si>
  <si>
    <t>3622207.0</t>
  </si>
  <si>
    <t>3164160.0</t>
  </si>
  <si>
    <t>9748163.0</t>
  </si>
  <si>
    <t>874.41</t>
  </si>
  <si>
    <t>6805103.0</t>
  </si>
  <si>
    <t>3630190.0</t>
  </si>
  <si>
    <t>3174913.0</t>
  </si>
  <si>
    <t>9775341.0</t>
  </si>
  <si>
    <t>876.848</t>
  </si>
  <si>
    <t>3638442.0</t>
  </si>
  <si>
    <t>3185790.0</t>
  </si>
  <si>
    <t>26860.0</t>
  </si>
  <si>
    <t>6847557.0</t>
  </si>
  <si>
    <t>3646683.0</t>
  </si>
  <si>
    <t>3200874.0</t>
  </si>
  <si>
    <t>23325.0</t>
  </si>
  <si>
    <t>9860048.0</t>
  </si>
  <si>
    <t>884.446</t>
  </si>
  <si>
    <t>26000.0</t>
  </si>
  <si>
    <t>6866023.0</t>
  </si>
  <si>
    <t>3653864.0</t>
  </si>
  <si>
    <t>3212159.0</t>
  </si>
  <si>
    <t>9890698.0</t>
  </si>
  <si>
    <t>887.195</t>
  </si>
  <si>
    <t>6882807.0</t>
  </si>
  <si>
    <t>3660647.0</t>
  </si>
  <si>
    <t>3222160.0</t>
  </si>
  <si>
    <t>27598.0</t>
  </si>
  <si>
    <t>6886546.0</t>
  </si>
  <si>
    <t>3661887.0</t>
  </si>
  <si>
    <t>3224659.0</t>
  </si>
  <si>
    <t>28828.0</t>
  </si>
  <si>
    <t>6903943.0</t>
  </si>
  <si>
    <t>3668113.0</t>
  </si>
  <si>
    <t>3235830.0</t>
  </si>
  <si>
    <t>9958568.0</t>
  </si>
  <si>
    <t>893.283</t>
  </si>
  <si>
    <t>30058.0</t>
  </si>
  <si>
    <t>6920178.0</t>
  </si>
  <si>
    <t>3677698.0</t>
  </si>
  <si>
    <t>3242480.0</t>
  </si>
  <si>
    <t>9985935.0</t>
  </si>
  <si>
    <t>895.738</t>
  </si>
  <si>
    <t>30085.0</t>
  </si>
  <si>
    <t>6942596.0</t>
  </si>
  <si>
    <t>3688092.0</t>
  </si>
  <si>
    <t>3254504.0</t>
  </si>
  <si>
    <t>6960192.0</t>
  </si>
  <si>
    <t>3697313.0</t>
  </si>
  <si>
    <t>3262879.0</t>
  </si>
  <si>
    <t>10042642.0</t>
  </si>
  <si>
    <t>900.825</t>
  </si>
  <si>
    <t>6976290.0</t>
  </si>
  <si>
    <t>3705613.0</t>
  </si>
  <si>
    <t>3270677.0</t>
  </si>
  <si>
    <t>10074026.0</t>
  </si>
  <si>
    <t>903.64</t>
  </si>
  <si>
    <t>7002305.0</t>
  </si>
  <si>
    <t>3713321.0</t>
  </si>
  <si>
    <t>3288984.0</t>
  </si>
  <si>
    <t>13031.9</t>
  </si>
  <si>
    <t>1154.70887281668</t>
  </si>
  <si>
    <t>7005022.0</t>
  </si>
  <si>
    <t>3714327.0</t>
  </si>
  <si>
    <t>3290695.0</t>
  </si>
  <si>
    <t>7019525.0</t>
  </si>
  <si>
    <t>3720605.0</t>
  </si>
  <si>
    <t>3298920.0</t>
  </si>
  <si>
    <t>10148511.0</t>
  </si>
  <si>
    <t>910.321</t>
  </si>
  <si>
    <t>7037813.0</t>
  </si>
  <si>
    <t>3729142.0</t>
  </si>
  <si>
    <t>3308671.0</t>
  </si>
  <si>
    <t>10179551.0</t>
  </si>
  <si>
    <t>913.105</t>
  </si>
  <si>
    <t>27659.0</t>
  </si>
  <si>
    <t>7062866.0</t>
  </si>
  <si>
    <t>3740683.0</t>
  </si>
  <si>
    <t>3322183.0</t>
  </si>
  <si>
    <t>17181.0</t>
  </si>
  <si>
    <t>10206406.0</t>
  </si>
  <si>
    <t>915.514</t>
  </si>
  <si>
    <t>27445.0</t>
  </si>
  <si>
    <t>7082081.0</t>
  </si>
  <si>
    <t>3749935.0</t>
  </si>
  <si>
    <t>3332146.0</t>
  </si>
  <si>
    <t>19215.0</t>
  </si>
  <si>
    <t>17413.0</t>
  </si>
  <si>
    <t>10237614.0</t>
  </si>
  <si>
    <t>31208.0</t>
  </si>
  <si>
    <t>918.313</t>
  </si>
  <si>
    <t>7119810.0</t>
  </si>
  <si>
    <t>3767788.0</t>
  </si>
  <si>
    <t>3352022.0</t>
  </si>
  <si>
    <t>7122254.0</t>
  </si>
  <si>
    <t>3768679.0</t>
  </si>
  <si>
    <t>3353575.0</t>
  </si>
  <si>
    <t>7153612.0</t>
  </si>
  <si>
    <t>3784104.0</t>
  </si>
  <si>
    <t>3369508.0</t>
  </si>
  <si>
    <t>26342.0</t>
  </si>
  <si>
    <t>24877.0</t>
  </si>
  <si>
    <t>7185258.0</t>
  </si>
  <si>
    <t>3799686.0</t>
  </si>
  <si>
    <t>3385572.0</t>
  </si>
  <si>
    <t>10404370.0</t>
  </si>
  <si>
    <t>933.271</t>
  </si>
  <si>
    <t>7199291.0</t>
  </si>
  <si>
    <t>3805735.0</t>
  </si>
  <si>
    <t>3393556.0</t>
  </si>
  <si>
    <t>14033.0</t>
  </si>
  <si>
    <t>10438248.0</t>
  </si>
  <si>
    <t>33878.0</t>
  </si>
  <si>
    <t>936.31</t>
  </si>
  <si>
    <t>7213207.0</t>
  </si>
  <si>
    <t>3811704.0</t>
  </si>
  <si>
    <t>3401503.0</t>
  </si>
  <si>
    <t>7214980.0</t>
  </si>
  <si>
    <t>3812384.0</t>
  </si>
  <si>
    <t>3402596.0</t>
  </si>
  <si>
    <t>7226625.0</t>
  </si>
  <si>
    <t>3817869.0</t>
  </si>
  <si>
    <t>3408756.0</t>
  </si>
  <si>
    <t>10518956.0</t>
  </si>
  <si>
    <t>943.55</t>
  </si>
  <si>
    <t>26579.0</t>
  </si>
  <si>
    <t>7238510.0</t>
  </si>
  <si>
    <t>3823481.0</t>
  </si>
  <si>
    <t>3415029.0</t>
  </si>
  <si>
    <t>10547055.0</t>
  </si>
  <si>
    <t>946.07</t>
  </si>
  <si>
    <t>27190.0</t>
  </si>
  <si>
    <t>7249891.0</t>
  </si>
  <si>
    <t>3829713.0</t>
  </si>
  <si>
    <t>3420178.0</t>
  </si>
  <si>
    <t>7283306.0</t>
  </si>
  <si>
    <t>3844590.0</t>
  </si>
  <si>
    <t>3438716.0</t>
  </si>
  <si>
    <t>13669.0</t>
  </si>
  <si>
    <t>10610668.0</t>
  </si>
  <si>
    <t>951.776</t>
  </si>
  <si>
    <t>7306637.0</t>
  </si>
  <si>
    <t>3856293.0</t>
  </si>
  <si>
    <t>3450344.0</t>
  </si>
  <si>
    <t>10635015.0</t>
  </si>
  <si>
    <t>953.96</t>
  </si>
  <si>
    <t>7310446.0</t>
  </si>
  <si>
    <t>3858464.0</t>
  </si>
  <si>
    <t>3451982.0</t>
  </si>
  <si>
    <t>10713324.0</t>
  </si>
  <si>
    <t>960.985</t>
  </si>
  <si>
    <t>31610.0</t>
  </si>
  <si>
    <t>7330320.0</t>
  </si>
  <si>
    <t>3869489.0</t>
  </si>
  <si>
    <t>3460831.0</t>
  </si>
  <si>
    <t>10743914.0</t>
  </si>
  <si>
    <t>963.729</t>
  </si>
  <si>
    <t>32137.0</t>
  </si>
  <si>
    <t>7354774.0</t>
  </si>
  <si>
    <t>3884920.0</t>
  </si>
  <si>
    <t>3469854.0</t>
  </si>
  <si>
    <t>7378157.0</t>
  </si>
  <si>
    <t>3898463.0</t>
  </si>
  <si>
    <t>3479694.0</t>
  </si>
  <si>
    <t>10809943.0</t>
  </si>
  <si>
    <t>969.651</t>
  </si>
  <si>
    <t>34526.0</t>
  </si>
  <si>
    <t>7400075.0</t>
  </si>
  <si>
    <t>3909917.0</t>
  </si>
  <si>
    <t>3490158.0</t>
  </si>
  <si>
    <t>10845863.0</t>
  </si>
  <si>
    <t>35920.0</t>
  </si>
  <si>
    <t>972.873</t>
  </si>
  <si>
    <t>7419676.0</t>
  </si>
  <si>
    <t>3920267.0</t>
  </si>
  <si>
    <t>3499409.0</t>
  </si>
  <si>
    <t>37992.0</t>
  </si>
  <si>
    <t>7440887.0</t>
  </si>
  <si>
    <t>3930749.0</t>
  </si>
  <si>
    <t>3510138.0</t>
  </si>
  <si>
    <t>21211.0</t>
  </si>
  <si>
    <t>7443329.0</t>
  </si>
  <si>
    <t>3931969.0</t>
  </si>
  <si>
    <t>3511360.0</t>
  </si>
  <si>
    <t>18983.0</t>
  </si>
  <si>
    <t>10938101.0</t>
  </si>
  <si>
    <t>981.147</t>
  </si>
  <si>
    <t>7458688.0</t>
  </si>
  <si>
    <t>3939861.0</t>
  </si>
  <si>
    <t>3518827.0</t>
  </si>
  <si>
    <t>10968136.0</t>
  </si>
  <si>
    <t>983.841</t>
  </si>
  <si>
    <t>7476831.0</t>
  </si>
  <si>
    <t>3950145.0</t>
  </si>
  <si>
    <t>3526686.0</t>
  </si>
  <si>
    <t>18143.0</t>
  </si>
  <si>
    <t>13209.9</t>
  </si>
  <si>
    <t>1170.48080011519</t>
  </si>
  <si>
    <t>7497107.0</t>
  </si>
  <si>
    <t>3962920.0</t>
  </si>
  <si>
    <t>3534187.0</t>
  </si>
  <si>
    <t>33095.0</t>
  </si>
  <si>
    <t>7514459.0</t>
  </si>
  <si>
    <t>3971933.0</t>
  </si>
  <si>
    <t>3542526.0</t>
  </si>
  <si>
    <t>11078341.0</t>
  </si>
  <si>
    <t>993.727</t>
  </si>
  <si>
    <t>7530990.0</t>
  </si>
  <si>
    <t>3981003.0</t>
  </si>
  <si>
    <t>3549987.0</t>
  </si>
  <si>
    <t>11114632.0</t>
  </si>
  <si>
    <t>996.982</t>
  </si>
  <si>
    <t>34003.0</t>
  </si>
  <si>
    <t>7546438.0</t>
  </si>
  <si>
    <t>3989035.0</t>
  </si>
  <si>
    <t>3557403.0</t>
  </si>
  <si>
    <t>33436.0</t>
  </si>
  <si>
    <t>7548386.0</t>
  </si>
  <si>
    <t>3990049.0</t>
  </si>
  <si>
    <t>3558337.0</t>
  </si>
  <si>
    <t>11168182.0</t>
  </si>
  <si>
    <t>1001.785</t>
  </si>
  <si>
    <t>7560343.0</t>
  </si>
  <si>
    <t>3996616.0</t>
  </si>
  <si>
    <t>3563727.0</t>
  </si>
  <si>
    <t>14522.0</t>
  </si>
  <si>
    <t>11199602.0</t>
  </si>
  <si>
    <t>31420.0</t>
  </si>
  <si>
    <t>1004.604</t>
  </si>
  <si>
    <t>7574613.0</t>
  </si>
  <si>
    <t>4004226.0</t>
  </si>
  <si>
    <t>3570387.0</t>
  </si>
  <si>
    <t>7589001.0</t>
  </si>
  <si>
    <t>4011497.0</t>
  </si>
  <si>
    <t>3577504.0</t>
  </si>
  <si>
    <t>11280788.0</t>
  </si>
  <si>
    <t>1011.886</t>
  </si>
  <si>
    <t>7602182.0</t>
  </si>
  <si>
    <t>4018208.0</t>
  </si>
  <si>
    <t>3583974.0</t>
  </si>
  <si>
    <t>11322344.0</t>
  </si>
  <si>
    <t>41556.0</t>
  </si>
  <si>
    <t>1015.614</t>
  </si>
  <si>
    <t>7612454.0</t>
  </si>
  <si>
    <t>4024651.0</t>
  </si>
  <si>
    <t>3587803.0</t>
  </si>
  <si>
    <t>7629483.0</t>
  </si>
  <si>
    <t>4030897.0</t>
  </si>
  <si>
    <t>3598586.0</t>
  </si>
  <si>
    <t>36313.0</t>
  </si>
  <si>
    <t>7632014.0</t>
  </si>
  <si>
    <t>4031732.0</t>
  </si>
  <si>
    <t>3600282.0</t>
  </si>
  <si>
    <t>11947.0</t>
  </si>
  <si>
    <t>11432222.0</t>
  </si>
  <si>
    <t>1025.47</t>
  </si>
  <si>
    <t>7643784.0</t>
  </si>
  <si>
    <t>4036388.0</t>
  </si>
  <si>
    <t>3607396.0</t>
  </si>
  <si>
    <t>11467991.0</t>
  </si>
  <si>
    <t>35769.0</t>
  </si>
  <si>
    <t>1028.678</t>
  </si>
  <si>
    <t>7662371.0</t>
  </si>
  <si>
    <t>4045428.0</t>
  </si>
  <si>
    <t>3616943.0</t>
  </si>
  <si>
    <t>7681383.0</t>
  </si>
  <si>
    <t>4051850.0</t>
  </si>
  <si>
    <t>3629533.0</t>
  </si>
  <si>
    <t>13197.0</t>
  </si>
  <si>
    <t>7696996.0</t>
  </si>
  <si>
    <t>4057634.0</t>
  </si>
  <si>
    <t>3639362.0</t>
  </si>
  <si>
    <t>11596192.0</t>
  </si>
  <si>
    <t>1040.178</t>
  </si>
  <si>
    <t>11642718.0</t>
  </si>
  <si>
    <t>1044.351</t>
  </si>
  <si>
    <t>40535.0</t>
  </si>
  <si>
    <t>7728788.0</t>
  </si>
  <si>
    <t>4069589.0</t>
  </si>
  <si>
    <t>3659199.0</t>
  </si>
  <si>
    <t>11709248.0</t>
  </si>
  <si>
    <t>1050.319</t>
  </si>
  <si>
    <t>7742207.0</t>
  </si>
  <si>
    <t>4074863.0</t>
  </si>
  <si>
    <t>3667344.0</t>
  </si>
  <si>
    <t>11746890.0</t>
  </si>
  <si>
    <t>37642.0</t>
  </si>
  <si>
    <t>1053.695</t>
  </si>
  <si>
    <t>39843.0</t>
  </si>
  <si>
    <t>7755890.0</t>
  </si>
  <si>
    <t>4081129.0</t>
  </si>
  <si>
    <t>3674761.0</t>
  </si>
  <si>
    <t>40392.0</t>
  </si>
  <si>
    <t>7769308.0</t>
  </si>
  <si>
    <t>4086627.0</t>
  </si>
  <si>
    <t>3682681.0</t>
  </si>
  <si>
    <t>11840048.0</t>
  </si>
  <si>
    <t>1062.052</t>
  </si>
  <si>
    <t>40941.0</t>
  </si>
  <si>
    <t>7788938.0</t>
  </si>
  <si>
    <t>4094047.0</t>
  </si>
  <si>
    <t>3694891.0</t>
  </si>
  <si>
    <t>11889329.0</t>
  </si>
  <si>
    <t>49281.0</t>
  </si>
  <si>
    <t>1066.472</t>
  </si>
  <si>
    <t>7804321.0</t>
  </si>
  <si>
    <t>4100375.0</t>
  </si>
  <si>
    <t>3703946.0</t>
  </si>
  <si>
    <t>7822828.0</t>
  </si>
  <si>
    <t>4107834.0</t>
  </si>
  <si>
    <t>3714994.0</t>
  </si>
  <si>
    <t>43449.0</t>
  </si>
  <si>
    <t>7836747.0</t>
  </si>
  <si>
    <t>4114712.0</t>
  </si>
  <si>
    <t>3722035.0</t>
  </si>
  <si>
    <t>46291.0</t>
  </si>
  <si>
    <t>7853665.0</t>
  </si>
  <si>
    <t>4122674.0</t>
  </si>
  <si>
    <t>3730991.0</t>
  </si>
  <si>
    <t>12116328.0</t>
  </si>
  <si>
    <t>1086.834</t>
  </si>
  <si>
    <t>7869925.0</t>
  </si>
  <si>
    <t>4130354.0</t>
  </si>
  <si>
    <t>3739571.0</t>
  </si>
  <si>
    <t>16260.0</t>
  </si>
  <si>
    <t>12169073.0</t>
  </si>
  <si>
    <t>1091.565</t>
  </si>
  <si>
    <t>47004.0</t>
  </si>
  <si>
    <t>7884721.0</t>
  </si>
  <si>
    <t>4137286.0</t>
  </si>
  <si>
    <t>3747435.0</t>
  </si>
  <si>
    <t>13842.9</t>
  </si>
  <si>
    <t>1226.56860899133</t>
  </si>
  <si>
    <t>12220357.0</t>
  </si>
  <si>
    <t>1096.165</t>
  </si>
  <si>
    <t>47290.0</t>
  </si>
  <si>
    <t>7896544.0</t>
  </si>
  <si>
    <t>4142489.0</t>
  </si>
  <si>
    <t>3754055.0</t>
  </si>
  <si>
    <t>12271386.0</t>
  </si>
  <si>
    <t>1100.743</t>
  </si>
  <si>
    <t>48094.0</t>
  </si>
  <si>
    <t>7909924.0</t>
  </si>
  <si>
    <t>4148954.0</t>
  </si>
  <si>
    <t>3760970.0</t>
  </si>
  <si>
    <t>7912774.0</t>
  </si>
  <si>
    <t>4150407.0</t>
  </si>
  <si>
    <t>3762367.0</t>
  </si>
  <si>
    <t>12351487.0</t>
  </si>
  <si>
    <t>1107.928</t>
  </si>
  <si>
    <t>7928725.0</t>
  </si>
  <si>
    <t>4160104.0</t>
  </si>
  <si>
    <t>3768621.0</t>
  </si>
  <si>
    <t>12395866.0</t>
  </si>
  <si>
    <t>1111.909</t>
  </si>
  <si>
    <t>7950684.0</t>
  </si>
  <si>
    <t>4174421.0</t>
  </si>
  <si>
    <t>3776263.0</t>
  </si>
  <si>
    <t>21959.0</t>
  </si>
  <si>
    <t>7973144.0</t>
  </si>
  <si>
    <t>4187105.0</t>
  </si>
  <si>
    <t>3786039.0</t>
  </si>
  <si>
    <t>22460.0</t>
  </si>
  <si>
    <t>48413.0</t>
  </si>
  <si>
    <t>7990312.0</t>
  </si>
  <si>
    <t>4196889.0</t>
  </si>
  <si>
    <t>3793423.0</t>
  </si>
  <si>
    <t>17168.0</t>
  </si>
  <si>
    <t>12564015.0</t>
  </si>
  <si>
    <t>1126.992</t>
  </si>
  <si>
    <t>49094.0</t>
  </si>
  <si>
    <t>8005420.0</t>
  </si>
  <si>
    <t>4205348.0</t>
  </si>
  <si>
    <t>3800072.0</t>
  </si>
  <si>
    <t>12619199.0</t>
  </si>
  <si>
    <t>1131.942</t>
  </si>
  <si>
    <t>49688.0</t>
  </si>
  <si>
    <t>8019165.0</t>
  </si>
  <si>
    <t>4212531.0</t>
  </si>
  <si>
    <t>3806634.0</t>
  </si>
  <si>
    <t>8022496.0</t>
  </si>
  <si>
    <t>4214160.0</t>
  </si>
  <si>
    <t>3808336.0</t>
  </si>
  <si>
    <t>12696572.0</t>
  </si>
  <si>
    <t>1138.882</t>
  </si>
  <si>
    <t>8033715.0</t>
  </si>
  <si>
    <t>4220599.0</t>
  </si>
  <si>
    <t>3813116.0</t>
  </si>
  <si>
    <t>12733099.0</t>
  </si>
  <si>
    <t>1142.158</t>
  </si>
  <si>
    <t>8050084.0</t>
  </si>
  <si>
    <t>4230296.0</t>
  </si>
  <si>
    <t>3819788.0</t>
  </si>
  <si>
    <t>8080375.0</t>
  </si>
  <si>
    <t>4245889.0</t>
  </si>
  <si>
    <t>3834486.0</t>
  </si>
  <si>
    <t>47217.0</t>
  </si>
  <si>
    <t>12891182.0</t>
  </si>
  <si>
    <t>1156.338</t>
  </si>
  <si>
    <t>46738.0</t>
  </si>
  <si>
    <t>8093268.0</t>
  </si>
  <si>
    <t>4252545.0</t>
  </si>
  <si>
    <t>3840723.0</t>
  </si>
  <si>
    <t>12943065.0</t>
  </si>
  <si>
    <t>51883.0</t>
  </si>
  <si>
    <t>1160.992</t>
  </si>
  <si>
    <t>46267.0</t>
  </si>
  <si>
    <t>8107720.0</t>
  </si>
  <si>
    <t>4259892.0</t>
  </si>
  <si>
    <t>3847828.0</t>
  </si>
  <si>
    <t>46755.0</t>
  </si>
  <si>
    <t>8110107.0</t>
  </si>
  <si>
    <t>4260993.0</t>
  </si>
  <si>
    <t>3849114.0</t>
  </si>
  <si>
    <t>13027272.0</t>
  </si>
  <si>
    <t>1168.546</t>
  </si>
  <si>
    <t>8121360.0</t>
  </si>
  <si>
    <t>4266786.0</t>
  </si>
  <si>
    <t>3854574.0</t>
  </si>
  <si>
    <t>13066806.0</t>
  </si>
  <si>
    <t>39534.0</t>
  </si>
  <si>
    <t>1172.092</t>
  </si>
  <si>
    <t>47672.0</t>
  </si>
  <si>
    <t>8138188.0</t>
  </si>
  <si>
    <t>4275516.0</t>
  </si>
  <si>
    <t>3862672.0</t>
  </si>
  <si>
    <t>8163210.0</t>
  </si>
  <si>
    <t>4287150.0</t>
  </si>
  <si>
    <t>3876060.0</t>
  </si>
  <si>
    <t>25022.0</t>
  </si>
  <si>
    <t>45552.0</t>
  </si>
  <si>
    <t>13202625.0</t>
  </si>
  <si>
    <t>1184.275</t>
  </si>
  <si>
    <t>8176990.0</t>
  </si>
  <si>
    <t>4293759.0</t>
  </si>
  <si>
    <t>3883231.0</t>
  </si>
  <si>
    <t>13243053.0</t>
  </si>
  <si>
    <t>40428.0</t>
  </si>
  <si>
    <t>1187.901</t>
  </si>
  <si>
    <t>8193096.0</t>
  </si>
  <si>
    <t>4301730.0</t>
  </si>
  <si>
    <t>3891366.0</t>
  </si>
  <si>
    <t>8195175.0</t>
  </si>
  <si>
    <t>4302428.0</t>
  </si>
  <si>
    <t>3892747.0</t>
  </si>
  <si>
    <t>8220492.0</t>
  </si>
  <si>
    <t>4313657.0</t>
  </si>
  <si>
    <t>3906835.0</t>
  </si>
  <si>
    <t>39164.0</t>
  </si>
  <si>
    <t>8246682.0</t>
  </si>
  <si>
    <t>4324084.0</t>
  </si>
  <si>
    <t>3922598.0</t>
  </si>
  <si>
    <t>8265793.0</t>
  </si>
  <si>
    <t>4331942.0</t>
  </si>
  <si>
    <t>3933851.0</t>
  </si>
  <si>
    <t>17756.0</t>
  </si>
  <si>
    <t>35794.0</t>
  </si>
  <si>
    <t>25299.0</t>
  </si>
  <si>
    <t>15042.4</t>
  </si>
  <si>
    <t>1332.85190558995</t>
  </si>
  <si>
    <t>35491.0</t>
  </si>
  <si>
    <t>13851545.0</t>
  </si>
  <si>
    <t>1242.483</t>
  </si>
  <si>
    <t>13891969.0</t>
  </si>
  <si>
    <t>1246.109</t>
  </si>
  <si>
    <t>13965801.0</t>
  </si>
  <si>
    <t>1252.732</t>
  </si>
  <si>
    <t>36776.0</t>
  </si>
  <si>
    <t>14001654.0</t>
  </si>
  <si>
    <t>1255.948</t>
  </si>
  <si>
    <t>14066057.0</t>
  </si>
  <si>
    <t>1261.725</t>
  </si>
  <si>
    <t>14095738.0</t>
  </si>
  <si>
    <t>1264.387</t>
  </si>
  <si>
    <t>34885.0</t>
  </si>
  <si>
    <t>34603.0</t>
  </si>
  <si>
    <t>14211088.0</t>
  </si>
  <si>
    <t>1274.734</t>
  </si>
  <si>
    <t>9046603.0</t>
  </si>
  <si>
    <t>4536991.0</t>
  </si>
  <si>
    <t>4137466.0</t>
  </si>
  <si>
    <t>14247231.0</t>
  </si>
  <si>
    <t>1277.976</t>
  </si>
  <si>
    <t>14343796.0</t>
  </si>
  <si>
    <t>1286.638</t>
  </si>
  <si>
    <t>35437.0</t>
  </si>
  <si>
    <t>14393752.0</t>
  </si>
  <si>
    <t>1291.119</t>
  </si>
  <si>
    <t>37081.0</t>
  </si>
  <si>
    <t>0.1976</t>
  </si>
  <si>
    <t>9147386.0</t>
  </si>
  <si>
    <t>4568137.0</t>
  </si>
  <si>
    <t>4185382.0</t>
  </si>
  <si>
    <t>14537407.0</t>
  </si>
  <si>
    <t>1304.005</t>
  </si>
  <si>
    <t>14557578.0</t>
  </si>
  <si>
    <t>1305.814</t>
  </si>
  <si>
    <t>3.679</t>
  </si>
  <si>
    <t>14639841.0</t>
  </si>
  <si>
    <t>1313.193</t>
  </si>
  <si>
    <t>14696240.0</t>
  </si>
  <si>
    <t>56399.0</t>
  </si>
  <si>
    <t>1318.252</t>
  </si>
  <si>
    <t>5.059</t>
  </si>
  <si>
    <t>45275.0</t>
  </si>
  <si>
    <t>15005.0</t>
  </si>
  <si>
    <t>14820889.0</t>
  </si>
  <si>
    <t>1329.433</t>
  </si>
  <si>
    <t>47338.0</t>
  </si>
  <si>
    <t>9267426.0</t>
  </si>
  <si>
    <t>4598992.0</t>
  </si>
  <si>
    <t>4248768.0</t>
  </si>
  <si>
    <t>14888936.0</t>
  </si>
  <si>
    <t>1335.537</t>
  </si>
  <si>
    <t>6.104</t>
  </si>
  <si>
    <t>50218.0</t>
  </si>
  <si>
    <t>4.788</t>
  </si>
  <si>
    <t>0.3131</t>
  </si>
  <si>
    <t>15014106.0</t>
  </si>
  <si>
    <t>1346.765</t>
  </si>
  <si>
    <t>9326347.0</t>
  </si>
  <si>
    <t>4615120.0</t>
  </si>
  <si>
    <t>4273338.0</t>
  </si>
  <si>
    <t>15072131.0</t>
  </si>
  <si>
    <t>58025.0</t>
  </si>
  <si>
    <t>1351.969</t>
  </si>
  <si>
    <t>15159.0</t>
  </si>
  <si>
    <t>60371.0</t>
  </si>
  <si>
    <t>15471.0</t>
  </si>
  <si>
    <t>15290191.0</t>
  </si>
  <si>
    <t>1371.529</t>
  </si>
  <si>
    <t>67043.0</t>
  </si>
  <si>
    <t>9377901.0</t>
  </si>
  <si>
    <t>4630227.0</t>
  </si>
  <si>
    <t>4293498.0</t>
  </si>
  <si>
    <t>15363142.0</t>
  </si>
  <si>
    <t>72951.0</t>
  </si>
  <si>
    <t>1378.073</t>
  </si>
  <si>
    <t>67744.0</t>
  </si>
  <si>
    <t>0.2756</t>
  </si>
  <si>
    <t>15479967.0</t>
  </si>
  <si>
    <t>1388.552</t>
  </si>
  <si>
    <t>72512.0</t>
  </si>
  <si>
    <t>15545166.0</t>
  </si>
  <si>
    <t>12830.0</t>
  </si>
  <si>
    <t>76203.0</t>
  </si>
  <si>
    <t>69254.0</t>
  </si>
  <si>
    <t>9435288.0</t>
  </si>
  <si>
    <t>4647221.0</t>
  </si>
  <si>
    <t>4316650.0</t>
  </si>
  <si>
    <t>60509.0</t>
  </si>
  <si>
    <t>5.428</t>
  </si>
  <si>
    <t>61073.0</t>
  </si>
  <si>
    <t>5.478</t>
  </si>
  <si>
    <t>15967864.0</t>
  </si>
  <si>
    <t>1432.317</t>
  </si>
  <si>
    <t>60385.0</t>
  </si>
  <si>
    <t>16020086.0</t>
  </si>
  <si>
    <t>1437.001</t>
  </si>
  <si>
    <t>59219.0</t>
  </si>
  <si>
    <t>53863.0</t>
  </si>
  <si>
    <t>9491363.0</t>
  </si>
  <si>
    <t>4662686.0</t>
  </si>
  <si>
    <t>4336568.0</t>
  </si>
  <si>
    <t>16145005.0</t>
  </si>
  <si>
    <t>1448.206</t>
  </si>
  <si>
    <t>51185.0</t>
  </si>
  <si>
    <t>16187673.0</t>
  </si>
  <si>
    <t>1452.033</t>
  </si>
  <si>
    <t>48654.0</t>
  </si>
  <si>
    <t>16211019.0</t>
  </si>
  <si>
    <t>1454.128</t>
  </si>
  <si>
    <t>43363.0</t>
  </si>
  <si>
    <t>16246059.0</t>
  </si>
  <si>
    <t>1457.271</t>
  </si>
  <si>
    <t>16319298.0</t>
  </si>
  <si>
    <t>1463.84</t>
  </si>
  <si>
    <t>9649298.0</t>
  </si>
  <si>
    <t>4694106.0</t>
  </si>
  <si>
    <t>4385036.0</t>
  </si>
  <si>
    <t>17108.0</t>
  </si>
  <si>
    <t>9727982.0</t>
  </si>
  <si>
    <t>4714575.0</t>
  </si>
  <si>
    <t>4412071.0</t>
  </si>
  <si>
    <t>604845.0</t>
  </si>
  <si>
    <t>16499905.0</t>
  </si>
  <si>
    <t>1480.041</t>
  </si>
  <si>
    <t>0.3218</t>
  </si>
  <si>
    <t>0.4583</t>
  </si>
  <si>
    <t>0.5815</t>
  </si>
  <si>
    <t>9832387.0</t>
  </si>
  <si>
    <t>4742427.0</t>
  </si>
  <si>
    <t>4456597.0</t>
  </si>
  <si>
    <t>637233.0</t>
  </si>
  <si>
    <t>4750996.0</t>
  </si>
  <si>
    <t>642717.0</t>
  </si>
  <si>
    <t>16719174.0</t>
  </si>
  <si>
    <t>1499.709</t>
  </si>
  <si>
    <t>9874355.0</t>
  </si>
  <si>
    <t>4755830.0</t>
  </si>
  <si>
    <t>4476065.0</t>
  </si>
  <si>
    <t>646434.0</t>
  </si>
  <si>
    <t>9896497.0</t>
  </si>
  <si>
    <t>4763118.0</t>
  </si>
  <si>
    <t>4484687.0</t>
  </si>
  <si>
    <t>652666.0</t>
  </si>
  <si>
    <t>9901017.0</t>
  </si>
  <si>
    <t>4764976.0</t>
  </si>
  <si>
    <t>4486523.0</t>
  </si>
  <si>
    <t>653646.0</t>
  </si>
  <si>
    <t>87.73</t>
  </si>
  <si>
    <t>16765117.0</t>
  </si>
  <si>
    <t>1503.83</t>
  </si>
  <si>
    <t>16785446.0</t>
  </si>
  <si>
    <t>1505.654</t>
  </si>
  <si>
    <t>9922666.0</t>
  </si>
  <si>
    <t>4774468.0</t>
  </si>
  <si>
    <t>4494834.0</t>
  </si>
  <si>
    <t>657492.0</t>
  </si>
  <si>
    <t>16803235.0</t>
  </si>
  <si>
    <t>1507.249</t>
  </si>
  <si>
    <t>9938176.0</t>
  </si>
  <si>
    <t>4782622.0</t>
  </si>
  <si>
    <t>4502190.0</t>
  </si>
  <si>
    <t>9951844.0</t>
  </si>
  <si>
    <t>4789727.0</t>
  </si>
  <si>
    <t>4508753.0</t>
  </si>
  <si>
    <t>9991560.0</t>
  </si>
  <si>
    <t>667902.0</t>
  </si>
  <si>
    <t>4795888.0</t>
  </si>
  <si>
    <t>4523642.0</t>
  </si>
  <si>
    <t>10007983.0</t>
  </si>
  <si>
    <t>4805507.0</t>
  </si>
  <si>
    <t>4538702.0</t>
  </si>
  <si>
    <t>10027401.0</t>
  </si>
  <si>
    <t>4809987.0</t>
  </si>
  <si>
    <t>4548721.0</t>
  </si>
  <si>
    <t>672821.0</t>
  </si>
  <si>
    <t>10032773.0</t>
  </si>
  <si>
    <t>4812827.0</t>
  </si>
  <si>
    <t>4551253.0</t>
  </si>
  <si>
    <t>10040301.0</t>
  </si>
  <si>
    <t>4816724.0</t>
  </si>
  <si>
    <t>4554791.0</t>
  </si>
  <si>
    <t>672914.0</t>
  </si>
  <si>
    <t>10057975.0</t>
  </si>
  <si>
    <t>4821579.0</t>
  </si>
  <si>
    <t>4558313.0</t>
  </si>
  <si>
    <t>682211.0</t>
  </si>
  <si>
    <t>KAZ</t>
  </si>
  <si>
    <t>Kazakhstan</t>
  </si>
  <si>
    <t>16622.0</t>
  </si>
  <si>
    <t>19318.0</t>
  </si>
  <si>
    <t>-2672.9</t>
  </si>
  <si>
    <t>-23.0</t>
  </si>
  <si>
    <t>-137.792570140486</t>
  </si>
  <si>
    <t>56775.0</t>
  </si>
  <si>
    <t>59371.0</t>
  </si>
  <si>
    <t>61955.0</t>
  </si>
  <si>
    <t>65856.0</t>
  </si>
  <si>
    <t>69304.0</t>
  </si>
  <si>
    <t>73106.0</t>
  </si>
  <si>
    <t>76904.0</t>
  </si>
  <si>
    <t>85735.0</t>
  </si>
  <si>
    <t>100878.0</t>
  </si>
  <si>
    <t>108832.0</t>
  </si>
  <si>
    <t>126727.0</t>
  </si>
  <si>
    <t>6.602</t>
  </si>
  <si>
    <t>139207.0</t>
  </si>
  <si>
    <t>7.996</t>
  </si>
  <si>
    <t>164505.0</t>
  </si>
  <si>
    <t>180502.0</t>
  </si>
  <si>
    <t>9.403</t>
  </si>
  <si>
    <t>196298.0</t>
  </si>
  <si>
    <t>205560.0</t>
  </si>
  <si>
    <t>216276.0</t>
  </si>
  <si>
    <t>249527.0</t>
  </si>
  <si>
    <t>12.999</t>
  </si>
  <si>
    <t>-9354.0</t>
  </si>
  <si>
    <t>-20.78</t>
  </si>
  <si>
    <t>-60.07</t>
  </si>
  <si>
    <t>-482.214711023272</t>
  </si>
  <si>
    <t>268534.0</t>
  </si>
  <si>
    <t>282862.0</t>
  </si>
  <si>
    <t>14.735</t>
  </si>
  <si>
    <t>296136.0</t>
  </si>
  <si>
    <t>15.427</t>
  </si>
  <si>
    <t>306861.0</t>
  </si>
  <si>
    <t>320411.0</t>
  </si>
  <si>
    <t>13550.0</t>
  </si>
  <si>
    <t>16.691</t>
  </si>
  <si>
    <t>336480.0</t>
  </si>
  <si>
    <t>17.528</t>
  </si>
  <si>
    <t>353843.0</t>
  </si>
  <si>
    <t>371126.0</t>
  </si>
  <si>
    <t>385104.0</t>
  </si>
  <si>
    <t>398411.0</t>
  </si>
  <si>
    <t>13307.0</t>
  </si>
  <si>
    <t>20.754</t>
  </si>
  <si>
    <t>408713.0</t>
  </si>
  <si>
    <t>422011.0</t>
  </si>
  <si>
    <t>439495.0</t>
  </si>
  <si>
    <t>22.895</t>
  </si>
  <si>
    <t>23.949</t>
  </si>
  <si>
    <t>483236.0</t>
  </si>
  <si>
    <t>23500.0</t>
  </si>
  <si>
    <t>25.173</t>
  </si>
  <si>
    <t>505216.0</t>
  </si>
  <si>
    <t>26.318</t>
  </si>
  <si>
    <t>27.476</t>
  </si>
  <si>
    <t>540708.0</t>
  </si>
  <si>
    <t>28.167</t>
  </si>
  <si>
    <t>18856.0</t>
  </si>
  <si>
    <t>553062.0</t>
  </si>
  <si>
    <t>571547.0</t>
  </si>
  <si>
    <t>591502.0</t>
  </si>
  <si>
    <t>30.813</t>
  </si>
  <si>
    <t>612997.0</t>
  </si>
  <si>
    <t>21495.0</t>
  </si>
  <si>
    <t>635712.0</t>
  </si>
  <si>
    <t>33.116</t>
  </si>
  <si>
    <t>657214.0</t>
  </si>
  <si>
    <t>34.236</t>
  </si>
  <si>
    <t>18539.0</t>
  </si>
  <si>
    <t>671774.0</t>
  </si>
  <si>
    <t>34.995</t>
  </si>
  <si>
    <t>687267.0</t>
  </si>
  <si>
    <t>35.802</t>
  </si>
  <si>
    <t>710352.0</t>
  </si>
  <si>
    <t>735273.0</t>
  </si>
  <si>
    <t>24921.0</t>
  </si>
  <si>
    <t>38.303</t>
  </si>
  <si>
    <t>761727.0</t>
  </si>
  <si>
    <t>39.681</t>
  </si>
  <si>
    <t>21247.0</t>
  </si>
  <si>
    <t>788289.0</t>
  </si>
  <si>
    <t>812881.0</t>
  </si>
  <si>
    <t>42.345</t>
  </si>
  <si>
    <t>22238.0</t>
  </si>
  <si>
    <t>-6185.1</t>
  </si>
  <si>
    <t>-11.0</t>
  </si>
  <si>
    <t>-318.852491891173</t>
  </si>
  <si>
    <t>828377.0</t>
  </si>
  <si>
    <t>43.153</t>
  </si>
  <si>
    <t>843626.0</t>
  </si>
  <si>
    <t>43.947</t>
  </si>
  <si>
    <t>867286.0</t>
  </si>
  <si>
    <t>45.179</t>
  </si>
  <si>
    <t>892101.0</t>
  </si>
  <si>
    <t>46.472</t>
  </si>
  <si>
    <t>915904.0</t>
  </si>
  <si>
    <t>47.712</t>
  </si>
  <si>
    <t>942576.0</t>
  </si>
  <si>
    <t>49.102</t>
  </si>
  <si>
    <t>22041.0</t>
  </si>
  <si>
    <t>965089.0</t>
  </si>
  <si>
    <t>981373.0</t>
  </si>
  <si>
    <t>51.123</t>
  </si>
  <si>
    <t>998556.0</t>
  </si>
  <si>
    <t>52.018</t>
  </si>
  <si>
    <t>1023417.0</t>
  </si>
  <si>
    <t>24861.0</t>
  </si>
  <si>
    <t>53.313</t>
  </si>
  <si>
    <t>1050098.0</t>
  </si>
  <si>
    <t>54.703</t>
  </si>
  <si>
    <t>1078539.0</t>
  </si>
  <si>
    <t>1108919.0</t>
  </si>
  <si>
    <t>30380.0</t>
  </si>
  <si>
    <t>1136194.0</t>
  </si>
  <si>
    <t>59.188</t>
  </si>
  <si>
    <t>1160776.0</t>
  </si>
  <si>
    <t>60.468</t>
  </si>
  <si>
    <t>1184416.0</t>
  </si>
  <si>
    <t>1211577.0</t>
  </si>
  <si>
    <t>63.115</t>
  </si>
  <si>
    <t>1239138.0</t>
  </si>
  <si>
    <t>1269588.0</t>
  </si>
  <si>
    <t>66.137</t>
  </si>
  <si>
    <t>27293.0</t>
  </si>
  <si>
    <t>1302094.0</t>
  </si>
  <si>
    <t>32506.0</t>
  </si>
  <si>
    <t>69.314</t>
  </si>
  <si>
    <t>1354456.0</t>
  </si>
  <si>
    <t>70.558</t>
  </si>
  <si>
    <t>1376862.0</t>
  </si>
  <si>
    <t>71.725</t>
  </si>
  <si>
    <t>1401692.0</t>
  </si>
  <si>
    <t>24830.0</t>
  </si>
  <si>
    <t>1424647.0</t>
  </si>
  <si>
    <t>74.214</t>
  </si>
  <si>
    <t>1447166.0</t>
  </si>
  <si>
    <t>75.387</t>
  </si>
  <si>
    <t>1467556.0</t>
  </si>
  <si>
    <t>76.449</t>
  </si>
  <si>
    <t>1485188.0</t>
  </si>
  <si>
    <t>77.368</t>
  </si>
  <si>
    <t>1501794.0</t>
  </si>
  <si>
    <t>78.233</t>
  </si>
  <si>
    <t>1517098.0</t>
  </si>
  <si>
    <t>-2099.8</t>
  </si>
  <si>
    <t>-108.248284178604</t>
  </si>
  <si>
    <t>1536607.0</t>
  </si>
  <si>
    <t>80.046</t>
  </si>
  <si>
    <t>1555858.0</t>
  </si>
  <si>
    <t>19251.0</t>
  </si>
  <si>
    <t>81.049</t>
  </si>
  <si>
    <t>1590144.0</t>
  </si>
  <si>
    <t>82.835</t>
  </si>
  <si>
    <t>1606422.0</t>
  </si>
  <si>
    <t>83.683</t>
  </si>
  <si>
    <t>1630669.0</t>
  </si>
  <si>
    <t>1643116.0</t>
  </si>
  <si>
    <t>85.595</t>
  </si>
  <si>
    <t>1659543.0</t>
  </si>
  <si>
    <t>1676317.0</t>
  </si>
  <si>
    <t>87.324</t>
  </si>
  <si>
    <t>1694586.0</t>
  </si>
  <si>
    <t>88.276</t>
  </si>
  <si>
    <t>1707337.0</t>
  </si>
  <si>
    <t>1719295.0</t>
  </si>
  <si>
    <t>89.563</t>
  </si>
  <si>
    <t>1737546.0</t>
  </si>
  <si>
    <t>90.514</t>
  </si>
  <si>
    <t>1756934.0</t>
  </si>
  <si>
    <t>91.524</t>
  </si>
  <si>
    <t>1777280.0</t>
  </si>
  <si>
    <t>92.584</t>
  </si>
  <si>
    <t>1791293.0</t>
  </si>
  <si>
    <t>93.314</t>
  </si>
  <si>
    <t>1805973.0</t>
  </si>
  <si>
    <t>94.078</t>
  </si>
  <si>
    <t>1823332.0</t>
  </si>
  <si>
    <t>17359.0</t>
  </si>
  <si>
    <t>94.983</t>
  </si>
  <si>
    <t>1844457.0</t>
  </si>
  <si>
    <t>96.083</t>
  </si>
  <si>
    <t>1867907.0</t>
  </si>
  <si>
    <t>97.305</t>
  </si>
  <si>
    <t>1894815.0</t>
  </si>
  <si>
    <t>1963616.0</t>
  </si>
  <si>
    <t>1980799.0</t>
  </si>
  <si>
    <t>103.186</t>
  </si>
  <si>
    <t>27072.0</t>
  </si>
  <si>
    <t>1991649.0</t>
  </si>
  <si>
    <t>103.751</t>
  </si>
  <si>
    <t>2006429.0</t>
  </si>
  <si>
    <t>26157.0</t>
  </si>
  <si>
    <t>2025639.0</t>
  </si>
  <si>
    <t>105.521</t>
  </si>
  <si>
    <t>25883.0</t>
  </si>
  <si>
    <t>2047955.0</t>
  </si>
  <si>
    <t>106.684</t>
  </si>
  <si>
    <t>2073126.0</t>
  </si>
  <si>
    <t>107.995</t>
  </si>
  <si>
    <t>14436.9</t>
  </si>
  <si>
    <t>142.05</t>
  </si>
  <si>
    <t>744.246906304455</t>
  </si>
  <si>
    <t>2092622.0</t>
  </si>
  <si>
    <t>109.011</t>
  </si>
  <si>
    <t>18429.0</t>
  </si>
  <si>
    <t>2105280.0</t>
  </si>
  <si>
    <t>2113795.0</t>
  </si>
  <si>
    <t>110.114</t>
  </si>
  <si>
    <t>2126359.0</t>
  </si>
  <si>
    <t>110.768</t>
  </si>
  <si>
    <t>2144759.0</t>
  </si>
  <si>
    <t>111.727</t>
  </si>
  <si>
    <t>2163713.0</t>
  </si>
  <si>
    <t>112.714</t>
  </si>
  <si>
    <t>2183308.0</t>
  </si>
  <si>
    <t>113.735</t>
  </si>
  <si>
    <t>15740.0</t>
  </si>
  <si>
    <t>2202436.0</t>
  </si>
  <si>
    <t>114.731</t>
  </si>
  <si>
    <t>2217643.0</t>
  </si>
  <si>
    <t>15207.0</t>
  </si>
  <si>
    <t>115.524</t>
  </si>
  <si>
    <t>2226869.0</t>
  </si>
  <si>
    <t>116.004</t>
  </si>
  <si>
    <t>16153.0</t>
  </si>
  <si>
    <t>2236924.0</t>
  </si>
  <si>
    <t>116.528</t>
  </si>
  <si>
    <t>2252153.0</t>
  </si>
  <si>
    <t>117.321</t>
  </si>
  <si>
    <t>2271754.0</t>
  </si>
  <si>
    <t>118.342</t>
  </si>
  <si>
    <t>2291327.0</t>
  </si>
  <si>
    <t>119.362</t>
  </si>
  <si>
    <t>2310506.0</t>
  </si>
  <si>
    <t>120.361</t>
  </si>
  <si>
    <t>2324389.0</t>
  </si>
  <si>
    <t>121.084</t>
  </si>
  <si>
    <t>2342049.0</t>
  </si>
  <si>
    <t>122.004</t>
  </si>
  <si>
    <t>2357002.0</t>
  </si>
  <si>
    <t>122.783</t>
  </si>
  <si>
    <t>2374226.0</t>
  </si>
  <si>
    <t>2389557.0</t>
  </si>
  <si>
    <t>124.479</t>
  </si>
  <si>
    <t>2405603.0</t>
  </si>
  <si>
    <t>125.315</t>
  </si>
  <si>
    <t>2417755.0</t>
  </si>
  <si>
    <t>125.948</t>
  </si>
  <si>
    <t>2427187.0</t>
  </si>
  <si>
    <t>126.439</t>
  </si>
  <si>
    <t>2434444.0</t>
  </si>
  <si>
    <t>126.817</t>
  </si>
  <si>
    <t>2449556.0</t>
  </si>
  <si>
    <t>127.605</t>
  </si>
  <si>
    <t>2464285.0</t>
  </si>
  <si>
    <t>128.372</t>
  </si>
  <si>
    <t>2481584.0</t>
  </si>
  <si>
    <t>17299.0</t>
  </si>
  <si>
    <t>129.273</t>
  </si>
  <si>
    <t>2499821.0</t>
  </si>
  <si>
    <t>130.223</t>
  </si>
  <si>
    <t>2513840.0</t>
  </si>
  <si>
    <t>130.953</t>
  </si>
  <si>
    <t>2523160.0</t>
  </si>
  <si>
    <t>131.439</t>
  </si>
  <si>
    <t>21701.0</t>
  </si>
  <si>
    <t>1118.72369509472</t>
  </si>
  <si>
    <t>2528132.0</t>
  </si>
  <si>
    <t>131.698</t>
  </si>
  <si>
    <t>2537172.0</t>
  </si>
  <si>
    <t>132.169</t>
  </si>
  <si>
    <t>2553706.0</t>
  </si>
  <si>
    <t>2571562.0</t>
  </si>
  <si>
    <t>133.96</t>
  </si>
  <si>
    <t>2589080.0</t>
  </si>
  <si>
    <t>134.873</t>
  </si>
  <si>
    <t>2603100.0</t>
  </si>
  <si>
    <t>135.603</t>
  </si>
  <si>
    <t>2612864.0</t>
  </si>
  <si>
    <t>136.112</t>
  </si>
  <si>
    <t>2622304.0</t>
  </si>
  <si>
    <t>9440.0</t>
  </si>
  <si>
    <t>136.603</t>
  </si>
  <si>
    <t>2640564.0</t>
  </si>
  <si>
    <t>137.555</t>
  </si>
  <si>
    <t>17779.0</t>
  </si>
  <si>
    <t>138.481</t>
  </si>
  <si>
    <t>2676828.0</t>
  </si>
  <si>
    <t>139.444</t>
  </si>
  <si>
    <t>2696418.0</t>
  </si>
  <si>
    <t>19590.0</t>
  </si>
  <si>
    <t>140.464</t>
  </si>
  <si>
    <t>2712386.0</t>
  </si>
  <si>
    <t>141.296</t>
  </si>
  <si>
    <t>2723981.0</t>
  </si>
  <si>
    <t>2733455.0</t>
  </si>
  <si>
    <t>142.394</t>
  </si>
  <si>
    <t>2750597.0</t>
  </si>
  <si>
    <t>143.287</t>
  </si>
  <si>
    <t>2768236.0</t>
  </si>
  <si>
    <t>144.206</t>
  </si>
  <si>
    <t>2787974.0</t>
  </si>
  <si>
    <t>145.234</t>
  </si>
  <si>
    <t>2820054.0</t>
  </si>
  <si>
    <t>146.905</t>
  </si>
  <si>
    <t>2831071.0</t>
  </si>
  <si>
    <t>2840452.0</t>
  </si>
  <si>
    <t>147.967</t>
  </si>
  <si>
    <t>2858421.0</t>
  </si>
  <si>
    <t>148.904</t>
  </si>
  <si>
    <t>2879583.0</t>
  </si>
  <si>
    <t>21162.0</t>
  </si>
  <si>
    <t>15907.0</t>
  </si>
  <si>
    <t>2895805.0</t>
  </si>
  <si>
    <t>150.851</t>
  </si>
  <si>
    <t>2914664.0</t>
  </si>
  <si>
    <t>151.833</t>
  </si>
  <si>
    <t>2931358.0</t>
  </si>
  <si>
    <t>152.703</t>
  </si>
  <si>
    <t>2940566.0</t>
  </si>
  <si>
    <t>153.183</t>
  </si>
  <si>
    <t>2946098.0</t>
  </si>
  <si>
    <t>153.471</t>
  </si>
  <si>
    <t>2964281.0</t>
  </si>
  <si>
    <t>154.418</t>
  </si>
  <si>
    <t>24762.3</t>
  </si>
  <si>
    <t>1276.53895005041</t>
  </si>
  <si>
    <t>2973489.0</t>
  </si>
  <si>
    <t>154.898</t>
  </si>
  <si>
    <t>13415.0</t>
  </si>
  <si>
    <t>2990417.0</t>
  </si>
  <si>
    <t>3008370.0</t>
  </si>
  <si>
    <t>17953.0</t>
  </si>
  <si>
    <t>156.715</t>
  </si>
  <si>
    <t>3027350.0</t>
  </si>
  <si>
    <t>157.704</t>
  </si>
  <si>
    <t>3038221.0</t>
  </si>
  <si>
    <t>3045439.0</t>
  </si>
  <si>
    <t>158.646</t>
  </si>
  <si>
    <t>3062615.0</t>
  </si>
  <si>
    <t>159.541</t>
  </si>
  <si>
    <t>3085242.0</t>
  </si>
  <si>
    <t>160.719</t>
  </si>
  <si>
    <t>3107005.0</t>
  </si>
  <si>
    <t>3130475.0</t>
  </si>
  <si>
    <t>163.076</t>
  </si>
  <si>
    <t>3149996.0</t>
  </si>
  <si>
    <t>164.093</t>
  </si>
  <si>
    <t>3164769.0</t>
  </si>
  <si>
    <t>164.862</t>
  </si>
  <si>
    <t>3175675.0</t>
  </si>
  <si>
    <t>3195910.0</t>
  </si>
  <si>
    <t>166.484</t>
  </si>
  <si>
    <t>19042.0</t>
  </si>
  <si>
    <t>3219952.0</t>
  </si>
  <si>
    <t>167.737</t>
  </si>
  <si>
    <t>3245284.0</t>
  </si>
  <si>
    <t>169.056</t>
  </si>
  <si>
    <t>3268530.0</t>
  </si>
  <si>
    <t>170.267</t>
  </si>
  <si>
    <t>3289803.0</t>
  </si>
  <si>
    <t>19972.0</t>
  </si>
  <si>
    <t>3309626.0</t>
  </si>
  <si>
    <t>19823.0</t>
  </si>
  <si>
    <t>172.408</t>
  </si>
  <si>
    <t>3321613.0</t>
  </si>
  <si>
    <t>173.033</t>
  </si>
  <si>
    <t>3343302.0</t>
  </si>
  <si>
    <t>174.162</t>
  </si>
  <si>
    <t>21056.0</t>
  </si>
  <si>
    <t>3370646.0</t>
  </si>
  <si>
    <t>175.587</t>
  </si>
  <si>
    <t>3396854.0</t>
  </si>
  <si>
    <t>176.952</t>
  </si>
  <si>
    <t>3424456.0</t>
  </si>
  <si>
    <t>3450351.0</t>
  </si>
  <si>
    <t>25895.0</t>
  </si>
  <si>
    <t>3466616.0</t>
  </si>
  <si>
    <t>180.586</t>
  </si>
  <si>
    <t>3479689.0</t>
  </si>
  <si>
    <t>181.267</t>
  </si>
  <si>
    <t>3503672.0</t>
  </si>
  <si>
    <t>182.517</t>
  </si>
  <si>
    <t>3532473.0</t>
  </si>
  <si>
    <t>28801.0</t>
  </si>
  <si>
    <t>184.017</t>
  </si>
  <si>
    <t>23118.0</t>
  </si>
  <si>
    <t>3562061.0</t>
  </si>
  <si>
    <t>185.558</t>
  </si>
  <si>
    <t>3594180.0</t>
  </si>
  <si>
    <t>32119.0</t>
  </si>
  <si>
    <t>187.231</t>
  </si>
  <si>
    <t>26140.6</t>
  </si>
  <si>
    <t>1347.59267425432</t>
  </si>
  <si>
    <t>3621112.0</t>
  </si>
  <si>
    <t>26932.0</t>
  </si>
  <si>
    <t>188.634</t>
  </si>
  <si>
    <t>24394.0</t>
  </si>
  <si>
    <t>3645655.0</t>
  </si>
  <si>
    <t>189.913</t>
  </si>
  <si>
    <t>3660538.0</t>
  </si>
  <si>
    <t>190.688</t>
  </si>
  <si>
    <t>25836.0</t>
  </si>
  <si>
    <t>3688018.0</t>
  </si>
  <si>
    <t>26335.0</t>
  </si>
  <si>
    <t>3723082.0</t>
  </si>
  <si>
    <t>193.946</t>
  </si>
  <si>
    <t>3754917.0</t>
  </si>
  <si>
    <t>195.605</t>
  </si>
  <si>
    <t>27551.0</t>
  </si>
  <si>
    <t>3785767.0</t>
  </si>
  <si>
    <t>197.212</t>
  </si>
  <si>
    <t>3818000.0</t>
  </si>
  <si>
    <t>198.891</t>
  </si>
  <si>
    <t>3843654.0</t>
  </si>
  <si>
    <t>25654.0</t>
  </si>
  <si>
    <t>200.227</t>
  </si>
  <si>
    <t>3862437.0</t>
  </si>
  <si>
    <t>18783.0</t>
  </si>
  <si>
    <t>201.206</t>
  </si>
  <si>
    <t>3895666.0</t>
  </si>
  <si>
    <t>33229.0</t>
  </si>
  <si>
    <t>202.937</t>
  </si>
  <si>
    <t>29664.0</t>
  </si>
  <si>
    <t>3930547.0</t>
  </si>
  <si>
    <t>204.754</t>
  </si>
  <si>
    <t>29638.0</t>
  </si>
  <si>
    <t>3965042.0</t>
  </si>
  <si>
    <t>34495.0</t>
  </si>
  <si>
    <t>206.551</t>
  </si>
  <si>
    <t>4004270.0</t>
  </si>
  <si>
    <t>208.594</t>
  </si>
  <si>
    <t>4042060.0</t>
  </si>
  <si>
    <t>210.563</t>
  </si>
  <si>
    <t>4071191.0</t>
  </si>
  <si>
    <t>29131.0</t>
  </si>
  <si>
    <t>4093694.0</t>
  </si>
  <si>
    <t>213.252</t>
  </si>
  <si>
    <t>4127509.0</t>
  </si>
  <si>
    <t>215.014</t>
  </si>
  <si>
    <t>4166727.0</t>
  </si>
  <si>
    <t>217.057</t>
  </si>
  <si>
    <t>4206738.0</t>
  </si>
  <si>
    <t>219.141</t>
  </si>
  <si>
    <t>4246986.0</t>
  </si>
  <si>
    <t>40248.0</t>
  </si>
  <si>
    <t>4284005.0</t>
  </si>
  <si>
    <t>37019.0</t>
  </si>
  <si>
    <t>223.166</t>
  </si>
  <si>
    <t>34564.0</t>
  </si>
  <si>
    <t>4308191.0</t>
  </si>
  <si>
    <t>224.426</t>
  </si>
  <si>
    <t>4328745.0</t>
  </si>
  <si>
    <t>225.497</t>
  </si>
  <si>
    <t>4362674.0</t>
  </si>
  <si>
    <t>33595.0</t>
  </si>
  <si>
    <t>4400089.0</t>
  </si>
  <si>
    <t>229.214</t>
  </si>
  <si>
    <t>4438965.0</t>
  </si>
  <si>
    <t>231.239</t>
  </si>
  <si>
    <t>38628.0</t>
  </si>
  <si>
    <t>233.251</t>
  </si>
  <si>
    <t>4515996.0</t>
  </si>
  <si>
    <t>235.251</t>
  </si>
  <si>
    <t>33142.0</t>
  </si>
  <si>
    <t>4547937.0</t>
  </si>
  <si>
    <t>31941.0</t>
  </si>
  <si>
    <t>236.915</t>
  </si>
  <si>
    <t>27804.3</t>
  </si>
  <si>
    <t>1433.35925697075</t>
  </si>
  <si>
    <t>4568460.0</t>
  </si>
  <si>
    <t>237.984</t>
  </si>
  <si>
    <t>4602389.0</t>
  </si>
  <si>
    <t>239.752</t>
  </si>
  <si>
    <t>4629098.0</t>
  </si>
  <si>
    <t>241.143</t>
  </si>
  <si>
    <t>4664435.0</t>
  </si>
  <si>
    <t>35337.0</t>
  </si>
  <si>
    <t>242.984</t>
  </si>
  <si>
    <t>32210.0</t>
  </si>
  <si>
    <t>4704618.0</t>
  </si>
  <si>
    <t>245.077</t>
  </si>
  <si>
    <t>4746707.0</t>
  </si>
  <si>
    <t>4775869.0</t>
  </si>
  <si>
    <t>29162.0</t>
  </si>
  <si>
    <t>248.789</t>
  </si>
  <si>
    <t>32562.0</t>
  </si>
  <si>
    <t>4795216.0</t>
  </si>
  <si>
    <t>249.797</t>
  </si>
  <si>
    <t>32394.0</t>
  </si>
  <si>
    <t>4831277.0</t>
  </si>
  <si>
    <t>36061.0</t>
  </si>
  <si>
    <t>251.675</t>
  </si>
  <si>
    <t>32698.0</t>
  </si>
  <si>
    <t>4871752.0</t>
  </si>
  <si>
    <t>253.784</t>
  </si>
  <si>
    <t>4912594.0</t>
  </si>
  <si>
    <t>255.911</t>
  </si>
  <si>
    <t>35451.0</t>
  </si>
  <si>
    <t>4952192.0</t>
  </si>
  <si>
    <t>257.974</t>
  </si>
  <si>
    <t>35368.0</t>
  </si>
  <si>
    <t>4992217.0</t>
  </si>
  <si>
    <t>40025.0</t>
  </si>
  <si>
    <t>260.059</t>
  </si>
  <si>
    <t>35073.0</t>
  </si>
  <si>
    <t>5024755.0</t>
  </si>
  <si>
    <t>261.754</t>
  </si>
  <si>
    <t>35555.0</t>
  </si>
  <si>
    <t>5047672.0</t>
  </si>
  <si>
    <t>262.948</t>
  </si>
  <si>
    <t>5085996.0</t>
  </si>
  <si>
    <t>264.944</t>
  </si>
  <si>
    <t>5125526.0</t>
  </si>
  <si>
    <t>39530.0</t>
  </si>
  <si>
    <t>267.004</t>
  </si>
  <si>
    <t>5150874.0</t>
  </si>
  <si>
    <t>268.324</t>
  </si>
  <si>
    <t>34040.0</t>
  </si>
  <si>
    <t>5170746.0</t>
  </si>
  <si>
    <t>269.359</t>
  </si>
  <si>
    <t>5191821.0</t>
  </si>
  <si>
    <t>270.457</t>
  </si>
  <si>
    <t>5216477.0</t>
  </si>
  <si>
    <t>271.742</t>
  </si>
  <si>
    <t>5250104.0</t>
  </si>
  <si>
    <t>273.493</t>
  </si>
  <si>
    <t>5291271.0</t>
  </si>
  <si>
    <t>275.638</t>
  </si>
  <si>
    <t>5332012.0</t>
  </si>
  <si>
    <t>277.76</t>
  </si>
  <si>
    <t>5366619.0</t>
  </si>
  <si>
    <t>34607.0</t>
  </si>
  <si>
    <t>279.563</t>
  </si>
  <si>
    <t>5402475.0</t>
  </si>
  <si>
    <t>35856.0</t>
  </si>
  <si>
    <t>281.431</t>
  </si>
  <si>
    <t>33104.0</t>
  </si>
  <si>
    <t>5435933.0</t>
  </si>
  <si>
    <t>283.174</t>
  </si>
  <si>
    <t>5460879.0</t>
  </si>
  <si>
    <t>284.473</t>
  </si>
  <si>
    <t>34915.0</t>
  </si>
  <si>
    <t>5478653.0</t>
  </si>
  <si>
    <t>285.399</t>
  </si>
  <si>
    <t>32650.0</t>
  </si>
  <si>
    <t>5507248.0</t>
  </si>
  <si>
    <t>28595.0</t>
  </si>
  <si>
    <t>286.889</t>
  </si>
  <si>
    <t>30854.0</t>
  </si>
  <si>
    <t>5539512.0</t>
  </si>
  <si>
    <t>32264.0</t>
  </si>
  <si>
    <t>288.569</t>
  </si>
  <si>
    <t>30139.8</t>
  </si>
  <si>
    <t>1553.75827959153</t>
  </si>
  <si>
    <t>5570389.0</t>
  </si>
  <si>
    <t>290.178</t>
  </si>
  <si>
    <t>5588437.0</t>
  </si>
  <si>
    <t>291.118</t>
  </si>
  <si>
    <t>26566.0</t>
  </si>
  <si>
    <t>5601050.0</t>
  </si>
  <si>
    <t>291.775</t>
  </si>
  <si>
    <t>23588.0</t>
  </si>
  <si>
    <t>5617593.0</t>
  </si>
  <si>
    <t>292.637</t>
  </si>
  <si>
    <t>5635738.0</t>
  </si>
  <si>
    <t>18145.0</t>
  </si>
  <si>
    <t>293.582</t>
  </si>
  <si>
    <t>5662650.0</t>
  </si>
  <si>
    <t>294.984</t>
  </si>
  <si>
    <t>5708007.0</t>
  </si>
  <si>
    <t>45357.0</t>
  </si>
  <si>
    <t>297.347</t>
  </si>
  <si>
    <t>5758717.0</t>
  </si>
  <si>
    <t>50710.0</t>
  </si>
  <si>
    <t>299.988</t>
  </si>
  <si>
    <t>26904.0</t>
  </si>
  <si>
    <t>5806850.0</t>
  </si>
  <si>
    <t>48133.0</t>
  </si>
  <si>
    <t>302.496</t>
  </si>
  <si>
    <t>5852329.0</t>
  </si>
  <si>
    <t>304.865</t>
  </si>
  <si>
    <t>5883480.0</t>
  </si>
  <si>
    <t>306.488</t>
  </si>
  <si>
    <t>5904164.0</t>
  </si>
  <si>
    <t>307.565</t>
  </si>
  <si>
    <t>5942556.0</t>
  </si>
  <si>
    <t>38392.0</t>
  </si>
  <si>
    <t>309.565</t>
  </si>
  <si>
    <t>5984236.0</t>
  </si>
  <si>
    <t>41680.0</t>
  </si>
  <si>
    <t>311.736</t>
  </si>
  <si>
    <t>6028454.0</t>
  </si>
  <si>
    <t>314.04</t>
  </si>
  <si>
    <t>6073263.0</t>
  </si>
  <si>
    <t>316.374</t>
  </si>
  <si>
    <t>6114608.0</t>
  </si>
  <si>
    <t>41345.0</t>
  </si>
  <si>
    <t>318.528</t>
  </si>
  <si>
    <t>6146495.0</t>
  </si>
  <si>
    <t>320.189</t>
  </si>
  <si>
    <t>6168826.0</t>
  </si>
  <si>
    <t>321.352</t>
  </si>
  <si>
    <t>6206245.0</t>
  </si>
  <si>
    <t>323.301</t>
  </si>
  <si>
    <t>37670.0</t>
  </si>
  <si>
    <t>6250078.0</t>
  </si>
  <si>
    <t>325.585</t>
  </si>
  <si>
    <t>6292512.0</t>
  </si>
  <si>
    <t>327.795</t>
  </si>
  <si>
    <t>6331973.0</t>
  </si>
  <si>
    <t>329.851</t>
  </si>
  <si>
    <t>6370681.0</t>
  </si>
  <si>
    <t>38708.0</t>
  </si>
  <si>
    <t>331.867</t>
  </si>
  <si>
    <t>6399596.0</t>
  </si>
  <si>
    <t>333.374</t>
  </si>
  <si>
    <t>36157.0</t>
  </si>
  <si>
    <t>6420568.0</t>
  </si>
  <si>
    <t>334.466</t>
  </si>
  <si>
    <t>6457343.0</t>
  </si>
  <si>
    <t>336.382</t>
  </si>
  <si>
    <t>6498804.0</t>
  </si>
  <si>
    <t>338.542</t>
  </si>
  <si>
    <t>35532.0</t>
  </si>
  <si>
    <t>6539616.0</t>
  </si>
  <si>
    <t>340.668</t>
  </si>
  <si>
    <t>35301.0</t>
  </si>
  <si>
    <t>6582677.0</t>
  </si>
  <si>
    <t>43061.0</t>
  </si>
  <si>
    <t>342.911</t>
  </si>
  <si>
    <t>6619213.0</t>
  </si>
  <si>
    <t>36536.0</t>
  </si>
  <si>
    <t>344.814</t>
  </si>
  <si>
    <t>1562.89324290063</t>
  </si>
  <si>
    <t>6652576.0</t>
  </si>
  <si>
    <t>346.552</t>
  </si>
  <si>
    <t>36140.0</t>
  </si>
  <si>
    <t>6671247.0</t>
  </si>
  <si>
    <t>18671.0</t>
  </si>
  <si>
    <t>347.525</t>
  </si>
  <si>
    <t>6711594.0</t>
  </si>
  <si>
    <t>40347.0</t>
  </si>
  <si>
    <t>349.627</t>
  </si>
  <si>
    <t>6752947.0</t>
  </si>
  <si>
    <t>351.781</t>
  </si>
  <si>
    <t>36306.0</t>
  </si>
  <si>
    <t>6786314.0</t>
  </si>
  <si>
    <t>353.519</t>
  </si>
  <si>
    <t>35243.0</t>
  </si>
  <si>
    <t>6824430.0</t>
  </si>
  <si>
    <t>38116.0</t>
  </si>
  <si>
    <t>355.505</t>
  </si>
  <si>
    <t>6863448.0</t>
  </si>
  <si>
    <t>39018.0</t>
  </si>
  <si>
    <t>357.537</t>
  </si>
  <si>
    <t>6891206.0</t>
  </si>
  <si>
    <t>27758.0</t>
  </si>
  <si>
    <t>358.983</t>
  </si>
  <si>
    <t>34090.0</t>
  </si>
  <si>
    <t>6911630.0</t>
  </si>
  <si>
    <t>360.047</t>
  </si>
  <si>
    <t>34340.0</t>
  </si>
  <si>
    <t>6950801.0</t>
  </si>
  <si>
    <t>39171.0</t>
  </si>
  <si>
    <t>362.088</t>
  </si>
  <si>
    <t>6983676.0</t>
  </si>
  <si>
    <t>32875.0</t>
  </si>
  <si>
    <t>363.8</t>
  </si>
  <si>
    <t>32961.0</t>
  </si>
  <si>
    <t>7017565.0</t>
  </si>
  <si>
    <t>365.565</t>
  </si>
  <si>
    <t>7051946.0</t>
  </si>
  <si>
    <t>367.356</t>
  </si>
  <si>
    <t>7084362.0</t>
  </si>
  <si>
    <t>369.045</t>
  </si>
  <si>
    <t>7105129.0</t>
  </si>
  <si>
    <t>20767.0</t>
  </si>
  <si>
    <t>370.127</t>
  </si>
  <si>
    <t>7125380.0</t>
  </si>
  <si>
    <t>371.182</t>
  </si>
  <si>
    <t>7167621.0</t>
  </si>
  <si>
    <t>42241.0</t>
  </si>
  <si>
    <t>373.382</t>
  </si>
  <si>
    <t>7212104.0</t>
  </si>
  <si>
    <t>375.7</t>
  </si>
  <si>
    <t>32633.0</t>
  </si>
  <si>
    <t>7254089.0</t>
  </si>
  <si>
    <t>41985.0</t>
  </si>
  <si>
    <t>377.887</t>
  </si>
  <si>
    <t>7292910.0</t>
  </si>
  <si>
    <t>379.909</t>
  </si>
  <si>
    <t>34423.0</t>
  </si>
  <si>
    <t>7334273.0</t>
  </si>
  <si>
    <t>382.064</t>
  </si>
  <si>
    <t>35702.0</t>
  </si>
  <si>
    <t>7362053.0</t>
  </si>
  <si>
    <t>27780.0</t>
  </si>
  <si>
    <t>383.511</t>
  </si>
  <si>
    <t>7381311.0</t>
  </si>
  <si>
    <t>384.514</t>
  </si>
  <si>
    <t>7419449.0</t>
  </si>
  <si>
    <t>38138.0</t>
  </si>
  <si>
    <t>386.501</t>
  </si>
  <si>
    <t>7463949.0</t>
  </si>
  <si>
    <t>388.819</t>
  </si>
  <si>
    <t>7502826.0</t>
  </si>
  <si>
    <t>390.844</t>
  </si>
  <si>
    <t>35534.0</t>
  </si>
  <si>
    <t>7540203.0</t>
  </si>
  <si>
    <t>37377.0</t>
  </si>
  <si>
    <t>392.791</t>
  </si>
  <si>
    <t>7581855.0</t>
  </si>
  <si>
    <t>41652.0</t>
  </si>
  <si>
    <t>394.961</t>
  </si>
  <si>
    <t>30908.6</t>
  </si>
  <si>
    <t>1593.39123552853</t>
  </si>
  <si>
    <t>7613968.0</t>
  </si>
  <si>
    <t>396.634</t>
  </si>
  <si>
    <t>35988.0</t>
  </si>
  <si>
    <t>7631465.0</t>
  </si>
  <si>
    <t>397.545</t>
  </si>
  <si>
    <t>35736.0</t>
  </si>
  <si>
    <t>7673243.0</t>
  </si>
  <si>
    <t>41778.0</t>
  </si>
  <si>
    <t>399.722</t>
  </si>
  <si>
    <t>36256.0</t>
  </si>
  <si>
    <t>7713399.0</t>
  </si>
  <si>
    <t>40156.0</t>
  </si>
  <si>
    <t>401.814</t>
  </si>
  <si>
    <t>7751061.0</t>
  </si>
  <si>
    <t>37662.0</t>
  </si>
  <si>
    <t>403.775</t>
  </si>
  <si>
    <t>35462.0</t>
  </si>
  <si>
    <t>7787761.0</t>
  </si>
  <si>
    <t>405.687</t>
  </si>
  <si>
    <t>7822859.0</t>
  </si>
  <si>
    <t>35098.0</t>
  </si>
  <si>
    <t>407.516</t>
  </si>
  <si>
    <t>34429.0</t>
  </si>
  <si>
    <t>7852381.0</t>
  </si>
  <si>
    <t>409.053</t>
  </si>
  <si>
    <t>34059.0</t>
  </si>
  <si>
    <t>7867419.0</t>
  </si>
  <si>
    <t>409.837</t>
  </si>
  <si>
    <t>7887917.0</t>
  </si>
  <si>
    <t>410.905</t>
  </si>
  <si>
    <t>7925003.0</t>
  </si>
  <si>
    <t>37086.0</t>
  </si>
  <si>
    <t>412.837</t>
  </si>
  <si>
    <t>7969789.0</t>
  </si>
  <si>
    <t>415.17</t>
  </si>
  <si>
    <t>31247.0</t>
  </si>
  <si>
    <t>8012181.0</t>
  </si>
  <si>
    <t>417.378</t>
  </si>
  <si>
    <t>8059566.0</t>
  </si>
  <si>
    <t>47385.0</t>
  </si>
  <si>
    <t>419.846</t>
  </si>
  <si>
    <t>8093928.0</t>
  </si>
  <si>
    <t>421.636</t>
  </si>
  <si>
    <t>87902.0</t>
  </si>
  <si>
    <t>8118978.0</t>
  </si>
  <si>
    <t>422.941</t>
  </si>
  <si>
    <t>35937.0</t>
  </si>
  <si>
    <t>8161493.0</t>
  </si>
  <si>
    <t>425.156</t>
  </si>
  <si>
    <t>8211056.0</t>
  </si>
  <si>
    <t>49563.0</t>
  </si>
  <si>
    <t>427.738</t>
  </si>
  <si>
    <t>90748.0</t>
  </si>
  <si>
    <t>8253980.0</t>
  </si>
  <si>
    <t>429.974</t>
  </si>
  <si>
    <t>40599.0</t>
  </si>
  <si>
    <t>8298090.0</t>
  </si>
  <si>
    <t>432.272</t>
  </si>
  <si>
    <t>8340824.0</t>
  </si>
  <si>
    <t>434.498</t>
  </si>
  <si>
    <t>40180.0</t>
  </si>
  <si>
    <t>8369685.0</t>
  </si>
  <si>
    <t>28861.0</t>
  </si>
  <si>
    <t>436.001</t>
  </si>
  <si>
    <t>39394.0</t>
  </si>
  <si>
    <t>8385717.0</t>
  </si>
  <si>
    <t>436.837</t>
  </si>
  <si>
    <t>8405640.0</t>
  </si>
  <si>
    <t>437.874</t>
  </si>
  <si>
    <t>34878.0</t>
  </si>
  <si>
    <t>8428775.0</t>
  </si>
  <si>
    <t>439.08</t>
  </si>
  <si>
    <t>8457728.0</t>
  </si>
  <si>
    <t>28953.0</t>
  </si>
  <si>
    <t>440.588</t>
  </si>
  <si>
    <t>8504138.0</t>
  </si>
  <si>
    <t>46410.0</t>
  </si>
  <si>
    <t>443.005</t>
  </si>
  <si>
    <t>8556295.0</t>
  </si>
  <si>
    <t>445.722</t>
  </si>
  <si>
    <t>8595039.0</t>
  </si>
  <si>
    <t>38744.0</t>
  </si>
  <si>
    <t>447.741</t>
  </si>
  <si>
    <t>32193.0</t>
  </si>
  <si>
    <t>8622881.0</t>
  </si>
  <si>
    <t>449.191</t>
  </si>
  <si>
    <t>8669927.0</t>
  </si>
  <si>
    <t>47046.0</t>
  </si>
  <si>
    <t>451.642</t>
  </si>
  <si>
    <t>32302.6</t>
  </si>
  <si>
    <t>1665.25432160577</t>
  </si>
  <si>
    <t>8727752.0</t>
  </si>
  <si>
    <t>454.654</t>
  </si>
  <si>
    <t>8779919.0</t>
  </si>
  <si>
    <t>52167.0</t>
  </si>
  <si>
    <t>457.372</t>
  </si>
  <si>
    <t>8832213.0</t>
  </si>
  <si>
    <t>52294.0</t>
  </si>
  <si>
    <t>460.096</t>
  </si>
  <si>
    <t>46868.0</t>
  </si>
  <si>
    <t>8880871.0</t>
  </si>
  <si>
    <t>462.631</t>
  </si>
  <si>
    <t>46368.0</t>
  </si>
  <si>
    <t>8920780.0</t>
  </si>
  <si>
    <t>464.71</t>
  </si>
  <si>
    <t>46534.0</t>
  </si>
  <si>
    <t>8947772.0</t>
  </si>
  <si>
    <t>26992.0</t>
  </si>
  <si>
    <t>466.116</t>
  </si>
  <si>
    <t>46413.0</t>
  </si>
  <si>
    <t>8994537.0</t>
  </si>
  <si>
    <t>46765.0</t>
  </si>
  <si>
    <t>468.552</t>
  </si>
  <si>
    <t>46373.0</t>
  </si>
  <si>
    <t>9051176.0</t>
  </si>
  <si>
    <t>56639.0</t>
  </si>
  <si>
    <t>471.502</t>
  </si>
  <si>
    <t>9103707.0</t>
  </si>
  <si>
    <t>474.239</t>
  </si>
  <si>
    <t>46255.0</t>
  </si>
  <si>
    <t>9159265.0</t>
  </si>
  <si>
    <t>477.133</t>
  </si>
  <si>
    <t>385281.0</t>
  </si>
  <si>
    <t>282372.0</t>
  </si>
  <si>
    <t>102909.0</t>
  </si>
  <si>
    <t>9217159.0</t>
  </si>
  <si>
    <t>480.149</t>
  </si>
  <si>
    <t>48041.0</t>
  </si>
  <si>
    <t>9258849.0</t>
  </si>
  <si>
    <t>482.321</t>
  </si>
  <si>
    <t>443974.0</t>
  </si>
  <si>
    <t>338582.0</t>
  </si>
  <si>
    <t>105392.0</t>
  </si>
  <si>
    <t>9283107.0</t>
  </si>
  <si>
    <t>483.584</t>
  </si>
  <si>
    <t>47905.0</t>
  </si>
  <si>
    <t>25056.0</t>
  </si>
  <si>
    <t>9337010.0</t>
  </si>
  <si>
    <t>53903.0</t>
  </si>
  <si>
    <t>486.392</t>
  </si>
  <si>
    <t>48925.0</t>
  </si>
  <si>
    <t>9401901.0</t>
  </si>
  <si>
    <t>64891.0</t>
  </si>
  <si>
    <t>489.773</t>
  </si>
  <si>
    <t>9464077.0</t>
  </si>
  <si>
    <t>493.011</t>
  </si>
  <si>
    <t>9523633.0</t>
  </si>
  <si>
    <t>496.114</t>
  </si>
  <si>
    <t>52053.0</t>
  </si>
  <si>
    <t>57543.0</t>
  </si>
  <si>
    <t>9577948.0</t>
  </si>
  <si>
    <t>54315.0</t>
  </si>
  <si>
    <t>498.943</t>
  </si>
  <si>
    <t>51541.0</t>
  </si>
  <si>
    <t>856906.0</t>
  </si>
  <si>
    <t>733980.0</t>
  </si>
  <si>
    <t>122926.0</t>
  </si>
  <si>
    <t>63183.0</t>
  </si>
  <si>
    <t>9624583.0</t>
  </si>
  <si>
    <t>501.373</t>
  </si>
  <si>
    <t>60717.0</t>
  </si>
  <si>
    <t>58039.0</t>
  </si>
  <si>
    <t>9653519.0</t>
  </si>
  <si>
    <t>28936.0</t>
  </si>
  <si>
    <t>502.88</t>
  </si>
  <si>
    <t>52916.0</t>
  </si>
  <si>
    <t>52612.0</t>
  </si>
  <si>
    <t>50179.0</t>
  </si>
  <si>
    <t>9709890.0</t>
  </si>
  <si>
    <t>56371.0</t>
  </si>
  <si>
    <t>505.817</t>
  </si>
  <si>
    <t>53269.0</t>
  </si>
  <si>
    <t>893164.0</t>
  </si>
  <si>
    <t>766614.0</t>
  </si>
  <si>
    <t>126550.0</t>
  </si>
  <si>
    <t>42319.0</t>
  </si>
  <si>
    <t>9772184.0</t>
  </si>
  <si>
    <t>62294.0</t>
  </si>
  <si>
    <t>509.062</t>
  </si>
  <si>
    <t>956101.0</t>
  </si>
  <si>
    <t>823498.0</t>
  </si>
  <si>
    <t>132603.0</t>
  </si>
  <si>
    <t>62937.0</t>
  </si>
  <si>
    <t>43666.0</t>
  </si>
  <si>
    <t>41031.0</t>
  </si>
  <si>
    <t>9828632.0</t>
  </si>
  <si>
    <t>56448.0</t>
  </si>
  <si>
    <t>512.002</t>
  </si>
  <si>
    <t>37099.0</t>
  </si>
  <si>
    <t>34122.0</t>
  </si>
  <si>
    <t>9886472.0</t>
  </si>
  <si>
    <t>57840.0</t>
  </si>
  <si>
    <t>515.015</t>
  </si>
  <si>
    <t>51834.0</t>
  </si>
  <si>
    <t>1001805.0</t>
  </si>
  <si>
    <t>858566.0</t>
  </si>
  <si>
    <t>27212.0</t>
  </si>
  <si>
    <t>9943652.0</t>
  </si>
  <si>
    <t>57180.0</t>
  </si>
  <si>
    <t>517.994</t>
  </si>
  <si>
    <t>52243.0</t>
  </si>
  <si>
    <t>9986401.0</t>
  </si>
  <si>
    <t>520.221</t>
  </si>
  <si>
    <t>10011864.0</t>
  </si>
  <si>
    <t>25463.0</t>
  </si>
  <si>
    <t>521.547</t>
  </si>
  <si>
    <t>1133982.0</t>
  </si>
  <si>
    <t>949451.0</t>
  </si>
  <si>
    <t>184531.0</t>
  </si>
  <si>
    <t>10064566.0</t>
  </si>
  <si>
    <t>52702.0</t>
  </si>
  <si>
    <t>524.293</t>
  </si>
  <si>
    <t>1559836.0</t>
  </si>
  <si>
    <t>1293379.0</t>
  </si>
  <si>
    <t>266457.0</t>
  </si>
  <si>
    <t>425854.0</t>
  </si>
  <si>
    <t>95239.0</t>
  </si>
  <si>
    <t>10128374.0</t>
  </si>
  <si>
    <t>63808.0</t>
  </si>
  <si>
    <t>527.617</t>
  </si>
  <si>
    <t>91244.0</t>
  </si>
  <si>
    <t>10190393.0</t>
  </si>
  <si>
    <t>530.847</t>
  </si>
  <si>
    <t>92976.0</t>
  </si>
  <si>
    <t>70756.0</t>
  </si>
  <si>
    <t>34469.4</t>
  </si>
  <si>
    <t>1776.9565704667</t>
  </si>
  <si>
    <t>10251412.0</t>
  </si>
  <si>
    <t>61019.0</t>
  </si>
  <si>
    <t>534.026</t>
  </si>
  <si>
    <t>52134.0</t>
  </si>
  <si>
    <t>94707.0</t>
  </si>
  <si>
    <t>10307341.0</t>
  </si>
  <si>
    <t>55929.0</t>
  </si>
  <si>
    <t>536.94</t>
  </si>
  <si>
    <t>51956.0</t>
  </si>
  <si>
    <t>93410.0</t>
  </si>
  <si>
    <t>10342758.0</t>
  </si>
  <si>
    <t>538.785</t>
  </si>
  <si>
    <t>92112.0</t>
  </si>
  <si>
    <t>68797.0</t>
  </si>
  <si>
    <t>10367662.0</t>
  </si>
  <si>
    <t>540.082</t>
  </si>
  <si>
    <t>50828.0</t>
  </si>
  <si>
    <t>1769678.0</t>
  </si>
  <si>
    <t>1422204.0</t>
  </si>
  <si>
    <t>347474.0</t>
  </si>
  <si>
    <t>90814.0</t>
  </si>
  <si>
    <t>67536.0</t>
  </si>
  <si>
    <t>10405087.0</t>
  </si>
  <si>
    <t>542.031</t>
  </si>
  <si>
    <t>48646.0</t>
  </si>
  <si>
    <t>2025911.0</t>
  </si>
  <si>
    <t>1565681.0</t>
  </si>
  <si>
    <t>460230.0</t>
  </si>
  <si>
    <t>256233.0</t>
  </si>
  <si>
    <t>66582.0</t>
  </si>
  <si>
    <t>10455458.0</t>
  </si>
  <si>
    <t>544.655</t>
  </si>
  <si>
    <t>71087.0</t>
  </si>
  <si>
    <t>2158924.0</t>
  </si>
  <si>
    <t>1634939.0</t>
  </si>
  <si>
    <t>523985.0</t>
  </si>
  <si>
    <t>75592.0</t>
  </si>
  <si>
    <t>10561671.0</t>
  </si>
  <si>
    <t>550.188</t>
  </si>
  <si>
    <t>81193.0</t>
  </si>
  <si>
    <t>43966.0</t>
  </si>
  <si>
    <t>10599279.0</t>
  </si>
  <si>
    <t>552.147</t>
  </si>
  <si>
    <t>86794.0</t>
  </si>
  <si>
    <t>45273.0</t>
  </si>
  <si>
    <t>10631263.0</t>
  </si>
  <si>
    <t>553.814</t>
  </si>
  <si>
    <t>41215.0</t>
  </si>
  <si>
    <t>92395.0</t>
  </si>
  <si>
    <t>46580.0</t>
  </si>
  <si>
    <t>10654314.0</t>
  </si>
  <si>
    <t>555.014</t>
  </si>
  <si>
    <t>2455655.0</t>
  </si>
  <si>
    <t>1757407.0</t>
  </si>
  <si>
    <t>698248.0</t>
  </si>
  <si>
    <t>10691113.0</t>
  </si>
  <si>
    <t>556.931</t>
  </si>
  <si>
    <t>64116.0</t>
  </si>
  <si>
    <t>10749824.0</t>
  </si>
  <si>
    <t>559.99</t>
  </si>
  <si>
    <t>10810610.0</t>
  </si>
  <si>
    <t>563.156</t>
  </si>
  <si>
    <t>2512860.0</t>
  </si>
  <si>
    <t>1790356.0</t>
  </si>
  <si>
    <t>722504.0</t>
  </si>
  <si>
    <t>10872903.0</t>
  </si>
  <si>
    <t>62293.0</t>
  </si>
  <si>
    <t>566.401</t>
  </si>
  <si>
    <t>2564012.0</t>
  </si>
  <si>
    <t>1820146.0</t>
  </si>
  <si>
    <t>743866.0</t>
  </si>
  <si>
    <t>51152.0</t>
  </si>
  <si>
    <t>10927378.0</t>
  </si>
  <si>
    <t>54475.0</t>
  </si>
  <si>
    <t>569.239</t>
  </si>
  <si>
    <t>2590798.0</t>
  </si>
  <si>
    <t>1836821.0</t>
  </si>
  <si>
    <t>753977.0</t>
  </si>
  <si>
    <t>10989671.0</t>
  </si>
  <si>
    <t>572.484</t>
  </si>
  <si>
    <t>51201.0</t>
  </si>
  <si>
    <t>2603997.0</t>
  </si>
  <si>
    <t>1844938.0</t>
  </si>
  <si>
    <t>759059.0</t>
  </si>
  <si>
    <t>31789.0</t>
  </si>
  <si>
    <t>11014952.0</t>
  </si>
  <si>
    <t>25281.0</t>
  </si>
  <si>
    <t>573.801</t>
  </si>
  <si>
    <t>2650169.0</t>
  </si>
  <si>
    <t>1871823.0</t>
  </si>
  <si>
    <t>778346.0</t>
  </si>
  <si>
    <t>11065190.0</t>
  </si>
  <si>
    <t>50238.0</t>
  </si>
  <si>
    <t>576.418</t>
  </si>
  <si>
    <t>2700694.0</t>
  </si>
  <si>
    <t>1898604.0</t>
  </si>
  <si>
    <t>802090.0</t>
  </si>
  <si>
    <t>50525.0</t>
  </si>
  <si>
    <t>32282.0</t>
  </si>
  <si>
    <t>11121017.0</t>
  </si>
  <si>
    <t>579.326</t>
  </si>
  <si>
    <t>2754555.0</t>
  </si>
  <si>
    <t>1923303.0</t>
  </si>
  <si>
    <t>831252.0</t>
  </si>
  <si>
    <t>37252.0</t>
  </si>
  <si>
    <t>20561.0</t>
  </si>
  <si>
    <t>11170514.0</t>
  </si>
  <si>
    <t>49497.0</t>
  </si>
  <si>
    <t>581.905</t>
  </si>
  <si>
    <t>51415.0</t>
  </si>
  <si>
    <t>2808926.0</t>
  </si>
  <si>
    <t>1943409.0</t>
  </si>
  <si>
    <t>865517.0</t>
  </si>
  <si>
    <t>54371.0</t>
  </si>
  <si>
    <t>42295.0</t>
  </si>
  <si>
    <t>11220569.0</t>
  </si>
  <si>
    <t>50055.0</t>
  </si>
  <si>
    <t>584.512</t>
  </si>
  <si>
    <t>49667.0</t>
  </si>
  <si>
    <t>2872258.0</t>
  </si>
  <si>
    <t>1969033.0</t>
  </si>
  <si>
    <t>903225.0</t>
  </si>
  <si>
    <t>44035.0</t>
  </si>
  <si>
    <t>11270949.0</t>
  </si>
  <si>
    <t>50380.0</t>
  </si>
  <si>
    <t>587.137</t>
  </si>
  <si>
    <t>49082.0</t>
  </si>
  <si>
    <t>2902678.0</t>
  </si>
  <si>
    <t>1984761.0</t>
  </si>
  <si>
    <t>917917.0</t>
  </si>
  <si>
    <t>30420.0</t>
  </si>
  <si>
    <t>11309285.0</t>
  </si>
  <si>
    <t>589.134</t>
  </si>
  <si>
    <t>45659.0</t>
  </si>
  <si>
    <t>2914650.0</t>
  </si>
  <si>
    <t>1991219.0</t>
  </si>
  <si>
    <t>923431.0</t>
  </si>
  <si>
    <t>20897.0</t>
  </si>
  <si>
    <t>11332575.0</t>
  </si>
  <si>
    <t>590.347</t>
  </si>
  <si>
    <t>45375.0</t>
  </si>
  <si>
    <t>2964855.0</t>
  </si>
  <si>
    <t>2015053.0</t>
  </si>
  <si>
    <t>949802.0</t>
  </si>
  <si>
    <t>11380185.0</t>
  </si>
  <si>
    <t>47610.0</t>
  </si>
  <si>
    <t>592.827</t>
  </si>
  <si>
    <t>3009654.0</t>
  </si>
  <si>
    <t>2035781.0</t>
  </si>
  <si>
    <t>973873.0</t>
  </si>
  <si>
    <t>44799.0</t>
  </si>
  <si>
    <t>44137.0</t>
  </si>
  <si>
    <t>11528771.0</t>
  </si>
  <si>
    <t>148586.0</t>
  </si>
  <si>
    <t>600.567</t>
  </si>
  <si>
    <t>3097941.0</t>
  </si>
  <si>
    <t>2076841.0</t>
  </si>
  <si>
    <t>1021100.0</t>
  </si>
  <si>
    <t>49055.0</t>
  </si>
  <si>
    <t>21934.0</t>
  </si>
  <si>
    <t>11575012.0</t>
  </si>
  <si>
    <t>46241.0</t>
  </si>
  <si>
    <t>602.976</t>
  </si>
  <si>
    <t>44361.0</t>
  </si>
  <si>
    <t>51727.0</t>
  </si>
  <si>
    <t>3140963.0</t>
  </si>
  <si>
    <t>2098481.0</t>
  </si>
  <si>
    <t>1042482.0</t>
  </si>
  <si>
    <t>38386.0</t>
  </si>
  <si>
    <t>11590304.0</t>
  </si>
  <si>
    <t>603.773</t>
  </si>
  <si>
    <t>36117.0</t>
  </si>
  <si>
    <t>11638779.0</t>
  </si>
  <si>
    <t>48475.0</t>
  </si>
  <si>
    <t>606.298</t>
  </si>
  <si>
    <t>3170032.0</t>
  </si>
  <si>
    <t>2114112.0</t>
  </si>
  <si>
    <t>1055920.0</t>
  </si>
  <si>
    <t>37454.2</t>
  </si>
  <si>
    <t>1930.82811947913</t>
  </si>
  <si>
    <t>11685380.0</t>
  </si>
  <si>
    <t>608.726</t>
  </si>
  <si>
    <t>50401.0</t>
  </si>
  <si>
    <t>3206473.0</t>
  </si>
  <si>
    <t>2131519.0</t>
  </si>
  <si>
    <t>1074954.0</t>
  </si>
  <si>
    <t>11727559.0</t>
  </si>
  <si>
    <t>610.923</t>
  </si>
  <si>
    <t>49625.0</t>
  </si>
  <si>
    <t>3241998.0</t>
  </si>
  <si>
    <t>2145688.0</t>
  </si>
  <si>
    <t>1096310.0</t>
  </si>
  <si>
    <t>11770665.0</t>
  </si>
  <si>
    <t>43106.0</t>
  </si>
  <si>
    <t>613.168</t>
  </si>
  <si>
    <t>34556.0</t>
  </si>
  <si>
    <t>3276918.0</t>
  </si>
  <si>
    <t>2158946.0</t>
  </si>
  <si>
    <t>1117972.0</t>
  </si>
  <si>
    <t>34920.0</t>
  </si>
  <si>
    <t>25568.0</t>
  </si>
  <si>
    <t>11815815.0</t>
  </si>
  <si>
    <t>615.52</t>
  </si>
  <si>
    <t>34400.0</t>
  </si>
  <si>
    <t>3323620.0</t>
  </si>
  <si>
    <t>2181389.0</t>
  </si>
  <si>
    <t>1142231.0</t>
  </si>
  <si>
    <t>46702.0</t>
  </si>
  <si>
    <t>29167.0</t>
  </si>
  <si>
    <t>11847598.0</t>
  </si>
  <si>
    <t>617.176</t>
  </si>
  <si>
    <t>37849.0</t>
  </si>
  <si>
    <t>3375005.0</t>
  </si>
  <si>
    <t>2208974.0</t>
  </si>
  <si>
    <t>1166031.0</t>
  </si>
  <si>
    <t>51385.0</t>
  </si>
  <si>
    <t>11867284.0</t>
  </si>
  <si>
    <t>618.202</t>
  </si>
  <si>
    <t>39569.0</t>
  </si>
  <si>
    <t>3409522.0</t>
  </si>
  <si>
    <t>2230018.0</t>
  </si>
  <si>
    <t>1179504.0</t>
  </si>
  <si>
    <t>11912339.0</t>
  </si>
  <si>
    <t>45055.0</t>
  </si>
  <si>
    <t>620.549</t>
  </si>
  <si>
    <t>3435240.0</t>
  </si>
  <si>
    <t>2247776.0</t>
  </si>
  <si>
    <t>1187464.0</t>
  </si>
  <si>
    <t>37887.0</t>
  </si>
  <si>
    <t>11965068.0</t>
  </si>
  <si>
    <t>52729.0</t>
  </si>
  <si>
    <t>623.295</t>
  </si>
  <si>
    <t>3498939.0</t>
  </si>
  <si>
    <t>2285898.0</t>
  </si>
  <si>
    <t>1213041.0</t>
  </si>
  <si>
    <t>63699.0</t>
  </si>
  <si>
    <t>3566878.0</t>
  </si>
  <si>
    <t>2326487.0</t>
  </si>
  <si>
    <t>1240391.0</t>
  </si>
  <si>
    <t>67939.0</t>
  </si>
  <si>
    <t>46411.0</t>
  </si>
  <si>
    <t>3635425.0</t>
  </si>
  <si>
    <t>2371178.0</t>
  </si>
  <si>
    <t>1264247.0</t>
  </si>
  <si>
    <t>68547.0</t>
  </si>
  <si>
    <t>3714092.0</t>
  </si>
  <si>
    <t>2416430.0</t>
  </si>
  <si>
    <t>1297662.0</t>
  </si>
  <si>
    <t>3806686.0</t>
  </si>
  <si>
    <t>2462626.0</t>
  </si>
  <si>
    <t>1344060.0</t>
  </si>
  <si>
    <t>92594.0</t>
  </si>
  <si>
    <t>3861948.0</t>
  </si>
  <si>
    <t>2490852.0</t>
  </si>
  <si>
    <t>1371096.0</t>
  </si>
  <si>
    <t>37262.0</t>
  </si>
  <si>
    <t>3890186.0</t>
  </si>
  <si>
    <t>2506157.0</t>
  </si>
  <si>
    <t>1384029.0</t>
  </si>
  <si>
    <t>3982697.0</t>
  </si>
  <si>
    <t>2547363.0</t>
  </si>
  <si>
    <t>1435334.0</t>
  </si>
  <si>
    <t>92511.0</t>
  </si>
  <si>
    <t>69108.0</t>
  </si>
  <si>
    <t>37352.0</t>
  </si>
  <si>
    <t>4068193.0</t>
  </si>
  <si>
    <t>2587884.0</t>
  </si>
  <si>
    <t>1480309.0</t>
  </si>
  <si>
    <t>4157358.0</t>
  </si>
  <si>
    <t>2629651.0</t>
  </si>
  <si>
    <t>1527707.0</t>
  </si>
  <si>
    <t>89165.0</t>
  </si>
  <si>
    <t>4255193.0</t>
  </si>
  <si>
    <t>2676299.0</t>
  </si>
  <si>
    <t>1578894.0</t>
  </si>
  <si>
    <t>97835.0</t>
  </si>
  <si>
    <t>77300.0</t>
  </si>
  <si>
    <t>37124.0</t>
  </si>
  <si>
    <t>4345853.0</t>
  </si>
  <si>
    <t>2719987.0</t>
  </si>
  <si>
    <t>1625866.0</t>
  </si>
  <si>
    <t>90660.0</t>
  </si>
  <si>
    <t>77024.0</t>
  </si>
  <si>
    <t>4397655.0</t>
  </si>
  <si>
    <t>2744212.0</t>
  </si>
  <si>
    <t>1653443.0</t>
  </si>
  <si>
    <t>51802.0</t>
  </si>
  <si>
    <t>36194.0</t>
  </si>
  <si>
    <t>4428255.0</t>
  </si>
  <si>
    <t>2760223.0</t>
  </si>
  <si>
    <t>1668032.0</t>
  </si>
  <si>
    <t>30600.0</t>
  </si>
  <si>
    <t>76867.0</t>
  </si>
  <si>
    <t>4525197.0</t>
  </si>
  <si>
    <t>2809447.0</t>
  </si>
  <si>
    <t>1715750.0</t>
  </si>
  <si>
    <t>96942.0</t>
  </si>
  <si>
    <t>77500.0</t>
  </si>
  <si>
    <t>4611224.0</t>
  </si>
  <si>
    <t>2857255.0</t>
  </si>
  <si>
    <t>1753969.0</t>
  </si>
  <si>
    <t>86027.0</t>
  </si>
  <si>
    <t>77576.0</t>
  </si>
  <si>
    <t>4713807.0</t>
  </si>
  <si>
    <t>2920407.0</t>
  </si>
  <si>
    <t>1793400.0</t>
  </si>
  <si>
    <t>102583.0</t>
  </si>
  <si>
    <t>79493.0</t>
  </si>
  <si>
    <t>4826715.0</t>
  </si>
  <si>
    <t>2997072.0</t>
  </si>
  <si>
    <t>1829643.0</t>
  </si>
  <si>
    <t>112908.0</t>
  </si>
  <si>
    <t>81646.0</t>
  </si>
  <si>
    <t>45825.0</t>
  </si>
  <si>
    <t>4951029.0</t>
  </si>
  <si>
    <t>3081548.0</t>
  </si>
  <si>
    <t>1869481.0</t>
  </si>
  <si>
    <t>124314.0</t>
  </si>
  <si>
    <t>5021117.0</t>
  </si>
  <si>
    <t>3130095.0</t>
  </si>
  <si>
    <t>1891022.0</t>
  </si>
  <si>
    <t>70088.0</t>
  </si>
  <si>
    <t>55126.0</t>
  </si>
  <si>
    <t>5070217.0</t>
  </si>
  <si>
    <t>3165155.0</t>
  </si>
  <si>
    <t>1905062.0</t>
  </si>
  <si>
    <t>49100.0</t>
  </si>
  <si>
    <t>91709.0</t>
  </si>
  <si>
    <t>5201167.0</t>
  </si>
  <si>
    <t>3246795.0</t>
  </si>
  <si>
    <t>1954372.0</t>
  </si>
  <si>
    <t>130950.0</t>
  </si>
  <si>
    <t>96567.0</t>
  </si>
  <si>
    <t>62478.0</t>
  </si>
  <si>
    <t>5335768.0</t>
  </si>
  <si>
    <t>3335172.0</t>
  </si>
  <si>
    <t>2000596.0</t>
  </si>
  <si>
    <t>134601.0</t>
  </si>
  <si>
    <t>103506.0</t>
  </si>
  <si>
    <t>39466.4</t>
  </si>
  <si>
    <t>2034.56047371486</t>
  </si>
  <si>
    <t>5453306.0</t>
  </si>
  <si>
    <t>3413684.0</t>
  </si>
  <si>
    <t>2039622.0</t>
  </si>
  <si>
    <t>117538.0</t>
  </si>
  <si>
    <t>105643.0</t>
  </si>
  <si>
    <t>5588733.0</t>
  </si>
  <si>
    <t>3502814.0</t>
  </si>
  <si>
    <t>2085919.0</t>
  </si>
  <si>
    <t>135427.0</t>
  </si>
  <si>
    <t>108860.0</t>
  </si>
  <si>
    <t>5747548.0</t>
  </si>
  <si>
    <t>3612610.0</t>
  </si>
  <si>
    <t>2134938.0</t>
  </si>
  <si>
    <t>113788.0</t>
  </si>
  <si>
    <t>5892097.0</t>
  </si>
  <si>
    <t>3717876.0</t>
  </si>
  <si>
    <t>2174221.0</t>
  </si>
  <si>
    <t>144549.0</t>
  </si>
  <si>
    <t>124426.0</t>
  </si>
  <si>
    <t>83969.0</t>
  </si>
  <si>
    <t>5961831.0</t>
  </si>
  <si>
    <t>3771053.0</t>
  </si>
  <si>
    <t>2190778.0</t>
  </si>
  <si>
    <t>127373.0</t>
  </si>
  <si>
    <t>6058585.0</t>
  </si>
  <si>
    <t>3843678.0</t>
  </si>
  <si>
    <t>2214907.0</t>
  </si>
  <si>
    <t>96754.0</t>
  </si>
  <si>
    <t>122488.0</t>
  </si>
  <si>
    <t>85269.0</t>
  </si>
  <si>
    <t>6142705.0</t>
  </si>
  <si>
    <t>3906643.0</t>
  </si>
  <si>
    <t>2236062.0</t>
  </si>
  <si>
    <t>84120.0</t>
  </si>
  <si>
    <t>115277.0</t>
  </si>
  <si>
    <t>6303889.0</t>
  </si>
  <si>
    <t>4020128.0</t>
  </si>
  <si>
    <t>2283761.0</t>
  </si>
  <si>
    <t>161184.0</t>
  </si>
  <si>
    <t>121512.0</t>
  </si>
  <si>
    <t>6470158.0</t>
  </si>
  <si>
    <t>4134139.0</t>
  </si>
  <si>
    <t>2336019.0</t>
  </si>
  <si>
    <t>166269.0</t>
  </si>
  <si>
    <t>125918.0</t>
  </si>
  <si>
    <t>90189.0</t>
  </si>
  <si>
    <t>6631615.0</t>
  </si>
  <si>
    <t>4241859.0</t>
  </si>
  <si>
    <t>2389756.0</t>
  </si>
  <si>
    <t>161457.0</t>
  </si>
  <si>
    <t>126295.0</t>
  </si>
  <si>
    <t>89893.0</t>
  </si>
  <si>
    <t>6742275.0</t>
  </si>
  <si>
    <t>4319897.0</t>
  </si>
  <si>
    <t>2422378.0</t>
  </si>
  <si>
    <t>110660.0</t>
  </si>
  <si>
    <t>121454.0</t>
  </si>
  <si>
    <t>86003.0</t>
  </si>
  <si>
    <t>6814950.0</t>
  </si>
  <si>
    <t>4372235.0</t>
  </si>
  <si>
    <t>2442715.0</t>
  </si>
  <si>
    <t>72675.0</t>
  </si>
  <si>
    <t>6977194.0</t>
  </si>
  <si>
    <t>4486677.0</t>
  </si>
  <si>
    <t>2490517.0</t>
  </si>
  <si>
    <t>131230.0</t>
  </si>
  <si>
    <t>91857.0</t>
  </si>
  <si>
    <t>7143683.0</t>
  </si>
  <si>
    <t>4601830.0</t>
  </si>
  <si>
    <t>2541853.0</t>
  </si>
  <si>
    <t>142997.0</t>
  </si>
  <si>
    <t>99312.0</t>
  </si>
  <si>
    <t>7303180.0</t>
  </si>
  <si>
    <t>4705675.0</t>
  </si>
  <si>
    <t>2597505.0</t>
  </si>
  <si>
    <t>159497.0</t>
  </si>
  <si>
    <t>90932.0</t>
  </si>
  <si>
    <t>7567360.0</t>
  </si>
  <si>
    <t>4835653.0</t>
  </si>
  <si>
    <t>2731707.0</t>
  </si>
  <si>
    <t>133678.0</t>
  </si>
  <si>
    <t>84828.0</t>
  </si>
  <si>
    <t>7645097.0</t>
  </si>
  <si>
    <t>4872183.0</t>
  </si>
  <si>
    <t>2772914.0</t>
  </si>
  <si>
    <t>77737.0</t>
  </si>
  <si>
    <t>128975.0</t>
  </si>
  <si>
    <t>78898.0</t>
  </si>
  <si>
    <t>7693534.0</t>
  </si>
  <si>
    <t>4895174.0</t>
  </si>
  <si>
    <t>2798360.0</t>
  </si>
  <si>
    <t>125512.0</t>
  </si>
  <si>
    <t>74706.0</t>
  </si>
  <si>
    <t>7819581.0</t>
  </si>
  <si>
    <t>4944498.0</t>
  </si>
  <si>
    <t>2875083.0</t>
  </si>
  <si>
    <t>126047.0</t>
  </si>
  <si>
    <t>120341.0</t>
  </si>
  <si>
    <t>65403.0</t>
  </si>
  <si>
    <t>7872926.0</t>
  </si>
  <si>
    <t>4965516.0</t>
  </si>
  <si>
    <t>2907410.0</t>
  </si>
  <si>
    <t>53345.0</t>
  </si>
  <si>
    <t>51955.0</t>
  </si>
  <si>
    <t>8001622.0</t>
  </si>
  <si>
    <t>5009408.0</t>
  </si>
  <si>
    <t>2992214.0</t>
  </si>
  <si>
    <t>128696.0</t>
  </si>
  <si>
    <t>8130877.0</t>
  </si>
  <si>
    <t>5054970.0</t>
  </si>
  <si>
    <t>3075907.0</t>
  </si>
  <si>
    <t>129255.0</t>
  </si>
  <si>
    <t>99372.0</t>
  </si>
  <si>
    <t>8268903.0</t>
  </si>
  <si>
    <t>5098010.0</t>
  </si>
  <si>
    <t>3170893.0</t>
  </si>
  <si>
    <t>138026.0</t>
  </si>
  <si>
    <t>8359068.0</t>
  </si>
  <si>
    <t>5127049.0</t>
  </si>
  <si>
    <t>3232019.0</t>
  </si>
  <si>
    <t>90165.0</t>
  </si>
  <si>
    <t>101996.0</t>
  </si>
  <si>
    <t>8409760.0</t>
  </si>
  <si>
    <t>5145055.0</t>
  </si>
  <si>
    <t>3264705.0</t>
  </si>
  <si>
    <t>102318.0</t>
  </si>
  <si>
    <t>35697.0</t>
  </si>
  <si>
    <t>8545226.0</t>
  </si>
  <si>
    <t>5188266.0</t>
  </si>
  <si>
    <t>3356960.0</t>
  </si>
  <si>
    <t>8667367.0</t>
  </si>
  <si>
    <t>5230750.0</t>
  </si>
  <si>
    <t>3436617.0</t>
  </si>
  <si>
    <t>122141.0</t>
  </si>
  <si>
    <t>113492.0</t>
  </si>
  <si>
    <t>8811134.0</t>
  </si>
  <si>
    <t>5275626.0</t>
  </si>
  <si>
    <t>3535508.0</t>
  </si>
  <si>
    <t>143767.0</t>
  </si>
  <si>
    <t>115645.0</t>
  </si>
  <si>
    <t>38031.0</t>
  </si>
  <si>
    <t>8953785.0</t>
  </si>
  <si>
    <t>5321718.0</t>
  </si>
  <si>
    <t>3632067.0</t>
  </si>
  <si>
    <t>142651.0</t>
  </si>
  <si>
    <t>117558.0</t>
  </si>
  <si>
    <t>9101581.0</t>
  </si>
  <si>
    <t>5370661.0</t>
  </si>
  <si>
    <t>3730920.0</t>
  </si>
  <si>
    <t>147796.0</t>
  </si>
  <si>
    <t>118954.0</t>
  </si>
  <si>
    <t>44497.0</t>
  </si>
  <si>
    <t>2293.89651447536</t>
  </si>
  <si>
    <t>9208838.0</t>
  </si>
  <si>
    <t>5408959.0</t>
  </si>
  <si>
    <t>3799879.0</t>
  </si>
  <si>
    <t>121396.0</t>
  </si>
  <si>
    <t>9266699.0</t>
  </si>
  <si>
    <t>5429636.0</t>
  </si>
  <si>
    <t>3837063.0</t>
  </si>
  <si>
    <t>57861.0</t>
  </si>
  <si>
    <t>122420.0</t>
  </si>
  <si>
    <t>9422035.0</t>
  </si>
  <si>
    <t>5480094.0</t>
  </si>
  <si>
    <t>3941941.0</t>
  </si>
  <si>
    <t>125258.0</t>
  </si>
  <si>
    <t>9579252.0</t>
  </si>
  <si>
    <t>5530789.0</t>
  </si>
  <si>
    <t>4048463.0</t>
  </si>
  <si>
    <t>130269.0</t>
  </si>
  <si>
    <t>9733159.0</t>
  </si>
  <si>
    <t>5584190.0</t>
  </si>
  <si>
    <t>4148969.0</t>
  </si>
  <si>
    <t>44081.0</t>
  </si>
  <si>
    <t>9866185.0</t>
  </si>
  <si>
    <t>5634981.0</t>
  </si>
  <si>
    <t>4231204.0</t>
  </si>
  <si>
    <t>130343.0</t>
  </si>
  <si>
    <t>44752.0</t>
  </si>
  <si>
    <t>10004227.0</t>
  </si>
  <si>
    <t>5692340.0</t>
  </si>
  <si>
    <t>4311887.0</t>
  </si>
  <si>
    <t>128949.0</t>
  </si>
  <si>
    <t>10083693.0</t>
  </si>
  <si>
    <t>5727414.0</t>
  </si>
  <si>
    <t>4356279.0</t>
  </si>
  <si>
    <t>79466.0</t>
  </si>
  <si>
    <t>45494.0</t>
  </si>
  <si>
    <t>10133567.0</t>
  </si>
  <si>
    <t>5750698.0</t>
  </si>
  <si>
    <t>4382869.0</t>
  </si>
  <si>
    <t>49874.0</t>
  </si>
  <si>
    <t>123838.0</t>
  </si>
  <si>
    <t>10253180.0</t>
  </si>
  <si>
    <t>5807646.0</t>
  </si>
  <si>
    <t>4445534.0</t>
  </si>
  <si>
    <t>118735.0</t>
  </si>
  <si>
    <t>10384678.0</t>
  </si>
  <si>
    <t>5879016.0</t>
  </si>
  <si>
    <t>4505662.0</t>
  </si>
  <si>
    <t>131498.0</t>
  </si>
  <si>
    <t>115061.0</t>
  </si>
  <si>
    <t>49747.0</t>
  </si>
  <si>
    <t>10503374.0</t>
  </si>
  <si>
    <t>5939533.0</t>
  </si>
  <si>
    <t>4563841.0</t>
  </si>
  <si>
    <t>110031.0</t>
  </si>
  <si>
    <t>10607929.0</t>
  </si>
  <si>
    <t>5991676.0</t>
  </si>
  <si>
    <t>4616253.0</t>
  </si>
  <si>
    <t>104555.0</t>
  </si>
  <si>
    <t>105963.0</t>
  </si>
  <si>
    <t>10712219.0</t>
  </si>
  <si>
    <t>6044062.0</t>
  </si>
  <si>
    <t>4668157.0</t>
  </si>
  <si>
    <t>104290.0</t>
  </si>
  <si>
    <t>101142.0</t>
  </si>
  <si>
    <t>10774674.0</t>
  </si>
  <si>
    <t>6074583.0</t>
  </si>
  <si>
    <t>4700091.0</t>
  </si>
  <si>
    <t>62455.0</t>
  </si>
  <si>
    <t>98712.0</t>
  </si>
  <si>
    <t>49596.0</t>
  </si>
  <si>
    <t>10810765.0</t>
  </si>
  <si>
    <t>6092882.0</t>
  </si>
  <si>
    <t>4717883.0</t>
  </si>
  <si>
    <t>96743.0</t>
  </si>
  <si>
    <t>48883.0</t>
  </si>
  <si>
    <t>10908584.0</t>
  </si>
  <si>
    <t>6138795.0</t>
  </si>
  <si>
    <t>4769789.0</t>
  </si>
  <si>
    <t>97819.0</t>
  </si>
  <si>
    <t>93629.0</t>
  </si>
  <si>
    <t>11003032.0</t>
  </si>
  <si>
    <t>6183445.0</t>
  </si>
  <si>
    <t>4819587.0</t>
  </si>
  <si>
    <t>94448.0</t>
  </si>
  <si>
    <t>88336.0</t>
  </si>
  <si>
    <t>43490.0</t>
  </si>
  <si>
    <t>11096951.0</t>
  </si>
  <si>
    <t>6229329.0</t>
  </si>
  <si>
    <t>4867622.0</t>
  </si>
  <si>
    <t>84797.0</t>
  </si>
  <si>
    <t>6276224.0</t>
  </si>
  <si>
    <t>4913196.0</t>
  </si>
  <si>
    <t>92469.0</t>
  </si>
  <si>
    <t>83070.0</t>
  </si>
  <si>
    <t>40650.0</t>
  </si>
  <si>
    <t>11285628.0</t>
  </si>
  <si>
    <t>6322910.0</t>
  </si>
  <si>
    <t>4962718.0</t>
  </si>
  <si>
    <t>39835.0</t>
  </si>
  <si>
    <t>11347235.0</t>
  </si>
  <si>
    <t>6351991.0</t>
  </si>
  <si>
    <t>4995244.0</t>
  </si>
  <si>
    <t>81794.0</t>
  </si>
  <si>
    <t>11382327.0</t>
  </si>
  <si>
    <t>6369263.0</t>
  </si>
  <si>
    <t>5013064.0</t>
  </si>
  <si>
    <t>35092.0</t>
  </si>
  <si>
    <t>81652.0</t>
  </si>
  <si>
    <t>11483650.0</t>
  </si>
  <si>
    <t>6413010.0</t>
  </si>
  <si>
    <t>5070640.0</t>
  </si>
  <si>
    <t>101323.0</t>
  </si>
  <si>
    <t>82152.0</t>
  </si>
  <si>
    <t>11571835.0</t>
  </si>
  <si>
    <t>6448802.0</t>
  </si>
  <si>
    <t>5123033.0</t>
  </si>
  <si>
    <t>88185.0</t>
  </si>
  <si>
    <t>11619575.0</t>
  </si>
  <si>
    <t>6466823.0</t>
  </si>
  <si>
    <t>5152752.0</t>
  </si>
  <si>
    <t>47740.0</t>
  </si>
  <si>
    <t>74661.0</t>
  </si>
  <si>
    <t>11752505.0</t>
  </si>
  <si>
    <t>6525279.0</t>
  </si>
  <si>
    <t>5227226.0</t>
  </si>
  <si>
    <t>80441.0</t>
  </si>
  <si>
    <t>11848609.0</t>
  </si>
  <si>
    <t>6564783.0</t>
  </si>
  <si>
    <t>5283826.0</t>
  </si>
  <si>
    <t>80426.0</t>
  </si>
  <si>
    <t>11909481.0</t>
  </si>
  <si>
    <t>6592369.0</t>
  </si>
  <si>
    <t>5317112.0</t>
  </si>
  <si>
    <t>11950047.0</t>
  </si>
  <si>
    <t>5339029.0</t>
  </si>
  <si>
    <t>11995502.0</t>
  </si>
  <si>
    <t>6629678.0</t>
  </si>
  <si>
    <t>5365824.0</t>
  </si>
  <si>
    <t>45455.0</t>
  </si>
  <si>
    <t>73122.0</t>
  </si>
  <si>
    <t>58240.0</t>
  </si>
  <si>
    <t>129.66</t>
  </si>
  <si>
    <t>3002.3716880474</t>
  </si>
  <si>
    <t>12108285.0</t>
  </si>
  <si>
    <t>6669969.0</t>
  </si>
  <si>
    <t>5438316.0</t>
  </si>
  <si>
    <t>112783.0</t>
  </si>
  <si>
    <t>76636.0</t>
  </si>
  <si>
    <t>12212130.0</t>
  </si>
  <si>
    <t>6709478.0</t>
  </si>
  <si>
    <t>5502652.0</t>
  </si>
  <si>
    <t>103845.0</t>
  </si>
  <si>
    <t>84651.0</t>
  </si>
  <si>
    <t>12308454.0</t>
  </si>
  <si>
    <t>6748762.0</t>
  </si>
  <si>
    <t>5559692.0</t>
  </si>
  <si>
    <t>96324.0</t>
  </si>
  <si>
    <t>31926.0</t>
  </si>
  <si>
    <t>12403279.0</t>
  </si>
  <si>
    <t>6787867.0</t>
  </si>
  <si>
    <t>5615412.0</t>
  </si>
  <si>
    <t>79239.0</t>
  </si>
  <si>
    <t>31869.0</t>
  </si>
  <si>
    <t>12465884.0</t>
  </si>
  <si>
    <t>6819137.0</t>
  </si>
  <si>
    <t>5646747.0</t>
  </si>
  <si>
    <t>32395.0</t>
  </si>
  <si>
    <t>12501794.0</t>
  </si>
  <si>
    <t>6839097.0</t>
  </si>
  <si>
    <t>5662697.0</t>
  </si>
  <si>
    <t>78821.0</t>
  </si>
  <si>
    <t>12593633.0</t>
  </si>
  <si>
    <t>6882241.0</t>
  </si>
  <si>
    <t>5711392.0</t>
  </si>
  <si>
    <t>91839.0</t>
  </si>
  <si>
    <t>85447.0</t>
  </si>
  <si>
    <t>36080.0</t>
  </si>
  <si>
    <t>12684463.0</t>
  </si>
  <si>
    <t>6928646.0</t>
  </si>
  <si>
    <t>5755817.0</t>
  </si>
  <si>
    <t>90830.0</t>
  </si>
  <si>
    <t>12764970.0</t>
  </si>
  <si>
    <t>6969069.0</t>
  </si>
  <si>
    <t>5795901.0</t>
  </si>
  <si>
    <t>80507.0</t>
  </si>
  <si>
    <t>78977.0</t>
  </si>
  <si>
    <t>12844958.0</t>
  </si>
  <si>
    <t>7010302.0</t>
  </si>
  <si>
    <t>5834656.0</t>
  </si>
  <si>
    <t>12916105.0</t>
  </si>
  <si>
    <t>7044876.0</t>
  </si>
  <si>
    <t>5871229.0</t>
  </si>
  <si>
    <t>71147.0</t>
  </si>
  <si>
    <t>73261.0</t>
  </si>
  <si>
    <t>12966142.0</t>
  </si>
  <si>
    <t>7072523.0</t>
  </si>
  <si>
    <t>5893619.0</t>
  </si>
  <si>
    <t>12994074.0</t>
  </si>
  <si>
    <t>7087994.0</t>
  </si>
  <si>
    <t>5906080.0</t>
  </si>
  <si>
    <t>70326.0</t>
  </si>
  <si>
    <t>13071632.0</t>
  </si>
  <si>
    <t>7126777.0</t>
  </si>
  <si>
    <t>5944855.0</t>
  </si>
  <si>
    <t>68286.0</t>
  </si>
  <si>
    <t>34934.0</t>
  </si>
  <si>
    <t>13142460.0</t>
  </si>
  <si>
    <t>7160129.0</t>
  </si>
  <si>
    <t>5982331.0</t>
  </si>
  <si>
    <t>65428.0</t>
  </si>
  <si>
    <t>13213887.0</t>
  </si>
  <si>
    <t>7194860.0</t>
  </si>
  <si>
    <t>6019027.0</t>
  </si>
  <si>
    <t>71427.0</t>
  </si>
  <si>
    <t>13287776.0</t>
  </si>
  <si>
    <t>7228047.0</t>
  </si>
  <si>
    <t>6059729.0</t>
  </si>
  <si>
    <t>73889.0</t>
  </si>
  <si>
    <t>13368189.0</t>
  </si>
  <si>
    <t>7259649.0</t>
  </si>
  <si>
    <t>6108540.0</t>
  </si>
  <si>
    <t>80413.0</t>
  </si>
  <si>
    <t>13427908.0</t>
  </si>
  <si>
    <t>7284247.0</t>
  </si>
  <si>
    <t>6143661.0</t>
  </si>
  <si>
    <t>59719.0</t>
  </si>
  <si>
    <t>65967.0</t>
  </si>
  <si>
    <t>30246.0</t>
  </si>
  <si>
    <t>13461216.0</t>
  </si>
  <si>
    <t>7300062.0</t>
  </si>
  <si>
    <t>6161154.0</t>
  </si>
  <si>
    <t>33308.0</t>
  </si>
  <si>
    <t>66735.0</t>
  </si>
  <si>
    <t>30295.0</t>
  </si>
  <si>
    <t>13536123.0</t>
  </si>
  <si>
    <t>7334870.0</t>
  </si>
  <si>
    <t>6201253.0</t>
  </si>
  <si>
    <t>74907.0</t>
  </si>
  <si>
    <t>66356.0</t>
  </si>
  <si>
    <t>13619117.0</t>
  </si>
  <si>
    <t>7372086.0</t>
  </si>
  <si>
    <t>6247031.0</t>
  </si>
  <si>
    <t>82994.0</t>
  </si>
  <si>
    <t>68094.0</t>
  </si>
  <si>
    <t>13698195.0</t>
  </si>
  <si>
    <t>7408957.0</t>
  </si>
  <si>
    <t>6289238.0</t>
  </si>
  <si>
    <t>13775754.0</t>
  </si>
  <si>
    <t>7447463.0</t>
  </si>
  <si>
    <t>6328291.0</t>
  </si>
  <si>
    <t>77559.0</t>
  </si>
  <si>
    <t>69711.0</t>
  </si>
  <si>
    <t>31345.0</t>
  </si>
  <si>
    <t>13853000.0</t>
  </si>
  <si>
    <t>7483978.0</t>
  </si>
  <si>
    <t>6369022.0</t>
  </si>
  <si>
    <t>77246.0</t>
  </si>
  <si>
    <t>69259.0</t>
  </si>
  <si>
    <t>13901899.0</t>
  </si>
  <si>
    <t>7508100.0</t>
  </si>
  <si>
    <t>6393799.0</t>
  </si>
  <si>
    <t>48899.0</t>
  </si>
  <si>
    <t>67713.0</t>
  </si>
  <si>
    <t>13932708.0</t>
  </si>
  <si>
    <t>7524609.0</t>
  </si>
  <si>
    <t>6408099.0</t>
  </si>
  <si>
    <t>30809.0</t>
  </si>
  <si>
    <t>67356.0</t>
  </si>
  <si>
    <t>14013701.0</t>
  </si>
  <si>
    <t>7560935.0</t>
  </si>
  <si>
    <t>6452766.0</t>
  </si>
  <si>
    <t>80993.0</t>
  </si>
  <si>
    <t>32295.0</t>
  </si>
  <si>
    <t>14095115.0</t>
  </si>
  <si>
    <t>7594542.0</t>
  </si>
  <si>
    <t>6500573.0</t>
  </si>
  <si>
    <t>14168795.0</t>
  </si>
  <si>
    <t>7623541.0</t>
  </si>
  <si>
    <t>6545254.0</t>
  </si>
  <si>
    <t>73680.0</t>
  </si>
  <si>
    <t>67229.0</t>
  </si>
  <si>
    <t>30655.0</t>
  </si>
  <si>
    <t>67576.2</t>
  </si>
  <si>
    <t>3483.66877860282</t>
  </si>
  <si>
    <t>14248164.0</t>
  </si>
  <si>
    <t>7654566.0</t>
  </si>
  <si>
    <t>6593598.0</t>
  </si>
  <si>
    <t>14319567.0</t>
  </si>
  <si>
    <t>7684022.0</t>
  </si>
  <si>
    <t>6635545.0</t>
  </si>
  <si>
    <t>66652.0</t>
  </si>
  <si>
    <t>28578.0</t>
  </si>
  <si>
    <t>14362693.0</t>
  </si>
  <si>
    <t>7703478.0</t>
  </si>
  <si>
    <t>6659215.0</t>
  </si>
  <si>
    <t>65828.0</t>
  </si>
  <si>
    <t>27911.0</t>
  </si>
  <si>
    <t>14388682.0</t>
  </si>
  <si>
    <t>7716723.0</t>
  </si>
  <si>
    <t>6671959.0</t>
  </si>
  <si>
    <t>14455968.0</t>
  </si>
  <si>
    <t>7740864.0</t>
  </si>
  <si>
    <t>6715104.0</t>
  </si>
  <si>
    <t>67286.0</t>
  </si>
  <si>
    <t>14522412.0</t>
  </si>
  <si>
    <t>7766146.0</t>
  </si>
  <si>
    <t>6756266.0</t>
  </si>
  <si>
    <t>14551618.0</t>
  </si>
  <si>
    <t>7775348.0</t>
  </si>
  <si>
    <t>6776270.0</t>
  </si>
  <si>
    <t>14639156.0</t>
  </si>
  <si>
    <t>7810611.0</t>
  </si>
  <si>
    <t>6828545.0</t>
  </si>
  <si>
    <t>87538.0</t>
  </si>
  <si>
    <t>14696554.0</t>
  </si>
  <si>
    <t>7831773.0</t>
  </si>
  <si>
    <t>6864781.0</t>
  </si>
  <si>
    <t>57398.0</t>
  </si>
  <si>
    <t>21107.0</t>
  </si>
  <si>
    <t>14734747.0</t>
  </si>
  <si>
    <t>7846324.0</t>
  </si>
  <si>
    <t>6888423.0</t>
  </si>
  <si>
    <t>53151.0</t>
  </si>
  <si>
    <t>14760444.0</t>
  </si>
  <si>
    <t>7859131.0</t>
  </si>
  <si>
    <t>6901313.0</t>
  </si>
  <si>
    <t>14827554.0</t>
  </si>
  <si>
    <t>7884798.0</t>
  </si>
  <si>
    <t>6942756.0</t>
  </si>
  <si>
    <t>67110.0</t>
  </si>
  <si>
    <t>14898507.0</t>
  </si>
  <si>
    <t>7915434.0</t>
  </si>
  <si>
    <t>6983073.0</t>
  </si>
  <si>
    <t>53728.0</t>
  </si>
  <si>
    <t>21327.0</t>
  </si>
  <si>
    <t>14969562.0</t>
  </si>
  <si>
    <t>7947201.0</t>
  </si>
  <si>
    <t>7022361.0</t>
  </si>
  <si>
    <t>71055.0</t>
  </si>
  <si>
    <t>24550.0</t>
  </si>
  <si>
    <t>15035724.0</t>
  </si>
  <si>
    <t>7976127.0</t>
  </si>
  <si>
    <t>7059597.0</t>
  </si>
  <si>
    <t>66162.0</t>
  </si>
  <si>
    <t>56653.0</t>
  </si>
  <si>
    <t>15101387.0</t>
  </si>
  <si>
    <t>8003776.0</t>
  </si>
  <si>
    <t>7097611.0</t>
  </si>
  <si>
    <t>65663.0</t>
  </si>
  <si>
    <t>57833.0</t>
  </si>
  <si>
    <t>15137851.0</t>
  </si>
  <si>
    <t>8019611.0</t>
  </si>
  <si>
    <t>7118240.0</t>
  </si>
  <si>
    <t>57586.0</t>
  </si>
  <si>
    <t>24755.0</t>
  </si>
  <si>
    <t>15158233.0</t>
  </si>
  <si>
    <t>8029779.0</t>
  </si>
  <si>
    <t>7128454.0</t>
  </si>
  <si>
    <t>20382.0</t>
  </si>
  <si>
    <t>15221541.0</t>
  </si>
  <si>
    <t>8054450.0</t>
  </si>
  <si>
    <t>7167091.0</t>
  </si>
  <si>
    <t>56284.0</t>
  </si>
  <si>
    <t>15281564.0</t>
  </si>
  <si>
    <t>8078657.0</t>
  </si>
  <si>
    <t>7202907.0</t>
  </si>
  <si>
    <t>15338460.0</t>
  </si>
  <si>
    <t>8102781.0</t>
  </si>
  <si>
    <t>7235679.0</t>
  </si>
  <si>
    <t>15394361.0</t>
  </si>
  <si>
    <t>8124473.0</t>
  </si>
  <si>
    <t>7269888.0</t>
  </si>
  <si>
    <t>55901.0</t>
  </si>
  <si>
    <t>15446184.0</t>
  </si>
  <si>
    <t>8145620.0</t>
  </si>
  <si>
    <t>7300564.0</t>
  </si>
  <si>
    <t>49257.0</t>
  </si>
  <si>
    <t>15477640.0</t>
  </si>
  <si>
    <t>8159043.0</t>
  </si>
  <si>
    <t>7318597.0</t>
  </si>
  <si>
    <t>31456.0</t>
  </si>
  <si>
    <t>48541.0</t>
  </si>
  <si>
    <t>15497251.0</t>
  </si>
  <si>
    <t>8168114.0</t>
  </si>
  <si>
    <t>7329137.0</t>
  </si>
  <si>
    <t>48431.0</t>
  </si>
  <si>
    <t>15550804.0</t>
  </si>
  <si>
    <t>8190303.0</t>
  </si>
  <si>
    <t>7360501.0</t>
  </si>
  <si>
    <t>53553.0</t>
  </si>
  <si>
    <t>47038.0</t>
  </si>
  <si>
    <t>19408.0</t>
  </si>
  <si>
    <t>15605426.0</t>
  </si>
  <si>
    <t>8212313.0</t>
  </si>
  <si>
    <t>7393113.0</t>
  </si>
  <si>
    <t>54622.0</t>
  </si>
  <si>
    <t>46266.0</t>
  </si>
  <si>
    <t>19094.0</t>
  </si>
  <si>
    <t>15655946.0</t>
  </si>
  <si>
    <t>8234777.0</t>
  </si>
  <si>
    <t>7421169.0</t>
  </si>
  <si>
    <t>50520.0</t>
  </si>
  <si>
    <t>45355.0</t>
  </si>
  <si>
    <t>15706525.0</t>
  </si>
  <si>
    <t>8257226.0</t>
  </si>
  <si>
    <t>7449299.0</t>
  </si>
  <si>
    <t>15750164.0</t>
  </si>
  <si>
    <t>8276713.0</t>
  </si>
  <si>
    <t>7473451.0</t>
  </si>
  <si>
    <t>15782394.0</t>
  </si>
  <si>
    <t>8291167.0</t>
  </si>
  <si>
    <t>7491227.0</t>
  </si>
  <si>
    <t>43536.0</t>
  </si>
  <si>
    <t>72439.4</t>
  </si>
  <si>
    <t>3734.37506282865</t>
  </si>
  <si>
    <t>15800433.0</t>
  </si>
  <si>
    <t>8300105.0</t>
  </si>
  <si>
    <t>7500328.0</t>
  </si>
  <si>
    <t>43312.0</t>
  </si>
  <si>
    <t>15847503.0</t>
  </si>
  <si>
    <t>8320106.0</t>
  </si>
  <si>
    <t>7527397.0</t>
  </si>
  <si>
    <t>47070.0</t>
  </si>
  <si>
    <t>15898336.0</t>
  </si>
  <si>
    <t>8338340.0</t>
  </si>
  <si>
    <t>7559996.0</t>
  </si>
  <si>
    <t>41844.0</t>
  </si>
  <si>
    <t>15943769.0</t>
  </si>
  <si>
    <t>8355168.0</t>
  </si>
  <si>
    <t>7588601.0</t>
  </si>
  <si>
    <t>45433.0</t>
  </si>
  <si>
    <t>41118.0</t>
  </si>
  <si>
    <t>15992721.0</t>
  </si>
  <si>
    <t>8372506.0</t>
  </si>
  <si>
    <t>7620215.0</t>
  </si>
  <si>
    <t>48952.0</t>
  </si>
  <si>
    <t>40885.0</t>
  </si>
  <si>
    <t>16041199.0</t>
  </si>
  <si>
    <t>8390029.0</t>
  </si>
  <si>
    <t>7651170.0</t>
  </si>
  <si>
    <t>16070232.0</t>
  </si>
  <si>
    <t>8403514.0</t>
  </si>
  <si>
    <t>7666718.0</t>
  </si>
  <si>
    <t>29033.0</t>
  </si>
  <si>
    <t>16084460.0</t>
  </si>
  <si>
    <t>8409883.0</t>
  </si>
  <si>
    <t>7674577.0</t>
  </si>
  <si>
    <t>14228.0</t>
  </si>
  <si>
    <t>16135144.0</t>
  </si>
  <si>
    <t>8432406.0</t>
  </si>
  <si>
    <t>7702738.0</t>
  </si>
  <si>
    <t>50684.0</t>
  </si>
  <si>
    <t>16183146.0</t>
  </si>
  <si>
    <t>8455353.0</t>
  </si>
  <si>
    <t>7727793.0</t>
  </si>
  <si>
    <t>40687.0</t>
  </si>
  <si>
    <t>16231814.0</t>
  </si>
  <si>
    <t>8478672.0</t>
  </si>
  <si>
    <t>7753142.0</t>
  </si>
  <si>
    <t>41149.0</t>
  </si>
  <si>
    <t>16278843.0</t>
  </si>
  <si>
    <t>8501375.0</t>
  </si>
  <si>
    <t>7777468.0</t>
  </si>
  <si>
    <t>16321561.0</t>
  </si>
  <si>
    <t>8521371.0</t>
  </si>
  <si>
    <t>7800190.0</t>
  </si>
  <si>
    <t>40052.0</t>
  </si>
  <si>
    <t>18763.0</t>
  </si>
  <si>
    <t>16344892.0</t>
  </si>
  <si>
    <t>8533457.0</t>
  </si>
  <si>
    <t>7811435.0</t>
  </si>
  <si>
    <t>23331.0</t>
  </si>
  <si>
    <t>39237.0</t>
  </si>
  <si>
    <t>16357164.0</t>
  </si>
  <si>
    <t>8539432.0</t>
  </si>
  <si>
    <t>7817732.0</t>
  </si>
  <si>
    <t>16397514.0</t>
  </si>
  <si>
    <t>8556638.0</t>
  </si>
  <si>
    <t>7840876.0</t>
  </si>
  <si>
    <t>37481.0</t>
  </si>
  <si>
    <t>16438843.0</t>
  </si>
  <si>
    <t>8574043.0</t>
  </si>
  <si>
    <t>7864800.0</t>
  </si>
  <si>
    <t>41329.0</t>
  </si>
  <si>
    <t>16956.0</t>
  </si>
  <si>
    <t>16473574.0</t>
  </si>
  <si>
    <t>8588742.0</t>
  </si>
  <si>
    <t>7884832.0</t>
  </si>
  <si>
    <t>34537.0</t>
  </si>
  <si>
    <t>16512957.0</t>
  </si>
  <si>
    <t>8604577.0</t>
  </si>
  <si>
    <t>7908380.0</t>
  </si>
  <si>
    <t>33445.0</t>
  </si>
  <si>
    <t>16550257.0</t>
  </si>
  <si>
    <t>8620968.0</t>
  </si>
  <si>
    <t>7929289.0</t>
  </si>
  <si>
    <t>37300.0</t>
  </si>
  <si>
    <t>32671.0</t>
  </si>
  <si>
    <t>16570835.0</t>
  </si>
  <si>
    <t>8631201.0</t>
  </si>
  <si>
    <t>7939634.0</t>
  </si>
  <si>
    <t>32278.0</t>
  </si>
  <si>
    <t>16583080.0</t>
  </si>
  <si>
    <t>8636938.0</t>
  </si>
  <si>
    <t>7946142.0</t>
  </si>
  <si>
    <t>16620755.0</t>
  </si>
  <si>
    <t>8650815.0</t>
  </si>
  <si>
    <t>7969940.0</t>
  </si>
  <si>
    <t>16686219.0</t>
  </si>
  <si>
    <t>8677674.0</t>
  </si>
  <si>
    <t>8008545.0</t>
  </si>
  <si>
    <t>65464.0</t>
  </si>
  <si>
    <t>16715042.0</t>
  </si>
  <si>
    <t>8690377.0</t>
  </si>
  <si>
    <t>8024665.0</t>
  </si>
  <si>
    <t>28869.0</t>
  </si>
  <si>
    <t>16746560.0</t>
  </si>
  <si>
    <t>8704029.0</t>
  </si>
  <si>
    <t>8042531.0</t>
  </si>
  <si>
    <t>16766179.0</t>
  </si>
  <si>
    <t>8712773.0</t>
  </si>
  <si>
    <t>8053406.0</t>
  </si>
  <si>
    <t>27906.0</t>
  </si>
  <si>
    <t>16776906.0</t>
  </si>
  <si>
    <t>8718613.0</t>
  </si>
  <si>
    <t>8058293.0</t>
  </si>
  <si>
    <t>16787821.0</t>
  </si>
  <si>
    <t>8721768.0</t>
  </si>
  <si>
    <t>8066053.0</t>
  </si>
  <si>
    <t>26558.0</t>
  </si>
  <si>
    <t>3997.7836888116</t>
  </si>
  <si>
    <t>16848567.0</t>
  </si>
  <si>
    <t>8743107.0</t>
  </si>
  <si>
    <t>8105460.0</t>
  </si>
  <si>
    <t>60746.0</t>
  </si>
  <si>
    <t>32545.0</t>
  </si>
  <si>
    <t>16862524.0</t>
  </si>
  <si>
    <t>8748448.0</t>
  </si>
  <si>
    <t>8114076.0</t>
  </si>
  <si>
    <t>13957.0</t>
  </si>
  <si>
    <t>16901396.0</t>
  </si>
  <si>
    <t>8759935.0</t>
  </si>
  <si>
    <t>8141461.0</t>
  </si>
  <si>
    <t>26622.0</t>
  </si>
  <si>
    <t>16937209.0</t>
  </si>
  <si>
    <t>8771142.0</t>
  </si>
  <si>
    <t>8166067.0</t>
  </si>
  <si>
    <t>27236.0</t>
  </si>
  <si>
    <t>16955745.0</t>
  </si>
  <si>
    <t>8778757.0</t>
  </si>
  <si>
    <t>8176988.0</t>
  </si>
  <si>
    <t>16966213.0</t>
  </si>
  <si>
    <t>8783874.0</t>
  </si>
  <si>
    <t>8182339.0</t>
  </si>
  <si>
    <t>27044.0</t>
  </si>
  <si>
    <t>16998423.0</t>
  </si>
  <si>
    <t>8795168.0</t>
  </si>
  <si>
    <t>8203255.0</t>
  </si>
  <si>
    <t>30086.0</t>
  </si>
  <si>
    <t>17031922.0</t>
  </si>
  <si>
    <t>8808127.0</t>
  </si>
  <si>
    <t>8223795.0</t>
  </si>
  <si>
    <t>33499.0</t>
  </si>
  <si>
    <t>17065227.0</t>
  </si>
  <si>
    <t>8821764.0</t>
  </si>
  <si>
    <t>8243463.0</t>
  </si>
  <si>
    <t>17095350.0</t>
  </si>
  <si>
    <t>8834625.0</t>
  </si>
  <si>
    <t>8260725.0</t>
  </si>
  <si>
    <t>17123916.0</t>
  </si>
  <si>
    <t>8846068.0</t>
  </si>
  <si>
    <t>8277848.0</t>
  </si>
  <si>
    <t>17138045.0</t>
  </si>
  <si>
    <t>8852029.0</t>
  </si>
  <si>
    <t>8286016.0</t>
  </si>
  <si>
    <t>26043.0</t>
  </si>
  <si>
    <t>17147214.0</t>
  </si>
  <si>
    <t>8856816.0</t>
  </si>
  <si>
    <t>8290398.0</t>
  </si>
  <si>
    <t>25857.0</t>
  </si>
  <si>
    <t>17223811.0</t>
  </si>
  <si>
    <t>8884288.0</t>
  </si>
  <si>
    <t>8339523.0</t>
  </si>
  <si>
    <t>76597.0</t>
  </si>
  <si>
    <t>17234303.0</t>
  </si>
  <si>
    <t>8888767.0</t>
  </si>
  <si>
    <t>8345536.0</t>
  </si>
  <si>
    <t>17244165.0</t>
  </si>
  <si>
    <t>8892680.0</t>
  </si>
  <si>
    <t>8351485.0</t>
  </si>
  <si>
    <t>17178.0</t>
  </si>
  <si>
    <t>17256476.0</t>
  </si>
  <si>
    <t>8896942.0</t>
  </si>
  <si>
    <t>8359534.0</t>
  </si>
  <si>
    <t>17262783.0</t>
  </si>
  <si>
    <t>8899669.0</t>
  </si>
  <si>
    <t>8363114.0</t>
  </si>
  <si>
    <t>17289323.0</t>
  </si>
  <si>
    <t>8907254.0</t>
  </si>
  <si>
    <t>8382069.0</t>
  </si>
  <si>
    <t>17315975.0</t>
  </si>
  <si>
    <t>8915421.0</t>
  </si>
  <si>
    <t>8400554.0</t>
  </si>
  <si>
    <t>17339001.0</t>
  </si>
  <si>
    <t>8923124.0</t>
  </si>
  <si>
    <t>8415877.0</t>
  </si>
  <si>
    <t>23026.0</t>
  </si>
  <si>
    <t>17364009.0</t>
  </si>
  <si>
    <t>8931073.0</t>
  </si>
  <si>
    <t>8432936.0</t>
  </si>
  <si>
    <t>17386961.0</t>
  </si>
  <si>
    <t>8939377.0</t>
  </si>
  <si>
    <t>8447584.0</t>
  </si>
  <si>
    <t>17400137.0</t>
  </si>
  <si>
    <t>8944701.0</t>
  </si>
  <si>
    <t>8455436.0</t>
  </si>
  <si>
    <t>17407217.0</t>
  </si>
  <si>
    <t>8947986.0</t>
  </si>
  <si>
    <t>8459231.0</t>
  </si>
  <si>
    <t>17429286.0</t>
  </si>
  <si>
    <t>8955943.0</t>
  </si>
  <si>
    <t>8473343.0</t>
  </si>
  <si>
    <t>22069.0</t>
  </si>
  <si>
    <t>17453484.0</t>
  </si>
  <si>
    <t>8965031.0</t>
  </si>
  <si>
    <t>8488453.0</t>
  </si>
  <si>
    <t>24198.0</t>
  </si>
  <si>
    <t>17478389.0</t>
  </si>
  <si>
    <t>8976006.0</t>
  </si>
  <si>
    <t>8502383.0</t>
  </si>
  <si>
    <t>19913.0</t>
  </si>
  <si>
    <t>17501273.0</t>
  </si>
  <si>
    <t>8986163.0</t>
  </si>
  <si>
    <t>8515110.0</t>
  </si>
  <si>
    <t>80686.4</t>
  </si>
  <si>
    <t>4159.52202902588</t>
  </si>
  <si>
    <t>17511994.0</t>
  </si>
  <si>
    <t>8990965.0</t>
  </si>
  <si>
    <t>8521029.0</t>
  </si>
  <si>
    <t>17521399.0</t>
  </si>
  <si>
    <t>8995933.0</t>
  </si>
  <si>
    <t>8525466.0</t>
  </si>
  <si>
    <t>17525330.0</t>
  </si>
  <si>
    <t>8998094.0</t>
  </si>
  <si>
    <t>8527236.0</t>
  </si>
  <si>
    <t>17532487.0</t>
  </si>
  <si>
    <t>9001422.0</t>
  </si>
  <si>
    <t>8531065.0</t>
  </si>
  <si>
    <t>17566051.0</t>
  </si>
  <si>
    <t>9014952.0</t>
  </si>
  <si>
    <t>8551099.0</t>
  </si>
  <si>
    <t>17575249.0</t>
  </si>
  <si>
    <t>9018784.0</t>
  </si>
  <si>
    <t>8556465.0</t>
  </si>
  <si>
    <t>17594455.0</t>
  </si>
  <si>
    <t>9026131.0</t>
  </si>
  <si>
    <t>8568324.0</t>
  </si>
  <si>
    <t>17622972.0</t>
  </si>
  <si>
    <t>9037214.0</t>
  </si>
  <si>
    <t>8585758.0</t>
  </si>
  <si>
    <t>28517.0</t>
  </si>
  <si>
    <t>17643308.0</t>
  </si>
  <si>
    <t>9045314.0</t>
  </si>
  <si>
    <t>8597994.0</t>
  </si>
  <si>
    <t>17663299.0</t>
  </si>
  <si>
    <t>9053943.0</t>
  </si>
  <si>
    <t>8609356.0</t>
  </si>
  <si>
    <t>17676183.0</t>
  </si>
  <si>
    <t>9059198.0</t>
  </si>
  <si>
    <t>8616985.0</t>
  </si>
  <si>
    <t>17683075.0</t>
  </si>
  <si>
    <t>9062324.0</t>
  </si>
  <si>
    <t>8620751.0</t>
  </si>
  <si>
    <t>17702832.0</t>
  </si>
  <si>
    <t>9072044.0</t>
  </si>
  <si>
    <t>8630788.0</t>
  </si>
  <si>
    <t>17725973.0</t>
  </si>
  <si>
    <t>9082930.0</t>
  </si>
  <si>
    <t>8643043.0</t>
  </si>
  <si>
    <t>23141.0</t>
  </si>
  <si>
    <t>18788.0</t>
  </si>
  <si>
    <t>17748892.0</t>
  </si>
  <si>
    <t>9093484.0</t>
  </si>
  <si>
    <t>8655408.0</t>
  </si>
  <si>
    <t>17772417.0</t>
  </si>
  <si>
    <t>9104772.0</t>
  </si>
  <si>
    <t>8667645.0</t>
  </si>
  <si>
    <t>23525.0</t>
  </si>
  <si>
    <t>17794582.0</t>
  </si>
  <si>
    <t>9115755.0</t>
  </si>
  <si>
    <t>8678827.0</t>
  </si>
  <si>
    <t>17807668.0</t>
  </si>
  <si>
    <t>9122455.0</t>
  </si>
  <si>
    <t>8685213.0</t>
  </si>
  <si>
    <t>17816568.0</t>
  </si>
  <si>
    <t>9126541.0</t>
  </si>
  <si>
    <t>8690027.0</t>
  </si>
  <si>
    <t>17839238.0</t>
  </si>
  <si>
    <t>9136288.0</t>
  </si>
  <si>
    <t>8702950.0</t>
  </si>
  <si>
    <t>17861309.0</t>
  </si>
  <si>
    <t>9146412.0</t>
  </si>
  <si>
    <t>8714897.0</t>
  </si>
  <si>
    <t>19334.0</t>
  </si>
  <si>
    <t>17882989.0</t>
  </si>
  <si>
    <t>9156377.0</t>
  </si>
  <si>
    <t>8726612.0</t>
  </si>
  <si>
    <t>21680.0</t>
  </si>
  <si>
    <t>17902193.0</t>
  </si>
  <si>
    <t>9166291.0</t>
  </si>
  <si>
    <t>8735902.0</t>
  </si>
  <si>
    <t>17934008.0</t>
  </si>
  <si>
    <t>9182136.0</t>
  </si>
  <si>
    <t>8751872.0</t>
  </si>
  <si>
    <t>17941272.0</t>
  </si>
  <si>
    <t>9186151.0</t>
  </si>
  <si>
    <t>8755121.0</t>
  </si>
  <si>
    <t>92.49</t>
  </si>
  <si>
    <t>81621.5</t>
  </si>
  <si>
    <t>4207.72803461471</t>
  </si>
  <si>
    <t>17961233.0</t>
  </si>
  <si>
    <t>9194581.0</t>
  </si>
  <si>
    <t>8766652.0</t>
  </si>
  <si>
    <t>17979054.0</t>
  </si>
  <si>
    <t>9203671.0</t>
  </si>
  <si>
    <t>8775383.0</t>
  </si>
  <si>
    <t>17821.0</t>
  </si>
  <si>
    <t>92.69</t>
  </si>
  <si>
    <t>17998334.0</t>
  </si>
  <si>
    <t>9213147.0</t>
  </si>
  <si>
    <t>8785187.0</t>
  </si>
  <si>
    <t>18034375.0</t>
  </si>
  <si>
    <t>9230742.0</t>
  </si>
  <si>
    <t>8803633.0</t>
  </si>
  <si>
    <t>36041.0</t>
  </si>
  <si>
    <t>18045037.0</t>
  </si>
  <si>
    <t>9236796.0</t>
  </si>
  <si>
    <t>8808241.0</t>
  </si>
  <si>
    <t>18054135.0</t>
  </si>
  <si>
    <t>9242765.0</t>
  </si>
  <si>
    <t>8811370.0</t>
  </si>
  <si>
    <t>93.07</t>
  </si>
  <si>
    <t>18074321.0</t>
  </si>
  <si>
    <t>9251891.0</t>
  </si>
  <si>
    <t>8822430.0</t>
  </si>
  <si>
    <t>16155.0</t>
  </si>
  <si>
    <t>93.18</t>
  </si>
  <si>
    <t>18093856.0</t>
  </si>
  <si>
    <t>9261131.0</t>
  </si>
  <si>
    <t>8832725.0</t>
  </si>
  <si>
    <t>16400.0</t>
  </si>
  <si>
    <t>18114802.0</t>
  </si>
  <si>
    <t>9270790.0</t>
  </si>
  <si>
    <t>8844012.0</t>
  </si>
  <si>
    <t>18134610.0</t>
  </si>
  <si>
    <t>9279559.0</t>
  </si>
  <si>
    <t>8855051.0</t>
  </si>
  <si>
    <t>18155015.0</t>
  </si>
  <si>
    <t>9289074.0</t>
  </si>
  <si>
    <t>8865941.0</t>
  </si>
  <si>
    <t>20273902.0</t>
  </si>
  <si>
    <t>9294766.0</t>
  </si>
  <si>
    <t>8871476.0</t>
  </si>
  <si>
    <t>2107660.0</t>
  </si>
  <si>
    <t>2118887.0</t>
  </si>
  <si>
    <t>318409.0</t>
  </si>
  <si>
    <t>20297258.0</t>
  </si>
  <si>
    <t>9299294.0</t>
  </si>
  <si>
    <t>8875617.0</t>
  </si>
  <si>
    <t>2122347.0</t>
  </si>
  <si>
    <t>320446.0</t>
  </si>
  <si>
    <t>16520.0</t>
  </si>
  <si>
    <t>20360105.0</t>
  </si>
  <si>
    <t>9307509.0</t>
  </si>
  <si>
    <t>8884789.0</t>
  </si>
  <si>
    <t>2167807.0</t>
  </si>
  <si>
    <t>62847.0</t>
  </si>
  <si>
    <t>326541.0</t>
  </si>
  <si>
    <t>104.96</t>
  </si>
  <si>
    <t>20424314.0</t>
  </si>
  <si>
    <t>9315067.0</t>
  </si>
  <si>
    <t>8894995.0</t>
  </si>
  <si>
    <t>2214252.0</t>
  </si>
  <si>
    <t>64209.0</t>
  </si>
  <si>
    <t>332923.0</t>
  </si>
  <si>
    <t>105.29</t>
  </si>
  <si>
    <t>20473033.0</t>
  </si>
  <si>
    <t>9320449.0</t>
  </si>
  <si>
    <t>8903870.0</t>
  </si>
  <si>
    <t>2248714.0</t>
  </si>
  <si>
    <t>336890.0</t>
  </si>
  <si>
    <t>105.54</t>
  </si>
  <si>
    <t>20550682.0</t>
  </si>
  <si>
    <t>9330732.0</t>
  </si>
  <si>
    <t>8915188.0</t>
  </si>
  <si>
    <t>2304762.0</t>
  </si>
  <si>
    <t>77649.0</t>
  </si>
  <si>
    <t>20613121.0</t>
  </si>
  <si>
    <t>9338220.0</t>
  </si>
  <si>
    <t>8924341.0</t>
  </si>
  <si>
    <t>2350560.0</t>
  </si>
  <si>
    <t>351158.0</t>
  </si>
  <si>
    <t>20671873.0</t>
  </si>
  <si>
    <t>9348441.0</t>
  </si>
  <si>
    <t>8932551.0</t>
  </si>
  <si>
    <t>2390881.0</t>
  </si>
  <si>
    <t>53516.0</t>
  </si>
  <si>
    <t>106.57</t>
  </si>
  <si>
    <t>20729169.0</t>
  </si>
  <si>
    <t>9355368.0</t>
  </si>
  <si>
    <t>8941123.0</t>
  </si>
  <si>
    <t>2432678.0</t>
  </si>
  <si>
    <t>57296.0</t>
  </si>
  <si>
    <t>52723.0</t>
  </si>
  <si>
    <t>20787319.0</t>
  </si>
  <si>
    <t>9361622.0</t>
  </si>
  <si>
    <t>8951617.0</t>
  </si>
  <si>
    <t>2474080.0</t>
  </si>
  <si>
    <t>58150.0</t>
  </si>
  <si>
    <t>20843546.0</t>
  </si>
  <si>
    <t>9367506.0</t>
  </si>
  <si>
    <t>8961969.0</t>
  </si>
  <si>
    <t>2514071.0</t>
  </si>
  <si>
    <t>20860829.0</t>
  </si>
  <si>
    <t>9374285.0</t>
  </si>
  <si>
    <t>8972473.0</t>
  </si>
  <si>
    <t>44307.0</t>
  </si>
  <si>
    <t>20875072.0</t>
  </si>
  <si>
    <t>9379419.0</t>
  </si>
  <si>
    <t>8981582.0</t>
  </si>
  <si>
    <t>107.61</t>
  </si>
  <si>
    <t>20875964.0</t>
  </si>
  <si>
    <t>9379737.0</t>
  </si>
  <si>
    <t>8982156.0</t>
  </si>
  <si>
    <t>20884314.0</t>
  </si>
  <si>
    <t>9382851.0</t>
  </si>
  <si>
    <t>8987392.0</t>
  </si>
  <si>
    <t>84799.0</t>
  </si>
  <si>
    <t>4371.53359846722</t>
  </si>
  <si>
    <t>20890962.0</t>
  </si>
  <si>
    <t>9385399.0</t>
  </si>
  <si>
    <t>8991492.0</t>
  </si>
  <si>
    <t>23113.0</t>
  </si>
  <si>
    <t>20906189.0</t>
  </si>
  <si>
    <t>9390070.0</t>
  </si>
  <si>
    <t>9002048.0</t>
  </si>
  <si>
    <t>107.77</t>
  </si>
  <si>
    <t>20918681.0</t>
  </si>
  <si>
    <t>9394344.0</t>
  </si>
  <si>
    <t>9010266.0</t>
  </si>
  <si>
    <t>9409555.0</t>
  </si>
  <si>
    <t>9039529.0</t>
  </si>
  <si>
    <t>9410890.0</t>
  </si>
  <si>
    <t>9042233.0</t>
  </si>
  <si>
    <t>9412038.0</t>
  </si>
  <si>
    <t>9044438.0</t>
  </si>
  <si>
    <t>9415905.0</t>
  </si>
  <si>
    <t>9052853.0</t>
  </si>
  <si>
    <t>9419678.0</t>
  </si>
  <si>
    <t>9061561.0</t>
  </si>
  <si>
    <t>9423576.0</t>
  </si>
  <si>
    <t>9070228.0</t>
  </si>
  <si>
    <t>9425219.0</t>
  </si>
  <si>
    <t>9074986.0</t>
  </si>
  <si>
    <t>9426486.0</t>
  </si>
  <si>
    <t>9078226.0</t>
  </si>
  <si>
    <t>9429301.0</t>
  </si>
  <si>
    <t>9086602.0</t>
  </si>
  <si>
    <t>9094618.0</t>
  </si>
  <si>
    <t>9435643.0</t>
  </si>
  <si>
    <t>9104430.0</t>
  </si>
  <si>
    <t>9437543.0</t>
  </si>
  <si>
    <t>9111274.0</t>
  </si>
  <si>
    <t>9440295.0</t>
  </si>
  <si>
    <t>9119719.0</t>
  </si>
  <si>
    <t>9441289.0</t>
  </si>
  <si>
    <t>9122012.0</t>
  </si>
  <si>
    <t>9443040.0</t>
  </si>
  <si>
    <t>9126626.0</t>
  </si>
  <si>
    <t>9443551.0</t>
  </si>
  <si>
    <t>9127841.0</t>
  </si>
  <si>
    <t>9444995.0</t>
  </si>
  <si>
    <t>9131657.0</t>
  </si>
  <si>
    <t>9447168.0</t>
  </si>
  <si>
    <t>9137578.0</t>
  </si>
  <si>
    <t>9450022.0</t>
  </si>
  <si>
    <t>9145878.0</t>
  </si>
  <si>
    <t>9450763.0</t>
  </si>
  <si>
    <t>9148401.0</t>
  </si>
  <si>
    <t>9451240.0</t>
  </si>
  <si>
    <t>9150398.0</t>
  </si>
  <si>
    <t>9453237.0</t>
  </si>
  <si>
    <t>9156605.0</t>
  </si>
  <si>
    <t>9455225.0</t>
  </si>
  <si>
    <t>9161806.0</t>
  </si>
  <si>
    <t>84724.9</t>
  </si>
  <si>
    <t>4367.71361663198</t>
  </si>
  <si>
    <t>9457806.0</t>
  </si>
  <si>
    <t>9168000.0</t>
  </si>
  <si>
    <t>9179332.0</t>
  </si>
  <si>
    <t>9180823.0</t>
  </si>
  <si>
    <t>9458890.0</t>
  </si>
  <si>
    <t>9184371.0</t>
  </si>
  <si>
    <t>9460309.0</t>
  </si>
  <si>
    <t>9187055.0</t>
  </si>
  <si>
    <t>9461797.0</t>
  </si>
  <si>
    <t>9190269.0</t>
  </si>
  <si>
    <t>9463500.0</t>
  </si>
  <si>
    <t>9194151.0</t>
  </si>
  <si>
    <t>9465209.0</t>
  </si>
  <si>
    <t>9197535.0</t>
  </si>
  <si>
    <t>9465962.0</t>
  </si>
  <si>
    <t>9198853.0</t>
  </si>
  <si>
    <t>9466761.0</t>
  </si>
  <si>
    <t>9199647.0</t>
  </si>
  <si>
    <t>9467542.0</t>
  </si>
  <si>
    <t>9202834.0</t>
  </si>
  <si>
    <t>9468626.0</t>
  </si>
  <si>
    <t>9205900.0</t>
  </si>
  <si>
    <t>9469870.0</t>
  </si>
  <si>
    <t>9208982.0</t>
  </si>
  <si>
    <t>9473336.0</t>
  </si>
  <si>
    <t>9217525.0</t>
  </si>
  <si>
    <t>9473673.0</t>
  </si>
  <si>
    <t>9218283.0</t>
  </si>
  <si>
    <t>9474541.0</t>
  </si>
  <si>
    <t>9221035.0</t>
  </si>
  <si>
    <t>9475840.0</t>
  </si>
  <si>
    <t>9224495.0</t>
  </si>
  <si>
    <t>9477068.0</t>
  </si>
  <si>
    <t>9227495.0</t>
  </si>
  <si>
    <t>9478042.0</t>
  </si>
  <si>
    <t>9229896.0</t>
  </si>
  <si>
    <t>9479366.0</t>
  </si>
  <si>
    <t>9232603.0</t>
  </si>
  <si>
    <t>9479958.0</t>
  </si>
  <si>
    <t>9233957.0</t>
  </si>
  <si>
    <t>9480188.0</t>
  </si>
  <si>
    <t>9234609.0</t>
  </si>
  <si>
    <t>9481030.0</t>
  </si>
  <si>
    <t>9237023.0</t>
  </si>
  <si>
    <t>9482011.0</t>
  </si>
  <si>
    <t>9239468.0</t>
  </si>
  <si>
    <t>9483123.0</t>
  </si>
  <si>
    <t>9241702.0</t>
  </si>
  <si>
    <t>83124.6</t>
  </si>
  <si>
    <t>-14.32</t>
  </si>
  <si>
    <t>4285.21541243586</t>
  </si>
  <si>
    <t>9485299.0</t>
  </si>
  <si>
    <t>9245540.0</t>
  </si>
  <si>
    <t>9246600.0</t>
  </si>
  <si>
    <t>9486041.0</t>
  </si>
  <si>
    <t>9247120.0</t>
  </si>
  <si>
    <t>9487193.0</t>
  </si>
  <si>
    <t>9249491.0</t>
  </si>
  <si>
    <t>9487934.0</t>
  </si>
  <si>
    <t>9251470.0</t>
  </si>
  <si>
    <t>9488796.0</t>
  </si>
  <si>
    <t>9253416.0</t>
  </si>
  <si>
    <t>9489564.0</t>
  </si>
  <si>
    <t>9254951.0</t>
  </si>
  <si>
    <t>9490019.0</t>
  </si>
  <si>
    <t>9255807.0</t>
  </si>
  <si>
    <t>9490372.0</t>
  </si>
  <si>
    <t>9256909.0</t>
  </si>
  <si>
    <t>9491182.0</t>
  </si>
  <si>
    <t>9259014.0</t>
  </si>
  <si>
    <t>9491849.0</t>
  </si>
  <si>
    <t>9260542.0</t>
  </si>
  <si>
    <t>9492972.0</t>
  </si>
  <si>
    <t>9262898.0</t>
  </si>
  <si>
    <t>9494082.0</t>
  </si>
  <si>
    <t>9264861.0</t>
  </si>
  <si>
    <t>9496050.0</t>
  </si>
  <si>
    <t>9267945.0</t>
  </si>
  <si>
    <t>9497035.0</t>
  </si>
  <si>
    <t>9269636.0</t>
  </si>
  <si>
    <t>9498963.0</t>
  </si>
  <si>
    <t>9272050.0</t>
  </si>
  <si>
    <t>9499204.0</t>
  </si>
  <si>
    <t>9272513.0</t>
  </si>
  <si>
    <t>9500001.0</t>
  </si>
  <si>
    <t>9274013.0</t>
  </si>
  <si>
    <t>9500904.0</t>
  </si>
  <si>
    <t>9275139.0</t>
  </si>
  <si>
    <t>9501818.0</t>
  </si>
  <si>
    <t>9276419.0</t>
  </si>
  <si>
    <t>9502731.0</t>
  </si>
  <si>
    <t>9278614.0</t>
  </si>
  <si>
    <t>9503634.0</t>
  </si>
  <si>
    <t>9279937.0</t>
  </si>
  <si>
    <t>9504158.0</t>
  </si>
  <si>
    <t>9280860.0</t>
  </si>
  <si>
    <t>82652.3</t>
  </si>
  <si>
    <t>4260.86753901098</t>
  </si>
  <si>
    <t>9504978.0</t>
  </si>
  <si>
    <t>9282326.0</t>
  </si>
  <si>
    <t>9509208.0</t>
  </si>
  <si>
    <t>9287431.0</t>
  </si>
  <si>
    <t>9510545.0</t>
  </si>
  <si>
    <t>9288778.0</t>
  </si>
  <si>
    <t>9290457.0</t>
  </si>
  <si>
    <t>9515066.0</t>
  </si>
  <si>
    <t>9293246.0</t>
  </si>
  <si>
    <t>9515881.0</t>
  </si>
  <si>
    <t>9294229.0</t>
  </si>
  <si>
    <t>9517563.0</t>
  </si>
  <si>
    <t>9296347.0</t>
  </si>
  <si>
    <t>9518293.0</t>
  </si>
  <si>
    <t>9297204.0</t>
  </si>
  <si>
    <t>9519079.0</t>
  </si>
  <si>
    <t>9298376.0</t>
  </si>
  <si>
    <t>9519180.0</t>
  </si>
  <si>
    <t>9298544.0</t>
  </si>
  <si>
    <t>9519712.0</t>
  </si>
  <si>
    <t>9299406.0</t>
  </si>
  <si>
    <t>9521231.0</t>
  </si>
  <si>
    <t>9301797.0</t>
  </si>
  <si>
    <t>9521241.0</t>
  </si>
  <si>
    <t>9522541.0</t>
  </si>
  <si>
    <t>9304087.0</t>
  </si>
  <si>
    <t>9523631.0</t>
  </si>
  <si>
    <t>9306077.0</t>
  </si>
  <si>
    <t>82462.4</t>
  </si>
  <si>
    <t>4251.07786896359</t>
  </si>
  <si>
    <t>9524896.0</t>
  </si>
  <si>
    <t>9308744.0</t>
  </si>
  <si>
    <t>9525645.0</t>
  </si>
  <si>
    <t>9310076.0</t>
  </si>
  <si>
    <t>9526392.0</t>
  </si>
  <si>
    <t>9311204.0</t>
  </si>
  <si>
    <t>9526717.0</t>
  </si>
  <si>
    <t>9311459.0</t>
  </si>
  <si>
    <t>9528076.0</t>
  </si>
  <si>
    <t>9312498.0</t>
  </si>
  <si>
    <t>9529647.0</t>
  </si>
  <si>
    <t>9313733.0</t>
  </si>
  <si>
    <t>9530881.0</t>
  </si>
  <si>
    <t>9314853.0</t>
  </si>
  <si>
    <t>9532092.0</t>
  </si>
  <si>
    <t>9315730.0</t>
  </si>
  <si>
    <t>9532368.0</t>
  </si>
  <si>
    <t>9315917.0</t>
  </si>
  <si>
    <t>9534769.0</t>
  </si>
  <si>
    <t>9317774.0</t>
  </si>
  <si>
    <t>9536079.0</t>
  </si>
  <si>
    <t>9318769.0</t>
  </si>
  <si>
    <t>9539038.0</t>
  </si>
  <si>
    <t>9321531.0</t>
  </si>
  <si>
    <t>9539192.0</t>
  </si>
  <si>
    <t>9321854.0</t>
  </si>
  <si>
    <t>9540374.0</t>
  </si>
  <si>
    <t>9322766.0</t>
  </si>
  <si>
    <t>9541643.0</t>
  </si>
  <si>
    <t>9323786.0</t>
  </si>
  <si>
    <t>9542843.0</t>
  </si>
  <si>
    <t>9324915.0</t>
  </si>
  <si>
    <t>9544079.0</t>
  </si>
  <si>
    <t>9325823.0</t>
  </si>
  <si>
    <t>9545315.0</t>
  </si>
  <si>
    <t>9326873.0</t>
  </si>
  <si>
    <t>118385.0</t>
  </si>
  <si>
    <t>10779171.0</t>
  </si>
  <si>
    <t>10509200.0</t>
  </si>
  <si>
    <t>10781555.0</t>
  </si>
  <si>
    <t>10512310.0</t>
  </si>
  <si>
    <t>177274.0</t>
  </si>
  <si>
    <t>177343.0</t>
  </si>
  <si>
    <t>81392.9</t>
  </si>
  <si>
    <t>4195.94331332543</t>
  </si>
  <si>
    <t>118833.0</t>
  </si>
  <si>
    <t>10790154.0</t>
  </si>
  <si>
    <t>10522715.0</t>
  </si>
  <si>
    <t>10791831.0</t>
  </si>
  <si>
    <t>10524458.0</t>
  </si>
  <si>
    <t>10793612.0</t>
  </si>
  <si>
    <t>10526558.0</t>
  </si>
  <si>
    <t>10795666.0</t>
  </si>
  <si>
    <t>10528944.0</t>
  </si>
  <si>
    <t>10797752.0</t>
  </si>
  <si>
    <t>10531166.0</t>
  </si>
  <si>
    <t>10799863.0</t>
  </si>
  <si>
    <t>10532828.0</t>
  </si>
  <si>
    <t>10800844.0</t>
  </si>
  <si>
    <t>10534623.0</t>
  </si>
  <si>
    <t>10802491.0</t>
  </si>
  <si>
    <t>10536516.0</t>
  </si>
  <si>
    <t>10804333.0</t>
  </si>
  <si>
    <t>10538850.0</t>
  </si>
  <si>
    <t>10806085.0</t>
  </si>
  <si>
    <t>10540625.0</t>
  </si>
  <si>
    <t>10809837.0</t>
  </si>
  <si>
    <t>10545179.0</t>
  </si>
  <si>
    <t>10811034.0</t>
  </si>
  <si>
    <t>10546804.0</t>
  </si>
  <si>
    <t>10812982.0</t>
  </si>
  <si>
    <t>10548665.0</t>
  </si>
  <si>
    <t>10814228.0</t>
  </si>
  <si>
    <t>10550484.0</t>
  </si>
  <si>
    <t>10815262.0</t>
  </si>
  <si>
    <t>10816870.0</t>
  </si>
  <si>
    <t>10554032.0</t>
  </si>
  <si>
    <t>10819091.0</t>
  </si>
  <si>
    <t>10559826.0</t>
  </si>
  <si>
    <t>10822982.0</t>
  </si>
  <si>
    <t>10566569.0</t>
  </si>
  <si>
    <t>10823254.0</t>
  </si>
  <si>
    <t>10567190.0</t>
  </si>
  <si>
    <t>82409.8</t>
  </si>
  <si>
    <t>4248.3662489294</t>
  </si>
  <si>
    <t>10823338.0</t>
  </si>
  <si>
    <t>10567519.0</t>
  </si>
  <si>
    <t>10824250.0</t>
  </si>
  <si>
    <t>10569788.0</t>
  </si>
  <si>
    <t>10824848.0</t>
  </si>
  <si>
    <t>10571615.0</t>
  </si>
  <si>
    <t>10825620.0</t>
  </si>
  <si>
    <t>10573266.0</t>
  </si>
  <si>
    <t>10825655.0</t>
  </si>
  <si>
    <t>10573418.0</t>
  </si>
  <si>
    <t>10826324.0</t>
  </si>
  <si>
    <t>10574615.0</t>
  </si>
  <si>
    <t>10826980.0</t>
  </si>
  <si>
    <t>10575791.0</t>
  </si>
  <si>
    <t>10827671.0</t>
  </si>
  <si>
    <t>10576787.0</t>
  </si>
  <si>
    <t>10828345.0</t>
  </si>
  <si>
    <t>10578106.0</t>
  </si>
  <si>
    <t>10829012.0</t>
  </si>
  <si>
    <t>10579442.0</t>
  </si>
  <si>
    <t>10829042.0</t>
  </si>
  <si>
    <t>10579545.0</t>
  </si>
  <si>
    <t>10829480.0</t>
  </si>
  <si>
    <t>10580470.0</t>
  </si>
  <si>
    <t>10829970.0</t>
  </si>
  <si>
    <t>10581469.0</t>
  </si>
  <si>
    <t>10830482.0</t>
  </si>
  <si>
    <t>10582535.0</t>
  </si>
  <si>
    <t>10831375.0</t>
  </si>
  <si>
    <t>10584835.0</t>
  </si>
  <si>
    <t>10831402.0</t>
  </si>
  <si>
    <t>10584926.0</t>
  </si>
  <si>
    <t>10833293.0</t>
  </si>
  <si>
    <t>10587956.0</t>
  </si>
  <si>
    <t>10834341.0</t>
  </si>
  <si>
    <t>10590214.0</t>
  </si>
  <si>
    <t>10834783.0</t>
  </si>
  <si>
    <t>10591106.0</t>
  </si>
  <si>
    <t>10835915.0</t>
  </si>
  <si>
    <t>10593787.0</t>
  </si>
  <si>
    <t>81955.9</t>
  </si>
  <si>
    <t>4224.96692699937</t>
  </si>
  <si>
    <t>10836334.0</t>
  </si>
  <si>
    <t>10594679.0</t>
  </si>
  <si>
    <t>10836703.0</t>
  </si>
  <si>
    <t>10595361.0</t>
  </si>
  <si>
    <t>10837073.0</t>
  </si>
  <si>
    <t>10596048.0</t>
  </si>
  <si>
    <t>10837933.0</t>
  </si>
  <si>
    <t>10597397.0</t>
  </si>
  <si>
    <t>10837967.0</t>
  </si>
  <si>
    <t>10597464.0</t>
  </si>
  <si>
    <t>10601392.0</t>
  </si>
  <si>
    <t>10841112.0</t>
  </si>
  <si>
    <t>10601773.0</t>
  </si>
  <si>
    <t>10841992.0</t>
  </si>
  <si>
    <t>10602948.0</t>
  </si>
  <si>
    <t>10842957.0</t>
  </si>
  <si>
    <t>10604927.0</t>
  </si>
  <si>
    <t>10847465.0</t>
  </si>
  <si>
    <t>10612298.0</t>
  </si>
  <si>
    <t>10849289.0</t>
  </si>
  <si>
    <t>10613754.0</t>
  </si>
  <si>
    <t>KEN</t>
  </si>
  <si>
    <t>Kenya</t>
  </si>
  <si>
    <t>29430.0</t>
  </si>
  <si>
    <t>44851.0</t>
  </si>
  <si>
    <t>49405.0</t>
  </si>
  <si>
    <t>52507.0</t>
  </si>
  <si>
    <t>59260.0</t>
  </si>
  <si>
    <t>61971.0</t>
  </si>
  <si>
    <t>67341.0</t>
  </si>
  <si>
    <t>70172.0</t>
  </si>
  <si>
    <t>74003.0</t>
  </si>
  <si>
    <t>78536.0</t>
  </si>
  <si>
    <t>82946.0</t>
  </si>
  <si>
    <t>85058.0</t>
  </si>
  <si>
    <t>87698.0</t>
  </si>
  <si>
    <t>90875.0</t>
  </si>
  <si>
    <t>94507.0</t>
  </si>
  <si>
    <t>97340.0</t>
  </si>
  <si>
    <t>98439.0</t>
  </si>
  <si>
    <t>102956.0</t>
  </si>
  <si>
    <t>106247.0</t>
  </si>
  <si>
    <t>108666.0</t>
  </si>
  <si>
    <t>118701.0</t>
  </si>
  <si>
    <t>121956.0</t>
  </si>
  <si>
    <t>133541.0</t>
  </si>
  <si>
    <t>136361.0</t>
  </si>
  <si>
    <t>140012.0</t>
  </si>
  <si>
    <t>142366.0</t>
  </si>
  <si>
    <t>146537.0</t>
  </si>
  <si>
    <t>151396.0</t>
  </si>
  <si>
    <t>155314.0</t>
  </si>
  <si>
    <t>158404.0</t>
  </si>
  <si>
    <t>165196.0</t>
  </si>
  <si>
    <t>169836.0</t>
  </si>
  <si>
    <t>176059.0</t>
  </si>
  <si>
    <t>180206.0</t>
  </si>
  <si>
    <t>185035.0</t>
  </si>
  <si>
    <t>189263.0</t>
  </si>
  <si>
    <t>191394.0</t>
  </si>
  <si>
    <t>193455.0</t>
  </si>
  <si>
    <t>196508.0</t>
  </si>
  <si>
    <t>200311.0</t>
  </si>
  <si>
    <t>206584.0</t>
  </si>
  <si>
    <t>207987.0</t>
  </si>
  <si>
    <t>215037.0</t>
  </si>
  <si>
    <t>216242.0</t>
  </si>
  <si>
    <t>221234.0</t>
  </si>
  <si>
    <t>225495.0</t>
  </si>
  <si>
    <t>229390.0</t>
  </si>
  <si>
    <t>232935.0</t>
  </si>
  <si>
    <t>238163.0</t>
  </si>
  <si>
    <t>243887.0</t>
  </si>
  <si>
    <t>246361.0</t>
  </si>
  <si>
    <t>249998.0</t>
  </si>
  <si>
    <t>254273.0</t>
  </si>
  <si>
    <t>261027.0</t>
  </si>
  <si>
    <t>266102.0</t>
  </si>
  <si>
    <t>279612.0</t>
  </si>
  <si>
    <t>284500.0</t>
  </si>
  <si>
    <t>289759.0</t>
  </si>
  <si>
    <t>295280.0</t>
  </si>
  <si>
    <t>303959.0</t>
  </si>
  <si>
    <t>5.734</t>
  </si>
  <si>
    <t>310330.0</t>
  </si>
  <si>
    <t>5.855</t>
  </si>
  <si>
    <t>318376.0</t>
  </si>
  <si>
    <t>322923.0</t>
  </si>
  <si>
    <t>329123.0</t>
  </si>
  <si>
    <t>335318.0</t>
  </si>
  <si>
    <t>342132.0</t>
  </si>
  <si>
    <t>349307.0</t>
  </si>
  <si>
    <t>353727.0</t>
  </si>
  <si>
    <t>358330.0</t>
  </si>
  <si>
    <t>362501.0</t>
  </si>
  <si>
    <t>369091.0</t>
  </si>
  <si>
    <t>375859.0</t>
  </si>
  <si>
    <t>381317.0</t>
  </si>
  <si>
    <t>7.194</t>
  </si>
  <si>
    <t>391416.0</t>
  </si>
  <si>
    <t>7.384</t>
  </si>
  <si>
    <t>394566.0</t>
  </si>
  <si>
    <t>398585.0</t>
  </si>
  <si>
    <t>412080.0</t>
  </si>
  <si>
    <t>417804.0</t>
  </si>
  <si>
    <t>421983.0</t>
  </si>
  <si>
    <t>425364.0</t>
  </si>
  <si>
    <t>429513.0</t>
  </si>
  <si>
    <t>8.103</t>
  </si>
  <si>
    <t>438193.0</t>
  </si>
  <si>
    <t>8.267</t>
  </si>
  <si>
    <t>442713.0</t>
  </si>
  <si>
    <t>445722.0</t>
  </si>
  <si>
    <t>450146.0</t>
  </si>
  <si>
    <t>454406.0</t>
  </si>
  <si>
    <t>8.573</t>
  </si>
  <si>
    <t>456088.0</t>
  </si>
  <si>
    <t>459562.0</t>
  </si>
  <si>
    <t>463499.0</t>
  </si>
  <si>
    <t>8.744</t>
  </si>
  <si>
    <t>467677.0</t>
  </si>
  <si>
    <t>471384.0</t>
  </si>
  <si>
    <t>477145.0</t>
  </si>
  <si>
    <t>9.002</t>
  </si>
  <si>
    <t>479697.0</t>
  </si>
  <si>
    <t>481982.0</t>
  </si>
  <si>
    <t>494560.0</t>
  </si>
  <si>
    <t>497652.0</t>
  </si>
  <si>
    <t>518350.0</t>
  </si>
  <si>
    <t>520124.0</t>
  </si>
  <si>
    <t>9.813</t>
  </si>
  <si>
    <t>523998.0</t>
  </si>
  <si>
    <t>527305.0</t>
  </si>
  <si>
    <t>532729.0</t>
  </si>
  <si>
    <t>535601.0</t>
  </si>
  <si>
    <t>10.105</t>
  </si>
  <si>
    <t>539308.0</t>
  </si>
  <si>
    <t>541415.0</t>
  </si>
  <si>
    <t>545019.0</t>
  </si>
  <si>
    <t>547946.0</t>
  </si>
  <si>
    <t>10.338</t>
  </si>
  <si>
    <t>552646.0</t>
  </si>
  <si>
    <t>555711.0</t>
  </si>
  <si>
    <t>10.484</t>
  </si>
  <si>
    <t>559098.0</t>
  </si>
  <si>
    <t>563483.0</t>
  </si>
  <si>
    <t>10.631</t>
  </si>
  <si>
    <t>564078.0</t>
  </si>
  <si>
    <t>565336.0</t>
  </si>
  <si>
    <t>569678.0</t>
  </si>
  <si>
    <t>10.748</t>
  </si>
  <si>
    <t>574712.0</t>
  </si>
  <si>
    <t>10.842</t>
  </si>
  <si>
    <t>580039.0</t>
  </si>
  <si>
    <t>586911.0</t>
  </si>
  <si>
    <t>11.073</t>
  </si>
  <si>
    <t>591198.0</t>
  </si>
  <si>
    <t>593199.0</t>
  </si>
  <si>
    <t>595791.0</t>
  </si>
  <si>
    <t>601623.0</t>
  </si>
  <si>
    <t>607241.0</t>
  </si>
  <si>
    <t>11.456</t>
  </si>
  <si>
    <t>617064.0</t>
  </si>
  <si>
    <t>621976.0</t>
  </si>
  <si>
    <t>623828.0</t>
  </si>
  <si>
    <t>11.769</t>
  </si>
  <si>
    <t>632669.0</t>
  </si>
  <si>
    <t>640225.0</t>
  </si>
  <si>
    <t>12.078</t>
  </si>
  <si>
    <t>646367.0</t>
  </si>
  <si>
    <t>12.194</t>
  </si>
  <si>
    <t>653229.0</t>
  </si>
  <si>
    <t>677601.0</t>
  </si>
  <si>
    <t>704605.0</t>
  </si>
  <si>
    <t>13.293</t>
  </si>
  <si>
    <t>708333.0</t>
  </si>
  <si>
    <t>13.363</t>
  </si>
  <si>
    <t>723210.0</t>
  </si>
  <si>
    <t>13.644</t>
  </si>
  <si>
    <t>730363.0</t>
  </si>
  <si>
    <t>13.779</t>
  </si>
  <si>
    <t>753959.0</t>
  </si>
  <si>
    <t>793026.0</t>
  </si>
  <si>
    <t>823700.0</t>
  </si>
  <si>
    <t>843103.0</t>
  </si>
  <si>
    <t>15.906</t>
  </si>
  <si>
    <t>885933.0</t>
  </si>
  <si>
    <t>931799.0</t>
  </si>
  <si>
    <t>938936.0</t>
  </si>
  <si>
    <t>17.714</t>
  </si>
  <si>
    <t>973805.0</t>
  </si>
  <si>
    <t>18.372</t>
  </si>
  <si>
    <t>984435.0</t>
  </si>
  <si>
    <t>18.572</t>
  </si>
  <si>
    <t>1003493.0</t>
  </si>
  <si>
    <t>1041679.0</t>
  </si>
  <si>
    <t>19.652</t>
  </si>
  <si>
    <t>1055691.0</t>
  </si>
  <si>
    <t>1070249.0</t>
  </si>
  <si>
    <t>20.191</t>
  </si>
  <si>
    <t>1107121.0</t>
  </si>
  <si>
    <t>20.887</t>
  </si>
  <si>
    <t>1125679.0</t>
  </si>
  <si>
    <t>21.237</t>
  </si>
  <si>
    <t>1200302.0</t>
  </si>
  <si>
    <t>22.645</t>
  </si>
  <si>
    <t>1214732.0</t>
  </si>
  <si>
    <t>22.917</t>
  </si>
  <si>
    <t>1282799.0</t>
  </si>
  <si>
    <t>24.201</t>
  </si>
  <si>
    <t>20000.0</t>
  </si>
  <si>
    <t>0.1969</t>
  </si>
  <si>
    <t>90340.0</t>
  </si>
  <si>
    <t>161771.0</t>
  </si>
  <si>
    <t>196435.0</t>
  </si>
  <si>
    <t>1520390.0</t>
  </si>
  <si>
    <t>28.684</t>
  </si>
  <si>
    <t>340121.0</t>
  </si>
  <si>
    <t>25479.0</t>
  </si>
  <si>
    <t>422021.0</t>
  </si>
  <si>
    <t>1542088.0</t>
  </si>
  <si>
    <t>29.093</t>
  </si>
  <si>
    <t>37383.0</t>
  </si>
  <si>
    <t>37611.0</t>
  </si>
  <si>
    <t>1564827.0</t>
  </si>
  <si>
    <t>29.522</t>
  </si>
  <si>
    <t>569244.0</t>
  </si>
  <si>
    <t>32732.0</t>
  </si>
  <si>
    <t>1584731.0</t>
  </si>
  <si>
    <t>29.897</t>
  </si>
  <si>
    <t>651650.0</t>
  </si>
  <si>
    <t>27253.0</t>
  </si>
  <si>
    <t>1605847.0</t>
  </si>
  <si>
    <t>30.296</t>
  </si>
  <si>
    <t>26571.0</t>
  </si>
  <si>
    <t>750471.0</t>
  </si>
  <si>
    <t>1624663.0</t>
  </si>
  <si>
    <t>30.651</t>
  </si>
  <si>
    <t>1645209.0</t>
  </si>
  <si>
    <t>31.038</t>
  </si>
  <si>
    <t>1646988.0</t>
  </si>
  <si>
    <t>31.072</t>
  </si>
  <si>
    <t>853081.0</t>
  </si>
  <si>
    <t>1664435.0</t>
  </si>
  <si>
    <t>31.401</t>
  </si>
  <si>
    <t>1675310.0</t>
  </si>
  <si>
    <t>31.606</t>
  </si>
  <si>
    <t>930460.0</t>
  </si>
  <si>
    <t>933436.0</t>
  </si>
  <si>
    <t>945597.0</t>
  </si>
  <si>
    <t>948980.0</t>
  </si>
  <si>
    <t>951026.0</t>
  </si>
  <si>
    <t>953954.0</t>
  </si>
  <si>
    <t>954515.0</t>
  </si>
  <si>
    <t>957804.0</t>
  </si>
  <si>
    <t>960379.0</t>
  </si>
  <si>
    <t>963241.0</t>
  </si>
  <si>
    <t>966433.0</t>
  </si>
  <si>
    <t>968733.0</t>
  </si>
  <si>
    <t>969692.0</t>
  </si>
  <si>
    <t>969489.0</t>
  </si>
  <si>
    <t>971714.0</t>
  </si>
  <si>
    <t>971243.0</t>
  </si>
  <si>
    <t>973987.0</t>
  </si>
  <si>
    <t>972601.0</t>
  </si>
  <si>
    <t>976541.0</t>
  </si>
  <si>
    <t>974000.0</t>
  </si>
  <si>
    <t>981887.0</t>
  </si>
  <si>
    <t>975265.0</t>
  </si>
  <si>
    <t>983580.0</t>
  </si>
  <si>
    <t>975399.0</t>
  </si>
  <si>
    <t>989029.0</t>
  </si>
  <si>
    <t>975835.0</t>
  </si>
  <si>
    <t>1005509.0</t>
  </si>
  <si>
    <t>978127.0</t>
  </si>
  <si>
    <t>1030445.0</t>
  </si>
  <si>
    <t>979955.0</t>
  </si>
  <si>
    <t>1059117.0</t>
  </si>
  <si>
    <t>982310.0</t>
  </si>
  <si>
    <t>76807.0</t>
  </si>
  <si>
    <t>28672.0</t>
  </si>
  <si>
    <t>12161.0</t>
  </si>
  <si>
    <t>1095122.0</t>
  </si>
  <si>
    <t>985070.0</t>
  </si>
  <si>
    <t>110052.0</t>
  </si>
  <si>
    <t>1113158.0</t>
  </si>
  <si>
    <t>986881.0</t>
  </si>
  <si>
    <t>126277.0</t>
  </si>
  <si>
    <t>1116021.0</t>
  </si>
  <si>
    <t>987277.0</t>
  </si>
  <si>
    <t>1138748.0</t>
  </si>
  <si>
    <t>989422.0</t>
  </si>
  <si>
    <t>149326.0</t>
  </si>
  <si>
    <t>22727.0</t>
  </si>
  <si>
    <t>19034.0</t>
  </si>
  <si>
    <t>1155745.0</t>
  </si>
  <si>
    <t>991184.0</t>
  </si>
  <si>
    <t>1164161.0</t>
  </si>
  <si>
    <t>992418.0</t>
  </si>
  <si>
    <t>171743.0</t>
  </si>
  <si>
    <t>1174071.0</t>
  </si>
  <si>
    <t>993670.0</t>
  </si>
  <si>
    <t>180401.0</t>
  </si>
  <si>
    <t>1181588.0</t>
  </si>
  <si>
    <t>994622.0</t>
  </si>
  <si>
    <t>186966.0</t>
  </si>
  <si>
    <t>1183376.0</t>
  </si>
  <si>
    <t>995012.0</t>
  </si>
  <si>
    <t>188364.0</t>
  </si>
  <si>
    <t>1187663.0</t>
  </si>
  <si>
    <t>995570.0</t>
  </si>
  <si>
    <t>192093.0</t>
  </si>
  <si>
    <t>1190889.0</t>
  </si>
  <si>
    <t>996414.0</t>
  </si>
  <si>
    <t>194475.0</t>
  </si>
  <si>
    <t>1201325.0</t>
  </si>
  <si>
    <t>997420.0</t>
  </si>
  <si>
    <t>203905.0</t>
  </si>
  <si>
    <t>1220151.0</t>
  </si>
  <si>
    <t>998073.0</t>
  </si>
  <si>
    <t>222078.0</t>
  </si>
  <si>
    <t>18826.0</t>
  </si>
  <si>
    <t>1279023.0</t>
  </si>
  <si>
    <t>1001711.0</t>
  </si>
  <si>
    <t>277312.0</t>
  </si>
  <si>
    <t>1287776.0</t>
  </si>
  <si>
    <t>1002499.0</t>
  </si>
  <si>
    <t>285277.0</t>
  </si>
  <si>
    <t>1293004.0</t>
  </si>
  <si>
    <t>1003204.0</t>
  </si>
  <si>
    <t>289800.0</t>
  </si>
  <si>
    <t>15049.0</t>
  </si>
  <si>
    <t>1334749.0</t>
  </si>
  <si>
    <t>1005901.0</t>
  </si>
  <si>
    <t>328848.0</t>
  </si>
  <si>
    <t>20551.0</t>
  </si>
  <si>
    <t>1378585.0</t>
  </si>
  <si>
    <t>1008120.0</t>
  </si>
  <si>
    <t>370465.0</t>
  </si>
  <si>
    <t>43836.0</t>
  </si>
  <si>
    <t>1417100.0</t>
  </si>
  <si>
    <t>1010954.0</t>
  </si>
  <si>
    <t>406146.0</t>
  </si>
  <si>
    <t>38515.0</t>
  </si>
  <si>
    <t>28136.0</t>
  </si>
  <si>
    <t>1447648.0</t>
  </si>
  <si>
    <t>1013895.0</t>
  </si>
  <si>
    <t>433753.0</t>
  </si>
  <si>
    <t>28294.0</t>
  </si>
  <si>
    <t>1468908.0</t>
  </si>
  <si>
    <t>1016190.0</t>
  </si>
  <si>
    <t>452718.0</t>
  </si>
  <si>
    <t>1473869.0</t>
  </si>
  <si>
    <t>1017485.0</t>
  </si>
  <si>
    <t>456384.0</t>
  </si>
  <si>
    <t>1477916.0</t>
  </si>
  <si>
    <t>1018143.0</t>
  </si>
  <si>
    <t>26416.0</t>
  </si>
  <si>
    <t>1495120.0</t>
  </si>
  <si>
    <t>1020120.0</t>
  </si>
  <si>
    <t>1511693.0</t>
  </si>
  <si>
    <t>1021982.0</t>
  </si>
  <si>
    <t>489711.0</t>
  </si>
  <si>
    <t>16573.0</t>
  </si>
  <si>
    <t>1524444.0</t>
  </si>
  <si>
    <t>1024133.0</t>
  </si>
  <si>
    <t>500311.0</t>
  </si>
  <si>
    <t>1530551.0</t>
  </si>
  <si>
    <t>1025427.0</t>
  </si>
  <si>
    <t>505124.0</t>
  </si>
  <si>
    <t>1539087.0</t>
  </si>
  <si>
    <t>1026960.0</t>
  </si>
  <si>
    <t>512127.0</t>
  </si>
  <si>
    <t>1547092.0</t>
  </si>
  <si>
    <t>1028121.0</t>
  </si>
  <si>
    <t>518971.0</t>
  </si>
  <si>
    <t>1550389.0</t>
  </si>
  <si>
    <t>1028669.0</t>
  </si>
  <si>
    <t>521720.0</t>
  </si>
  <si>
    <t>1565344.0</t>
  </si>
  <si>
    <t>1030853.0</t>
  </si>
  <si>
    <t>534491.0</t>
  </si>
  <si>
    <t>1607982.0</t>
  </si>
  <si>
    <t>1035621.0</t>
  </si>
  <si>
    <t>572361.0</t>
  </si>
  <si>
    <t>42638.0</t>
  </si>
  <si>
    <t>1618356.0</t>
  </si>
  <si>
    <t>1037353.0</t>
  </si>
  <si>
    <t>581003.0</t>
  </si>
  <si>
    <t>1620465.0</t>
  </si>
  <si>
    <t>1038074.0</t>
  </si>
  <si>
    <t>582391.0</t>
  </si>
  <si>
    <t>1635441.0</t>
  </si>
  <si>
    <t>1040317.0</t>
  </si>
  <si>
    <t>595124.0</t>
  </si>
  <si>
    <t>1636475.0</t>
  </si>
  <si>
    <t>1040665.0</t>
  </si>
  <si>
    <t>595810.0</t>
  </si>
  <si>
    <t>1648869.0</t>
  </si>
  <si>
    <t>1042455.0</t>
  </si>
  <si>
    <t>606414.0</t>
  </si>
  <si>
    <t>1661560.0</t>
  </si>
  <si>
    <t>1044638.0</t>
  </si>
  <si>
    <t>616922.0</t>
  </si>
  <si>
    <t>1670941.0</t>
  </si>
  <si>
    <t>1046526.0</t>
  </si>
  <si>
    <t>624415.0</t>
  </si>
  <si>
    <t>1672687.0</t>
  </si>
  <si>
    <t>1047355.0</t>
  </si>
  <si>
    <t>625332.0</t>
  </si>
  <si>
    <t>1673272.0</t>
  </si>
  <si>
    <t>1047592.0</t>
  </si>
  <si>
    <t>625680.0</t>
  </si>
  <si>
    <t>1682899.0</t>
  </si>
  <si>
    <t>1049847.0</t>
  </si>
  <si>
    <t>633052.0</t>
  </si>
  <si>
    <t>1692793.0</t>
  </si>
  <si>
    <t>1052343.0</t>
  </si>
  <si>
    <t>640450.0</t>
  </si>
  <si>
    <t>1707734.0</t>
  </si>
  <si>
    <t>1055341.0</t>
  </si>
  <si>
    <t>652393.0</t>
  </si>
  <si>
    <t>1712550.0</t>
  </si>
  <si>
    <t>1058280.0</t>
  </si>
  <si>
    <t>654270.0</t>
  </si>
  <si>
    <t>1726193.0</t>
  </si>
  <si>
    <t>1064104.0</t>
  </si>
  <si>
    <t>662089.0</t>
  </si>
  <si>
    <t>1726937.0</t>
  </si>
  <si>
    <t>1064500.0</t>
  </si>
  <si>
    <t>662437.0</t>
  </si>
  <si>
    <t>1734013.0</t>
  </si>
  <si>
    <t>1067615.0</t>
  </si>
  <si>
    <t>666398.0</t>
  </si>
  <si>
    <t>1741581.0</t>
  </si>
  <si>
    <t>1071297.0</t>
  </si>
  <si>
    <t>670284.0</t>
  </si>
  <si>
    <t>1750260.0</t>
  </si>
  <si>
    <t>1075808.0</t>
  </si>
  <si>
    <t>674452.0</t>
  </si>
  <si>
    <t>1768519.0</t>
  </si>
  <si>
    <t>1084013.0</t>
  </si>
  <si>
    <t>684506.0</t>
  </si>
  <si>
    <t>1793520.0</t>
  </si>
  <si>
    <t>1097830.0</t>
  </si>
  <si>
    <t>695690.0</t>
  </si>
  <si>
    <t>1804375.0</t>
  </si>
  <si>
    <t>1105470.0</t>
  </si>
  <si>
    <t>698905.0</t>
  </si>
  <si>
    <t>1842342.0</t>
  </si>
  <si>
    <t>1131631.0</t>
  </si>
  <si>
    <t>710711.0</t>
  </si>
  <si>
    <t>37967.0</t>
  </si>
  <si>
    <t>1881988.0</t>
  </si>
  <si>
    <t>1160809.0</t>
  </si>
  <si>
    <t>721179.0</t>
  </si>
  <si>
    <t>20058.0</t>
  </si>
  <si>
    <t>1922085.0</t>
  </si>
  <si>
    <t>1192418.0</t>
  </si>
  <si>
    <t>729667.0</t>
  </si>
  <si>
    <t>40097.0</t>
  </si>
  <si>
    <t>1970174.0</t>
  </si>
  <si>
    <t>1231835.0</t>
  </si>
  <si>
    <t>738339.0</t>
  </si>
  <si>
    <t>2008548.0</t>
  </si>
  <si>
    <t>1264362.0</t>
  </si>
  <si>
    <t>744186.0</t>
  </si>
  <si>
    <t>38374.0</t>
  </si>
  <si>
    <t>23790.0</t>
  </si>
  <si>
    <t>2033277.0</t>
  </si>
  <si>
    <t>1287010.0</t>
  </si>
  <si>
    <t>746267.0</t>
  </si>
  <si>
    <t>2053717.0</t>
  </si>
  <si>
    <t>1305850.0</t>
  </si>
  <si>
    <t>747867.0</t>
  </si>
  <si>
    <t>37418.0</t>
  </si>
  <si>
    <t>31178.0</t>
  </si>
  <si>
    <t>2154825.0</t>
  </si>
  <si>
    <t>1393905.0</t>
  </si>
  <si>
    <t>760920.0</t>
  </si>
  <si>
    <t>2221704.0</t>
  </si>
  <si>
    <t>1454102.0</t>
  </si>
  <si>
    <t>767602.0</t>
  </si>
  <si>
    <t>66879.0</t>
  </si>
  <si>
    <t>42803.0</t>
  </si>
  <si>
    <t>2290801.0</t>
  </si>
  <si>
    <t>1517734.0</t>
  </si>
  <si>
    <t>773067.0</t>
  </si>
  <si>
    <t>40843.0</t>
  </si>
  <si>
    <t>2374197.0</t>
  </si>
  <si>
    <t>1595335.0</t>
  </si>
  <si>
    <t>778862.0</t>
  </si>
  <si>
    <t>83396.0</t>
  </si>
  <si>
    <t>52236.0</t>
  </si>
  <si>
    <t>47282.0</t>
  </si>
  <si>
    <t>2396064.0</t>
  </si>
  <si>
    <t>1615687.0</t>
  </si>
  <si>
    <t>2412209.0</t>
  </si>
  <si>
    <t>1631022.0</t>
  </si>
  <si>
    <t>781187.0</t>
  </si>
  <si>
    <t>51213.0</t>
  </si>
  <si>
    <t>46453.0</t>
  </si>
  <si>
    <t>2501198.0</t>
  </si>
  <si>
    <t>1714858.0</t>
  </si>
  <si>
    <t>786340.0</t>
  </si>
  <si>
    <t>56704.0</t>
  </si>
  <si>
    <t>2585664.0</t>
  </si>
  <si>
    <t>1794369.0</t>
  </si>
  <si>
    <t>791295.0</t>
  </si>
  <si>
    <t>84466.0</t>
  </si>
  <si>
    <t>57209.0</t>
  </si>
  <si>
    <t>2649820.0</t>
  </si>
  <si>
    <t>1854630.0</t>
  </si>
  <si>
    <t>795190.0</t>
  </si>
  <si>
    <t>64156.0</t>
  </si>
  <si>
    <t>61159.0</t>
  </si>
  <si>
    <t>57218.0</t>
  </si>
  <si>
    <t>2693039.0</t>
  </si>
  <si>
    <t>1894240.0</t>
  </si>
  <si>
    <t>57463.0</t>
  </si>
  <si>
    <t>2726932.0</t>
  </si>
  <si>
    <t>1925446.0</t>
  </si>
  <si>
    <t>801486.0</t>
  </si>
  <si>
    <t>47159.0</t>
  </si>
  <si>
    <t>2742199.0</t>
  </si>
  <si>
    <t>1939688.0</t>
  </si>
  <si>
    <t>802511.0</t>
  </si>
  <si>
    <t>2752266.0</t>
  </si>
  <si>
    <t>1949340.0</t>
  </si>
  <si>
    <t>802926.0</t>
  </si>
  <si>
    <t>45474.0</t>
  </si>
  <si>
    <t>2773239.0</t>
  </si>
  <si>
    <t>1968656.0</t>
  </si>
  <si>
    <t>804583.0</t>
  </si>
  <si>
    <t>2792309.0</t>
  </si>
  <si>
    <t>1985905.0</t>
  </si>
  <si>
    <t>2807945.0</t>
  </si>
  <si>
    <t>2000285.0</t>
  </si>
  <si>
    <t>807660.0</t>
  </si>
  <si>
    <t>2809389.0</t>
  </si>
  <si>
    <t>2020009.0</t>
  </si>
  <si>
    <t>809380.0</t>
  </si>
  <si>
    <t>2854662.0</t>
  </si>
  <si>
    <t>2043504.0</t>
  </si>
  <si>
    <t>811158.0</t>
  </si>
  <si>
    <t>2862528.0</t>
  </si>
  <si>
    <t>2050377.0</t>
  </si>
  <si>
    <t>812151.0</t>
  </si>
  <si>
    <t>17190.0</t>
  </si>
  <si>
    <t>2870392.0</t>
  </si>
  <si>
    <t>2057080.0</t>
  </si>
  <si>
    <t>813312.0</t>
  </si>
  <si>
    <t>2874858.0</t>
  </si>
  <si>
    <t>2080483.0</t>
  </si>
  <si>
    <t>814375.0</t>
  </si>
  <si>
    <t>14517.0</t>
  </si>
  <si>
    <t>2934285.0</t>
  </si>
  <si>
    <t>2117075.0</t>
  </si>
  <si>
    <t>817210.0</t>
  </si>
  <si>
    <t>59427.0</t>
  </si>
  <si>
    <t>23212.0</t>
  </si>
  <si>
    <t>3031728.0</t>
  </si>
  <si>
    <t>2208468.0</t>
  </si>
  <si>
    <t>823260.0</t>
  </si>
  <si>
    <t>31763.0</t>
  </si>
  <si>
    <t>3090932.0</t>
  </si>
  <si>
    <t>2262968.0</t>
  </si>
  <si>
    <t>827964.0</t>
  </si>
  <si>
    <t>3099807.0</t>
  </si>
  <si>
    <t>2270827.0</t>
  </si>
  <si>
    <t>828980.0</t>
  </si>
  <si>
    <t>38728.0</t>
  </si>
  <si>
    <t>3192099.0</t>
  </si>
  <si>
    <t>2353534.0</t>
  </si>
  <si>
    <t>838565.0</t>
  </si>
  <si>
    <t>36831.0</t>
  </si>
  <si>
    <t>33780.0</t>
  </si>
  <si>
    <t>3241751.0</t>
  </si>
  <si>
    <t>2397641.0</t>
  </si>
  <si>
    <t>844110.0</t>
  </si>
  <si>
    <t>49652.0</t>
  </si>
  <si>
    <t>3290450.0</t>
  </si>
  <si>
    <t>2439528.0</t>
  </si>
  <si>
    <t>850922.0</t>
  </si>
  <si>
    <t>3337913.0</t>
  </si>
  <si>
    <t>2480543.0</t>
  </si>
  <si>
    <t>857370.0</t>
  </si>
  <si>
    <t>39512.0</t>
  </si>
  <si>
    <t>34975.0</t>
  </si>
  <si>
    <t>32820.0</t>
  </si>
  <si>
    <t>3364322.0</t>
  </si>
  <si>
    <t>2504869.0</t>
  </si>
  <si>
    <t>859453.0</t>
  </si>
  <si>
    <t>3409017.0</t>
  </si>
  <si>
    <t>2543876.0</t>
  </si>
  <si>
    <t>865141.0</t>
  </si>
  <si>
    <t>37581.0</t>
  </si>
  <si>
    <t>3461056.0</t>
  </si>
  <si>
    <t>2589741.0</t>
  </si>
  <si>
    <t>871315.0</t>
  </si>
  <si>
    <t>33744.0</t>
  </si>
  <si>
    <t>3507836.0</t>
  </si>
  <si>
    <t>2631821.0</t>
  </si>
  <si>
    <t>876015.0</t>
  </si>
  <si>
    <t>46780.0</t>
  </si>
  <si>
    <t>33454.0</t>
  </si>
  <si>
    <t>3554424.0</t>
  </si>
  <si>
    <t>2672861.0</t>
  </si>
  <si>
    <t>881563.0</t>
  </si>
  <si>
    <t>46588.0</t>
  </si>
  <si>
    <t>37711.0</t>
  </si>
  <si>
    <t>3600187.0</t>
  </si>
  <si>
    <t>2713427.0</t>
  </si>
  <si>
    <t>886760.0</t>
  </si>
  <si>
    <t>33269.0</t>
  </si>
  <si>
    <t>3613357.0</t>
  </si>
  <si>
    <t>2724274.0</t>
  </si>
  <si>
    <t>889083.0</t>
  </si>
  <si>
    <t>37463.0</t>
  </si>
  <si>
    <t>33081.0</t>
  </si>
  <si>
    <t>2737982.0</t>
  </si>
  <si>
    <t>889298.0</t>
  </si>
  <si>
    <t>35576.0</t>
  </si>
  <si>
    <t>3664721.0</t>
  </si>
  <si>
    <t>2771051.0</t>
  </si>
  <si>
    <t>893670.0</t>
  </si>
  <si>
    <t>51364.0</t>
  </si>
  <si>
    <t>36529.0</t>
  </si>
  <si>
    <t>3712030.0</t>
  </si>
  <si>
    <t>2813477.0</t>
  </si>
  <si>
    <t>898553.0</t>
  </si>
  <si>
    <t>3761876.0</t>
  </si>
  <si>
    <t>2856972.0</t>
  </si>
  <si>
    <t>904904.0</t>
  </si>
  <si>
    <t>49846.0</t>
  </si>
  <si>
    <t>3811136.0</t>
  </si>
  <si>
    <t>2897007.0</t>
  </si>
  <si>
    <t>914129.0</t>
  </si>
  <si>
    <t>3860780.0</t>
  </si>
  <si>
    <t>2934743.0</t>
  </si>
  <si>
    <t>926037.0</t>
  </si>
  <si>
    <t>49644.0</t>
  </si>
  <si>
    <t>37228.0</t>
  </si>
  <si>
    <t>3874083.0</t>
  </si>
  <si>
    <t>2944584.0</t>
  </si>
  <si>
    <t>929499.0</t>
  </si>
  <si>
    <t>37247.0</t>
  </si>
  <si>
    <t>31473.0</t>
  </si>
  <si>
    <t>3886630.0</t>
  </si>
  <si>
    <t>2955890.0</t>
  </si>
  <si>
    <t>930740.0</t>
  </si>
  <si>
    <t>3935671.0</t>
  </si>
  <si>
    <t>2988128.0</t>
  </si>
  <si>
    <t>947543.0</t>
  </si>
  <si>
    <t>49041.0</t>
  </si>
  <si>
    <t>3990500.0</t>
  </si>
  <si>
    <t>3022947.0</t>
  </si>
  <si>
    <t>967553.0</t>
  </si>
  <si>
    <t>54829.0</t>
  </si>
  <si>
    <t>4111317.0</t>
  </si>
  <si>
    <t>3093399.0</t>
  </si>
  <si>
    <t>1017918.0</t>
  </si>
  <si>
    <t>120817.0</t>
  </si>
  <si>
    <t>49920.0</t>
  </si>
  <si>
    <t>33775.0</t>
  </si>
  <si>
    <t>48043.0</t>
  </si>
  <si>
    <t>4183552.0</t>
  </si>
  <si>
    <t>3135700.0</t>
  </si>
  <si>
    <t>1047852.0</t>
  </si>
  <si>
    <t>45484.0</t>
  </si>
  <si>
    <t>4210315.0</t>
  </si>
  <si>
    <t>3155222.0</t>
  </si>
  <si>
    <t>1055093.0</t>
  </si>
  <si>
    <t>20717.0</t>
  </si>
  <si>
    <t>4482179.0</t>
  </si>
  <si>
    <t>3280011.0</t>
  </si>
  <si>
    <t>1202168.0</t>
  </si>
  <si>
    <t>47821.0</t>
  </si>
  <si>
    <t>4500179.0</t>
  </si>
  <si>
    <t>3291192.0</t>
  </si>
  <si>
    <t>1208987.0</t>
  </si>
  <si>
    <t>18000.0</t>
  </si>
  <si>
    <t>4520753.0</t>
  </si>
  <si>
    <t>3303782.0</t>
  </si>
  <si>
    <t>1216971.0</t>
  </si>
  <si>
    <t>46897.0</t>
  </si>
  <si>
    <t>4590725.0</t>
  </si>
  <si>
    <t>3338391.0</t>
  </si>
  <si>
    <t>1252334.0</t>
  </si>
  <si>
    <t>69972.0</t>
  </si>
  <si>
    <t>55619.0</t>
  </si>
  <si>
    <t>4674897.0</t>
  </si>
  <si>
    <t>3379842.0</t>
  </si>
  <si>
    <t>1295055.0</t>
  </si>
  <si>
    <t>66369.0</t>
  </si>
  <si>
    <t>4733770.0</t>
  </si>
  <si>
    <t>3416746.0</t>
  </si>
  <si>
    <t>1317024.0</t>
  </si>
  <si>
    <t>61833.0</t>
  </si>
  <si>
    <t>31418.0</t>
  </si>
  <si>
    <t>60959.0</t>
  </si>
  <si>
    <t>30963.0</t>
  </si>
  <si>
    <t>4902772.0</t>
  </si>
  <si>
    <t>3493570.0</t>
  </si>
  <si>
    <t>1414202.0</t>
  </si>
  <si>
    <t>4930336.0</t>
  </si>
  <si>
    <t>3504400.0</t>
  </si>
  <si>
    <t>1425936.0</t>
  </si>
  <si>
    <t>61451.0</t>
  </si>
  <si>
    <t>4944441.0</t>
  </si>
  <si>
    <t>3513683.0</t>
  </si>
  <si>
    <t>1430758.0</t>
  </si>
  <si>
    <t>14105.0</t>
  </si>
  <si>
    <t>60527.0</t>
  </si>
  <si>
    <t>5029901.0</t>
  </si>
  <si>
    <t>3545060.0</t>
  </si>
  <si>
    <t>1484841.0</t>
  </si>
  <si>
    <t>5084297.0</t>
  </si>
  <si>
    <t>3576875.0</t>
  </si>
  <si>
    <t>1507422.0</t>
  </si>
  <si>
    <t>58486.0</t>
  </si>
  <si>
    <t>5153667.0</t>
  </si>
  <si>
    <t>3608290.0</t>
  </si>
  <si>
    <t>1545377.0</t>
  </si>
  <si>
    <t>59985.0</t>
  </si>
  <si>
    <t>27363.0</t>
  </si>
  <si>
    <t>5226128.0</t>
  </si>
  <si>
    <t>3642163.0</t>
  </si>
  <si>
    <t>1583965.0</t>
  </si>
  <si>
    <t>5292312.0</t>
  </si>
  <si>
    <t>3671133.0</t>
  </si>
  <si>
    <t>1621179.0</t>
  </si>
  <si>
    <t>66184.0</t>
  </si>
  <si>
    <t>25366.0</t>
  </si>
  <si>
    <t>5307181.0</t>
  </si>
  <si>
    <t>3679975.0</t>
  </si>
  <si>
    <t>1627206.0</t>
  </si>
  <si>
    <t>25082.0</t>
  </si>
  <si>
    <t>5321880.0</t>
  </si>
  <si>
    <t>3688884.0</t>
  </si>
  <si>
    <t>1632996.0</t>
  </si>
  <si>
    <t>25029.0</t>
  </si>
  <si>
    <t>5377727.0</t>
  </si>
  <si>
    <t>3705253.0</t>
  </si>
  <si>
    <t>1672474.0</t>
  </si>
  <si>
    <t>55847.0</t>
  </si>
  <si>
    <t>49373.0</t>
  </si>
  <si>
    <t>5482089.0</t>
  </si>
  <si>
    <t>3744710.0</t>
  </si>
  <si>
    <t>1737379.0</t>
  </si>
  <si>
    <t>46917.0</t>
  </si>
  <si>
    <t>19489.0</t>
  </si>
  <si>
    <t>5546979.0</t>
  </si>
  <si>
    <t>3764767.0</t>
  </si>
  <si>
    <t>1782212.0</t>
  </si>
  <si>
    <t>3782659.0</t>
  </si>
  <si>
    <t>1829113.0</t>
  </si>
  <si>
    <t>64793.0</t>
  </si>
  <si>
    <t>5624230.0</t>
  </si>
  <si>
    <t>3787211.0</t>
  </si>
  <si>
    <t>1837019.0</t>
  </si>
  <si>
    <t>47966.0</t>
  </si>
  <si>
    <t>5691050.0</t>
  </si>
  <si>
    <t>3808382.0</t>
  </si>
  <si>
    <t>1882668.0</t>
  </si>
  <si>
    <t>44760.0</t>
  </si>
  <si>
    <t>5751332.0</t>
  </si>
  <si>
    <t>3825759.0</t>
  </si>
  <si>
    <t>1925573.0</t>
  </si>
  <si>
    <t>60282.0</t>
  </si>
  <si>
    <t>45918.0</t>
  </si>
  <si>
    <t>5893466.0</t>
  </si>
  <si>
    <t>2032330.0</t>
  </si>
  <si>
    <t>48400.0</t>
  </si>
  <si>
    <t>5997816.0</t>
  </si>
  <si>
    <t>3887459.0</t>
  </si>
  <si>
    <t>2110357.0</t>
  </si>
  <si>
    <t>6083449.0</t>
  </si>
  <si>
    <t>3905215.0</t>
  </si>
  <si>
    <t>2178234.0</t>
  </si>
  <si>
    <t>85633.0</t>
  </si>
  <si>
    <t>56057.0</t>
  </si>
  <si>
    <t>14172.0</t>
  </si>
  <si>
    <t>6245698.0</t>
  </si>
  <si>
    <t>3944709.0</t>
  </si>
  <si>
    <t>2300989.0</t>
  </si>
  <si>
    <t>6311749.0</t>
  </si>
  <si>
    <t>3963035.0</t>
  </si>
  <si>
    <t>2348714.0</t>
  </si>
  <si>
    <t>59755.0</t>
  </si>
  <si>
    <t>6388427.0</t>
  </si>
  <si>
    <t>3986501.0</t>
  </si>
  <si>
    <t>2401926.0</t>
  </si>
  <si>
    <t>65762.0</t>
  </si>
  <si>
    <t>63489.0</t>
  </si>
  <si>
    <t>21214.0</t>
  </si>
  <si>
    <t>6597597.0</t>
  </si>
  <si>
    <t>4087317.0</t>
  </si>
  <si>
    <t>2510280.0</t>
  </si>
  <si>
    <t>61860.0</t>
  </si>
  <si>
    <t>6700134.0</t>
  </si>
  <si>
    <t>4329464.0</t>
  </si>
  <si>
    <t>2556755.0</t>
  </si>
  <si>
    <t>102537.0</t>
  </si>
  <si>
    <t>64919.0</t>
  </si>
  <si>
    <t>54965.0</t>
  </si>
  <si>
    <t>6811043.0</t>
  </si>
  <si>
    <t>4405888.0</t>
  </si>
  <si>
    <t>2603541.0</t>
  </si>
  <si>
    <t>110909.0</t>
  </si>
  <si>
    <t>71328.0</t>
  </si>
  <si>
    <t>6915627.0</t>
  </si>
  <si>
    <t>4478196.0</t>
  </si>
  <si>
    <t>2648391.0</t>
  </si>
  <si>
    <t>80791.0</t>
  </si>
  <si>
    <t>78483.0</t>
  </si>
  <si>
    <t>72655.0</t>
  </si>
  <si>
    <t>6959988.0</t>
  </si>
  <si>
    <t>4511979.0</t>
  </si>
  <si>
    <t>7063927.0</t>
  </si>
  <si>
    <t>4583142.0</t>
  </si>
  <si>
    <t>2709473.0</t>
  </si>
  <si>
    <t>103939.0</t>
  </si>
  <si>
    <t>76579.0</t>
  </si>
  <si>
    <t>7175590.0</t>
  </si>
  <si>
    <t>4658835.0</t>
  </si>
  <si>
    <t>2759827.0</t>
  </si>
  <si>
    <t>111663.0</t>
  </si>
  <si>
    <t>82570.0</t>
  </si>
  <si>
    <t>85186.0</t>
  </si>
  <si>
    <t>58495.0</t>
  </si>
  <si>
    <t>7417276.0</t>
  </si>
  <si>
    <t>4819028.0</t>
  </si>
  <si>
    <t>2877348.0</t>
  </si>
  <si>
    <t>86605.0</t>
  </si>
  <si>
    <t>59020.0</t>
  </si>
  <si>
    <t>7525681.0</t>
  </si>
  <si>
    <t>4891490.0</t>
  </si>
  <si>
    <t>2930650.0</t>
  </si>
  <si>
    <t>108405.0</t>
  </si>
  <si>
    <t>87151.0</t>
  </si>
  <si>
    <t>88086.0</t>
  </si>
  <si>
    <t>59964.0</t>
  </si>
  <si>
    <t>7583134.0</t>
  </si>
  <si>
    <t>4938175.0</t>
  </si>
  <si>
    <t>2954835.0</t>
  </si>
  <si>
    <t>89021.0</t>
  </si>
  <si>
    <t>7678464.0</t>
  </si>
  <si>
    <t>5003403.0</t>
  </si>
  <si>
    <t>3001908.0</t>
  </si>
  <si>
    <t>87791.0</t>
  </si>
  <si>
    <t>7787262.0</t>
  </si>
  <si>
    <t>5078363.0</t>
  </si>
  <si>
    <t>3055726.0</t>
  </si>
  <si>
    <t>108798.0</t>
  </si>
  <si>
    <t>59933.0</t>
  </si>
  <si>
    <t>7900934.0</t>
  </si>
  <si>
    <t>5156080.0</t>
  </si>
  <si>
    <t>3117034.0</t>
  </si>
  <si>
    <t>113672.0</t>
  </si>
  <si>
    <t>86357.0</t>
  </si>
  <si>
    <t>8026932.0</t>
  </si>
  <si>
    <t>5248482.0</t>
  </si>
  <si>
    <t>3178134.0</t>
  </si>
  <si>
    <t>125998.0</t>
  </si>
  <si>
    <t>8141817.0</t>
  </si>
  <si>
    <t>3235498.0</t>
  </si>
  <si>
    <t>114885.0</t>
  </si>
  <si>
    <t>58918.0</t>
  </si>
  <si>
    <t>8178645.0</t>
  </si>
  <si>
    <t>5359346.0</t>
  </si>
  <si>
    <t>3251688.0</t>
  </si>
  <si>
    <t>89177.0</t>
  </si>
  <si>
    <t>63502.0</t>
  </si>
  <si>
    <t>8198259.0</t>
  </si>
  <si>
    <t>5375123.0</t>
  </si>
  <si>
    <t>3260603.0</t>
  </si>
  <si>
    <t>19614.0</t>
  </si>
  <si>
    <t>62421.0</t>
  </si>
  <si>
    <t>87056.0</t>
  </si>
  <si>
    <t>8377457.0</t>
  </si>
  <si>
    <t>5507903.0</t>
  </si>
  <si>
    <t>3345520.0</t>
  </si>
  <si>
    <t>84314.0</t>
  </si>
  <si>
    <t>61363.0</t>
  </si>
  <si>
    <t>89356.0</t>
  </si>
  <si>
    <t>8675388.0</t>
  </si>
  <si>
    <t>5735219.0</t>
  </si>
  <si>
    <t>3483662.0</t>
  </si>
  <si>
    <t>92637.0</t>
  </si>
  <si>
    <t>69534.0</t>
  </si>
  <si>
    <t>2908081.0</t>
  </si>
  <si>
    <t>54.864</t>
  </si>
  <si>
    <t>87572.0</t>
  </si>
  <si>
    <t>70903.0</t>
  </si>
  <si>
    <t>72271.0</t>
  </si>
  <si>
    <t>8913690.0</t>
  </si>
  <si>
    <t>5930258.0</t>
  </si>
  <si>
    <t>3592043.0</t>
  </si>
  <si>
    <t>102204.0</t>
  </si>
  <si>
    <t>71348.0</t>
  </si>
  <si>
    <t>121951.0</t>
  </si>
  <si>
    <t>9389825.0</t>
  </si>
  <si>
    <t>3847196.0</t>
  </si>
  <si>
    <t>123343.0</t>
  </si>
  <si>
    <t>48683.0</t>
  </si>
  <si>
    <t>0.3068</t>
  </si>
  <si>
    <t>9448225.0</t>
  </si>
  <si>
    <t>3862711.0</t>
  </si>
  <si>
    <t>58400.0</t>
  </si>
  <si>
    <t>110405.0</t>
  </si>
  <si>
    <t>107759.0</t>
  </si>
  <si>
    <t>26214.0</t>
  </si>
  <si>
    <t>9570050.0</t>
  </si>
  <si>
    <t>3927485.0</t>
  </si>
  <si>
    <t>105113.0</t>
  </si>
  <si>
    <t>9594110.0</t>
  </si>
  <si>
    <t>3939523.0</t>
  </si>
  <si>
    <t>0.3541</t>
  </si>
  <si>
    <t>9629145.0</t>
  </si>
  <si>
    <t>3957505.0</t>
  </si>
  <si>
    <t>79535.0</t>
  </si>
  <si>
    <t>0.3297</t>
  </si>
  <si>
    <t>9739482.0</t>
  </si>
  <si>
    <t>4018791.0</t>
  </si>
  <si>
    <t>110337.0</t>
  </si>
  <si>
    <t>9866314.0</t>
  </si>
  <si>
    <t>4086482.0</t>
  </si>
  <si>
    <t>68070.0</t>
  </si>
  <si>
    <t>10002184.0</t>
  </si>
  <si>
    <t>4155832.0</t>
  </si>
  <si>
    <t>135870.0</t>
  </si>
  <si>
    <t>0.3176</t>
  </si>
  <si>
    <t>78941.0</t>
  </si>
  <si>
    <t>10121263.0</t>
  </si>
  <si>
    <t>4215806.0</t>
  </si>
  <si>
    <t>78745.0</t>
  </si>
  <si>
    <t>10134012.0</t>
  </si>
  <si>
    <t>4222839.0</t>
  </si>
  <si>
    <t>77129.0</t>
  </si>
  <si>
    <t>10220981.0</t>
  </si>
  <si>
    <t>4270594.0</t>
  </si>
  <si>
    <t>86969.0</t>
  </si>
  <si>
    <t>84548.0</t>
  </si>
  <si>
    <t>10310606.0</t>
  </si>
  <si>
    <t>4321150.0</t>
  </si>
  <si>
    <t>89625.0</t>
  </si>
  <si>
    <t>81589.0</t>
  </si>
  <si>
    <t>10356914.0</t>
  </si>
  <si>
    <t>4347094.0</t>
  </si>
  <si>
    <t>30572.0</t>
  </si>
  <si>
    <t>46308.0</t>
  </si>
  <si>
    <t>70086.0</t>
  </si>
  <si>
    <t>10473483.0</t>
  </si>
  <si>
    <t>4412786.0</t>
  </si>
  <si>
    <t>116569.0</t>
  </si>
  <si>
    <t>10572187.0</t>
  </si>
  <si>
    <t>4468661.0</t>
  </si>
  <si>
    <t>49343.0</t>
  </si>
  <si>
    <t>72923.0</t>
  </si>
  <si>
    <t>10593638.0</t>
  </si>
  <si>
    <t>4478832.0</t>
  </si>
  <si>
    <t>51226.0</t>
  </si>
  <si>
    <t>67482.0</t>
  </si>
  <si>
    <t>10609955.0</t>
  </si>
  <si>
    <t>4486533.0</t>
  </si>
  <si>
    <t>51971.0</t>
  </si>
  <si>
    <t>10696021.0</t>
  </si>
  <si>
    <t>4533842.0</t>
  </si>
  <si>
    <t>86066.0</t>
  </si>
  <si>
    <t>10779531.0</t>
  </si>
  <si>
    <t>4583839.0</t>
  </si>
  <si>
    <t>67002.0</t>
  </si>
  <si>
    <t>83510.0</t>
  </si>
  <si>
    <t>66989.0</t>
  </si>
  <si>
    <t>10878311.0</t>
  </si>
  <si>
    <t>4644213.0</t>
  </si>
  <si>
    <t>74374.0</t>
  </si>
  <si>
    <t>98780.0</t>
  </si>
  <si>
    <t>64887.0</t>
  </si>
  <si>
    <t>3127480.0</t>
  </si>
  <si>
    <t>57841.0</t>
  </si>
  <si>
    <t>61832.0</t>
  </si>
  <si>
    <t>66556.0</t>
  </si>
  <si>
    <t>11174610.0</t>
  </si>
  <si>
    <t>6251075.0</t>
  </si>
  <si>
    <t>4828594.0</t>
  </si>
  <si>
    <t>94941.0</t>
  </si>
  <si>
    <t>56440.0</t>
  </si>
  <si>
    <t>54546.0</t>
  </si>
  <si>
    <t>3170792.0</t>
  </si>
  <si>
    <t>11345649.0</t>
  </si>
  <si>
    <t>6295337.0</t>
  </si>
  <si>
    <t>4945422.0</t>
  </si>
  <si>
    <t>104890.0</t>
  </si>
  <si>
    <t>11437774.0</t>
  </si>
  <si>
    <t>6316501.0</t>
  </si>
  <si>
    <t>5011823.0</t>
  </si>
  <si>
    <t>109450.0</t>
  </si>
  <si>
    <t>92125.0</t>
  </si>
  <si>
    <t>65814.0</t>
  </si>
  <si>
    <t>11522950.0</t>
  </si>
  <si>
    <t>6336971.0</t>
  </si>
  <si>
    <t>5071972.0</t>
  </si>
  <si>
    <t>114007.0</t>
  </si>
  <si>
    <t>11542128.0</t>
  </si>
  <si>
    <t>6344094.0</t>
  </si>
  <si>
    <t>5082976.0</t>
  </si>
  <si>
    <t>115058.0</t>
  </si>
  <si>
    <t>66612.0</t>
  </si>
  <si>
    <t>3186286.0</t>
  </si>
  <si>
    <t>60.112</t>
  </si>
  <si>
    <t>11553636.0</t>
  </si>
  <si>
    <t>6348544.0</t>
  </si>
  <si>
    <t>5089686.0</t>
  </si>
  <si>
    <t>115407.0</t>
  </si>
  <si>
    <t>61201.0</t>
  </si>
  <si>
    <t>3189945.0</t>
  </si>
  <si>
    <t>11625788.0</t>
  </si>
  <si>
    <t>6365984.0</t>
  </si>
  <si>
    <t>5140835.0</t>
  </si>
  <si>
    <t>118969.0</t>
  </si>
  <si>
    <t>64454.0</t>
  </si>
  <si>
    <t>11710636.0</t>
  </si>
  <si>
    <t>6387024.0</t>
  </si>
  <si>
    <t>5150338.0</t>
  </si>
  <si>
    <t>123274.0</t>
  </si>
  <si>
    <t>84848.0</t>
  </si>
  <si>
    <t>3200937.0</t>
  </si>
  <si>
    <t>60.389</t>
  </si>
  <si>
    <t>11784132.0</t>
  </si>
  <si>
    <t>6406701.0</t>
  </si>
  <si>
    <t>5250282.0</t>
  </si>
  <si>
    <t>127149.0</t>
  </si>
  <si>
    <t>15909.0</t>
  </si>
  <si>
    <t>11858965.0</t>
  </si>
  <si>
    <t>6426628.0</t>
  </si>
  <si>
    <t>5300954.0</t>
  </si>
  <si>
    <t>131383.0</t>
  </si>
  <si>
    <t>74833.0</t>
  </si>
  <si>
    <t>60170.0</t>
  </si>
  <si>
    <t>11987147.0</t>
  </si>
  <si>
    <t>6469965.0</t>
  </si>
  <si>
    <t>5380151.0</t>
  </si>
  <si>
    <t>137031.0</t>
  </si>
  <si>
    <t>128182.0</t>
  </si>
  <si>
    <t>66314.0</t>
  </si>
  <si>
    <t>18999.0</t>
  </si>
  <si>
    <t>3220562.0</t>
  </si>
  <si>
    <t>60.759</t>
  </si>
  <si>
    <t>12107587.0</t>
  </si>
  <si>
    <t>6519171.0</t>
  </si>
  <si>
    <t>5447350.0</t>
  </si>
  <si>
    <t>141066.0</t>
  </si>
  <si>
    <t>120440.0</t>
  </si>
  <si>
    <t>80780.0</t>
  </si>
  <si>
    <t>25011.0</t>
  </si>
  <si>
    <t>3222886.0</t>
  </si>
  <si>
    <t>60.803</t>
  </si>
  <si>
    <t>12252574.0</t>
  </si>
  <si>
    <t>6572987.0</t>
  </si>
  <si>
    <t>5530890.0</t>
  </si>
  <si>
    <t>148697.0</t>
  </si>
  <si>
    <t>99848.0</t>
  </si>
  <si>
    <t>32063.0</t>
  </si>
  <si>
    <t>3229023.0</t>
  </si>
  <si>
    <t>60.919</t>
  </si>
  <si>
    <t>12451246.0</t>
  </si>
  <si>
    <t>6650827.0</t>
  </si>
  <si>
    <t>5644983.0</t>
  </si>
  <si>
    <t>155436.0</t>
  </si>
  <si>
    <t>198672.0</t>
  </si>
  <si>
    <t>117923.0</t>
  </si>
  <si>
    <t>12652991.0</t>
  </si>
  <si>
    <t>6726073.0</t>
  </si>
  <si>
    <t>5764722.0</t>
  </si>
  <si>
    <t>201745.0</t>
  </si>
  <si>
    <t>134622.0</t>
  </si>
  <si>
    <t>48436.0</t>
  </si>
  <si>
    <t>3233831.0</t>
  </si>
  <si>
    <t>61.009</t>
  </si>
  <si>
    <t>12885157.0</t>
  </si>
  <si>
    <t>6821372.0</t>
  </si>
  <si>
    <t>5894445.0</t>
  </si>
  <si>
    <t>169340.0</t>
  </si>
  <si>
    <t>232166.0</t>
  </si>
  <si>
    <t>157289.0</t>
  </si>
  <si>
    <t>59239.0</t>
  </si>
  <si>
    <t>13134929.0</t>
  </si>
  <si>
    <t>6931867.0</t>
  </si>
  <si>
    <t>6031744.0</t>
  </si>
  <si>
    <t>249772.0</t>
  </si>
  <si>
    <t>182281.0</t>
  </si>
  <si>
    <t>72177.0</t>
  </si>
  <si>
    <t>3240690.0</t>
  </si>
  <si>
    <t>61.139</t>
  </si>
  <si>
    <t>13399285.0</t>
  </si>
  <si>
    <t>7057640.0</t>
  </si>
  <si>
    <t>6158263.0</t>
  </si>
  <si>
    <t>183382.0</t>
  </si>
  <si>
    <t>264356.0</t>
  </si>
  <si>
    <t>201734.0</t>
  </si>
  <si>
    <t>83954.0</t>
  </si>
  <si>
    <t>13599070.0</t>
  </si>
  <si>
    <t>7157187.0</t>
  </si>
  <si>
    <t>6254366.0</t>
  </si>
  <si>
    <t>199785.0</t>
  </si>
  <si>
    <t>213069.0</t>
  </si>
  <si>
    <t>91145.0</t>
  </si>
  <si>
    <t>13782963.0</t>
  </si>
  <si>
    <t>7237715.0</t>
  </si>
  <si>
    <t>6351657.0</t>
  </si>
  <si>
    <t>193591.0</t>
  </si>
  <si>
    <t>183893.0</t>
  </si>
  <si>
    <t>218627.0</t>
  </si>
  <si>
    <t>3261313.0</t>
  </si>
  <si>
    <t>61.528</t>
  </si>
  <si>
    <t>13969965.0</t>
  </si>
  <si>
    <t>7330303.0</t>
  </si>
  <si>
    <t>6441596.0</t>
  </si>
  <si>
    <t>198066.0</t>
  </si>
  <si>
    <t>187002.0</t>
  </si>
  <si>
    <t>216960.0</t>
  </si>
  <si>
    <t>97068.0</t>
  </si>
  <si>
    <t>14192860.0</t>
  </si>
  <si>
    <t>7445331.0</t>
  </si>
  <si>
    <t>6544301.0</t>
  </si>
  <si>
    <t>203228.0</t>
  </si>
  <si>
    <t>222895.0</t>
  </si>
  <si>
    <t>219981.0</t>
  </si>
  <si>
    <t>3272286.0</t>
  </si>
  <si>
    <t>61.735</t>
  </si>
  <si>
    <t>14465822.0</t>
  </si>
  <si>
    <t>7598470.0</t>
  </si>
  <si>
    <t>6658534.0</t>
  </si>
  <si>
    <t>208818.0</t>
  </si>
  <si>
    <t>272962.0</t>
  </si>
  <si>
    <t>225809.0</t>
  </si>
  <si>
    <t>111014.0</t>
  </si>
  <si>
    <t>14748107.0</t>
  </si>
  <si>
    <t>7762095.0</t>
  </si>
  <si>
    <t>6771350.0</t>
  </si>
  <si>
    <t>214662.0</t>
  </si>
  <si>
    <t>282285.0</t>
  </si>
  <si>
    <t>230454.0</t>
  </si>
  <si>
    <t>118604.0</t>
  </si>
  <si>
    <t>15030753.0</t>
  </si>
  <si>
    <t>7929066.0</t>
  </si>
  <si>
    <t>6881306.0</t>
  </si>
  <si>
    <t>220381.0</t>
  </si>
  <si>
    <t>282646.0</t>
  </si>
  <si>
    <t>233067.0</t>
  </si>
  <si>
    <t>124489.0</t>
  </si>
  <si>
    <t>3295082.0</t>
  </si>
  <si>
    <t>62.165</t>
  </si>
  <si>
    <t>15236700.0</t>
  </si>
  <si>
    <t>8054405.0</t>
  </si>
  <si>
    <t>6958610.0</t>
  </si>
  <si>
    <t>223685.0</t>
  </si>
  <si>
    <t>205947.0</t>
  </si>
  <si>
    <t>233947.0</t>
  </si>
  <si>
    <t>128174.0</t>
  </si>
  <si>
    <t>239820.0</t>
  </si>
  <si>
    <t>120113.0</t>
  </si>
  <si>
    <t>3299132.0</t>
  </si>
  <si>
    <t>245249.0</t>
  </si>
  <si>
    <t>15911717.0</t>
  </si>
  <si>
    <t>7261983.0</t>
  </si>
  <si>
    <t>237303.0</t>
  </si>
  <si>
    <t>245551.0</t>
  </si>
  <si>
    <t>97339.0</t>
  </si>
  <si>
    <t>16019611.0</t>
  </si>
  <si>
    <t>7313482.0</t>
  </si>
  <si>
    <t>239191.0</t>
  </si>
  <si>
    <t>107894.0</t>
  </si>
  <si>
    <t>221970.0</t>
  </si>
  <si>
    <t>3322325.0</t>
  </si>
  <si>
    <t>189576.0</t>
  </si>
  <si>
    <t>16130662.0</t>
  </si>
  <si>
    <t>7361539.0</t>
  </si>
  <si>
    <t>241097.0</t>
  </si>
  <si>
    <t>38563.0</t>
  </si>
  <si>
    <t>162.8</t>
  </si>
  <si>
    <t>16156511.0</t>
  </si>
  <si>
    <t>7370036.0</t>
  </si>
  <si>
    <t>241233.0</t>
  </si>
  <si>
    <t>131402.0</t>
  </si>
  <si>
    <t>3335912.0</t>
  </si>
  <si>
    <t>62.935</t>
  </si>
  <si>
    <t>16222224.0</t>
  </si>
  <si>
    <t>7402211.0</t>
  </si>
  <si>
    <t>65713.0</t>
  </si>
  <si>
    <t>108645.0</t>
  </si>
  <si>
    <t>16298878.0</t>
  </si>
  <si>
    <t>7440969.0</t>
  </si>
  <si>
    <t>244391.0</t>
  </si>
  <si>
    <t>76654.0</t>
  </si>
  <si>
    <t>3346571.0</t>
  </si>
  <si>
    <t>63.136</t>
  </si>
  <si>
    <t>66579.0</t>
  </si>
  <si>
    <t>3351782.0</t>
  </si>
  <si>
    <t>63.234</t>
  </si>
  <si>
    <t>16456660.0</t>
  </si>
  <si>
    <t>7521620.0</t>
  </si>
  <si>
    <t>248337.0</t>
  </si>
  <si>
    <t>62436.0</t>
  </si>
  <si>
    <t>16533328.0</t>
  </si>
  <si>
    <t>7559978.0</t>
  </si>
  <si>
    <t>250480.0</t>
  </si>
  <si>
    <t>76668.0</t>
  </si>
  <si>
    <t>3363604.0</t>
  </si>
  <si>
    <t>63.458</t>
  </si>
  <si>
    <t>16577113.0</t>
  </si>
  <si>
    <t>7579773.0</t>
  </si>
  <si>
    <t>251409.0</t>
  </si>
  <si>
    <t>63779.0</t>
  </si>
  <si>
    <t>3368063.0</t>
  </si>
  <si>
    <t>63.542</t>
  </si>
  <si>
    <t>16617398.0</t>
  </si>
  <si>
    <t>7597696.0</t>
  </si>
  <si>
    <t>252452.0</t>
  </si>
  <si>
    <t>65841.0</t>
  </si>
  <si>
    <t>16691191.0</t>
  </si>
  <si>
    <t>7637631.0</t>
  </si>
  <si>
    <t>254335.0</t>
  </si>
  <si>
    <t>66995.0</t>
  </si>
  <si>
    <t>16740060.0</t>
  </si>
  <si>
    <t>7667915.0</t>
  </si>
  <si>
    <t>255481.0</t>
  </si>
  <si>
    <t>48869.0</t>
  </si>
  <si>
    <t>63026.0</t>
  </si>
  <si>
    <t>3376678.0</t>
  </si>
  <si>
    <t>63.704</t>
  </si>
  <si>
    <t>16786825.0</t>
  </si>
  <si>
    <t>7699273.0</t>
  </si>
  <si>
    <t>256726.0</t>
  </si>
  <si>
    <t>58437.0</t>
  </si>
  <si>
    <t>16829500.0</t>
  </si>
  <si>
    <t>7726896.0</t>
  </si>
  <si>
    <t>257739.0</t>
  </si>
  <si>
    <t>53263.0</t>
  </si>
  <si>
    <t>3381634.0</t>
  </si>
  <si>
    <t>63.798</t>
  </si>
  <si>
    <t>16865915.0</t>
  </si>
  <si>
    <t>7752059.0</t>
  </si>
  <si>
    <t>258775.0</t>
  </si>
  <si>
    <t>36415.0</t>
  </si>
  <si>
    <t>3393679.0</t>
  </si>
  <si>
    <t>64.025</t>
  </si>
  <si>
    <t>16876436.0</t>
  </si>
  <si>
    <t>7758227.0</t>
  </si>
  <si>
    <t>42760.0</t>
  </si>
  <si>
    <t>16883282.0</t>
  </si>
  <si>
    <t>7761412.0</t>
  </si>
  <si>
    <t>259177.0</t>
  </si>
  <si>
    <t>37983.0</t>
  </si>
  <si>
    <t>3406413.0</t>
  </si>
  <si>
    <t>16918288.0</t>
  </si>
  <si>
    <t>7787074.0</t>
  </si>
  <si>
    <t>260064.0</t>
  </si>
  <si>
    <t>278.9</t>
  </si>
  <si>
    <t>322.3</t>
  </si>
  <si>
    <t>3423203.0</t>
  </si>
  <si>
    <t>64.582</t>
  </si>
  <si>
    <t>17054582.0</t>
  </si>
  <si>
    <t>7890397.0</t>
  </si>
  <si>
    <t>262831.0</t>
  </si>
  <si>
    <t>458.6</t>
  </si>
  <si>
    <t>17105662.0</t>
  </si>
  <si>
    <t>7929595.0</t>
  </si>
  <si>
    <t>263765.0</t>
  </si>
  <si>
    <t>51080.0</t>
  </si>
  <si>
    <t>3434544.0</t>
  </si>
  <si>
    <t>64.796</t>
  </si>
  <si>
    <t>408.7</t>
  </si>
  <si>
    <t>17118224.0</t>
  </si>
  <si>
    <t>7937578.0</t>
  </si>
  <si>
    <t>263988.0</t>
  </si>
  <si>
    <t>34541.0</t>
  </si>
  <si>
    <t>361.6</t>
  </si>
  <si>
    <t>17129923.0</t>
  </si>
  <si>
    <t>7943994.0</t>
  </si>
  <si>
    <t>264172.0</t>
  </si>
  <si>
    <t>17172651.0</t>
  </si>
  <si>
    <t>7976891.0</t>
  </si>
  <si>
    <t>265023.0</t>
  </si>
  <si>
    <t>390.6</t>
  </si>
  <si>
    <t>33443.0</t>
  </si>
  <si>
    <t>351.7</t>
  </si>
  <si>
    <t>17278552.0</t>
  </si>
  <si>
    <t>8055220.0</t>
  </si>
  <si>
    <t>267991.0</t>
  </si>
  <si>
    <t>347.3</t>
  </si>
  <si>
    <t>17313441.0</t>
  </si>
  <si>
    <t>8081247.0</t>
  </si>
  <si>
    <t>268516.0</t>
  </si>
  <si>
    <t>315.6</t>
  </si>
  <si>
    <t>17327143.0</t>
  </si>
  <si>
    <t>8090985.0</t>
  </si>
  <si>
    <t>268625.0</t>
  </si>
  <si>
    <t>13702.0</t>
  </si>
  <si>
    <t>3470975.0</t>
  </si>
  <si>
    <t>325.3</t>
  </si>
  <si>
    <t>322.1</t>
  </si>
  <si>
    <t>26660.0</t>
  </si>
  <si>
    <t>270.9</t>
  </si>
  <si>
    <t>3482807.0</t>
  </si>
  <si>
    <t>65.706</t>
  </si>
  <si>
    <t>17439527.0</t>
  </si>
  <si>
    <t>8994309.0</t>
  </si>
  <si>
    <t>8172214.0</t>
  </si>
  <si>
    <t>22996.0</t>
  </si>
  <si>
    <t>3499532.0</t>
  </si>
  <si>
    <t>66.022</t>
  </si>
  <si>
    <t>272.3</t>
  </si>
  <si>
    <t>21465.0</t>
  </si>
  <si>
    <t>335.6</t>
  </si>
  <si>
    <t>55195.0</t>
  </si>
  <si>
    <t>3515875.0</t>
  </si>
  <si>
    <t>335.9</t>
  </si>
  <si>
    <t>346.6</t>
  </si>
  <si>
    <t>317.3</t>
  </si>
  <si>
    <t>231.6</t>
  </si>
  <si>
    <t>3537473.0</t>
  </si>
  <si>
    <t>66.738</t>
  </si>
  <si>
    <t>17734375.0</t>
  </si>
  <si>
    <t>285700.0</t>
  </si>
  <si>
    <t>16778.0</t>
  </si>
  <si>
    <t>3547755.0</t>
  </si>
  <si>
    <t>66.932</t>
  </si>
  <si>
    <t>268.3</t>
  </si>
  <si>
    <t>251.9</t>
  </si>
  <si>
    <t>3562960.0</t>
  </si>
  <si>
    <t>3581506.0</t>
  </si>
  <si>
    <t>67.568</t>
  </si>
  <si>
    <t>17849742.0</t>
  </si>
  <si>
    <t>294769.0</t>
  </si>
  <si>
    <t>3588732.0</t>
  </si>
  <si>
    <t>67.705</t>
  </si>
  <si>
    <t>3598809.0</t>
  </si>
  <si>
    <t>67.895</t>
  </si>
  <si>
    <t>17871145.0</t>
  </si>
  <si>
    <t>296768.0</t>
  </si>
  <si>
    <t>3603531.0</t>
  </si>
  <si>
    <t>3613499.0</t>
  </si>
  <si>
    <t>68.172</t>
  </si>
  <si>
    <t>17927457.0</t>
  </si>
  <si>
    <t>11711277.0</t>
  </si>
  <si>
    <t>8315517.0</t>
  </si>
  <si>
    <t>304280.0</t>
  </si>
  <si>
    <t>3620567.0</t>
  </si>
  <si>
    <t>68.305</t>
  </si>
  <si>
    <t>46848.0</t>
  </si>
  <si>
    <t>3630986.0</t>
  </si>
  <si>
    <t>68.502</t>
  </si>
  <si>
    <t>17992422.0</t>
  </si>
  <si>
    <t>11968185.0</t>
  </si>
  <si>
    <t>8591665.0</t>
  </si>
  <si>
    <t>310893.0</t>
  </si>
  <si>
    <t>36701.0</t>
  </si>
  <si>
    <t>42833.0</t>
  </si>
  <si>
    <t>3637594.0</t>
  </si>
  <si>
    <t>68.627</t>
  </si>
  <si>
    <t>55097.0</t>
  </si>
  <si>
    <t>3640462.0</t>
  </si>
  <si>
    <t>24695.0</t>
  </si>
  <si>
    <t>61229.0</t>
  </si>
  <si>
    <t>73492.0</t>
  </si>
  <si>
    <t>18246213.0</t>
  </si>
  <si>
    <t>12525555.0</t>
  </si>
  <si>
    <t>9153176.0</t>
  </si>
  <si>
    <t>312678.0</t>
  </si>
  <si>
    <t>79624.0</t>
  </si>
  <si>
    <t>68770.0</t>
  </si>
  <si>
    <t>29531.0</t>
  </si>
  <si>
    <t>47062.0</t>
  </si>
  <si>
    <t>22807.0</t>
  </si>
  <si>
    <t>36208.0</t>
  </si>
  <si>
    <t>3662979.0</t>
  </si>
  <si>
    <t>18335254.0</t>
  </si>
  <si>
    <t>327109.0</t>
  </si>
  <si>
    <t>3674528.0</t>
  </si>
  <si>
    <t>69.323</t>
  </si>
  <si>
    <t>18367309.0</t>
  </si>
  <si>
    <t>12576597.0</t>
  </si>
  <si>
    <t>9223230.0</t>
  </si>
  <si>
    <t>335015.0</t>
  </si>
  <si>
    <t>3683499.0</t>
  </si>
  <si>
    <t>3698355.0</t>
  </si>
  <si>
    <t>69.773</t>
  </si>
  <si>
    <t>3706945.0</t>
  </si>
  <si>
    <t>69.935</t>
  </si>
  <si>
    <t>18535975.0</t>
  </si>
  <si>
    <t>12641679.0</t>
  </si>
  <si>
    <t>9326814.0</t>
  </si>
  <si>
    <t>376018.0</t>
  </si>
  <si>
    <t>3720078.0</t>
  </si>
  <si>
    <t>70.183</t>
  </si>
  <si>
    <t>3728165.0</t>
  </si>
  <si>
    <t>70.335</t>
  </si>
  <si>
    <t>23107.0</t>
  </si>
  <si>
    <t>26794.0</t>
  </si>
  <si>
    <t>34167.0</t>
  </si>
  <si>
    <t>20920745.0</t>
  </si>
  <si>
    <t>9354382.0</t>
  </si>
  <si>
    <t>1072585.0</t>
  </si>
  <si>
    <t>27267.0</t>
  </si>
  <si>
    <t>20210.0</t>
  </si>
  <si>
    <t>41759.0</t>
  </si>
  <si>
    <t>58462.0</t>
  </si>
  <si>
    <t>21104874.0</t>
  </si>
  <si>
    <t>13460152.0</t>
  </si>
  <si>
    <t>9985687.0</t>
  </si>
  <si>
    <t>1568659.0</t>
  </si>
  <si>
    <t>21202827.0</t>
  </si>
  <si>
    <t>12788.0</t>
  </si>
  <si>
    <t>21281086.0</t>
  </si>
  <si>
    <t>17851.0</t>
  </si>
  <si>
    <t>12242.0</t>
  </si>
  <si>
    <t>31193.0</t>
  </si>
  <si>
    <t>21522783.0</t>
  </si>
  <si>
    <t>13610115.0</t>
  </si>
  <si>
    <t>10146842.0</t>
  </si>
  <si>
    <t>31803.0</t>
  </si>
  <si>
    <t>28169.0</t>
  </si>
  <si>
    <t>22311510.0</t>
  </si>
  <si>
    <t>13914046.0</t>
  </si>
  <si>
    <t>10503463.0</t>
  </si>
  <si>
    <t>26083.0</t>
  </si>
  <si>
    <t>9581.0</t>
  </si>
  <si>
    <t>23997.0</t>
  </si>
  <si>
    <t>22457583.0</t>
  </si>
  <si>
    <t>13969231.0</t>
  </si>
  <si>
    <t>10564568.0</t>
  </si>
  <si>
    <t>20868.0</t>
  </si>
  <si>
    <t>22627957.0</t>
  </si>
  <si>
    <t>14036884.0</t>
  </si>
  <si>
    <t>10641225.0</t>
  </si>
  <si>
    <t>1602774.0</t>
  </si>
  <si>
    <t>18381.0</t>
  </si>
  <si>
    <t>22763869.0</t>
  </si>
  <si>
    <t>14093092.0</t>
  </si>
  <si>
    <t>10705713.0</t>
  </si>
  <si>
    <t>1638279.0</t>
  </si>
  <si>
    <t>19416.0</t>
  </si>
  <si>
    <t>22921294.0</t>
  </si>
  <si>
    <t>14161751.0</t>
  </si>
  <si>
    <t>10773492.0</t>
  </si>
  <si>
    <t>1692282.0</t>
  </si>
  <si>
    <t>23063539.0</t>
  </si>
  <si>
    <t>14213956.0</t>
  </si>
  <si>
    <t>10832419.0</t>
  </si>
  <si>
    <t>1756954.0</t>
  </si>
  <si>
    <t>KIR</t>
  </si>
  <si>
    <t>Kiribati</t>
  </si>
  <si>
    <t>13970.0</t>
  </si>
  <si>
    <t>20873.0</t>
  </si>
  <si>
    <t>31332.0</t>
  </si>
  <si>
    <t>43044.0</t>
  </si>
  <si>
    <t>65279.0</t>
  </si>
  <si>
    <t>72912.0</t>
  </si>
  <si>
    <t>57722.0</t>
  </si>
  <si>
    <t>82167.0</t>
  </si>
  <si>
    <t>59492.0</t>
  </si>
  <si>
    <t>22675.0</t>
  </si>
  <si>
    <t>104560.0</t>
  </si>
  <si>
    <t>66473.0</t>
  </si>
  <si>
    <t>111686.0</t>
  </si>
  <si>
    <t>120594.0</t>
  </si>
  <si>
    <t>74579.0</t>
  </si>
  <si>
    <t>46015.0</t>
  </si>
  <si>
    <t>126919.0</t>
  </si>
  <si>
    <t>133953.0</t>
  </si>
  <si>
    <t>78620.0</t>
  </si>
  <si>
    <t>55333.0</t>
  </si>
  <si>
    <t>102.07</t>
  </si>
  <si>
    <t>136758.0</t>
  </si>
  <si>
    <t>104.21</t>
  </si>
  <si>
    <t>144216.0</t>
  </si>
  <si>
    <t>58191.0</t>
  </si>
  <si>
    <t>147497.0</t>
  </si>
  <si>
    <t>80566.0</t>
  </si>
  <si>
    <t>60670.0</t>
  </si>
  <si>
    <t>156812.0</t>
  </si>
  <si>
    <t>81548.0</t>
  </si>
  <si>
    <t>13289.0</t>
  </si>
  <si>
    <t>159883.0</t>
  </si>
  <si>
    <t>82774.0</t>
  </si>
  <si>
    <t>178382.0</t>
  </si>
  <si>
    <t>93685.0</t>
  </si>
  <si>
    <t>182923.0</t>
  </si>
  <si>
    <t>188846.0</t>
  </si>
  <si>
    <t>193491.0</t>
  </si>
  <si>
    <t>OWID_KOS</t>
  </si>
  <si>
    <t>Kosovo</t>
  </si>
  <si>
    <t>-9.8</t>
  </si>
  <si>
    <t>-5.49908395361691</t>
  </si>
  <si>
    <t>-62.4</t>
  </si>
  <si>
    <t>-35.0145753781322</t>
  </si>
  <si>
    <t>-13.2</t>
  </si>
  <si>
    <t>-7.40692940691257</t>
  </si>
  <si>
    <t>52.1851844577931</t>
  </si>
  <si>
    <t>770.6</t>
  </si>
  <si>
    <t>432.407560679305</t>
  </si>
  <si>
    <t>1409.8</t>
  </si>
  <si>
    <t>791.08250589889</t>
  </si>
  <si>
    <t>1568.4</t>
  </si>
  <si>
    <t>880.077884984976</t>
  </si>
  <si>
    <t>1740.8</t>
  </si>
  <si>
    <t>976.81687208738</t>
  </si>
  <si>
    <t>2557.8</t>
  </si>
  <si>
    <t>103.03</t>
  </si>
  <si>
    <t>1435.26091189401</t>
  </si>
  <si>
    <t>3329.8</t>
  </si>
  <si>
    <t>1868.45405599526</t>
  </si>
  <si>
    <t>3667.4</t>
  </si>
  <si>
    <t>2057.89188688721</t>
  </si>
  <si>
    <t>3835.8</t>
  </si>
  <si>
    <t>2152.38634992691</t>
  </si>
  <si>
    <t>4313.2</t>
  </si>
  <si>
    <t>2420.27029681025</t>
  </si>
  <si>
    <t>2713.06846078957</t>
  </si>
  <si>
    <t>46097.0</t>
  </si>
  <si>
    <t>55237.0</t>
  </si>
  <si>
    <t>599859.0</t>
  </si>
  <si>
    <t>336.599</t>
  </si>
  <si>
    <t>602319.0</t>
  </si>
  <si>
    <t>337.98</t>
  </si>
  <si>
    <t>343.051</t>
  </si>
  <si>
    <t>4961.6</t>
  </si>
  <si>
    <t>2784.10764737405</t>
  </si>
  <si>
    <t>619091.0</t>
  </si>
  <si>
    <t>347.391</t>
  </si>
  <si>
    <t>627803.0</t>
  </si>
  <si>
    <t>352.28</t>
  </si>
  <si>
    <t>636591.0</t>
  </si>
  <si>
    <t>357.211</t>
  </si>
  <si>
    <t>640342.0</t>
  </si>
  <si>
    <t>359.316</t>
  </si>
  <si>
    <t>642459.0</t>
  </si>
  <si>
    <t>98277.0</t>
  </si>
  <si>
    <t>648333.0</t>
  </si>
  <si>
    <t>650181.0</t>
  </si>
  <si>
    <t>364.837</t>
  </si>
  <si>
    <t>652119.0</t>
  </si>
  <si>
    <t>365.924</t>
  </si>
  <si>
    <t>654231.0</t>
  </si>
  <si>
    <t>367.109</t>
  </si>
  <si>
    <t>655559.0</t>
  </si>
  <si>
    <t>367.854</t>
  </si>
  <si>
    <t>595.3</t>
  </si>
  <si>
    <t>133868.0</t>
  </si>
  <si>
    <t>116057.0</t>
  </si>
  <si>
    <t>657522.0</t>
  </si>
  <si>
    <t>368.956</t>
  </si>
  <si>
    <t>661107.0</t>
  </si>
  <si>
    <t>370.968</t>
  </si>
  <si>
    <t>662871.0</t>
  </si>
  <si>
    <t>371.957</t>
  </si>
  <si>
    <t>264.4</t>
  </si>
  <si>
    <t>669123.0</t>
  </si>
  <si>
    <t>375.466</t>
  </si>
  <si>
    <t>671056.0</t>
  </si>
  <si>
    <t>376.55</t>
  </si>
  <si>
    <t>672704.0</t>
  </si>
  <si>
    <t>377.475</t>
  </si>
  <si>
    <t>179029.0</t>
  </si>
  <si>
    <t>137456.0</t>
  </si>
  <si>
    <t>41573.0</t>
  </si>
  <si>
    <t>5003.2</t>
  </si>
  <si>
    <t>2807.45069762614</t>
  </si>
  <si>
    <t>674284.0</t>
  </si>
  <si>
    <t>378.362</t>
  </si>
  <si>
    <t>677384.0</t>
  </si>
  <si>
    <t>380.101</t>
  </si>
  <si>
    <t>679255.0</t>
  </si>
  <si>
    <t>381.151</t>
  </si>
  <si>
    <t>684078.0</t>
  </si>
  <si>
    <t>383.857</t>
  </si>
  <si>
    <t>685799.0</t>
  </si>
  <si>
    <t>384.823</t>
  </si>
  <si>
    <t>243428.0</t>
  </si>
  <si>
    <t>182669.0</t>
  </si>
  <si>
    <t>60759.0</t>
  </si>
  <si>
    <t>250658.0</t>
  </si>
  <si>
    <t>187357.0</t>
  </si>
  <si>
    <t>252938.0</t>
  </si>
  <si>
    <t>189409.0</t>
  </si>
  <si>
    <t>63529.0</t>
  </si>
  <si>
    <t>189582.0</t>
  </si>
  <si>
    <t>64276.0</t>
  </si>
  <si>
    <t>260955.0</t>
  </si>
  <si>
    <t>193377.0</t>
  </si>
  <si>
    <t>67578.0</t>
  </si>
  <si>
    <t>695001.0</t>
  </si>
  <si>
    <t>389.987</t>
  </si>
  <si>
    <t>270641.0</t>
  </si>
  <si>
    <t>198165.0</t>
  </si>
  <si>
    <t>9686.0</t>
  </si>
  <si>
    <t>696477.0</t>
  </si>
  <si>
    <t>390.815</t>
  </si>
  <si>
    <t>203882.0</t>
  </si>
  <si>
    <t>78298.0</t>
  </si>
  <si>
    <t>293693.0</t>
  </si>
  <si>
    <t>305991.0</t>
  </si>
  <si>
    <t>217030.0</t>
  </si>
  <si>
    <t>220250.0</t>
  </si>
  <si>
    <t>324107.0</t>
  </si>
  <si>
    <t>230556.0</t>
  </si>
  <si>
    <t>93551.0</t>
  </si>
  <si>
    <t>705582.0</t>
  </si>
  <si>
    <t>395.924</t>
  </si>
  <si>
    <t>708159.0</t>
  </si>
  <si>
    <t>397.37</t>
  </si>
  <si>
    <t>333705.0</t>
  </si>
  <si>
    <t>234328.0</t>
  </si>
  <si>
    <t>99377.0</t>
  </si>
  <si>
    <t>343333.0</t>
  </si>
  <si>
    <t>241123.0</t>
  </si>
  <si>
    <t>102210.0</t>
  </si>
  <si>
    <t>712794.0</t>
  </si>
  <si>
    <t>399.971</t>
  </si>
  <si>
    <t>715200.0</t>
  </si>
  <si>
    <t>401.321</t>
  </si>
  <si>
    <t>357980.0</t>
  </si>
  <si>
    <t>248747.0</t>
  </si>
  <si>
    <t>374190.0</t>
  </si>
  <si>
    <t>256808.0</t>
  </si>
  <si>
    <t>724262.0</t>
  </si>
  <si>
    <t>406.406</t>
  </si>
  <si>
    <t>388073.0</t>
  </si>
  <si>
    <t>263847.0</t>
  </si>
  <si>
    <t>124226.0</t>
  </si>
  <si>
    <t>726705.0</t>
  </si>
  <si>
    <t>407.777</t>
  </si>
  <si>
    <t>400217.0</t>
  </si>
  <si>
    <t>269706.0</t>
  </si>
  <si>
    <t>130511.0</t>
  </si>
  <si>
    <t>12144.0</t>
  </si>
  <si>
    <t>733434.0</t>
  </si>
  <si>
    <t>411.553</t>
  </si>
  <si>
    <t>413078.0</t>
  </si>
  <si>
    <t>275633.0</t>
  </si>
  <si>
    <t>137445.0</t>
  </si>
  <si>
    <t>736283.0</t>
  </si>
  <si>
    <t>413.151</t>
  </si>
  <si>
    <t>282603.0</t>
  </si>
  <si>
    <t>146215.0</t>
  </si>
  <si>
    <t>5007.2</t>
  </si>
  <si>
    <t>2809.69522168884</t>
  </si>
  <si>
    <t>738571.0</t>
  </si>
  <si>
    <t>414.435</t>
  </si>
  <si>
    <t>742238.0</t>
  </si>
  <si>
    <t>416.493</t>
  </si>
  <si>
    <t>745398.0</t>
  </si>
  <si>
    <t>418.266</t>
  </si>
  <si>
    <t>445650.0</t>
  </si>
  <si>
    <t>289743.0</t>
  </si>
  <si>
    <t>155907.0</t>
  </si>
  <si>
    <t>749128.0</t>
  </si>
  <si>
    <t>420.359</t>
  </si>
  <si>
    <t>460297.0</t>
  </si>
  <si>
    <t>297490.0</t>
  </si>
  <si>
    <t>753794.0</t>
  </si>
  <si>
    <t>422.977</t>
  </si>
  <si>
    <t>469857.0</t>
  </si>
  <si>
    <t>305567.0</t>
  </si>
  <si>
    <t>164290.0</t>
  </si>
  <si>
    <t>758998.0</t>
  </si>
  <si>
    <t>425.897</t>
  </si>
  <si>
    <t>478084.0</t>
  </si>
  <si>
    <t>312894.0</t>
  </si>
  <si>
    <t>165190.0</t>
  </si>
  <si>
    <t>763490.0</t>
  </si>
  <si>
    <t>428.418</t>
  </si>
  <si>
    <t>487685.0</t>
  </si>
  <si>
    <t>321537.0</t>
  </si>
  <si>
    <t>166148.0</t>
  </si>
  <si>
    <t>766498.0</t>
  </si>
  <si>
    <t>430.106</t>
  </si>
  <si>
    <t>771770.0</t>
  </si>
  <si>
    <t>433.064</t>
  </si>
  <si>
    <t>777856.0</t>
  </si>
  <si>
    <t>436.479</t>
  </si>
  <si>
    <t>504817.0</t>
  </si>
  <si>
    <t>333965.0</t>
  </si>
  <si>
    <t>170852.0</t>
  </si>
  <si>
    <t>784640.0</t>
  </si>
  <si>
    <t>440.286</t>
  </si>
  <si>
    <t>521737.0</t>
  </si>
  <si>
    <t>346746.0</t>
  </si>
  <si>
    <t>174991.0</t>
  </si>
  <si>
    <t>16920.0</t>
  </si>
  <si>
    <t>792064.0</t>
  </si>
  <si>
    <t>444.452</t>
  </si>
  <si>
    <t>801233.0</t>
  </si>
  <si>
    <t>449.597</t>
  </si>
  <si>
    <t>809186.0</t>
  </si>
  <si>
    <t>454.059</t>
  </si>
  <si>
    <t>559007.0</t>
  </si>
  <si>
    <t>356360.0</t>
  </si>
  <si>
    <t>202647.0</t>
  </si>
  <si>
    <t>814832.0</t>
  </si>
  <si>
    <t>457.228</t>
  </si>
  <si>
    <t>388422.0</t>
  </si>
  <si>
    <t>213279.0</t>
  </si>
  <si>
    <t>834671.0</t>
  </si>
  <si>
    <t>468.36</t>
  </si>
  <si>
    <t>622068.0</t>
  </si>
  <si>
    <t>406739.0</t>
  </si>
  <si>
    <t>215329.0</t>
  </si>
  <si>
    <t>846044.0</t>
  </si>
  <si>
    <t>474.742</t>
  </si>
  <si>
    <t>644212.0</t>
  </si>
  <si>
    <t>423186.0</t>
  </si>
  <si>
    <t>221026.0</t>
  </si>
  <si>
    <t>666476.0</t>
  </si>
  <si>
    <t>438895.0</t>
  </si>
  <si>
    <t>22264.0</t>
  </si>
  <si>
    <t>687553.0</t>
  </si>
  <si>
    <t>447676.0</t>
  </si>
  <si>
    <t>234731.0</t>
  </si>
  <si>
    <t>18364.0</t>
  </si>
  <si>
    <t>881234.0</t>
  </si>
  <si>
    <t>494.488</t>
  </si>
  <si>
    <t>707793.0</t>
  </si>
  <si>
    <t>471388.0</t>
  </si>
  <si>
    <t>236405.0</t>
  </si>
  <si>
    <t>498.946</t>
  </si>
  <si>
    <t>729554.0</t>
  </si>
  <si>
    <t>244235.0</t>
  </si>
  <si>
    <t>18265.0</t>
  </si>
  <si>
    <t>912646.0</t>
  </si>
  <si>
    <t>512.114</t>
  </si>
  <si>
    <t>747898.0</t>
  </si>
  <si>
    <t>497272.0</t>
  </si>
  <si>
    <t>250626.0</t>
  </si>
  <si>
    <t>18344.0</t>
  </si>
  <si>
    <t>925052.0</t>
  </si>
  <si>
    <t>519.075</t>
  </si>
  <si>
    <t>764775.0</t>
  </si>
  <si>
    <t>508540.0</t>
  </si>
  <si>
    <t>256235.0</t>
  </si>
  <si>
    <t>16877.0</t>
  </si>
  <si>
    <t>780637.0</t>
  </si>
  <si>
    <t>518819.0</t>
  </si>
  <si>
    <t>261818.0</t>
  </si>
  <si>
    <t>794812.0</t>
  </si>
  <si>
    <t>528625.0</t>
  </si>
  <si>
    <t>267979.0</t>
  </si>
  <si>
    <t>808078.0</t>
  </si>
  <si>
    <t>538766.0</t>
  </si>
  <si>
    <t>269312.0</t>
  </si>
  <si>
    <t>969137.0</t>
  </si>
  <si>
    <t>543.813</t>
  </si>
  <si>
    <t>980609.0</t>
  </si>
  <si>
    <t>550.25</t>
  </si>
  <si>
    <t>6.437</t>
  </si>
  <si>
    <t>825745.0</t>
  </si>
  <si>
    <t>548855.0</t>
  </si>
  <si>
    <t>276890.0</t>
  </si>
  <si>
    <t>13742.0</t>
  </si>
  <si>
    <t>5479.8</t>
  </si>
  <si>
    <t>3074.88573969693</t>
  </si>
  <si>
    <t>994893.0</t>
  </si>
  <si>
    <t>558.265</t>
  </si>
  <si>
    <t>6.593</t>
  </si>
  <si>
    <t>841591.0</t>
  </si>
  <si>
    <t>557322.0</t>
  </si>
  <si>
    <t>284296.0</t>
  </si>
  <si>
    <t>15846.0</t>
  </si>
  <si>
    <t>1008846.0</t>
  </si>
  <si>
    <t>566.095</t>
  </si>
  <si>
    <t>7.829</t>
  </si>
  <si>
    <t>862224.0</t>
  </si>
  <si>
    <t>570579.0</t>
  </si>
  <si>
    <t>291648.0</t>
  </si>
  <si>
    <t>882718.0</t>
  </si>
  <si>
    <t>584273.0</t>
  </si>
  <si>
    <t>298445.0</t>
  </si>
  <si>
    <t>901013.0</t>
  </si>
  <si>
    <t>596777.0</t>
  </si>
  <si>
    <t>306287.0</t>
  </si>
  <si>
    <t>922623.0</t>
  </si>
  <si>
    <t>615156.0</t>
  </si>
  <si>
    <t>307467.0</t>
  </si>
  <si>
    <t>21610.0</t>
  </si>
  <si>
    <t>6.576</t>
  </si>
  <si>
    <t>938504.0</t>
  </si>
  <si>
    <t>620405.0</t>
  </si>
  <si>
    <t>318099.0</t>
  </si>
  <si>
    <t>1072342.0</t>
  </si>
  <si>
    <t>601.724</t>
  </si>
  <si>
    <t>955811.0</t>
  </si>
  <si>
    <t>626565.0</t>
  </si>
  <si>
    <t>329246.0</t>
  </si>
  <si>
    <t>1083193.0</t>
  </si>
  <si>
    <t>607.813</t>
  </si>
  <si>
    <t>975279.0</t>
  </si>
  <si>
    <t>637132.0</t>
  </si>
  <si>
    <t>338147.0</t>
  </si>
  <si>
    <t>995930.0</t>
  </si>
  <si>
    <t>648586.0</t>
  </si>
  <si>
    <t>347344.0</t>
  </si>
  <si>
    <t>20651.0</t>
  </si>
  <si>
    <t>5.723</t>
  </si>
  <si>
    <t>1015733.0</t>
  </si>
  <si>
    <t>660100.0</t>
  </si>
  <si>
    <t>355633.0</t>
  </si>
  <si>
    <t>1110512.0</t>
  </si>
  <si>
    <t>623.143</t>
  </si>
  <si>
    <t>1033952.0</t>
  </si>
  <si>
    <t>676755.0</t>
  </si>
  <si>
    <t>357197.0</t>
  </si>
  <si>
    <t>18219.0</t>
  </si>
  <si>
    <t>1116017.0</t>
  </si>
  <si>
    <t>626.232</t>
  </si>
  <si>
    <t>5.198</t>
  </si>
  <si>
    <t>1046799.0</t>
  </si>
  <si>
    <t>688491.0</t>
  </si>
  <si>
    <t>358308.0</t>
  </si>
  <si>
    <t>1066947.0</t>
  </si>
  <si>
    <t>697914.0</t>
  </si>
  <si>
    <t>369033.0</t>
  </si>
  <si>
    <t>20148.0</t>
  </si>
  <si>
    <t>10296.0</t>
  </si>
  <si>
    <t>1131833.0</t>
  </si>
  <si>
    <t>635.107</t>
  </si>
  <si>
    <t>1089615.0</t>
  </si>
  <si>
    <t>704318.0</t>
  </si>
  <si>
    <t>385297.0</t>
  </si>
  <si>
    <t>1138715.0</t>
  </si>
  <si>
    <t>638.968</t>
  </si>
  <si>
    <t>1110286.0</t>
  </si>
  <si>
    <t>710945.0</t>
  </si>
  <si>
    <t>399341.0</t>
  </si>
  <si>
    <t>1129250.0</t>
  </si>
  <si>
    <t>716727.0</t>
  </si>
  <si>
    <t>412523.0</t>
  </si>
  <si>
    <t>18964.0</t>
  </si>
  <si>
    <t>19046.0</t>
  </si>
  <si>
    <t>1147803.0</t>
  </si>
  <si>
    <t>722252.0</t>
  </si>
  <si>
    <t>425551.0</t>
  </si>
  <si>
    <t>1157222.0</t>
  </si>
  <si>
    <t>649.353</t>
  </si>
  <si>
    <t>1167006.0</t>
  </si>
  <si>
    <t>727283.0</t>
  </si>
  <si>
    <t>439723.0</t>
  </si>
  <si>
    <t>1159541.0</t>
  </si>
  <si>
    <t>650.654</t>
  </si>
  <si>
    <t>1176154.0</t>
  </si>
  <si>
    <t>734532.0</t>
  </si>
  <si>
    <t>441622.0</t>
  </si>
  <si>
    <t>1169540.0</t>
  </si>
  <si>
    <t>656.265</t>
  </si>
  <si>
    <t>1193786.0</t>
  </si>
  <si>
    <t>740026.0</t>
  </si>
  <si>
    <t>453760.0</t>
  </si>
  <si>
    <t>1173679.0</t>
  </si>
  <si>
    <t>658.588</t>
  </si>
  <si>
    <t>1210128.0</t>
  </si>
  <si>
    <t>745573.0</t>
  </si>
  <si>
    <t>464555.0</t>
  </si>
  <si>
    <t>1226063.0</t>
  </si>
  <si>
    <t>751280.0</t>
  </si>
  <si>
    <t>474783.0</t>
  </si>
  <si>
    <t>1241949.0</t>
  </si>
  <si>
    <t>757649.0</t>
  </si>
  <si>
    <t>484300.0</t>
  </si>
  <si>
    <t>1186528.0</t>
  </si>
  <si>
    <t>665.798</t>
  </si>
  <si>
    <t>1257671.0</t>
  </si>
  <si>
    <t>763877.0</t>
  </si>
  <si>
    <t>1187970.0</t>
  </si>
  <si>
    <t>666.607</t>
  </si>
  <si>
    <t>1274156.0</t>
  </si>
  <si>
    <t>770658.0</t>
  </si>
  <si>
    <t>503498.0</t>
  </si>
  <si>
    <t>1283840.0</t>
  </si>
  <si>
    <t>778650.0</t>
  </si>
  <si>
    <t>505188.0</t>
  </si>
  <si>
    <t>1196653.0</t>
  </si>
  <si>
    <t>671.479</t>
  </si>
  <si>
    <t>1299482.0</t>
  </si>
  <si>
    <t>785938.0</t>
  </si>
  <si>
    <t>513544.0</t>
  </si>
  <si>
    <t>1200033.0</t>
  </si>
  <si>
    <t>673.376</t>
  </si>
  <si>
    <t>1312912.0</t>
  </si>
  <si>
    <t>792730.0</t>
  </si>
  <si>
    <t>1328825.0</t>
  </si>
  <si>
    <t>797866.0</t>
  </si>
  <si>
    <t>530959.0</t>
  </si>
  <si>
    <t>6233.8</t>
  </si>
  <si>
    <t>3497.97852551603</t>
  </si>
  <si>
    <t>1343656.0</t>
  </si>
  <si>
    <t>802225.0</t>
  </si>
  <si>
    <t>541431.0</t>
  </si>
  <si>
    <t>1209799.0</t>
  </si>
  <si>
    <t>678.856</t>
  </si>
  <si>
    <t>1357810.0</t>
  </si>
  <si>
    <t>806209.0</t>
  </si>
  <si>
    <t>551601.0</t>
  </si>
  <si>
    <t>1211314.0</t>
  </si>
  <si>
    <t>679.706</t>
  </si>
  <si>
    <t>1375295.0</t>
  </si>
  <si>
    <t>809496.0</t>
  </si>
  <si>
    <t>565799.0</t>
  </si>
  <si>
    <t>17485.0</t>
  </si>
  <si>
    <t>14448.0</t>
  </si>
  <si>
    <t>1214599.0</t>
  </si>
  <si>
    <t>681.549</t>
  </si>
  <si>
    <t>1379793.0</t>
  </si>
  <si>
    <t>812513.0</t>
  </si>
  <si>
    <t>567280.0</t>
  </si>
  <si>
    <t>1217376.0</t>
  </si>
  <si>
    <t>683.107</t>
  </si>
  <si>
    <t>1388583.0</t>
  </si>
  <si>
    <t>815271.0</t>
  </si>
  <si>
    <t>573312.0</t>
  </si>
  <si>
    <t>1397224.0</t>
  </si>
  <si>
    <t>817602.0</t>
  </si>
  <si>
    <t>579622.0</t>
  </si>
  <si>
    <t>1407966.0</t>
  </si>
  <si>
    <t>819485.0</t>
  </si>
  <si>
    <t>1419979.0</t>
  </si>
  <si>
    <t>821428.0</t>
  </si>
  <si>
    <t>598551.0</t>
  </si>
  <si>
    <t>1432135.0</t>
  </si>
  <si>
    <t>823196.0</t>
  </si>
  <si>
    <t>608939.0</t>
  </si>
  <si>
    <t>1447040.0</t>
  </si>
  <si>
    <t>823857.0</t>
  </si>
  <si>
    <t>623183.0</t>
  </si>
  <si>
    <t>1456845.0</t>
  </si>
  <si>
    <t>824278.0</t>
  </si>
  <si>
    <t>632567.0</t>
  </si>
  <si>
    <t>1233316.0</t>
  </si>
  <si>
    <t>692.052</t>
  </si>
  <si>
    <t>1468152.0</t>
  </si>
  <si>
    <t>826380.0</t>
  </si>
  <si>
    <t>641772.0</t>
  </si>
  <si>
    <t>1235648.0</t>
  </si>
  <si>
    <t>693.36</t>
  </si>
  <si>
    <t>1476104.0</t>
  </si>
  <si>
    <t>827886.0</t>
  </si>
  <si>
    <t>1483260.0</t>
  </si>
  <si>
    <t>828935.0</t>
  </si>
  <si>
    <t>654325.0</t>
  </si>
  <si>
    <t>1489678.0</t>
  </si>
  <si>
    <t>830085.0</t>
  </si>
  <si>
    <t>659593.0</t>
  </si>
  <si>
    <t>1242178.0</t>
  </si>
  <si>
    <t>697.025</t>
  </si>
  <si>
    <t>1497408.0</t>
  </si>
  <si>
    <t>831143.0</t>
  </si>
  <si>
    <t>666265.0</t>
  </si>
  <si>
    <t>1243597.0</t>
  </si>
  <si>
    <t>697.821</t>
  </si>
  <si>
    <t>1507657.0</t>
  </si>
  <si>
    <t>832075.0</t>
  </si>
  <si>
    <t>675582.0</t>
  </si>
  <si>
    <t>1514370.0</t>
  </si>
  <si>
    <t>832920.0</t>
  </si>
  <si>
    <t>681450.0</t>
  </si>
  <si>
    <t>1248092.0</t>
  </si>
  <si>
    <t>700.343</t>
  </si>
  <si>
    <t>1519933.0</t>
  </si>
  <si>
    <t>833695.0</t>
  </si>
  <si>
    <t>686238.0</t>
  </si>
  <si>
    <t>1250290.0</t>
  </si>
  <si>
    <t>701.576</t>
  </si>
  <si>
    <t>1525230.0</t>
  </si>
  <si>
    <t>834226.0</t>
  </si>
  <si>
    <t>691004.0</t>
  </si>
  <si>
    <t>1256968.0</t>
  </si>
  <si>
    <t>705.324</t>
  </si>
  <si>
    <t>1532585.0</t>
  </si>
  <si>
    <t>834857.0</t>
  </si>
  <si>
    <t>697728.0</t>
  </si>
  <si>
    <t>1258266.0</t>
  </si>
  <si>
    <t>706.052</t>
  </si>
  <si>
    <t>1261895.0</t>
  </si>
  <si>
    <t>708.088</t>
  </si>
  <si>
    <t>1263990.0</t>
  </si>
  <si>
    <t>709.264</t>
  </si>
  <si>
    <t>1542975.0</t>
  </si>
  <si>
    <t>835679.0</t>
  </si>
  <si>
    <t>707296.0</t>
  </si>
  <si>
    <t>1549215.0</t>
  </si>
  <si>
    <t>836422.0</t>
  </si>
  <si>
    <t>712793.0</t>
  </si>
  <si>
    <t>1553816.0</t>
  </si>
  <si>
    <t>836961.0</t>
  </si>
  <si>
    <t>1268864.0</t>
  </si>
  <si>
    <t>711.999</t>
  </si>
  <si>
    <t>1558528.0</t>
  </si>
  <si>
    <t>838150.0</t>
  </si>
  <si>
    <t>720378.0</t>
  </si>
  <si>
    <t>1271002.0</t>
  </si>
  <si>
    <t>713.199</t>
  </si>
  <si>
    <t>1566251.0</t>
  </si>
  <si>
    <t>724969.0</t>
  </si>
  <si>
    <t>6290.6</t>
  </si>
  <si>
    <t>3529.85076720638</t>
  </si>
  <si>
    <t>1274546.0</t>
  </si>
  <si>
    <t>715.187</t>
  </si>
  <si>
    <t>1568983.0</t>
  </si>
  <si>
    <t>730037.0</t>
  </si>
  <si>
    <t>1276253.0</t>
  </si>
  <si>
    <t>716.145</t>
  </si>
  <si>
    <t>1572626.0</t>
  </si>
  <si>
    <t>839518.0</t>
  </si>
  <si>
    <t>733108.0</t>
  </si>
  <si>
    <t>1575375.0</t>
  </si>
  <si>
    <t>840018.0</t>
  </si>
  <si>
    <t>735357.0</t>
  </si>
  <si>
    <t>1281017.0</t>
  </si>
  <si>
    <t>718.818</t>
  </si>
  <si>
    <t>1578022.0</t>
  </si>
  <si>
    <t>840547.0</t>
  </si>
  <si>
    <t>737475.0</t>
  </si>
  <si>
    <t>1283191.0</t>
  </si>
  <si>
    <t>720.038</t>
  </si>
  <si>
    <t>1581266.0</t>
  </si>
  <si>
    <t>841269.0</t>
  </si>
  <si>
    <t>739997.0</t>
  </si>
  <si>
    <t>1286337.0</t>
  </si>
  <si>
    <t>721.804</t>
  </si>
  <si>
    <t>1288033.0</t>
  </si>
  <si>
    <t>722.755</t>
  </si>
  <si>
    <t>1585044.0</t>
  </si>
  <si>
    <t>842214.0</t>
  </si>
  <si>
    <t>742830.0</t>
  </si>
  <si>
    <t>1587467.0</t>
  </si>
  <si>
    <t>842796.0</t>
  </si>
  <si>
    <t>744671.0</t>
  </si>
  <si>
    <t>1589739.0</t>
  </si>
  <si>
    <t>843507.0</t>
  </si>
  <si>
    <t>746232.0</t>
  </si>
  <si>
    <t>1292167.0</t>
  </si>
  <si>
    <t>725.075</t>
  </si>
  <si>
    <t>1591886.0</t>
  </si>
  <si>
    <t>844163.0</t>
  </si>
  <si>
    <t>747723.0</t>
  </si>
  <si>
    <t>1293990.0</t>
  </si>
  <si>
    <t>726.098</t>
  </si>
  <si>
    <t>1594449.0</t>
  </si>
  <si>
    <t>749432.0</t>
  </si>
  <si>
    <t>1298332.0</t>
  </si>
  <si>
    <t>728.534</t>
  </si>
  <si>
    <t>1597345.0</t>
  </si>
  <si>
    <t>846214.0</t>
  </si>
  <si>
    <t>751131.0</t>
  </si>
  <si>
    <t>1299830.0</t>
  </si>
  <si>
    <t>729.375</t>
  </si>
  <si>
    <t>1599372.0</t>
  </si>
  <si>
    <t>847007.0</t>
  </si>
  <si>
    <t>752365.0</t>
  </si>
  <si>
    <t>1601129.0</t>
  </si>
  <si>
    <t>847689.0</t>
  </si>
  <si>
    <t>753440.0</t>
  </si>
  <si>
    <t>1301376.0</t>
  </si>
  <si>
    <t>730.242</t>
  </si>
  <si>
    <t>1602881.0</t>
  </si>
  <si>
    <t>848452.0</t>
  </si>
  <si>
    <t>754429.0</t>
  </si>
  <si>
    <t>1302900.0</t>
  </si>
  <si>
    <t>731.098</t>
  </si>
  <si>
    <t>1604907.0</t>
  </si>
  <si>
    <t>849253.0</t>
  </si>
  <si>
    <t>755654.0</t>
  </si>
  <si>
    <t>1307146.0</t>
  </si>
  <si>
    <t>733.48</t>
  </si>
  <si>
    <t>1308705.0</t>
  </si>
  <si>
    <t>734.355</t>
  </si>
  <si>
    <t>1607518.0</t>
  </si>
  <si>
    <t>850415.0</t>
  </si>
  <si>
    <t>757103.0</t>
  </si>
  <si>
    <t>1609325.0</t>
  </si>
  <si>
    <t>851075.0</t>
  </si>
  <si>
    <t>758250.0</t>
  </si>
  <si>
    <t>1610960.0</t>
  </si>
  <si>
    <t>851826.0</t>
  </si>
  <si>
    <t>759134.0</t>
  </si>
  <si>
    <t>1612311.0</t>
  </si>
  <si>
    <t>852410.0</t>
  </si>
  <si>
    <t>759901.0</t>
  </si>
  <si>
    <t>1614212.0</t>
  </si>
  <si>
    <t>853209.0</t>
  </si>
  <si>
    <t>761003.0</t>
  </si>
  <si>
    <t>1314338.0</t>
  </si>
  <si>
    <t>737.516</t>
  </si>
  <si>
    <t>738.132</t>
  </si>
  <si>
    <t>1317996.0</t>
  </si>
  <si>
    <t>739.568</t>
  </si>
  <si>
    <t>1615360.0</t>
  </si>
  <si>
    <t>853765.0</t>
  </si>
  <si>
    <t>761595.0</t>
  </si>
  <si>
    <t>3521.09712336185</t>
  </si>
  <si>
    <t>1319420.0</t>
  </si>
  <si>
    <t>740.367</t>
  </si>
  <si>
    <t>1617512.0</t>
  </si>
  <si>
    <t>854837.0</t>
  </si>
  <si>
    <t>762675.0</t>
  </si>
  <si>
    <t>1619802.0</t>
  </si>
  <si>
    <t>856150.0</t>
  </si>
  <si>
    <t>763652.0</t>
  </si>
  <si>
    <t>1320983.0</t>
  </si>
  <si>
    <t>741.245</t>
  </si>
  <si>
    <t>1621804.0</t>
  </si>
  <si>
    <t>857361.0</t>
  </si>
  <si>
    <t>764443.0</t>
  </si>
  <si>
    <t>1322731.0</t>
  </si>
  <si>
    <t>742.225</t>
  </si>
  <si>
    <t>1624584.0</t>
  </si>
  <si>
    <t>858915.0</t>
  </si>
  <si>
    <t>765669.0</t>
  </si>
  <si>
    <t>1626061.0</t>
  </si>
  <si>
    <t>859855.0</t>
  </si>
  <si>
    <t>766206.0</t>
  </si>
  <si>
    <t>1331159.0</t>
  </si>
  <si>
    <t>746.955</t>
  </si>
  <si>
    <t>1630082.0</t>
  </si>
  <si>
    <t>862340.0</t>
  </si>
  <si>
    <t>767742.0</t>
  </si>
  <si>
    <t>1333395.0</t>
  </si>
  <si>
    <t>748.209</t>
  </si>
  <si>
    <t>1633364.0</t>
  </si>
  <si>
    <t>768814.0</t>
  </si>
  <si>
    <t>91.65</t>
  </si>
  <si>
    <t>1638378.0</t>
  </si>
  <si>
    <t>868411.0</t>
  </si>
  <si>
    <t>769967.0</t>
  </si>
  <si>
    <t>1640380.0</t>
  </si>
  <si>
    <t>869439.0</t>
  </si>
  <si>
    <t>770941.0</t>
  </si>
  <si>
    <t>1337185.0</t>
  </si>
  <si>
    <t>750.336</t>
  </si>
  <si>
    <t>1643382.0</t>
  </si>
  <si>
    <t>871277.0</t>
  </si>
  <si>
    <t>772105.0</t>
  </si>
  <si>
    <t>1339681.0</t>
  </si>
  <si>
    <t>751.737</t>
  </si>
  <si>
    <t>1644358.0</t>
  </si>
  <si>
    <t>871970.0</t>
  </si>
  <si>
    <t>772388.0</t>
  </si>
  <si>
    <t>1644733.0</t>
  </si>
  <si>
    <t>772537.0</t>
  </si>
  <si>
    <t>1345142.0</t>
  </si>
  <si>
    <t>754.801</t>
  </si>
  <si>
    <t>1647674.0</t>
  </si>
  <si>
    <t>874041.0</t>
  </si>
  <si>
    <t>773633.0</t>
  </si>
  <si>
    <t>1347037.0</t>
  </si>
  <si>
    <t>755.864</t>
  </si>
  <si>
    <t>1650162.0</t>
  </si>
  <si>
    <t>875615.0</t>
  </si>
  <si>
    <t>774547.0</t>
  </si>
  <si>
    <t>1350159.0</t>
  </si>
  <si>
    <t>757.616</t>
  </si>
  <si>
    <t>1651845.0</t>
  </si>
  <si>
    <t>875947.0</t>
  </si>
  <si>
    <t>775898.0</t>
  </si>
  <si>
    <t>1352527.0</t>
  </si>
  <si>
    <t>758.945</t>
  </si>
  <si>
    <t>1653823.0</t>
  </si>
  <si>
    <t>877188.0</t>
  </si>
  <si>
    <t>776635.0</t>
  </si>
  <si>
    <t>1654534.0</t>
  </si>
  <si>
    <t>877714.0</t>
  </si>
  <si>
    <t>776820.0</t>
  </si>
  <si>
    <t>92.84</t>
  </si>
  <si>
    <t>1654843.0</t>
  </si>
  <si>
    <t>877962.0</t>
  </si>
  <si>
    <t>776881.0</t>
  </si>
  <si>
    <t>200.5</t>
  </si>
  <si>
    <t>1656937.0</t>
  </si>
  <si>
    <t>879207.0</t>
  </si>
  <si>
    <t>777730.0</t>
  </si>
  <si>
    <t>1358182.0</t>
  </si>
  <si>
    <t>762.118</t>
  </si>
  <si>
    <t>1659012.0</t>
  </si>
  <si>
    <t>880609.0</t>
  </si>
  <si>
    <t>778403.0</t>
  </si>
  <si>
    <t>1360166.0</t>
  </si>
  <si>
    <t>763.231</t>
  </si>
  <si>
    <t>1661024.0</t>
  </si>
  <si>
    <t>882012.0</t>
  </si>
  <si>
    <t>779012.0</t>
  </si>
  <si>
    <t>1364340.0</t>
  </si>
  <si>
    <t>765.573</t>
  </si>
  <si>
    <t>1662553.0</t>
  </si>
  <si>
    <t>883072.0</t>
  </si>
  <si>
    <t>779481.0</t>
  </si>
  <si>
    <t>1366770.0</t>
  </si>
  <si>
    <t>766.937</t>
  </si>
  <si>
    <t>1663943.0</t>
  </si>
  <si>
    <t>883919.0</t>
  </si>
  <si>
    <t>780024.0</t>
  </si>
  <si>
    <t>1665209.0</t>
  </si>
  <si>
    <t>780327.0</t>
  </si>
  <si>
    <t>1666176.0</t>
  </si>
  <si>
    <t>780594.0</t>
  </si>
  <si>
    <t>1375719.0</t>
  </si>
  <si>
    <t>771.959</t>
  </si>
  <si>
    <t>1669230.0</t>
  </si>
  <si>
    <t>781351.0</t>
  </si>
  <si>
    <t>1379280.0</t>
  </si>
  <si>
    <t>773.957</t>
  </si>
  <si>
    <t>1671559.0</t>
  </si>
  <si>
    <t>782060.0</t>
  </si>
  <si>
    <t>1382762.0</t>
  </si>
  <si>
    <t>775.911</t>
  </si>
  <si>
    <t>1673578.0</t>
  </si>
  <si>
    <t>782696.0</t>
  </si>
  <si>
    <t>6396.4</t>
  </si>
  <si>
    <t>3589.21842866482</t>
  </si>
  <si>
    <t>1386106.0</t>
  </si>
  <si>
    <t>777.787</t>
  </si>
  <si>
    <t>1674509.0</t>
  </si>
  <si>
    <t>783074.0</t>
  </si>
  <si>
    <t>1674839.0</t>
  </si>
  <si>
    <t>783180.0</t>
  </si>
  <si>
    <t>1677000.0</t>
  </si>
  <si>
    <t>784166.0</t>
  </si>
  <si>
    <t>1407021.0</t>
  </si>
  <si>
    <t>789.523</t>
  </si>
  <si>
    <t>1679639.0</t>
  </si>
  <si>
    <t>785291.0</t>
  </si>
  <si>
    <t>1410929.0</t>
  </si>
  <si>
    <t>791.716</t>
  </si>
  <si>
    <t>1683758.0</t>
  </si>
  <si>
    <t>1687782.0</t>
  </si>
  <si>
    <t>788240.0</t>
  </si>
  <si>
    <t>1690659.0</t>
  </si>
  <si>
    <t>789306.0</t>
  </si>
  <si>
    <t>1436556.0</t>
  </si>
  <si>
    <t>806.096</t>
  </si>
  <si>
    <t>1692762.0</t>
  </si>
  <si>
    <t>789946.0</t>
  </si>
  <si>
    <t>94.99</t>
  </si>
  <si>
    <t>1443814.0</t>
  </si>
  <si>
    <t>810.169</t>
  </si>
  <si>
    <t>1693666.0</t>
  </si>
  <si>
    <t>884665.0</t>
  </si>
  <si>
    <t>790175.0</t>
  </si>
  <si>
    <t>1697901.0</t>
  </si>
  <si>
    <t>885339.0</t>
  </si>
  <si>
    <t>791547.0</t>
  </si>
  <si>
    <t>1450174.0</t>
  </si>
  <si>
    <t>813.738</t>
  </si>
  <si>
    <t>1456055.0</t>
  </si>
  <si>
    <t>817.038</t>
  </si>
  <si>
    <t>1704633.0</t>
  </si>
  <si>
    <t>793574.0</t>
  </si>
  <si>
    <t>95.65</t>
  </si>
  <si>
    <t>1708466.0</t>
  </si>
  <si>
    <t>794496.0</t>
  </si>
  <si>
    <t>29330.0</t>
  </si>
  <si>
    <t>1475205.0</t>
  </si>
  <si>
    <t>827.783</t>
  </si>
  <si>
    <t>1713150.0</t>
  </si>
  <si>
    <t>795476.0</t>
  </si>
  <si>
    <t>32453.0</t>
  </si>
  <si>
    <t>1480502.0</t>
  </si>
  <si>
    <t>830.756</t>
  </si>
  <si>
    <t>1716223.0</t>
  </si>
  <si>
    <t>796031.0</t>
  </si>
  <si>
    <t>34579.0</t>
  </si>
  <si>
    <t>1717379.0</t>
  </si>
  <si>
    <t>885808.0</t>
  </si>
  <si>
    <t>796246.0</t>
  </si>
  <si>
    <t>1722864.0</t>
  </si>
  <si>
    <t>886531.0</t>
  </si>
  <si>
    <t>797226.0</t>
  </si>
  <si>
    <t>1506044.0</t>
  </si>
  <si>
    <t>845.088</t>
  </si>
  <si>
    <t>1728214.0</t>
  </si>
  <si>
    <t>887237.0</t>
  </si>
  <si>
    <t>798225.0</t>
  </si>
  <si>
    <t>1516877.0</t>
  </si>
  <si>
    <t>851.167</t>
  </si>
  <si>
    <t>1732948.0</t>
  </si>
  <si>
    <t>887875.0</t>
  </si>
  <si>
    <t>799114.0</t>
  </si>
  <si>
    <t>45959.0</t>
  </si>
  <si>
    <t>97.24</t>
  </si>
  <si>
    <t>1737417.0</t>
  </si>
  <si>
    <t>888522.0</t>
  </si>
  <si>
    <t>799939.0</t>
  </si>
  <si>
    <t>48956.0</t>
  </si>
  <si>
    <t>1540673.0</t>
  </si>
  <si>
    <t>864.519</t>
  </si>
  <si>
    <t>1742039.0</t>
  </si>
  <si>
    <t>52009.0</t>
  </si>
  <si>
    <t>97.75</t>
  </si>
  <si>
    <t>1549089.0</t>
  </si>
  <si>
    <t>869.242</t>
  </si>
  <si>
    <t>1745974.0</t>
  </si>
  <si>
    <t>889769.0</t>
  </si>
  <si>
    <t>801281.0</t>
  </si>
  <si>
    <t>1747841.0</t>
  </si>
  <si>
    <t>889974.0</t>
  </si>
  <si>
    <t>801524.0</t>
  </si>
  <si>
    <t>56343.0</t>
  </si>
  <si>
    <t>98.08</t>
  </si>
  <si>
    <t>1754334.0</t>
  </si>
  <si>
    <t>890899.0</t>
  </si>
  <si>
    <t>802301.0</t>
  </si>
  <si>
    <t>98.44</t>
  </si>
  <si>
    <t>1591808.0</t>
  </si>
  <si>
    <t>893.213</t>
  </si>
  <si>
    <t>6.875</t>
  </si>
  <si>
    <t>1759797.0</t>
  </si>
  <si>
    <t>891630.0</t>
  </si>
  <si>
    <t>803020.0</t>
  </si>
  <si>
    <t>65147.0</t>
  </si>
  <si>
    <t>1605736.0</t>
  </si>
  <si>
    <t>901.028</t>
  </si>
  <si>
    <t>1764421.0</t>
  </si>
  <si>
    <t>892257.0</t>
  </si>
  <si>
    <t>803638.0</t>
  </si>
  <si>
    <t>1769170.0</t>
  </si>
  <si>
    <t>892797.0</t>
  </si>
  <si>
    <t>804251.0</t>
  </si>
  <si>
    <t>72122.0</t>
  </si>
  <si>
    <t>1630551.0</t>
  </si>
  <si>
    <t>914.953</t>
  </si>
  <si>
    <t>1773577.0</t>
  </si>
  <si>
    <t>893331.0</t>
  </si>
  <si>
    <t>804801.0</t>
  </si>
  <si>
    <t>75445.0</t>
  </si>
  <si>
    <t>1637388.0</t>
  </si>
  <si>
    <t>918.789</t>
  </si>
  <si>
    <t>1776133.0</t>
  </si>
  <si>
    <t>893610.0</t>
  </si>
  <si>
    <t>805086.0</t>
  </si>
  <si>
    <t>77437.0</t>
  </si>
  <si>
    <t>7.211</t>
  </si>
  <si>
    <t>1777085.0</t>
  </si>
  <si>
    <t>893743.0</t>
  </si>
  <si>
    <t>805226.0</t>
  </si>
  <si>
    <t>78116.0</t>
  </si>
  <si>
    <t>6357.3</t>
  </si>
  <si>
    <t>3567.27820595192</t>
  </si>
  <si>
    <t>1669185.0</t>
  </si>
  <si>
    <t>936.631</t>
  </si>
  <si>
    <t>1781110.0</t>
  </si>
  <si>
    <t>894288.0</t>
  </si>
  <si>
    <t>805802.0</t>
  </si>
  <si>
    <t>81020.0</t>
  </si>
  <si>
    <t>1678438.0</t>
  </si>
  <si>
    <t>941.824</t>
  </si>
  <si>
    <t>1783672.0</t>
  </si>
  <si>
    <t>894653.0</t>
  </si>
  <si>
    <t>806268.0</t>
  </si>
  <si>
    <t>1786709.0</t>
  </si>
  <si>
    <t>894887.0</t>
  </si>
  <si>
    <t>807003.0</t>
  </si>
  <si>
    <t>1690522.0</t>
  </si>
  <si>
    <t>948.604</t>
  </si>
  <si>
    <t>1789127.0</t>
  </si>
  <si>
    <t>895183.0</t>
  </si>
  <si>
    <t>807507.0</t>
  </si>
  <si>
    <t>86437.0</t>
  </si>
  <si>
    <t>1697491.0</t>
  </si>
  <si>
    <t>952.515</t>
  </si>
  <si>
    <t>1791536.0</t>
  </si>
  <si>
    <t>895545.0</t>
  </si>
  <si>
    <t>808026.0</t>
  </si>
  <si>
    <t>87965.0</t>
  </si>
  <si>
    <t>100.53</t>
  </si>
  <si>
    <t>1792775.0</t>
  </si>
  <si>
    <t>895713.0</t>
  </si>
  <si>
    <t>808344.0</t>
  </si>
  <si>
    <t>1793326.0</t>
  </si>
  <si>
    <t>895792.0</t>
  </si>
  <si>
    <t>808546.0</t>
  </si>
  <si>
    <t>88988.0</t>
  </si>
  <si>
    <t>1713472.0</t>
  </si>
  <si>
    <t>961.482</t>
  </si>
  <si>
    <t>1794993.0</t>
  </si>
  <si>
    <t>896107.0</t>
  </si>
  <si>
    <t>808959.0</t>
  </si>
  <si>
    <t>89927.0</t>
  </si>
  <si>
    <t>1717757.0</t>
  </si>
  <si>
    <t>963.887</t>
  </si>
  <si>
    <t>1796305.0</t>
  </si>
  <si>
    <t>896328.0</t>
  </si>
  <si>
    <t>809358.0</t>
  </si>
  <si>
    <t>0.2307</t>
  </si>
  <si>
    <t>1798980.0</t>
  </si>
  <si>
    <t>896749.0</t>
  </si>
  <si>
    <t>810114.0</t>
  </si>
  <si>
    <t>92117.0</t>
  </si>
  <si>
    <t>1725286.0</t>
  </si>
  <si>
    <t>968.111</t>
  </si>
  <si>
    <t>1728500.0</t>
  </si>
  <si>
    <t>969.915</t>
  </si>
  <si>
    <t>1801246.0</t>
  </si>
  <si>
    <t>897068.0</t>
  </si>
  <si>
    <t>810844.0</t>
  </si>
  <si>
    <t>1801548.0</t>
  </si>
  <si>
    <t>810932.0</t>
  </si>
  <si>
    <t>93507.0</t>
  </si>
  <si>
    <t>1802978.0</t>
  </si>
  <si>
    <t>897359.0</t>
  </si>
  <si>
    <t>811470.0</t>
  </si>
  <si>
    <t>101.17</t>
  </si>
  <si>
    <t>1739779.0</t>
  </si>
  <si>
    <t>976.244</t>
  </si>
  <si>
    <t>1804256.0</t>
  </si>
  <si>
    <t>897602.0</t>
  </si>
  <si>
    <t>811944.0</t>
  </si>
  <si>
    <t>94710.0</t>
  </si>
  <si>
    <t>1742427.0</t>
  </si>
  <si>
    <t>977.73</t>
  </si>
  <si>
    <t>1748018.0</t>
  </si>
  <si>
    <t>980.867</t>
  </si>
  <si>
    <t>1806746.0</t>
  </si>
  <si>
    <t>898049.0</t>
  </si>
  <si>
    <t>812972.0</t>
  </si>
  <si>
    <t>95725.0</t>
  </si>
  <si>
    <t>1749613.0</t>
  </si>
  <si>
    <t>981.762</t>
  </si>
  <si>
    <t>1807323.0</t>
  </si>
  <si>
    <t>898147.0</t>
  </si>
  <si>
    <t>813241.0</t>
  </si>
  <si>
    <t>95935.0</t>
  </si>
  <si>
    <t>1807516.0</t>
  </si>
  <si>
    <t>898178.0</t>
  </si>
  <si>
    <t>813327.0</t>
  </si>
  <si>
    <t>96011.0</t>
  </si>
  <si>
    <t>1808724.0</t>
  </si>
  <si>
    <t>898435.0</t>
  </si>
  <si>
    <t>813881.0</t>
  </si>
  <si>
    <t>96408.0</t>
  </si>
  <si>
    <t>1756707.0</t>
  </si>
  <si>
    <t>985.743</t>
  </si>
  <si>
    <t>1809730.0</t>
  </si>
  <si>
    <t>898639.0</t>
  </si>
  <si>
    <t>814448.0</t>
  </si>
  <si>
    <t>96643.0</t>
  </si>
  <si>
    <t>101.55</t>
  </si>
  <si>
    <t>1758767.0</t>
  </si>
  <si>
    <t>986.899</t>
  </si>
  <si>
    <t>1810642.0</t>
  </si>
  <si>
    <t>898870.0</t>
  </si>
  <si>
    <t>814899.0</t>
  </si>
  <si>
    <t>1762284.0</t>
  </si>
  <si>
    <t>988.872</t>
  </si>
  <si>
    <t>1811481.0</t>
  </si>
  <si>
    <t>899104.0</t>
  </si>
  <si>
    <t>815306.0</t>
  </si>
  <si>
    <t>97071.0</t>
  </si>
  <si>
    <t>1763865.0</t>
  </si>
  <si>
    <t>989.759</t>
  </si>
  <si>
    <t>1812244.0</t>
  </si>
  <si>
    <t>899310.0</t>
  </si>
  <si>
    <t>815673.0</t>
  </si>
  <si>
    <t>97261.0</t>
  </si>
  <si>
    <t>1812571.0</t>
  </si>
  <si>
    <t>899369.0</t>
  </si>
  <si>
    <t>815862.0</t>
  </si>
  <si>
    <t>3636.69011259094</t>
  </si>
  <si>
    <t>1766730.0</t>
  </si>
  <si>
    <t>991.367</t>
  </si>
  <si>
    <t>1768282.0</t>
  </si>
  <si>
    <t>992.238</t>
  </si>
  <si>
    <t>1814712.0</t>
  </si>
  <si>
    <t>900042.0</t>
  </si>
  <si>
    <t>816765.0</t>
  </si>
  <si>
    <t>97905.0</t>
  </si>
  <si>
    <t>101.83</t>
  </si>
  <si>
    <t>1815139.0</t>
  </si>
  <si>
    <t>900148.0</t>
  </si>
  <si>
    <t>816978.0</t>
  </si>
  <si>
    <t>98013.0</t>
  </si>
  <si>
    <t>101.85</t>
  </si>
  <si>
    <t>1815597.0</t>
  </si>
  <si>
    <t>900278.0</t>
  </si>
  <si>
    <t>817196.0</t>
  </si>
  <si>
    <t>98123.0</t>
  </si>
  <si>
    <t>1815751.0</t>
  </si>
  <si>
    <t>900307.0</t>
  </si>
  <si>
    <t>817292.0</t>
  </si>
  <si>
    <t>98152.0</t>
  </si>
  <si>
    <t>1773653.0</t>
  </si>
  <si>
    <t>995.252</t>
  </si>
  <si>
    <t>1815864.0</t>
  </si>
  <si>
    <t>900326.0</t>
  </si>
  <si>
    <t>817367.0</t>
  </si>
  <si>
    <t>98171.0</t>
  </si>
  <si>
    <t>1774521.0</t>
  </si>
  <si>
    <t>995.739</t>
  </si>
  <si>
    <t>1816329.0</t>
  </si>
  <si>
    <t>900417.0</t>
  </si>
  <si>
    <t>1816602.0</t>
  </si>
  <si>
    <t>900494.0</t>
  </si>
  <si>
    <t>817742.0</t>
  </si>
  <si>
    <t>101.94</t>
  </si>
  <si>
    <t>1816890.0</t>
  </si>
  <si>
    <t>900565.0</t>
  </si>
  <si>
    <t>817900.0</t>
  </si>
  <si>
    <t>98425.0</t>
  </si>
  <si>
    <t>1776846.0</t>
  </si>
  <si>
    <t>997.043</t>
  </si>
  <si>
    <t>1817540.0</t>
  </si>
  <si>
    <t>900712.0</t>
  </si>
  <si>
    <t>818252.0</t>
  </si>
  <si>
    <t>98576.0</t>
  </si>
  <si>
    <t>1778872.0</t>
  </si>
  <si>
    <t>998.18</t>
  </si>
  <si>
    <t>1817563.0</t>
  </si>
  <si>
    <t>900718.0</t>
  </si>
  <si>
    <t>818260.0</t>
  </si>
  <si>
    <t>1780089.0</t>
  </si>
  <si>
    <t>998.863</t>
  </si>
  <si>
    <t>1817705.0</t>
  </si>
  <si>
    <t>900736.0</t>
  </si>
  <si>
    <t>818336.0</t>
  </si>
  <si>
    <t>98633.0</t>
  </si>
  <si>
    <t>1781808.0</t>
  </si>
  <si>
    <t>999.828</t>
  </si>
  <si>
    <t>1817836.0</t>
  </si>
  <si>
    <t>900766.0</t>
  </si>
  <si>
    <t>818409.0</t>
  </si>
  <si>
    <t>98661.0</t>
  </si>
  <si>
    <t>1818153.0</t>
  </si>
  <si>
    <t>900826.0</t>
  </si>
  <si>
    <t>818592.0</t>
  </si>
  <si>
    <t>98735.0</t>
  </si>
  <si>
    <t>1818495.0</t>
  </si>
  <si>
    <t>900910.0</t>
  </si>
  <si>
    <t>818758.0</t>
  </si>
  <si>
    <t>98827.0</t>
  </si>
  <si>
    <t>102.04</t>
  </si>
  <si>
    <t>1818750.0</t>
  </si>
  <si>
    <t>900955.0</t>
  </si>
  <si>
    <t>818905.0</t>
  </si>
  <si>
    <t>102.06</t>
  </si>
  <si>
    <t>1819097.0</t>
  </si>
  <si>
    <t>901025.0</t>
  </si>
  <si>
    <t>819034.0</t>
  </si>
  <si>
    <t>99038.0</t>
  </si>
  <si>
    <t>1819481.0</t>
  </si>
  <si>
    <t>901108.0</t>
  </si>
  <si>
    <t>819209.0</t>
  </si>
  <si>
    <t>1819600.0</t>
  </si>
  <si>
    <t>901130.0</t>
  </si>
  <si>
    <t>819268.0</t>
  </si>
  <si>
    <t>99202.0</t>
  </si>
  <si>
    <t>1788080.0</t>
  </si>
  <si>
    <t>1003.347</t>
  </si>
  <si>
    <t>1819736.0</t>
  </si>
  <si>
    <t>901155.0</t>
  </si>
  <si>
    <t>819329.0</t>
  </si>
  <si>
    <t>99252.0</t>
  </si>
  <si>
    <t>1820094.0</t>
  </si>
  <si>
    <t>901225.0</t>
  </si>
  <si>
    <t>819496.0</t>
  </si>
  <si>
    <t>99373.0</t>
  </si>
  <si>
    <t>1820441.0</t>
  </si>
  <si>
    <t>901311.0</t>
  </si>
  <si>
    <t>819634.0</t>
  </si>
  <si>
    <t>99496.0</t>
  </si>
  <si>
    <t>1792166.0</t>
  </si>
  <si>
    <t>1005.64</t>
  </si>
  <si>
    <t>1820882.0</t>
  </si>
  <si>
    <t>901393.0</t>
  </si>
  <si>
    <t>99648.0</t>
  </si>
  <si>
    <t>1820975.0</t>
  </si>
  <si>
    <t>901402.0</t>
  </si>
  <si>
    <t>819887.0</t>
  </si>
  <si>
    <t>1821176.0</t>
  </si>
  <si>
    <t>901438.0</t>
  </si>
  <si>
    <t>819983.0</t>
  </si>
  <si>
    <t>102.19</t>
  </si>
  <si>
    <t>1821268.0</t>
  </si>
  <si>
    <t>901461.0</t>
  </si>
  <si>
    <t>820019.0</t>
  </si>
  <si>
    <t>1795375.0</t>
  </si>
  <si>
    <t>1007.441</t>
  </si>
  <si>
    <t>1821355.0</t>
  </si>
  <si>
    <t>901479.0</t>
  </si>
  <si>
    <t>820056.0</t>
  </si>
  <si>
    <t>99820.0</t>
  </si>
  <si>
    <t>1821541.0</t>
  </si>
  <si>
    <t>901524.0</t>
  </si>
  <si>
    <t>820147.0</t>
  </si>
  <si>
    <t>99870.0</t>
  </si>
  <si>
    <t>102.21</t>
  </si>
  <si>
    <t>1821917.0</t>
  </si>
  <si>
    <t>901602.0</t>
  </si>
  <si>
    <t>99998.0</t>
  </si>
  <si>
    <t>102.23</t>
  </si>
  <si>
    <t>1822329.0</t>
  </si>
  <si>
    <t>901705.0</t>
  </si>
  <si>
    <t>820513.0</t>
  </si>
  <si>
    <t>100111.0</t>
  </si>
  <si>
    <t>1799157.0</t>
  </si>
  <si>
    <t>1009.563</t>
  </si>
  <si>
    <t>1822431.0</t>
  </si>
  <si>
    <t>901730.0</t>
  </si>
  <si>
    <t>820551.0</t>
  </si>
  <si>
    <t>100150.0</t>
  </si>
  <si>
    <t>6346.7</t>
  </si>
  <si>
    <t>3561.33021718576</t>
  </si>
  <si>
    <t>901819.0</t>
  </si>
  <si>
    <t>820711.0</t>
  </si>
  <si>
    <t>100264.0</t>
  </si>
  <si>
    <t>1822959.0</t>
  </si>
  <si>
    <t>901850.0</t>
  </si>
  <si>
    <t>820783.0</t>
  </si>
  <si>
    <t>100326.0</t>
  </si>
  <si>
    <t>1823261.0</t>
  </si>
  <si>
    <t>901928.0</t>
  </si>
  <si>
    <t>820899.0</t>
  </si>
  <si>
    <t>100434.0</t>
  </si>
  <si>
    <t>102.31</t>
  </si>
  <si>
    <t>1805577.0</t>
  </si>
  <si>
    <t>1013.165</t>
  </si>
  <si>
    <t>1823358.0</t>
  </si>
  <si>
    <t>901945.0</t>
  </si>
  <si>
    <t>820941.0</t>
  </si>
  <si>
    <t>100472.0</t>
  </si>
  <si>
    <t>1823483.0</t>
  </si>
  <si>
    <t>901975.0</t>
  </si>
  <si>
    <t>820985.0</t>
  </si>
  <si>
    <t>100523.0</t>
  </si>
  <si>
    <t>1823638.0</t>
  </si>
  <si>
    <t>902011.0</t>
  </si>
  <si>
    <t>821065.0</t>
  </si>
  <si>
    <t>100562.0</t>
  </si>
  <si>
    <t>1808495.0</t>
  </si>
  <si>
    <t>1014.803</t>
  </si>
  <si>
    <t>1823684.0</t>
  </si>
  <si>
    <t>902023.0</t>
  </si>
  <si>
    <t>821082.0</t>
  </si>
  <si>
    <t>100579.0</t>
  </si>
  <si>
    <t>1823725.0</t>
  </si>
  <si>
    <t>902026.0</t>
  </si>
  <si>
    <t>821096.0</t>
  </si>
  <si>
    <t>100603.0</t>
  </si>
  <si>
    <t>1823943.0</t>
  </si>
  <si>
    <t>902075.0</t>
  </si>
  <si>
    <t>821191.0</t>
  </si>
  <si>
    <t>100677.0</t>
  </si>
  <si>
    <t>1824020.0</t>
  </si>
  <si>
    <t>902089.0</t>
  </si>
  <si>
    <t>821229.0</t>
  </si>
  <si>
    <t>100702.0</t>
  </si>
  <si>
    <t>1824184.0</t>
  </si>
  <si>
    <t>902127.0</t>
  </si>
  <si>
    <t>821291.0</t>
  </si>
  <si>
    <t>100766.0</t>
  </si>
  <si>
    <t>102.36</t>
  </si>
  <si>
    <t>1824357.0</t>
  </si>
  <si>
    <t>902173.0</t>
  </si>
  <si>
    <t>821361.0</t>
  </si>
  <si>
    <t>100823.0</t>
  </si>
  <si>
    <t>1824587.0</t>
  </si>
  <si>
    <t>902233.0</t>
  </si>
  <si>
    <t>821444.0</t>
  </si>
  <si>
    <t>100910.0</t>
  </si>
  <si>
    <t>1824802.0</t>
  </si>
  <si>
    <t>902287.0</t>
  </si>
  <si>
    <t>821538.0</t>
  </si>
  <si>
    <t>100977.0</t>
  </si>
  <si>
    <t>1824882.0</t>
  </si>
  <si>
    <t>902312.0</t>
  </si>
  <si>
    <t>821564.0</t>
  </si>
  <si>
    <t>101006.0</t>
  </si>
  <si>
    <t>1825022.0</t>
  </si>
  <si>
    <t>902342.0</t>
  </si>
  <si>
    <t>821627.0</t>
  </si>
  <si>
    <t>101053.0</t>
  </si>
  <si>
    <t>1818123.0</t>
  </si>
  <si>
    <t>1020.205</t>
  </si>
  <si>
    <t>1825161.0</t>
  </si>
  <si>
    <t>902379.0</t>
  </si>
  <si>
    <t>821675.0</t>
  </si>
  <si>
    <t>101107.0</t>
  </si>
  <si>
    <t>102.42</t>
  </si>
  <si>
    <t>1825381.0</t>
  </si>
  <si>
    <t>902426.0</t>
  </si>
  <si>
    <t>821764.0</t>
  </si>
  <si>
    <t>101191.0</t>
  </si>
  <si>
    <t>1820581.0</t>
  </si>
  <si>
    <t>1021.584</t>
  </si>
  <si>
    <t>902450.0</t>
  </si>
  <si>
    <t>821798.0</t>
  </si>
  <si>
    <t>101240.0</t>
  </si>
  <si>
    <t>1825723.0</t>
  </si>
  <si>
    <t>902492.0</t>
  </si>
  <si>
    <t>821896.0</t>
  </si>
  <si>
    <t>101335.0</t>
  </si>
  <si>
    <t>102.45</t>
  </si>
  <si>
    <t>1823094.0</t>
  </si>
  <si>
    <t>1022.995</t>
  </si>
  <si>
    <t>1825853.0</t>
  </si>
  <si>
    <t>902521.0</t>
  </si>
  <si>
    <t>821937.0</t>
  </si>
  <si>
    <t>1826049.0</t>
  </si>
  <si>
    <t>821994.0</t>
  </si>
  <si>
    <t>902569.0</t>
  </si>
  <si>
    <t>822028.0</t>
  </si>
  <si>
    <t>101568.0</t>
  </si>
  <si>
    <t>1825307.0</t>
  </si>
  <si>
    <t>1024.236</t>
  </si>
  <si>
    <t>1826228.0</t>
  </si>
  <si>
    <t>902575.0</t>
  </si>
  <si>
    <t>822042.0</t>
  </si>
  <si>
    <t>101611.0</t>
  </si>
  <si>
    <t>6247.8</t>
  </si>
  <si>
    <t>3505.83435973548</t>
  </si>
  <si>
    <t>1826254.0</t>
  </si>
  <si>
    <t>902577.0</t>
  </si>
  <si>
    <t>822046.0</t>
  </si>
  <si>
    <t>1826331.0</t>
  </si>
  <si>
    <t>902584.0</t>
  </si>
  <si>
    <t>101673.0</t>
  </si>
  <si>
    <t>1826596.0</t>
  </si>
  <si>
    <t>902634.0</t>
  </si>
  <si>
    <t>822170.0</t>
  </si>
  <si>
    <t>101792.0</t>
  </si>
  <si>
    <t>1826799.0</t>
  </si>
  <si>
    <t>902674.0</t>
  </si>
  <si>
    <t>822245.0</t>
  </si>
  <si>
    <t>1826992.0</t>
  </si>
  <si>
    <t>902718.0</t>
  </si>
  <si>
    <t>822312.0</t>
  </si>
  <si>
    <t>1829618.0</t>
  </si>
  <si>
    <t>1026.655</t>
  </si>
  <si>
    <t>1827035.0</t>
  </si>
  <si>
    <t>902726.0</t>
  </si>
  <si>
    <t>822324.0</t>
  </si>
  <si>
    <t>101985.0</t>
  </si>
  <si>
    <t>1827058.0</t>
  </si>
  <si>
    <t>902731.0</t>
  </si>
  <si>
    <t>822331.0</t>
  </si>
  <si>
    <t>1827131.0</t>
  </si>
  <si>
    <t>902738.0</t>
  </si>
  <si>
    <t>822356.0</t>
  </si>
  <si>
    <t>102037.0</t>
  </si>
  <si>
    <t>1831282.0</t>
  </si>
  <si>
    <t>1027.589</t>
  </si>
  <si>
    <t>1827353.0</t>
  </si>
  <si>
    <t>902786.0</t>
  </si>
  <si>
    <t>822431.0</t>
  </si>
  <si>
    <t>102136.0</t>
  </si>
  <si>
    <t>102.54</t>
  </si>
  <si>
    <t>1827513.0</t>
  </si>
  <si>
    <t>902827.0</t>
  </si>
  <si>
    <t>822487.0</t>
  </si>
  <si>
    <t>1827662.0</t>
  </si>
  <si>
    <t>902862.0</t>
  </si>
  <si>
    <t>822523.0</t>
  </si>
  <si>
    <t>1827786.0</t>
  </si>
  <si>
    <t>902884.0</t>
  </si>
  <si>
    <t>822575.0</t>
  </si>
  <si>
    <t>102327.0</t>
  </si>
  <si>
    <t>1827810.0</t>
  </si>
  <si>
    <t>902891.0</t>
  </si>
  <si>
    <t>822581.0</t>
  </si>
  <si>
    <t>1827852.0</t>
  </si>
  <si>
    <t>902904.0</t>
  </si>
  <si>
    <t>822594.0</t>
  </si>
  <si>
    <t>1828001.0</t>
  </si>
  <si>
    <t>902946.0</t>
  </si>
  <si>
    <t>822644.0</t>
  </si>
  <si>
    <t>102411.0</t>
  </si>
  <si>
    <t>1828100.0</t>
  </si>
  <si>
    <t>902962.0</t>
  </si>
  <si>
    <t>822696.0</t>
  </si>
  <si>
    <t>102442.0</t>
  </si>
  <si>
    <t>102.58</t>
  </si>
  <si>
    <t>1835095.0</t>
  </si>
  <si>
    <t>1029.729</t>
  </si>
  <si>
    <t>1828193.0</t>
  </si>
  <si>
    <t>902986.0</t>
  </si>
  <si>
    <t>822735.0</t>
  </si>
  <si>
    <t>102472.0</t>
  </si>
  <si>
    <t>102.59</t>
  </si>
  <si>
    <t>1828331.0</t>
  </si>
  <si>
    <t>903025.0</t>
  </si>
  <si>
    <t>822784.0</t>
  </si>
  <si>
    <t>102522.0</t>
  </si>
  <si>
    <t>1828431.0</t>
  </si>
  <si>
    <t>903057.0</t>
  </si>
  <si>
    <t>822829.0</t>
  </si>
  <si>
    <t>102545.0</t>
  </si>
  <si>
    <t>1828472.0</t>
  </si>
  <si>
    <t>903066.0</t>
  </si>
  <si>
    <t>102564.0</t>
  </si>
  <si>
    <t>1837109.0</t>
  </si>
  <si>
    <t>1030.859</t>
  </si>
  <si>
    <t>1828499.0</t>
  </si>
  <si>
    <t>903072.0</t>
  </si>
  <si>
    <t>822850.0</t>
  </si>
  <si>
    <t>102577.0</t>
  </si>
  <si>
    <t>1828624.0</t>
  </si>
  <si>
    <t>903116.0</t>
  </si>
  <si>
    <t>822899.0</t>
  </si>
  <si>
    <t>102609.0</t>
  </si>
  <si>
    <t>102.61</t>
  </si>
  <si>
    <t>1828721.0</t>
  </si>
  <si>
    <t>903146.0</t>
  </si>
  <si>
    <t>822936.0</t>
  </si>
  <si>
    <t>102639.0</t>
  </si>
  <si>
    <t>102.62</t>
  </si>
  <si>
    <t>1838539.0</t>
  </si>
  <si>
    <t>1031.661</t>
  </si>
  <si>
    <t>1828804.0</t>
  </si>
  <si>
    <t>903171.0</t>
  </si>
  <si>
    <t>822962.0</t>
  </si>
  <si>
    <t>102671.0</t>
  </si>
  <si>
    <t>1828870.0</t>
  </si>
  <si>
    <t>903193.0</t>
  </si>
  <si>
    <t>822988.0</t>
  </si>
  <si>
    <t>1828962.0</t>
  </si>
  <si>
    <t>903217.0</t>
  </si>
  <si>
    <t>823032.0</t>
  </si>
  <si>
    <t>102713.0</t>
  </si>
  <si>
    <t>1840081.0</t>
  </si>
  <si>
    <t>1032.527</t>
  </si>
  <si>
    <t>1828983.0</t>
  </si>
  <si>
    <t>903226.0</t>
  </si>
  <si>
    <t>823036.0</t>
  </si>
  <si>
    <t>1828996.0</t>
  </si>
  <si>
    <t>903228.0</t>
  </si>
  <si>
    <t>823040.0</t>
  </si>
  <si>
    <t>102728.0</t>
  </si>
  <si>
    <t>1829112.0</t>
  </si>
  <si>
    <t>903257.0</t>
  </si>
  <si>
    <t>823087.0</t>
  </si>
  <si>
    <t>102768.0</t>
  </si>
  <si>
    <t>102.64</t>
  </si>
  <si>
    <t>1829189.0</t>
  </si>
  <si>
    <t>903279.0</t>
  </si>
  <si>
    <t>823117.0</t>
  </si>
  <si>
    <t>102793.0</t>
  </si>
  <si>
    <t>6152.7</t>
  </si>
  <si>
    <t>-11.31</t>
  </si>
  <si>
    <t>3452.47080014477</t>
  </si>
  <si>
    <t>1841383.0</t>
  </si>
  <si>
    <t>1033.257</t>
  </si>
  <si>
    <t>1829274.0</t>
  </si>
  <si>
    <t>903306.0</t>
  </si>
  <si>
    <t>823162.0</t>
  </si>
  <si>
    <t>1829334.0</t>
  </si>
  <si>
    <t>903323.0</t>
  </si>
  <si>
    <t>823191.0</t>
  </si>
  <si>
    <t>102820.0</t>
  </si>
  <si>
    <t>1829409.0</t>
  </si>
  <si>
    <t>903344.0</t>
  </si>
  <si>
    <t>823225.0</t>
  </si>
  <si>
    <t>102840.0</t>
  </si>
  <si>
    <t>1842351.0</t>
  </si>
  <si>
    <t>1033.8</t>
  </si>
  <si>
    <t>1829424.0</t>
  </si>
  <si>
    <t>903349.0</t>
  </si>
  <si>
    <t>823232.0</t>
  </si>
  <si>
    <t>102843.0</t>
  </si>
  <si>
    <t>1829433.0</t>
  </si>
  <si>
    <t>903350.0</t>
  </si>
  <si>
    <t>823237.0</t>
  </si>
  <si>
    <t>102846.0</t>
  </si>
  <si>
    <t>1829528.0</t>
  </si>
  <si>
    <t>903380.0</t>
  </si>
  <si>
    <t>823279.0</t>
  </si>
  <si>
    <t>102869.0</t>
  </si>
  <si>
    <t>1843058.0</t>
  </si>
  <si>
    <t>1034.197</t>
  </si>
  <si>
    <t>1829619.0</t>
  </si>
  <si>
    <t>903405.0</t>
  </si>
  <si>
    <t>823315.0</t>
  </si>
  <si>
    <t>102899.0</t>
  </si>
  <si>
    <t>1829686.0</t>
  </si>
  <si>
    <t>903420.0</t>
  </si>
  <si>
    <t>823349.0</t>
  </si>
  <si>
    <t>102917.0</t>
  </si>
  <si>
    <t>1829763.0</t>
  </si>
  <si>
    <t>823388.0</t>
  </si>
  <si>
    <t>102936.0</t>
  </si>
  <si>
    <t>1829820.0</t>
  </si>
  <si>
    <t>903454.0</t>
  </si>
  <si>
    <t>823409.0</t>
  </si>
  <si>
    <t>1844289.0</t>
  </si>
  <si>
    <t>1034.888</t>
  </si>
  <si>
    <t>1829948.0</t>
  </si>
  <si>
    <t>903486.0</t>
  </si>
  <si>
    <t>823467.0</t>
  </si>
  <si>
    <t>102995.0</t>
  </si>
  <si>
    <t>1844866.0</t>
  </si>
  <si>
    <t>1035.212</t>
  </si>
  <si>
    <t>1830016.0</t>
  </si>
  <si>
    <t>903501.0</t>
  </si>
  <si>
    <t>823496.0</t>
  </si>
  <si>
    <t>103019.0</t>
  </si>
  <si>
    <t>102.69</t>
  </si>
  <si>
    <t>1830080.0</t>
  </si>
  <si>
    <t>903514.0</t>
  </si>
  <si>
    <t>823516.0</t>
  </si>
  <si>
    <t>1830106.0</t>
  </si>
  <si>
    <t>903523.0</t>
  </si>
  <si>
    <t>823526.0</t>
  </si>
  <si>
    <t>103057.0</t>
  </si>
  <si>
    <t>1830149.0</t>
  </si>
  <si>
    <t>903529.0</t>
  </si>
  <si>
    <t>823550.0</t>
  </si>
  <si>
    <t>103070.0</t>
  </si>
  <si>
    <t>1830153.0</t>
  </si>
  <si>
    <t>903530.0</t>
  </si>
  <si>
    <t>103073.0</t>
  </si>
  <si>
    <t>1845650.0</t>
  </si>
  <si>
    <t>1035.651</t>
  </si>
  <si>
    <t>1830159.0</t>
  </si>
  <si>
    <t>823555.0</t>
  </si>
  <si>
    <t>103074.0</t>
  </si>
  <si>
    <t>1830206.0</t>
  </si>
  <si>
    <t>903537.0</t>
  </si>
  <si>
    <t>823586.0</t>
  </si>
  <si>
    <t>103083.0</t>
  </si>
  <si>
    <t>1846365.0</t>
  </si>
  <si>
    <t>1036.053</t>
  </si>
  <si>
    <t>1830250.0</t>
  </si>
  <si>
    <t>903541.0</t>
  </si>
  <si>
    <t>823611.0</t>
  </si>
  <si>
    <t>103098.0</t>
  </si>
  <si>
    <t>1830292.0</t>
  </si>
  <si>
    <t>903556.0</t>
  </si>
  <si>
    <t>823634.0</t>
  </si>
  <si>
    <t>1830347.0</t>
  </si>
  <si>
    <t>903571.0</t>
  </si>
  <si>
    <t>103116.0</t>
  </si>
  <si>
    <t>1830399.0</t>
  </si>
  <si>
    <t>823674.0</t>
  </si>
  <si>
    <t>1830403.0</t>
  </si>
  <si>
    <t>903584.0</t>
  </si>
  <si>
    <t>103145.0</t>
  </si>
  <si>
    <t>1830411.0</t>
  </si>
  <si>
    <t>903586.0</t>
  </si>
  <si>
    <t>823676.0</t>
  </si>
  <si>
    <t>1830482.0</t>
  </si>
  <si>
    <t>903604.0</t>
  </si>
  <si>
    <t>823704.0</t>
  </si>
  <si>
    <t>1830544.0</t>
  </si>
  <si>
    <t>903615.0</t>
  </si>
  <si>
    <t>823720.0</t>
  </si>
  <si>
    <t>1830592.0</t>
  </si>
  <si>
    <t>903627.0</t>
  </si>
  <si>
    <t>823741.0</t>
  </si>
  <si>
    <t>103224.0</t>
  </si>
  <si>
    <t>1830622.0</t>
  </si>
  <si>
    <t>903637.0</t>
  </si>
  <si>
    <t>823746.0</t>
  </si>
  <si>
    <t>103239.0</t>
  </si>
  <si>
    <t>5995.6</t>
  </si>
  <si>
    <t>-19.71</t>
  </si>
  <si>
    <t>3364.3171175822</t>
  </si>
  <si>
    <t>1830688.0</t>
  </si>
  <si>
    <t>903657.0</t>
  </si>
  <si>
    <t>823766.0</t>
  </si>
  <si>
    <t>102.73</t>
  </si>
  <si>
    <t>1830700.0</t>
  </si>
  <si>
    <t>903659.0</t>
  </si>
  <si>
    <t>823769.0</t>
  </si>
  <si>
    <t>103272.0</t>
  </si>
  <si>
    <t>1830809.0</t>
  </si>
  <si>
    <t>903696.0</t>
  </si>
  <si>
    <t>823800.0</t>
  </si>
  <si>
    <t>1830914.0</t>
  </si>
  <si>
    <t>903711.0</t>
  </si>
  <si>
    <t>823837.0</t>
  </si>
  <si>
    <t>103366.0</t>
  </si>
  <si>
    <t>102.74</t>
  </si>
  <si>
    <t>1830938.0</t>
  </si>
  <si>
    <t>903714.0</t>
  </si>
  <si>
    <t>823844.0</t>
  </si>
  <si>
    <t>103380.0</t>
  </si>
  <si>
    <t>1831019.0</t>
  </si>
  <si>
    <t>903733.0</t>
  </si>
  <si>
    <t>823852.0</t>
  </si>
  <si>
    <t>103434.0</t>
  </si>
  <si>
    <t>1831127.0</t>
  </si>
  <si>
    <t>903785.0</t>
  </si>
  <si>
    <t>823872.0</t>
  </si>
  <si>
    <t>103470.0</t>
  </si>
  <si>
    <t>102.75</t>
  </si>
  <si>
    <t>1831128.0</t>
  </si>
  <si>
    <t>103471.0</t>
  </si>
  <si>
    <t>1831167.0</t>
  </si>
  <si>
    <t>903814.0</t>
  </si>
  <si>
    <t>823874.0</t>
  </si>
  <si>
    <t>1831452.0</t>
  </si>
  <si>
    <t>903964.0</t>
  </si>
  <si>
    <t>823906.0</t>
  </si>
  <si>
    <t>103582.0</t>
  </si>
  <si>
    <t>1831724.0</t>
  </si>
  <si>
    <t>904107.0</t>
  </si>
  <si>
    <t>823925.0</t>
  </si>
  <si>
    <t>103692.0</t>
  </si>
  <si>
    <t>1831991.0</t>
  </si>
  <si>
    <t>904261.0</t>
  </si>
  <si>
    <t>823958.0</t>
  </si>
  <si>
    <t>103772.0</t>
  </si>
  <si>
    <t>1832235.0</t>
  </si>
  <si>
    <t>904394.0</t>
  </si>
  <si>
    <t>823977.0</t>
  </si>
  <si>
    <t>103864.0</t>
  </si>
  <si>
    <t>1832395.0</t>
  </si>
  <si>
    <t>904484.0</t>
  </si>
  <si>
    <t>823988.0</t>
  </si>
  <si>
    <t>103923.0</t>
  </si>
  <si>
    <t>102.82</t>
  </si>
  <si>
    <t>1832760.0</t>
  </si>
  <si>
    <t>904690.0</t>
  </si>
  <si>
    <t>824012.0</t>
  </si>
  <si>
    <t>102.84</t>
  </si>
  <si>
    <t>1833005.0</t>
  </si>
  <si>
    <t>904820.0</t>
  </si>
  <si>
    <t>104143.0</t>
  </si>
  <si>
    <t>1833189.0</t>
  </si>
  <si>
    <t>904903.0</t>
  </si>
  <si>
    <t>824067.0</t>
  </si>
  <si>
    <t>104219.0</t>
  </si>
  <si>
    <t>1833408.0</t>
  </si>
  <si>
    <t>905005.0</t>
  </si>
  <si>
    <t>824089.0</t>
  </si>
  <si>
    <t>102.88</t>
  </si>
  <si>
    <t>1833539.0</t>
  </si>
  <si>
    <t>905071.0</t>
  </si>
  <si>
    <t>824111.0</t>
  </si>
  <si>
    <t>104357.0</t>
  </si>
  <si>
    <t>905076.0</t>
  </si>
  <si>
    <t>104367.0</t>
  </si>
  <si>
    <t>1833583.0</t>
  </si>
  <si>
    <t>905095.0</t>
  </si>
  <si>
    <t>824115.0</t>
  </si>
  <si>
    <t>1833768.0</t>
  </si>
  <si>
    <t>905188.0</t>
  </si>
  <si>
    <t>824129.0</t>
  </si>
  <si>
    <t>104451.0</t>
  </si>
  <si>
    <t>1833896.0</t>
  </si>
  <si>
    <t>905253.0</t>
  </si>
  <si>
    <t>824144.0</t>
  </si>
  <si>
    <t>104499.0</t>
  </si>
  <si>
    <t>1834028.0</t>
  </si>
  <si>
    <t>905336.0</t>
  </si>
  <si>
    <t>824166.0</t>
  </si>
  <si>
    <t>104526.0</t>
  </si>
  <si>
    <t>1834134.0</t>
  </si>
  <si>
    <t>905401.0</t>
  </si>
  <si>
    <t>824174.0</t>
  </si>
  <si>
    <t>102.92</t>
  </si>
  <si>
    <t>1834246.0</t>
  </si>
  <si>
    <t>905456.0</t>
  </si>
  <si>
    <t>824186.0</t>
  </si>
  <si>
    <t>104604.0</t>
  </si>
  <si>
    <t>1834256.0</t>
  </si>
  <si>
    <t>905461.0</t>
  </si>
  <si>
    <t>1834274.0</t>
  </si>
  <si>
    <t>905471.0</t>
  </si>
  <si>
    <t>824187.0</t>
  </si>
  <si>
    <t>104616.0</t>
  </si>
  <si>
    <t>5933.9</t>
  </si>
  <si>
    <t>3329.69533391504</t>
  </si>
  <si>
    <t>1834397.0</t>
  </si>
  <si>
    <t>905542.0</t>
  </si>
  <si>
    <t>824210.0</t>
  </si>
  <si>
    <t>104645.0</t>
  </si>
  <si>
    <t>1834474.0</t>
  </si>
  <si>
    <t>905581.0</t>
  </si>
  <si>
    <t>824221.0</t>
  </si>
  <si>
    <t>1834540.0</t>
  </si>
  <si>
    <t>905617.0</t>
  </si>
  <si>
    <t>824232.0</t>
  </si>
  <si>
    <t>1834595.0</t>
  </si>
  <si>
    <t>905648.0</t>
  </si>
  <si>
    <t>824239.0</t>
  </si>
  <si>
    <t>1834654.0</t>
  </si>
  <si>
    <t>905677.0</t>
  </si>
  <si>
    <t>824249.0</t>
  </si>
  <si>
    <t>104728.0</t>
  </si>
  <si>
    <t>1834658.0</t>
  </si>
  <si>
    <t>905679.0</t>
  </si>
  <si>
    <t>104730.0</t>
  </si>
  <si>
    <t>1834747.0</t>
  </si>
  <si>
    <t>905722.0</t>
  </si>
  <si>
    <t>824268.0</t>
  </si>
  <si>
    <t>104757.0</t>
  </si>
  <si>
    <t>1834797.0</t>
  </si>
  <si>
    <t>905745.0</t>
  </si>
  <si>
    <t>824281.0</t>
  </si>
  <si>
    <t>1834853.0</t>
  </si>
  <si>
    <t>905778.0</t>
  </si>
  <si>
    <t>824292.0</t>
  </si>
  <si>
    <t>104783.0</t>
  </si>
  <si>
    <t>1834914.0</t>
  </si>
  <si>
    <t>905795.0</t>
  </si>
  <si>
    <t>824315.0</t>
  </si>
  <si>
    <t>104804.0</t>
  </si>
  <si>
    <t>1834957.0</t>
  </si>
  <si>
    <t>905808.0</t>
  </si>
  <si>
    <t>824325.0</t>
  </si>
  <si>
    <t>104824.0</t>
  </si>
  <si>
    <t>1834964.0</t>
  </si>
  <si>
    <t>905811.0</t>
  </si>
  <si>
    <t>104828.0</t>
  </si>
  <si>
    <t>1834969.0</t>
  </si>
  <si>
    <t>905813.0</t>
  </si>
  <si>
    <t>824327.0</t>
  </si>
  <si>
    <t>104829.0</t>
  </si>
  <si>
    <t>1835042.0</t>
  </si>
  <si>
    <t>905843.0</t>
  </si>
  <si>
    <t>824354.0</t>
  </si>
  <si>
    <t>1835115.0</t>
  </si>
  <si>
    <t>905879.0</t>
  </si>
  <si>
    <t>824373.0</t>
  </si>
  <si>
    <t>104863.0</t>
  </si>
  <si>
    <t>1835165.0</t>
  </si>
  <si>
    <t>905902.0</t>
  </si>
  <si>
    <t>824390.0</t>
  </si>
  <si>
    <t>104873.0</t>
  </si>
  <si>
    <t>1835205.0</t>
  </si>
  <si>
    <t>905914.0</t>
  </si>
  <si>
    <t>824407.0</t>
  </si>
  <si>
    <t>104884.0</t>
  </si>
  <si>
    <t>1835242.0</t>
  </si>
  <si>
    <t>905930.0</t>
  </si>
  <si>
    <t>824416.0</t>
  </si>
  <si>
    <t>104896.0</t>
  </si>
  <si>
    <t>1835257.0</t>
  </si>
  <si>
    <t>905937.0</t>
  </si>
  <si>
    <t>824419.0</t>
  </si>
  <si>
    <t>1835304.0</t>
  </si>
  <si>
    <t>905958.0</t>
  </si>
  <si>
    <t>824433.0</t>
  </si>
  <si>
    <t>104913.0</t>
  </si>
  <si>
    <t>1835369.0</t>
  </si>
  <si>
    <t>905980.0</t>
  </si>
  <si>
    <t>824449.0</t>
  </si>
  <si>
    <t>104940.0</t>
  </si>
  <si>
    <t>1835416.0</t>
  </si>
  <si>
    <t>905992.0</t>
  </si>
  <si>
    <t>824468.0</t>
  </si>
  <si>
    <t>104956.0</t>
  </si>
  <si>
    <t>1835458.0</t>
  </si>
  <si>
    <t>824478.0</t>
  </si>
  <si>
    <t>104967.0</t>
  </si>
  <si>
    <t>1835493.0</t>
  </si>
  <si>
    <t>906020.0</t>
  </si>
  <si>
    <t>824487.0</t>
  </si>
  <si>
    <t>104986.0</t>
  </si>
  <si>
    <t>1835582.0</t>
  </si>
  <si>
    <t>906057.0</t>
  </si>
  <si>
    <t>824516.0</t>
  </si>
  <si>
    <t>105009.0</t>
  </si>
  <si>
    <t>5814.8</t>
  </si>
  <si>
    <t>3262.86462994812</t>
  </si>
  <si>
    <t>1835688.0</t>
  </si>
  <si>
    <t>906095.0</t>
  </si>
  <si>
    <t>824555.0</t>
  </si>
  <si>
    <t>103.01</t>
  </si>
  <si>
    <t>1835722.0</t>
  </si>
  <si>
    <t>906113.0</t>
  </si>
  <si>
    <t>824562.0</t>
  </si>
  <si>
    <t>105047.0</t>
  </si>
  <si>
    <t>1835799.0</t>
  </si>
  <si>
    <t>906150.0</t>
  </si>
  <si>
    <t>824585.0</t>
  </si>
  <si>
    <t>105064.0</t>
  </si>
  <si>
    <t>1835918.0</t>
  </si>
  <si>
    <t>906200.0</t>
  </si>
  <si>
    <t>824617.0</t>
  </si>
  <si>
    <t>105101.0</t>
  </si>
  <si>
    <t>103.02</t>
  </si>
  <si>
    <t>1835946.0</t>
  </si>
  <si>
    <t>906216.0</t>
  </si>
  <si>
    <t>824625.0</t>
  </si>
  <si>
    <t>105105.0</t>
  </si>
  <si>
    <t>1835965.0</t>
  </si>
  <si>
    <t>906223.0</t>
  </si>
  <si>
    <t>824630.0</t>
  </si>
  <si>
    <t>1835968.0</t>
  </si>
  <si>
    <t>906225.0</t>
  </si>
  <si>
    <t>824631.0</t>
  </si>
  <si>
    <t>1836003.0</t>
  </si>
  <si>
    <t>906239.0</t>
  </si>
  <si>
    <t>824648.0</t>
  </si>
  <si>
    <t>105116.0</t>
  </si>
  <si>
    <t>1836030.0</t>
  </si>
  <si>
    <t>906251.0</t>
  </si>
  <si>
    <t>824655.0</t>
  </si>
  <si>
    <t>105124.0</t>
  </si>
  <si>
    <t>1836045.0</t>
  </si>
  <si>
    <t>906258.0</t>
  </si>
  <si>
    <t>824657.0</t>
  </si>
  <si>
    <t>1836064.0</t>
  </si>
  <si>
    <t>906263.0</t>
  </si>
  <si>
    <t>824663.0</t>
  </si>
  <si>
    <t>105138.0</t>
  </si>
  <si>
    <t>1836080.0</t>
  </si>
  <si>
    <t>906267.0</t>
  </si>
  <si>
    <t>824667.0</t>
  </si>
  <si>
    <t>105146.0</t>
  </si>
  <si>
    <t>1836082.0</t>
  </si>
  <si>
    <t>824668.0</t>
  </si>
  <si>
    <t>105147.0</t>
  </si>
  <si>
    <t>1836085.0</t>
  </si>
  <si>
    <t>906269.0</t>
  </si>
  <si>
    <t>824669.0</t>
  </si>
  <si>
    <t>1836106.0</t>
  </si>
  <si>
    <t>906276.0</t>
  </si>
  <si>
    <t>105155.0</t>
  </si>
  <si>
    <t>1836134.0</t>
  </si>
  <si>
    <t>906281.0</t>
  </si>
  <si>
    <t>824684.0</t>
  </si>
  <si>
    <t>105169.0</t>
  </si>
  <si>
    <t>1836171.0</t>
  </si>
  <si>
    <t>906291.0</t>
  </si>
  <si>
    <t>824694.0</t>
  </si>
  <si>
    <t>105186.0</t>
  </si>
  <si>
    <t>1836186.0</t>
  </si>
  <si>
    <t>906297.0</t>
  </si>
  <si>
    <t>824697.0</t>
  </si>
  <si>
    <t>105192.0</t>
  </si>
  <si>
    <t>1836213.0</t>
  </si>
  <si>
    <t>906308.0</t>
  </si>
  <si>
    <t>105199.0</t>
  </si>
  <si>
    <t>5672.1</t>
  </si>
  <si>
    <t>-17.71</t>
  </si>
  <si>
    <t>3182.79123401127</t>
  </si>
  <si>
    <t>1836216.0</t>
  </si>
  <si>
    <t>906310.0</t>
  </si>
  <si>
    <t>105200.0</t>
  </si>
  <si>
    <t>1836218.0</t>
  </si>
  <si>
    <t>906311.0</t>
  </si>
  <si>
    <t>1836243.0</t>
  </si>
  <si>
    <t>906319.0</t>
  </si>
  <si>
    <t>824715.0</t>
  </si>
  <si>
    <t>105209.0</t>
  </si>
  <si>
    <t>1836250.0</t>
  </si>
  <si>
    <t>906320.0</t>
  </si>
  <si>
    <t>824719.0</t>
  </si>
  <si>
    <t>105211.0</t>
  </si>
  <si>
    <t>1836265.0</t>
  </si>
  <si>
    <t>906325.0</t>
  </si>
  <si>
    <t>824723.0</t>
  </si>
  <si>
    <t>105217.0</t>
  </si>
  <si>
    <t>1836287.0</t>
  </si>
  <si>
    <t>906333.0</t>
  </si>
  <si>
    <t>824730.0</t>
  </si>
  <si>
    <t>105224.0</t>
  </si>
  <si>
    <t>1836309.0</t>
  </si>
  <si>
    <t>906342.0</t>
  </si>
  <si>
    <t>824737.0</t>
  </si>
  <si>
    <t>105230.0</t>
  </si>
  <si>
    <t>1836310.0</t>
  </si>
  <si>
    <t>105231.0</t>
  </si>
  <si>
    <t>1836318.0</t>
  </si>
  <si>
    <t>906344.0</t>
  </si>
  <si>
    <t>824738.0</t>
  </si>
  <si>
    <t>105236.0</t>
  </si>
  <si>
    <t>1836331.0</t>
  </si>
  <si>
    <t>906350.0</t>
  </si>
  <si>
    <t>824743.0</t>
  </si>
  <si>
    <t>1836348.0</t>
  </si>
  <si>
    <t>906355.0</t>
  </si>
  <si>
    <t>824751.0</t>
  </si>
  <si>
    <t>1836363.0</t>
  </si>
  <si>
    <t>906359.0</t>
  </si>
  <si>
    <t>105245.0</t>
  </si>
  <si>
    <t>1836378.0</t>
  </si>
  <si>
    <t>906361.0</t>
  </si>
  <si>
    <t>824767.0</t>
  </si>
  <si>
    <t>105250.0</t>
  </si>
  <si>
    <t>1836424.0</t>
  </si>
  <si>
    <t>906374.0</t>
  </si>
  <si>
    <t>824789.0</t>
  </si>
  <si>
    <t>103.05</t>
  </si>
  <si>
    <t>1836434.0</t>
  </si>
  <si>
    <t>906378.0</t>
  </si>
  <si>
    <t>824792.0</t>
  </si>
  <si>
    <t>105264.0</t>
  </si>
  <si>
    <t>1836448.0</t>
  </si>
  <si>
    <t>906387.0</t>
  </si>
  <si>
    <t>824795.0</t>
  </si>
  <si>
    <t>105266.0</t>
  </si>
  <si>
    <t>1836468.0</t>
  </si>
  <si>
    <t>906392.0</t>
  </si>
  <si>
    <t>824806.0</t>
  </si>
  <si>
    <t>105270.0</t>
  </si>
  <si>
    <t>1836473.0</t>
  </si>
  <si>
    <t>906393.0</t>
  </si>
  <si>
    <t>824808.0</t>
  </si>
  <si>
    <t>105272.0</t>
  </si>
  <si>
    <t>1836494.0</t>
  </si>
  <si>
    <t>906400.0</t>
  </si>
  <si>
    <t>824816.0</t>
  </si>
  <si>
    <t>105278.0</t>
  </si>
  <si>
    <t>1836507.0</t>
  </si>
  <si>
    <t>906401.0</t>
  </si>
  <si>
    <t>824822.0</t>
  </si>
  <si>
    <t>105284.0</t>
  </si>
  <si>
    <t>1836512.0</t>
  </si>
  <si>
    <t>906406.0</t>
  </si>
  <si>
    <t>1836533.0</t>
  </si>
  <si>
    <t>906418.0</t>
  </si>
  <si>
    <t>824828.0</t>
  </si>
  <si>
    <t>105287.0</t>
  </si>
  <si>
    <t>1836543.0</t>
  </si>
  <si>
    <t>906419.0</t>
  </si>
  <si>
    <t>824830.0</t>
  </si>
  <si>
    <t>105294.0</t>
  </si>
  <si>
    <t>1836572.0</t>
  </si>
  <si>
    <t>906432.0</t>
  </si>
  <si>
    <t>824836.0</t>
  </si>
  <si>
    <t>105304.0</t>
  </si>
  <si>
    <t>5548.2</t>
  </si>
  <si>
    <t>-14.39</t>
  </si>
  <si>
    <t>3113.26710116912</t>
  </si>
  <si>
    <t>1836594.0</t>
  </si>
  <si>
    <t>906442.0</t>
  </si>
  <si>
    <t>824843.0</t>
  </si>
  <si>
    <t>105309.0</t>
  </si>
  <si>
    <t>1836613.0</t>
  </si>
  <si>
    <t>906450.0</t>
  </si>
  <si>
    <t>824849.0</t>
  </si>
  <si>
    <t>105314.0</t>
  </si>
  <si>
    <t>1836637.0</t>
  </si>
  <si>
    <t>906465.0</t>
  </si>
  <si>
    <t>824854.0</t>
  </si>
  <si>
    <t>105318.0</t>
  </si>
  <si>
    <t>1836647.0</t>
  </si>
  <si>
    <t>906469.0</t>
  </si>
  <si>
    <t>824859.0</t>
  </si>
  <si>
    <t>105319.0</t>
  </si>
  <si>
    <t>1836651.0</t>
  </si>
  <si>
    <t>906472.0</t>
  </si>
  <si>
    <t>824860.0</t>
  </si>
  <si>
    <t>1836678.0</t>
  </si>
  <si>
    <t>906483.0</t>
  </si>
  <si>
    <t>824868.0</t>
  </si>
  <si>
    <t>105327.0</t>
  </si>
  <si>
    <t>1836689.0</t>
  </si>
  <si>
    <t>906487.0</t>
  </si>
  <si>
    <t>824872.0</t>
  </si>
  <si>
    <t>105330.0</t>
  </si>
  <si>
    <t>1836694.0</t>
  </si>
  <si>
    <t>824875.0</t>
  </si>
  <si>
    <t>105332.0</t>
  </si>
  <si>
    <t>1836703.0</t>
  </si>
  <si>
    <t>906489.0</t>
  </si>
  <si>
    <t>824877.0</t>
  </si>
  <si>
    <t>105337.0</t>
  </si>
  <si>
    <t>1836717.0</t>
  </si>
  <si>
    <t>906495.0</t>
  </si>
  <si>
    <t>824883.0</t>
  </si>
  <si>
    <t>105339.0</t>
  </si>
  <si>
    <t>1836726.0</t>
  </si>
  <si>
    <t>906498.0</t>
  </si>
  <si>
    <t>824886.0</t>
  </si>
  <si>
    <t>105342.0</t>
  </si>
  <si>
    <t>1836752.0</t>
  </si>
  <si>
    <t>906507.0</t>
  </si>
  <si>
    <t>824893.0</t>
  </si>
  <si>
    <t>105352.0</t>
  </si>
  <si>
    <t>1836767.0</t>
  </si>
  <si>
    <t>906514.0</t>
  </si>
  <si>
    <t>824896.0</t>
  </si>
  <si>
    <t>105357.0</t>
  </si>
  <si>
    <t>1836782.0</t>
  </si>
  <si>
    <t>906519.0</t>
  </si>
  <si>
    <t>824901.0</t>
  </si>
  <si>
    <t>105362.0</t>
  </si>
  <si>
    <t>1836805.0</t>
  </si>
  <si>
    <t>906528.0</t>
  </si>
  <si>
    <t>824913.0</t>
  </si>
  <si>
    <t>105364.0</t>
  </si>
  <si>
    <t>1836819.0</t>
  </si>
  <si>
    <t>906533.0</t>
  </si>
  <si>
    <t>824920.0</t>
  </si>
  <si>
    <t>105366.0</t>
  </si>
  <si>
    <t>1836828.0</t>
  </si>
  <si>
    <t>906539.0</t>
  </si>
  <si>
    <t>824921.0</t>
  </si>
  <si>
    <t>105368.0</t>
  </si>
  <si>
    <t>1836838.0</t>
  </si>
  <si>
    <t>906542.0</t>
  </si>
  <si>
    <t>824924.0</t>
  </si>
  <si>
    <t>105372.0</t>
  </si>
  <si>
    <t>1836845.0</t>
  </si>
  <si>
    <t>906545.0</t>
  </si>
  <si>
    <t>824927.0</t>
  </si>
  <si>
    <t>105373.0</t>
  </si>
  <si>
    <t>1836846.0</t>
  </si>
  <si>
    <t>906546.0</t>
  </si>
  <si>
    <t>1836852.0</t>
  </si>
  <si>
    <t>906548.0</t>
  </si>
  <si>
    <t>824928.0</t>
  </si>
  <si>
    <t>1836858.0</t>
  </si>
  <si>
    <t>906550.0</t>
  </si>
  <si>
    <t>824929.0</t>
  </si>
  <si>
    <t>1836861.0</t>
  </si>
  <si>
    <t>824931.0</t>
  </si>
  <si>
    <t>105380.0</t>
  </si>
  <si>
    <t>1836875.0</t>
  </si>
  <si>
    <t>906559.0</t>
  </si>
  <si>
    <t>824933.0</t>
  </si>
  <si>
    <t>105383.0</t>
  </si>
  <si>
    <t>1836893.0</t>
  </si>
  <si>
    <t>906569.0</t>
  </si>
  <si>
    <t>824937.0</t>
  </si>
  <si>
    <t>105387.0</t>
  </si>
  <si>
    <t>1836900.0</t>
  </si>
  <si>
    <t>906573.0</t>
  </si>
  <si>
    <t>824939.0</t>
  </si>
  <si>
    <t>105388.0</t>
  </si>
  <si>
    <t>1836911.0</t>
  </si>
  <si>
    <t>906578.0</t>
  </si>
  <si>
    <t>105394.0</t>
  </si>
  <si>
    <t>1836923.0</t>
  </si>
  <si>
    <t>906584.0</t>
  </si>
  <si>
    <t>824942.0</t>
  </si>
  <si>
    <t>105397.0</t>
  </si>
  <si>
    <t>1836937.0</t>
  </si>
  <si>
    <t>906592.0</t>
  </si>
  <si>
    <t>824943.0</t>
  </si>
  <si>
    <t>1836938.0</t>
  </si>
  <si>
    <t>105403.0</t>
  </si>
  <si>
    <t>1836947.0</t>
  </si>
  <si>
    <t>906598.0</t>
  </si>
  <si>
    <t>824944.0</t>
  </si>
  <si>
    <t>105405.0</t>
  </si>
  <si>
    <t>1836956.0</t>
  </si>
  <si>
    <t>906602.0</t>
  </si>
  <si>
    <t>824946.0</t>
  </si>
  <si>
    <t>105408.0</t>
  </si>
  <si>
    <t>1836959.0</t>
  </si>
  <si>
    <t>1836978.0</t>
  </si>
  <si>
    <t>906617.0</t>
  </si>
  <si>
    <t>824947.0</t>
  </si>
  <si>
    <t>1836989.0</t>
  </si>
  <si>
    <t>906621.0</t>
  </si>
  <si>
    <t>824953.0</t>
  </si>
  <si>
    <t>105415.0</t>
  </si>
  <si>
    <t>1837007.0</t>
  </si>
  <si>
    <t>906634.0</t>
  </si>
  <si>
    <t>824957.0</t>
  </si>
  <si>
    <t>105416.0</t>
  </si>
  <si>
    <t>1837022.0</t>
  </si>
  <si>
    <t>906639.0</t>
  </si>
  <si>
    <t>824962.0</t>
  </si>
  <si>
    <t>1837034.0</t>
  </si>
  <si>
    <t>906645.0</t>
  </si>
  <si>
    <t>824965.0</t>
  </si>
  <si>
    <t>105424.0</t>
  </si>
  <si>
    <t>1837075.0</t>
  </si>
  <si>
    <t>906668.0</t>
  </si>
  <si>
    <t>824972.0</t>
  </si>
  <si>
    <t>105435.0</t>
  </si>
  <si>
    <t>1837093.0</t>
  </si>
  <si>
    <t>906680.0</t>
  </si>
  <si>
    <t>824977.0</t>
  </si>
  <si>
    <t>105436.0</t>
  </si>
  <si>
    <t>1837102.0</t>
  </si>
  <si>
    <t>906682.0</t>
  </si>
  <si>
    <t>824981.0</t>
  </si>
  <si>
    <t>105439.0</t>
  </si>
  <si>
    <t>1837122.0</t>
  </si>
  <si>
    <t>906692.0</t>
  </si>
  <si>
    <t>824987.0</t>
  </si>
  <si>
    <t>105443.0</t>
  </si>
  <si>
    <t>KWT</t>
  </si>
  <si>
    <t>Kuwait</t>
  </si>
  <si>
    <t>-113.6</t>
  </si>
  <si>
    <t>-8.61</t>
  </si>
  <si>
    <t>-26.6111580398258</t>
  </si>
  <si>
    <t>-113.0</t>
  </si>
  <si>
    <t>-26.4706061487704</t>
  </si>
  <si>
    <t>-0.468506303518061</t>
  </si>
  <si>
    <t>227000.0</t>
  </si>
  <si>
    <t>231930.0</t>
  </si>
  <si>
    <t>236004.0</t>
  </si>
  <si>
    <t>55.529</t>
  </si>
  <si>
    <t>240716.0</t>
  </si>
  <si>
    <t>56.638</t>
  </si>
  <si>
    <t>244476.0</t>
  </si>
  <si>
    <t>57.522</t>
  </si>
  <si>
    <t>248314.0</t>
  </si>
  <si>
    <t>252696.0</t>
  </si>
  <si>
    <t>59.456</t>
  </si>
  <si>
    <t>256314.0</t>
  </si>
  <si>
    <t>60.308</t>
  </si>
  <si>
    <t>61.427</t>
  </si>
  <si>
    <t>264959.0</t>
  </si>
  <si>
    <t>62.342</t>
  </si>
  <si>
    <t>268154.0</t>
  </si>
  <si>
    <t>63.093</t>
  </si>
  <si>
    <t>273812.0</t>
  </si>
  <si>
    <t>64.425</t>
  </si>
  <si>
    <t>276207.0</t>
  </si>
  <si>
    <t>282341.0</t>
  </si>
  <si>
    <t>66.431</t>
  </si>
  <si>
    <t>286352.0</t>
  </si>
  <si>
    <t>67.375</t>
  </si>
  <si>
    <t>290013.0</t>
  </si>
  <si>
    <t>68.237</t>
  </si>
  <si>
    <t>293362.0</t>
  </si>
  <si>
    <t>69.025</t>
  </si>
  <si>
    <t>748.8</t>
  </si>
  <si>
    <t>125.93</t>
  </si>
  <si>
    <t>175.408760037162</t>
  </si>
  <si>
    <t>297026.0</t>
  </si>
  <si>
    <t>69.887</t>
  </si>
  <si>
    <t>300351.0</t>
  </si>
  <si>
    <t>70.669</t>
  </si>
  <si>
    <t>71.359</t>
  </si>
  <si>
    <t>306006.0</t>
  </si>
  <si>
    <t>71.999</t>
  </si>
  <si>
    <t>308900.0</t>
  </si>
  <si>
    <t>311624.0</t>
  </si>
  <si>
    <t>73.321</t>
  </si>
  <si>
    <t>74.183</t>
  </si>
  <si>
    <t>318284.0</t>
  </si>
  <si>
    <t>74.888</t>
  </si>
  <si>
    <t>321502.0</t>
  </si>
  <si>
    <t>75.646</t>
  </si>
  <si>
    <t>324373.0</t>
  </si>
  <si>
    <t>76.321</t>
  </si>
  <si>
    <t>327144.0</t>
  </si>
  <si>
    <t>76.973</t>
  </si>
  <si>
    <t>330129.0</t>
  </si>
  <si>
    <t>77.675</t>
  </si>
  <si>
    <t>78.183</t>
  </si>
  <si>
    <t>334612.0</t>
  </si>
  <si>
    <t>337387.0</t>
  </si>
  <si>
    <t>79.383</t>
  </si>
  <si>
    <t>340142.0</t>
  </si>
  <si>
    <t>80.031</t>
  </si>
  <si>
    <t>343027.0</t>
  </si>
  <si>
    <t>346325.0</t>
  </si>
  <si>
    <t>81.486</t>
  </si>
  <si>
    <t>349412.0</t>
  </si>
  <si>
    <t>351636.0</t>
  </si>
  <si>
    <t>354378.0</t>
  </si>
  <si>
    <t>83.381</t>
  </si>
  <si>
    <t>357594.0</t>
  </si>
  <si>
    <t>361239.0</t>
  </si>
  <si>
    <t>84.995</t>
  </si>
  <si>
    <t>365224.0</t>
  </si>
  <si>
    <t>85.933</t>
  </si>
  <si>
    <t>368510.0</t>
  </si>
  <si>
    <t>372284.0</t>
  </si>
  <si>
    <t>375524.0</t>
  </si>
  <si>
    <t>88.356</t>
  </si>
  <si>
    <t>379338.0</t>
  </si>
  <si>
    <t>382842.0</t>
  </si>
  <si>
    <t>90.078</t>
  </si>
  <si>
    <t>386887.0</t>
  </si>
  <si>
    <t>1398.6</t>
  </si>
  <si>
    <t>327.62645805018</t>
  </si>
  <si>
    <t>92.006</t>
  </si>
  <si>
    <t>395349.0</t>
  </si>
  <si>
    <t>93.021</t>
  </si>
  <si>
    <t>0.1889</t>
  </si>
  <si>
    <t>399498.0</t>
  </si>
  <si>
    <t>93.997</t>
  </si>
  <si>
    <t>402941.0</t>
  </si>
  <si>
    <t>94.807</t>
  </si>
  <si>
    <t>405984.0</t>
  </si>
  <si>
    <t>95.523</t>
  </si>
  <si>
    <t>409335.0</t>
  </si>
  <si>
    <t>96.312</t>
  </si>
  <si>
    <t>413530.0</t>
  </si>
  <si>
    <t>97.299</t>
  </si>
  <si>
    <t>417874.0</t>
  </si>
  <si>
    <t>422885.0</t>
  </si>
  <si>
    <t>427006.0</t>
  </si>
  <si>
    <t>100.469</t>
  </si>
  <si>
    <t>429501.0</t>
  </si>
  <si>
    <t>101.056</t>
  </si>
  <si>
    <t>433336.0</t>
  </si>
  <si>
    <t>101.959</t>
  </si>
  <si>
    <t>437422.0</t>
  </si>
  <si>
    <t>441143.0</t>
  </si>
  <si>
    <t>103.796</t>
  </si>
  <si>
    <t>445184.0</t>
  </si>
  <si>
    <t>104.746</t>
  </si>
  <si>
    <t>105.768</t>
  </si>
  <si>
    <t>452970.0</t>
  </si>
  <si>
    <t>457340.0</t>
  </si>
  <si>
    <t>107.607</t>
  </si>
  <si>
    <t>459349.0</t>
  </si>
  <si>
    <t>108.079</t>
  </si>
  <si>
    <t>462704.0</t>
  </si>
  <si>
    <t>108.869</t>
  </si>
  <si>
    <t>466861.0</t>
  </si>
  <si>
    <t>109.847</t>
  </si>
  <si>
    <t>471000.0</t>
  </si>
  <si>
    <t>110.821</t>
  </si>
  <si>
    <t>474808.0</t>
  </si>
  <si>
    <t>111.717</t>
  </si>
  <si>
    <t>479411.0</t>
  </si>
  <si>
    <t>483320.0</t>
  </si>
  <si>
    <t>113.719</t>
  </si>
  <si>
    <t>485738.0</t>
  </si>
  <si>
    <t>114.288</t>
  </si>
  <si>
    <t>489566.0</t>
  </si>
  <si>
    <t>115.189</t>
  </si>
  <si>
    <t>494298.0</t>
  </si>
  <si>
    <t>116.302</t>
  </si>
  <si>
    <t>498357.0</t>
  </si>
  <si>
    <t>117.257</t>
  </si>
  <si>
    <t>502168.0</t>
  </si>
  <si>
    <t>118.154</t>
  </si>
  <si>
    <t>118.841</t>
  </si>
  <si>
    <t>436.179368575314</t>
  </si>
  <si>
    <t>507520.0</t>
  </si>
  <si>
    <t>119.413</t>
  </si>
  <si>
    <t>509561.0</t>
  </si>
  <si>
    <t>511599.0</t>
  </si>
  <si>
    <t>120.373</t>
  </si>
  <si>
    <t>514051.0</t>
  </si>
  <si>
    <t>518601.0</t>
  </si>
  <si>
    <t>522200.0</t>
  </si>
  <si>
    <t>122.867</t>
  </si>
  <si>
    <t>526286.0</t>
  </si>
  <si>
    <t>123.829</t>
  </si>
  <si>
    <t>529130.0</t>
  </si>
  <si>
    <t>124.498</t>
  </si>
  <si>
    <t>532353.0</t>
  </si>
  <si>
    <t>535803.0</t>
  </si>
  <si>
    <t>126.068</t>
  </si>
  <si>
    <t>539461.0</t>
  </si>
  <si>
    <t>126.929</t>
  </si>
  <si>
    <t>543858.0</t>
  </si>
  <si>
    <t>127.963</t>
  </si>
  <si>
    <t>548005.0</t>
  </si>
  <si>
    <t>128.939</t>
  </si>
  <si>
    <t>552581.0</t>
  </si>
  <si>
    <t>130.016</t>
  </si>
  <si>
    <t>555937.0</t>
  </si>
  <si>
    <t>558800.0</t>
  </si>
  <si>
    <t>131.479</t>
  </si>
  <si>
    <t>563134.0</t>
  </si>
  <si>
    <t>132.499</t>
  </si>
  <si>
    <t>568440.0</t>
  </si>
  <si>
    <t>133.747</t>
  </si>
  <si>
    <t>573251.0</t>
  </si>
  <si>
    <t>134.879</t>
  </si>
  <si>
    <t>577588.0</t>
  </si>
  <si>
    <t>135.899</t>
  </si>
  <si>
    <t>585124.0</t>
  </si>
  <si>
    <t>137.673</t>
  </si>
  <si>
    <t>587567.0</t>
  </si>
  <si>
    <t>138.247</t>
  </si>
  <si>
    <t>590623.0</t>
  </si>
  <si>
    <t>138.966</t>
  </si>
  <si>
    <t>595049.0</t>
  </si>
  <si>
    <t>140.008</t>
  </si>
  <si>
    <t>599413.0</t>
  </si>
  <si>
    <t>603604.0</t>
  </si>
  <si>
    <t>142.021</t>
  </si>
  <si>
    <t>607921.0</t>
  </si>
  <si>
    <t>143.036</t>
  </si>
  <si>
    <t>611639.0</t>
  </si>
  <si>
    <t>143.911</t>
  </si>
  <si>
    <t>614129.0</t>
  </si>
  <si>
    <t>144.497</t>
  </si>
  <si>
    <t>617619.0</t>
  </si>
  <si>
    <t>145.318</t>
  </si>
  <si>
    <t>517.324660344643</t>
  </si>
  <si>
    <t>621616.0</t>
  </si>
  <si>
    <t>146.259</t>
  </si>
  <si>
    <t>626041.0</t>
  </si>
  <si>
    <t>631482.0</t>
  </si>
  <si>
    <t>636220.0</t>
  </si>
  <si>
    <t>149.695</t>
  </si>
  <si>
    <t>640634.0</t>
  </si>
  <si>
    <t>150.733</t>
  </si>
  <si>
    <t>643727.0</t>
  </si>
  <si>
    <t>151.461</t>
  </si>
  <si>
    <t>648051.0</t>
  </si>
  <si>
    <t>152.478</t>
  </si>
  <si>
    <t>653099.0</t>
  </si>
  <si>
    <t>153.666</t>
  </si>
  <si>
    <t>657751.0</t>
  </si>
  <si>
    <t>154.761</t>
  </si>
  <si>
    <t>663135.0</t>
  </si>
  <si>
    <t>156.028</t>
  </si>
  <si>
    <t>668005.0</t>
  </si>
  <si>
    <t>157.173</t>
  </si>
  <si>
    <t>673003.0</t>
  </si>
  <si>
    <t>158.349</t>
  </si>
  <si>
    <t>675742.0</t>
  </si>
  <si>
    <t>158.994</t>
  </si>
  <si>
    <t>679670.0</t>
  </si>
  <si>
    <t>159.918</t>
  </si>
  <si>
    <t>684204.0</t>
  </si>
  <si>
    <t>160.985</t>
  </si>
  <si>
    <t>689588.0</t>
  </si>
  <si>
    <t>162.252</t>
  </si>
  <si>
    <t>695556.0</t>
  </si>
  <si>
    <t>163.656</t>
  </si>
  <si>
    <t>701484.0</t>
  </si>
  <si>
    <t>165.051</t>
  </si>
  <si>
    <t>705029.0</t>
  </si>
  <si>
    <t>165.885</t>
  </si>
  <si>
    <t>707292.0</t>
  </si>
  <si>
    <t>166.417</t>
  </si>
  <si>
    <t>711236.0</t>
  </si>
  <si>
    <t>715887.0</t>
  </si>
  <si>
    <t>168.439</t>
  </si>
  <si>
    <t>720509.0</t>
  </si>
  <si>
    <t>169.527</t>
  </si>
  <si>
    <t>725025.0</t>
  </si>
  <si>
    <t>729755.0</t>
  </si>
  <si>
    <t>171.702</t>
  </si>
  <si>
    <t>733893.0</t>
  </si>
  <si>
    <t>172.676</t>
  </si>
  <si>
    <t>735918.0</t>
  </si>
  <si>
    <t>173.153</t>
  </si>
  <si>
    <t>738783.0</t>
  </si>
  <si>
    <t>173.827</t>
  </si>
  <si>
    <t>174.771</t>
  </si>
  <si>
    <t>747233.0</t>
  </si>
  <si>
    <t>175.815</t>
  </si>
  <si>
    <t>590.317942432756</t>
  </si>
  <si>
    <t>751163.0</t>
  </si>
  <si>
    <t>176.739</t>
  </si>
  <si>
    <t>753775.0</t>
  </si>
  <si>
    <t>177.354</t>
  </si>
  <si>
    <t>755765.0</t>
  </si>
  <si>
    <t>177.822</t>
  </si>
  <si>
    <t>757815.0</t>
  </si>
  <si>
    <t>178.305</t>
  </si>
  <si>
    <t>761025.0</t>
  </si>
  <si>
    <t>179.06</t>
  </si>
  <si>
    <t>764608.0</t>
  </si>
  <si>
    <t>179.903</t>
  </si>
  <si>
    <t>768691.0</t>
  </si>
  <si>
    <t>180.864</t>
  </si>
  <si>
    <t>772811.0</t>
  </si>
  <si>
    <t>181.833</t>
  </si>
  <si>
    <t>776733.0</t>
  </si>
  <si>
    <t>182.756</t>
  </si>
  <si>
    <t>779538.0</t>
  </si>
  <si>
    <t>183.416</t>
  </si>
  <si>
    <t>782255.0</t>
  </si>
  <si>
    <t>184.055</t>
  </si>
  <si>
    <t>788705.0</t>
  </si>
  <si>
    <t>185.573</t>
  </si>
  <si>
    <t>796760.0</t>
  </si>
  <si>
    <t>187.468</t>
  </si>
  <si>
    <t>800937.0</t>
  </si>
  <si>
    <t>188.451</t>
  </si>
  <si>
    <t>190.463</t>
  </si>
  <si>
    <t>817505.0</t>
  </si>
  <si>
    <t>192.349</t>
  </si>
  <si>
    <t>823206.0</t>
  </si>
  <si>
    <t>193.69</t>
  </si>
  <si>
    <t>828165.0</t>
  </si>
  <si>
    <t>194.857</t>
  </si>
  <si>
    <t>834167.0</t>
  </si>
  <si>
    <t>196.269</t>
  </si>
  <si>
    <t>842102.0</t>
  </si>
  <si>
    <t>198.136</t>
  </si>
  <si>
    <t>849662.0</t>
  </si>
  <si>
    <t>199.915</t>
  </si>
  <si>
    <t>857707.0</t>
  </si>
  <si>
    <t>201.808</t>
  </si>
  <si>
    <t>865560.0</t>
  </si>
  <si>
    <t>203.656</t>
  </si>
  <si>
    <t>870754.0</t>
  </si>
  <si>
    <t>204.878</t>
  </si>
  <si>
    <t>876250.0</t>
  </si>
  <si>
    <t>206.171</t>
  </si>
  <si>
    <t>881681.0</t>
  </si>
  <si>
    <t>207.449</t>
  </si>
  <si>
    <t>889555.0</t>
  </si>
  <si>
    <t>209.301</t>
  </si>
  <si>
    <t>896986.0</t>
  </si>
  <si>
    <t>212.967</t>
  </si>
  <si>
    <t>911354.0</t>
  </si>
  <si>
    <t>916525.0</t>
  </si>
  <si>
    <t>2848.6</t>
  </si>
  <si>
    <t>667.293528100774</t>
  </si>
  <si>
    <t>921278.0</t>
  </si>
  <si>
    <t>216.765</t>
  </si>
  <si>
    <t>926889.0</t>
  </si>
  <si>
    <t>218.086</t>
  </si>
  <si>
    <t>933626.0</t>
  </si>
  <si>
    <t>219.671</t>
  </si>
  <si>
    <t>940518.0</t>
  </si>
  <si>
    <t>221.292</t>
  </si>
  <si>
    <t>947921.0</t>
  </si>
  <si>
    <t>223.034</t>
  </si>
  <si>
    <t>955447.0</t>
  </si>
  <si>
    <t>224.805</t>
  </si>
  <si>
    <t>960725.0</t>
  </si>
  <si>
    <t>965830.0</t>
  </si>
  <si>
    <t>227.248</t>
  </si>
  <si>
    <t>971489.0</t>
  </si>
  <si>
    <t>979336.0</t>
  </si>
  <si>
    <t>230.426</t>
  </si>
  <si>
    <t>986144.0</t>
  </si>
  <si>
    <t>232.028</t>
  </si>
  <si>
    <t>993416.0</t>
  </si>
  <si>
    <t>233.739</t>
  </si>
  <si>
    <t>1001250.0</t>
  </si>
  <si>
    <t>235.582</t>
  </si>
  <si>
    <t>236.867</t>
  </si>
  <si>
    <t>1011566.0</t>
  </si>
  <si>
    <t>238.009</t>
  </si>
  <si>
    <t>1016638.0</t>
  </si>
  <si>
    <t>239.203</t>
  </si>
  <si>
    <t>1023159.0</t>
  </si>
  <si>
    <t>240.737</t>
  </si>
  <si>
    <t>1029227.0</t>
  </si>
  <si>
    <t>242.165</t>
  </si>
  <si>
    <t>1035985.0</t>
  </si>
  <si>
    <t>243.755</t>
  </si>
  <si>
    <t>1042235.0</t>
  </si>
  <si>
    <t>1047902.0</t>
  </si>
  <si>
    <t>246.559</t>
  </si>
  <si>
    <t>1052001.0</t>
  </si>
  <si>
    <t>247.523</t>
  </si>
  <si>
    <t>1056493.0</t>
  </si>
  <si>
    <t>1062076.0</t>
  </si>
  <si>
    <t>249.894</t>
  </si>
  <si>
    <t>1068193.0</t>
  </si>
  <si>
    <t>251.333</t>
  </si>
  <si>
    <t>1075651.0</t>
  </si>
  <si>
    <t>253.088</t>
  </si>
  <si>
    <t>1082427.0</t>
  </si>
  <si>
    <t>254.682</t>
  </si>
  <si>
    <t>1086669.0</t>
  </si>
  <si>
    <t>255.68</t>
  </si>
  <si>
    <t>1091496.0</t>
  </si>
  <si>
    <t>256.816</t>
  </si>
  <si>
    <t>1095574.0</t>
  </si>
  <si>
    <t>257.775</t>
  </si>
  <si>
    <t>3109.2</t>
  </si>
  <si>
    <t>728.339899449177</t>
  </si>
  <si>
    <t>1101146.0</t>
  </si>
  <si>
    <t>259.086</t>
  </si>
  <si>
    <t>1107581.0</t>
  </si>
  <si>
    <t>260.6</t>
  </si>
  <si>
    <t>1118620.0</t>
  </si>
  <si>
    <t>1130744.0</t>
  </si>
  <si>
    <t>266.05</t>
  </si>
  <si>
    <t>1137692.0</t>
  </si>
  <si>
    <t>1141794.0</t>
  </si>
  <si>
    <t>268.65</t>
  </si>
  <si>
    <t>1146420.0</t>
  </si>
  <si>
    <t>269.739</t>
  </si>
  <si>
    <t>1152203.0</t>
  </si>
  <si>
    <t>271.099</t>
  </si>
  <si>
    <t>1158859.0</t>
  </si>
  <si>
    <t>272.665</t>
  </si>
  <si>
    <t>1165434.0</t>
  </si>
  <si>
    <t>274.212</t>
  </si>
  <si>
    <t>1172159.0</t>
  </si>
  <si>
    <t>275.795</t>
  </si>
  <si>
    <t>1176983.0</t>
  </si>
  <si>
    <t>276.93</t>
  </si>
  <si>
    <t>1180662.0</t>
  </si>
  <si>
    <t>277.795</t>
  </si>
  <si>
    <t>1185625.0</t>
  </si>
  <si>
    <t>278.963</t>
  </si>
  <si>
    <t>1190287.0</t>
  </si>
  <si>
    <t>280.06</t>
  </si>
  <si>
    <t>1196920.0</t>
  </si>
  <si>
    <t>281.621</t>
  </si>
  <si>
    <t>1202724.0</t>
  </si>
  <si>
    <t>282.986</t>
  </si>
  <si>
    <t>1209391.0</t>
  </si>
  <si>
    <t>284.555</t>
  </si>
  <si>
    <t>1214147.0</t>
  </si>
  <si>
    <t>285.674</t>
  </si>
  <si>
    <t>1218389.0</t>
  </si>
  <si>
    <t>286.672</t>
  </si>
  <si>
    <t>1223177.0</t>
  </si>
  <si>
    <t>287.799</t>
  </si>
  <si>
    <t>1228818.0</t>
  </si>
  <si>
    <t>289.126</t>
  </si>
  <si>
    <t>1232277.0</t>
  </si>
  <si>
    <t>289.94</t>
  </si>
  <si>
    <t>1235842.0</t>
  </si>
  <si>
    <t>290.779</t>
  </si>
  <si>
    <t>1239132.0</t>
  </si>
  <si>
    <t>291.553</t>
  </si>
  <si>
    <t>292.054</t>
  </si>
  <si>
    <t>1243422.0</t>
  </si>
  <si>
    <t>292.562</t>
  </si>
  <si>
    <t>1245528.0</t>
  </si>
  <si>
    <t>1249114.0</t>
  </si>
  <si>
    <t>293.901</t>
  </si>
  <si>
    <t>1251543.0</t>
  </si>
  <si>
    <t>294.473</t>
  </si>
  <si>
    <t>1254832.0</t>
  </si>
  <si>
    <t>295.247</t>
  </si>
  <si>
    <t>3210.8</t>
  </si>
  <si>
    <t>752.140019667895</t>
  </si>
  <si>
    <t>1258993.0</t>
  </si>
  <si>
    <t>296.226</t>
  </si>
  <si>
    <t>1262238.0</t>
  </si>
  <si>
    <t>296.989</t>
  </si>
  <si>
    <t>1266950.0</t>
  </si>
  <si>
    <t>298.098</t>
  </si>
  <si>
    <t>1272017.0</t>
  </si>
  <si>
    <t>299.29</t>
  </si>
  <si>
    <t>1277197.0</t>
  </si>
  <si>
    <t>300.509</t>
  </si>
  <si>
    <t>1287755.0</t>
  </si>
  <si>
    <t>302.993</t>
  </si>
  <si>
    <t>305.882</t>
  </si>
  <si>
    <t>1311631.0</t>
  </si>
  <si>
    <t>1319646.0</t>
  </si>
  <si>
    <t>310.497</t>
  </si>
  <si>
    <t>1327427.0</t>
  </si>
  <si>
    <t>312.327</t>
  </si>
  <si>
    <t>1337514.0</t>
  </si>
  <si>
    <t>314.701</t>
  </si>
  <si>
    <t>1347854.0</t>
  </si>
  <si>
    <t>1359421.0</t>
  </si>
  <si>
    <t>319.855</t>
  </si>
  <si>
    <t>322.293</t>
  </si>
  <si>
    <t>1380643.0</t>
  </si>
  <si>
    <t>324.848</t>
  </si>
  <si>
    <t>1389294.0</t>
  </si>
  <si>
    <t>326.884</t>
  </si>
  <si>
    <t>1397545.0</t>
  </si>
  <si>
    <t>328.825</t>
  </si>
  <si>
    <t>1406352.0</t>
  </si>
  <si>
    <t>330.897</t>
  </si>
  <si>
    <t>1415197.0</t>
  </si>
  <si>
    <t>332.979</t>
  </si>
  <si>
    <t>1425480.0</t>
  </si>
  <si>
    <t>335.398</t>
  </si>
  <si>
    <t>1436192.0</t>
  </si>
  <si>
    <t>337.918</t>
  </si>
  <si>
    <t>1446503.0</t>
  </si>
  <si>
    <t>340.345</t>
  </si>
  <si>
    <t>1455481.0</t>
  </si>
  <si>
    <t>342.457</t>
  </si>
  <si>
    <t>1463176.0</t>
  </si>
  <si>
    <t>344.267</t>
  </si>
  <si>
    <t>1471104.0</t>
  </si>
  <si>
    <t>346.133</t>
  </si>
  <si>
    <t>1479530.0</t>
  </si>
  <si>
    <t>348.115</t>
  </si>
  <si>
    <t>1490949.0</t>
  </si>
  <si>
    <t>350.802</t>
  </si>
  <si>
    <t>1500913.0</t>
  </si>
  <si>
    <t>353.147</t>
  </si>
  <si>
    <t>1512251.0</t>
  </si>
  <si>
    <t>355.814</t>
  </si>
  <si>
    <t>1520587.0</t>
  </si>
  <si>
    <t>357.776</t>
  </si>
  <si>
    <t>1529581.0</t>
  </si>
  <si>
    <t>359.892</t>
  </si>
  <si>
    <t>3235.4</t>
  </si>
  <si>
    <t>757.902647201167</t>
  </si>
  <si>
    <t>1538262.0</t>
  </si>
  <si>
    <t>361.934</t>
  </si>
  <si>
    <t>1547402.0</t>
  </si>
  <si>
    <t>364.085</t>
  </si>
  <si>
    <t>1557023.0</t>
  </si>
  <si>
    <t>366.349</t>
  </si>
  <si>
    <t>1567884.0</t>
  </si>
  <si>
    <t>368.904</t>
  </si>
  <si>
    <t>1579381.0</t>
  </si>
  <si>
    <t>371.609</t>
  </si>
  <si>
    <t>1590032.0</t>
  </si>
  <si>
    <t>374.115</t>
  </si>
  <si>
    <t>1599441.0</t>
  </si>
  <si>
    <t>376.329</t>
  </si>
  <si>
    <t>1608305.0</t>
  </si>
  <si>
    <t>378.415</t>
  </si>
  <si>
    <t>1618576.0</t>
  </si>
  <si>
    <t>380.831</t>
  </si>
  <si>
    <t>1629388.0</t>
  </si>
  <si>
    <t>383.375</t>
  </si>
  <si>
    <t>1640047.0</t>
  </si>
  <si>
    <t>385.883</t>
  </si>
  <si>
    <t>1651287.0</t>
  </si>
  <si>
    <t>388.528</t>
  </si>
  <si>
    <t>1660406.0</t>
  </si>
  <si>
    <t>390.673</t>
  </si>
  <si>
    <t>1667920.0</t>
  </si>
  <si>
    <t>392.441</t>
  </si>
  <si>
    <t>1676855.0</t>
  </si>
  <si>
    <t>394.544</t>
  </si>
  <si>
    <t>175000.0</t>
  </si>
  <si>
    <t>137000.0</t>
  </si>
  <si>
    <t>1687183.0</t>
  </si>
  <si>
    <t>396.974</t>
  </si>
  <si>
    <t>1697459.0</t>
  </si>
  <si>
    <t>399.391</t>
  </si>
  <si>
    <t>1708081.0</t>
  </si>
  <si>
    <t>401.891</t>
  </si>
  <si>
    <t>1718097.0</t>
  </si>
  <si>
    <t>404.247</t>
  </si>
  <si>
    <t>1725698.0</t>
  </si>
  <si>
    <t>406.036</t>
  </si>
  <si>
    <t>1731704.0</t>
  </si>
  <si>
    <t>407.449</t>
  </si>
  <si>
    <t>1738555.0</t>
  </si>
  <si>
    <t>409.061</t>
  </si>
  <si>
    <t>1746776.0</t>
  </si>
  <si>
    <t>410.995</t>
  </si>
  <si>
    <t>1755500.0</t>
  </si>
  <si>
    <t>413.048</t>
  </si>
  <si>
    <t>1764536.0</t>
  </si>
  <si>
    <t>415.174</t>
  </si>
  <si>
    <t>1772372.0</t>
  </si>
  <si>
    <t>417.018</t>
  </si>
  <si>
    <t>1778076.0</t>
  </si>
  <si>
    <t>418.36</t>
  </si>
  <si>
    <t>1784499.0</t>
  </si>
  <si>
    <t>419.871</t>
  </si>
  <si>
    <t>789.198868276173</t>
  </si>
  <si>
    <t>1792041.0</t>
  </si>
  <si>
    <t>421.645</t>
  </si>
  <si>
    <t>1800627.0</t>
  </si>
  <si>
    <t>423.666</t>
  </si>
  <si>
    <t>1811181.0</t>
  </si>
  <si>
    <t>426.149</t>
  </si>
  <si>
    <t>1822389.0</t>
  </si>
  <si>
    <t>428.786</t>
  </si>
  <si>
    <t>1833316.0</t>
  </si>
  <si>
    <t>431.357</t>
  </si>
  <si>
    <t>1841282.0</t>
  </si>
  <si>
    <t>433.231</t>
  </si>
  <si>
    <t>1850363.0</t>
  </si>
  <si>
    <t>435.368</t>
  </si>
  <si>
    <t>1859578.0</t>
  </si>
  <si>
    <t>437.536</t>
  </si>
  <si>
    <t>360000.0</t>
  </si>
  <si>
    <t>1867338.0</t>
  </si>
  <si>
    <t>439.362</t>
  </si>
  <si>
    <t>1877135.0</t>
  </si>
  <si>
    <t>441.667</t>
  </si>
  <si>
    <t>1885915.0</t>
  </si>
  <si>
    <t>443.733</t>
  </si>
  <si>
    <t>1893722.0</t>
  </si>
  <si>
    <t>445.57</t>
  </si>
  <si>
    <t>1901041.0</t>
  </si>
  <si>
    <t>447.292</t>
  </si>
  <si>
    <t>1907214.0</t>
  </si>
  <si>
    <t>448.744</t>
  </si>
  <si>
    <t>1914579.0</t>
  </si>
  <si>
    <t>450.477</t>
  </si>
  <si>
    <t>1923896.0</t>
  </si>
  <si>
    <t>452.669</t>
  </si>
  <si>
    <t>1933173.0</t>
  </si>
  <si>
    <t>454.852</t>
  </si>
  <si>
    <t>1941949.0</t>
  </si>
  <si>
    <t>456.917</t>
  </si>
  <si>
    <t>1951691.0</t>
  </si>
  <si>
    <t>9742.0</t>
  </si>
  <si>
    <t>459.209</t>
  </si>
  <si>
    <t>1960138.0</t>
  </si>
  <si>
    <t>461.197</t>
  </si>
  <si>
    <t>1967210.0</t>
  </si>
  <si>
    <t>462.861</t>
  </si>
  <si>
    <t>1976289.0</t>
  </si>
  <si>
    <t>464.997</t>
  </si>
  <si>
    <t>538000.0</t>
  </si>
  <si>
    <t>1985656.0</t>
  </si>
  <si>
    <t>467.201</t>
  </si>
  <si>
    <t>12602.0</t>
  </si>
  <si>
    <t>1994656.0</t>
  </si>
  <si>
    <t>469.318</t>
  </si>
  <si>
    <t>2005458.0</t>
  </si>
  <si>
    <t>471.86</t>
  </si>
  <si>
    <t>2015114.0</t>
  </si>
  <si>
    <t>474.132</t>
  </si>
  <si>
    <t>2022843.0</t>
  </si>
  <si>
    <t>475.95</t>
  </si>
  <si>
    <t>2029695.0</t>
  </si>
  <si>
    <t>477.562</t>
  </si>
  <si>
    <t>2037799.0</t>
  </si>
  <si>
    <t>479.469</t>
  </si>
  <si>
    <t>604861.0</t>
  </si>
  <si>
    <t>2047293.0</t>
  </si>
  <si>
    <t>481.703</t>
  </si>
  <si>
    <t>2056468.0</t>
  </si>
  <si>
    <t>9175.0</t>
  </si>
  <si>
    <t>483.862</t>
  </si>
  <si>
    <t>879.152078551641</t>
  </si>
  <si>
    <t>2066048.0</t>
  </si>
  <si>
    <t>486.116</t>
  </si>
  <si>
    <t>2075498.0</t>
  </si>
  <si>
    <t>488.339</t>
  </si>
  <si>
    <t>2084208.0</t>
  </si>
  <si>
    <t>490.389</t>
  </si>
  <si>
    <t>2092577.0</t>
  </si>
  <si>
    <t>492.358</t>
  </si>
  <si>
    <t>2100948.0</t>
  </si>
  <si>
    <t>494.327</t>
  </si>
  <si>
    <t>2111043.0</t>
  </si>
  <si>
    <t>496.703</t>
  </si>
  <si>
    <t>2121475.0</t>
  </si>
  <si>
    <t>499.157</t>
  </si>
  <si>
    <t>2131155.0</t>
  </si>
  <si>
    <t>501.435</t>
  </si>
  <si>
    <t>2142326.0</t>
  </si>
  <si>
    <t>504.063</t>
  </si>
  <si>
    <t>2151495.0</t>
  </si>
  <si>
    <t>506.221</t>
  </si>
  <si>
    <t>2159422.0</t>
  </si>
  <si>
    <t>2169047.0</t>
  </si>
  <si>
    <t>510.35</t>
  </si>
  <si>
    <t>2178279.0</t>
  </si>
  <si>
    <t>512.522</t>
  </si>
  <si>
    <t>2187159.0</t>
  </si>
  <si>
    <t>514.612</t>
  </si>
  <si>
    <t>2195787.0</t>
  </si>
  <si>
    <t>516.642</t>
  </si>
  <si>
    <t>2205047.0</t>
  </si>
  <si>
    <t>518.821</t>
  </si>
  <si>
    <t>2213624.0</t>
  </si>
  <si>
    <t>520.839</t>
  </si>
  <si>
    <t>2219893.0</t>
  </si>
  <si>
    <t>522.314</t>
  </si>
  <si>
    <t>860000.0</t>
  </si>
  <si>
    <t>822000.0</t>
  </si>
  <si>
    <t>2228166.0</t>
  </si>
  <si>
    <t>524.26</t>
  </si>
  <si>
    <t>2236571.0</t>
  </si>
  <si>
    <t>526.238</t>
  </si>
  <si>
    <t>2246134.0</t>
  </si>
  <si>
    <t>528.488</t>
  </si>
  <si>
    <t>2256129.0</t>
  </si>
  <si>
    <t>530.84</t>
  </si>
  <si>
    <t>2265300.0</t>
  </si>
  <si>
    <t>532.997</t>
  </si>
  <si>
    <t>2272818.0</t>
  </si>
  <si>
    <t>534.766</t>
  </si>
  <si>
    <t>2280865.0</t>
  </si>
  <si>
    <t>536.66</t>
  </si>
  <si>
    <t>1000000.0</t>
  </si>
  <si>
    <t>2288646.0</t>
  </si>
  <si>
    <t>538.49</t>
  </si>
  <si>
    <t>22968.0</t>
  </si>
  <si>
    <t>2297745.0</t>
  </si>
  <si>
    <t>540.631</t>
  </si>
  <si>
    <t>25937.0</t>
  </si>
  <si>
    <t>2307415.0</t>
  </si>
  <si>
    <t>542.907</t>
  </si>
  <si>
    <t>2316838.0</t>
  </si>
  <si>
    <t>545.124</t>
  </si>
  <si>
    <t>31873.0</t>
  </si>
  <si>
    <t>2326703.0</t>
  </si>
  <si>
    <t>547.445</t>
  </si>
  <si>
    <t>993.79557102251</t>
  </si>
  <si>
    <t>2334897.0</t>
  </si>
  <si>
    <t>549.373</t>
  </si>
  <si>
    <t>2343069.0</t>
  </si>
  <si>
    <t>551.296</t>
  </si>
  <si>
    <t>2351938.0</t>
  </si>
  <si>
    <t>553.382</t>
  </si>
  <si>
    <t>2360837.0</t>
  </si>
  <si>
    <t>555.476</t>
  </si>
  <si>
    <t>1367000.0</t>
  </si>
  <si>
    <t>2370265.0</t>
  </si>
  <si>
    <t>557.694</t>
  </si>
  <si>
    <t>40167.0</t>
  </si>
  <si>
    <t>2379181.0</t>
  </si>
  <si>
    <t>559.792</t>
  </si>
  <si>
    <t>1440000.0</t>
  </si>
  <si>
    <t>2388785.0</t>
  </si>
  <si>
    <t>562.052</t>
  </si>
  <si>
    <t>39159.0</t>
  </si>
  <si>
    <t>2396532.0</t>
  </si>
  <si>
    <t>563.875</t>
  </si>
  <si>
    <t>2403736.0</t>
  </si>
  <si>
    <t>565.57</t>
  </si>
  <si>
    <t>38365.0</t>
  </si>
  <si>
    <t>2411948.0</t>
  </si>
  <si>
    <t>567.502</t>
  </si>
  <si>
    <t>37968.0</t>
  </si>
  <si>
    <t>2421222.0</t>
  </si>
  <si>
    <t>569.684</t>
  </si>
  <si>
    <t>2429889.0</t>
  </si>
  <si>
    <t>571.723</t>
  </si>
  <si>
    <t>37786.0</t>
  </si>
  <si>
    <t>2438929.0</t>
  </si>
  <si>
    <t>573.85</t>
  </si>
  <si>
    <t>2446116.0</t>
  </si>
  <si>
    <t>575.541</t>
  </si>
  <si>
    <t>2453107.0</t>
  </si>
  <si>
    <t>577.186</t>
  </si>
  <si>
    <t>2460103.0</t>
  </si>
  <si>
    <t>578.832</t>
  </si>
  <si>
    <t>1820000.0</t>
  </si>
  <si>
    <t>2467673.0</t>
  </si>
  <si>
    <t>580.613</t>
  </si>
  <si>
    <t>2477308.0</t>
  </si>
  <si>
    <t>582.88</t>
  </si>
  <si>
    <t>2487024.0</t>
  </si>
  <si>
    <t>585.166</t>
  </si>
  <si>
    <t>2497684.0</t>
  </si>
  <si>
    <t>587.675</t>
  </si>
  <si>
    <t>2508998.0</t>
  </si>
  <si>
    <t>590.337</t>
  </si>
  <si>
    <t>2517247.0</t>
  </si>
  <si>
    <t>592.278</t>
  </si>
  <si>
    <t>2525643.0</t>
  </si>
  <si>
    <t>594.253</t>
  </si>
  <si>
    <t>11572.0</t>
  </si>
  <si>
    <t>2535029.0</t>
  </si>
  <si>
    <t>596.461</t>
  </si>
  <si>
    <t>2545841.0</t>
  </si>
  <si>
    <t>599.005</t>
  </si>
  <si>
    <t>2556150.0</t>
  </si>
  <si>
    <t>601.431</t>
  </si>
  <si>
    <t>2566924.0</t>
  </si>
  <si>
    <t>603.966</t>
  </si>
  <si>
    <t>2577851.0</t>
  </si>
  <si>
    <t>606.537</t>
  </si>
  <si>
    <t>2587580.0</t>
  </si>
  <si>
    <t>608.826</t>
  </si>
  <si>
    <t>2596807.0</t>
  </si>
  <si>
    <t>610.997</t>
  </si>
  <si>
    <t>2607769.0</t>
  </si>
  <si>
    <t>613.576</t>
  </si>
  <si>
    <t>4619.6</t>
  </si>
  <si>
    <t>1082.15585986602</t>
  </si>
  <si>
    <t>2618701.0</t>
  </si>
  <si>
    <t>616.148</t>
  </si>
  <si>
    <t>2629545.0</t>
  </si>
  <si>
    <t>618.7</t>
  </si>
  <si>
    <t>2640588.0</t>
  </si>
  <si>
    <t>621.298</t>
  </si>
  <si>
    <t>2651652.0</t>
  </si>
  <si>
    <t>623.901</t>
  </si>
  <si>
    <t>2661002.0</t>
  </si>
  <si>
    <t>626.101</t>
  </si>
  <si>
    <t>2671013.0</t>
  </si>
  <si>
    <t>628.457</t>
  </si>
  <si>
    <t>2682924.0</t>
  </si>
  <si>
    <t>631.259</t>
  </si>
  <si>
    <t>2694534.0</t>
  </si>
  <si>
    <t>633.991</t>
  </si>
  <si>
    <t>2704930.0</t>
  </si>
  <si>
    <t>636.437</t>
  </si>
  <si>
    <t>2717599.0</t>
  </si>
  <si>
    <t>639.418</t>
  </si>
  <si>
    <t>2731356.0</t>
  </si>
  <si>
    <t>642.655</t>
  </si>
  <si>
    <t>2741423.0</t>
  </si>
  <si>
    <t>645.023</t>
  </si>
  <si>
    <t>2752544.0</t>
  </si>
  <si>
    <t>647.64</t>
  </si>
  <si>
    <t>2763860.0</t>
  </si>
  <si>
    <t>650.303</t>
  </si>
  <si>
    <t>2775505.0</t>
  </si>
  <si>
    <t>653.042</t>
  </si>
  <si>
    <t>2788413.0</t>
  </si>
  <si>
    <t>656.08</t>
  </si>
  <si>
    <t>2800861.0</t>
  </si>
  <si>
    <t>659.008</t>
  </si>
  <si>
    <t>2815117.0</t>
  </si>
  <si>
    <t>662.363</t>
  </si>
  <si>
    <t>2825482.0</t>
  </si>
  <si>
    <t>664.801</t>
  </si>
  <si>
    <t>12008.0</t>
  </si>
  <si>
    <t>2837466.0</t>
  </si>
  <si>
    <t>667.621</t>
  </si>
  <si>
    <t>2851002.0</t>
  </si>
  <si>
    <t>670.806</t>
  </si>
  <si>
    <t>2864871.0</t>
  </si>
  <si>
    <t>674.069</t>
  </si>
  <si>
    <t>2879549.0</t>
  </si>
  <si>
    <t>677.523</t>
  </si>
  <si>
    <t>680.763</t>
  </si>
  <si>
    <t>2907511.0</t>
  </si>
  <si>
    <t>684.102</t>
  </si>
  <si>
    <t>2921345.0</t>
  </si>
  <si>
    <t>687.357</t>
  </si>
  <si>
    <t>2933563.0</t>
  </si>
  <si>
    <t>690.232</t>
  </si>
  <si>
    <t>2947335.0</t>
  </si>
  <si>
    <t>693.472</t>
  </si>
  <si>
    <t>2961649.0</t>
  </si>
  <si>
    <t>14314.0</t>
  </si>
  <si>
    <t>696.84</t>
  </si>
  <si>
    <t>2976536.0</t>
  </si>
  <si>
    <t>5048.8</t>
  </si>
  <si>
    <t>1182.69731260099</t>
  </si>
  <si>
    <t>2992536.0</t>
  </si>
  <si>
    <t>704.107</t>
  </si>
  <si>
    <t>3009166.0</t>
  </si>
  <si>
    <t>708.02</t>
  </si>
  <si>
    <t>3021382.0</t>
  </si>
  <si>
    <t>710.894</t>
  </si>
  <si>
    <t>2375455.0</t>
  </si>
  <si>
    <t>1452148.0</t>
  </si>
  <si>
    <t>923307.0</t>
  </si>
  <si>
    <t>3034132.0</t>
  </si>
  <si>
    <t>713.894</t>
  </si>
  <si>
    <t>3049341.0</t>
  </si>
  <si>
    <t>717.473</t>
  </si>
  <si>
    <t>3064191.0</t>
  </si>
  <si>
    <t>720.967</t>
  </si>
  <si>
    <t>3078630.0</t>
  </si>
  <si>
    <t>14439.0</t>
  </si>
  <si>
    <t>724.364</t>
  </si>
  <si>
    <t>3093962.0</t>
  </si>
  <si>
    <t>15332.0</t>
  </si>
  <si>
    <t>727.972</t>
  </si>
  <si>
    <t>3109840.0</t>
  </si>
  <si>
    <t>731.707</t>
  </si>
  <si>
    <t>3123626.0</t>
  </si>
  <si>
    <t>734.951</t>
  </si>
  <si>
    <t>3136127.0</t>
  </si>
  <si>
    <t>737.892</t>
  </si>
  <si>
    <t>3151199.0</t>
  </si>
  <si>
    <t>741.439</t>
  </si>
  <si>
    <t>14551.0</t>
  </si>
  <si>
    <t>3165709.0</t>
  </si>
  <si>
    <t>744.853</t>
  </si>
  <si>
    <t>3181021.0</t>
  </si>
  <si>
    <t>748.455</t>
  </si>
  <si>
    <t>3196351.0</t>
  </si>
  <si>
    <t>752.062</t>
  </si>
  <si>
    <t>3210665.0</t>
  </si>
  <si>
    <t>755.43</t>
  </si>
  <si>
    <t>3224296.0</t>
  </si>
  <si>
    <t>758.638</t>
  </si>
  <si>
    <t>3238986.0</t>
  </si>
  <si>
    <t>762.094</t>
  </si>
  <si>
    <t>3251302.0</t>
  </si>
  <si>
    <t>764.992</t>
  </si>
  <si>
    <t>3264442.0</t>
  </si>
  <si>
    <t>768.083</t>
  </si>
  <si>
    <t>3277000.0</t>
  </si>
  <si>
    <t>771.038</t>
  </si>
  <si>
    <t>3289685.0</t>
  </si>
  <si>
    <t>12685.0</t>
  </si>
  <si>
    <t>774.023</t>
  </si>
  <si>
    <t>13333.0</t>
  </si>
  <si>
    <t>3301934.0</t>
  </si>
  <si>
    <t>776.905</t>
  </si>
  <si>
    <t>3314400.0</t>
  </si>
  <si>
    <t>779.838</t>
  </si>
  <si>
    <t>3326357.0</t>
  </si>
  <si>
    <t>782.651</t>
  </si>
  <si>
    <t>3340473.0</t>
  </si>
  <si>
    <t>785.973</t>
  </si>
  <si>
    <t>3352915.0</t>
  </si>
  <si>
    <t>788.9</t>
  </si>
  <si>
    <t>3365452.0</t>
  </si>
  <si>
    <t>791.85</t>
  </si>
  <si>
    <t>3378368.0</t>
  </si>
  <si>
    <t>794.889</t>
  </si>
  <si>
    <t>3391508.0</t>
  </si>
  <si>
    <t>797.98</t>
  </si>
  <si>
    <t>3404612.0</t>
  </si>
  <si>
    <t>801.064</t>
  </si>
  <si>
    <t>5908.6</t>
  </si>
  <si>
    <t>1384.10817248341</t>
  </si>
  <si>
    <t>3417022.0</t>
  </si>
  <si>
    <t>803.984</t>
  </si>
  <si>
    <t>3430973.0</t>
  </si>
  <si>
    <t>807.266</t>
  </si>
  <si>
    <t>3444674.0</t>
  </si>
  <si>
    <t>810.49</t>
  </si>
  <si>
    <t>3457189.0</t>
  </si>
  <si>
    <t>813.434</t>
  </si>
  <si>
    <t>3471272.0</t>
  </si>
  <si>
    <t>816.748</t>
  </si>
  <si>
    <t>3486175.0</t>
  </si>
  <si>
    <t>820.254</t>
  </si>
  <si>
    <t>3500392.0</t>
  </si>
  <si>
    <t>823.6</t>
  </si>
  <si>
    <t>3511276.0</t>
  </si>
  <si>
    <t>826.16</t>
  </si>
  <si>
    <t>3526758.0</t>
  </si>
  <si>
    <t>829.803</t>
  </si>
  <si>
    <t>3541654.0</t>
  </si>
  <si>
    <t>833.308</t>
  </si>
  <si>
    <t>3553123.0</t>
  </si>
  <si>
    <t>836.007</t>
  </si>
  <si>
    <t>3565742.0</t>
  </si>
  <si>
    <t>838.976</t>
  </si>
  <si>
    <t>3578363.0</t>
  </si>
  <si>
    <t>841.945</t>
  </si>
  <si>
    <t>3588341.0</t>
  </si>
  <si>
    <t>844.293</t>
  </si>
  <si>
    <t>2668082.0</t>
  </si>
  <si>
    <t>3599098.0</t>
  </si>
  <si>
    <t>846.824</t>
  </si>
  <si>
    <t>3610931.0</t>
  </si>
  <si>
    <t>849.608</t>
  </si>
  <si>
    <t>3621190.0</t>
  </si>
  <si>
    <t>852.022</t>
  </si>
  <si>
    <t>3631090.0</t>
  </si>
  <si>
    <t>854.351</t>
  </si>
  <si>
    <t>3643100.0</t>
  </si>
  <si>
    <t>857.177</t>
  </si>
  <si>
    <t>3655034.0</t>
  </si>
  <si>
    <t>859.985</t>
  </si>
  <si>
    <t>36209.0</t>
  </si>
  <si>
    <t>3675455.0</t>
  </si>
  <si>
    <t>864.79</t>
  </si>
  <si>
    <t>3687295.0</t>
  </si>
  <si>
    <t>867.576</t>
  </si>
  <si>
    <t>3699218.0</t>
  </si>
  <si>
    <t>870.381</t>
  </si>
  <si>
    <t>3710868.0</t>
  </si>
  <si>
    <t>873.122</t>
  </si>
  <si>
    <t>3724132.0</t>
  </si>
  <si>
    <t>876.243</t>
  </si>
  <si>
    <t>3738636.0</t>
  </si>
  <si>
    <t>879.655</t>
  </si>
  <si>
    <t>3750289.0</t>
  </si>
  <si>
    <t>882.397</t>
  </si>
  <si>
    <t>3761073.0</t>
  </si>
  <si>
    <t>10784.0</t>
  </si>
  <si>
    <t>884.935</t>
  </si>
  <si>
    <t>3774138.0</t>
  </si>
  <si>
    <t>888.009</t>
  </si>
  <si>
    <t>3786563.0</t>
  </si>
  <si>
    <t>890.932</t>
  </si>
  <si>
    <t>6465.4</t>
  </si>
  <si>
    <t>1514.54032738283</t>
  </si>
  <si>
    <t>3799124.0</t>
  </si>
  <si>
    <t>893.888</t>
  </si>
  <si>
    <t>3811460.0</t>
  </si>
  <si>
    <t>896.79</t>
  </si>
  <si>
    <t>3825038.0</t>
  </si>
  <si>
    <t>899.985</t>
  </si>
  <si>
    <t>3837914.0</t>
  </si>
  <si>
    <t>903.014</t>
  </si>
  <si>
    <t>3849996.0</t>
  </si>
  <si>
    <t>905.857</t>
  </si>
  <si>
    <t>3861866.0</t>
  </si>
  <si>
    <t>908.65</t>
  </si>
  <si>
    <t>3875655.0</t>
  </si>
  <si>
    <t>911.894</t>
  </si>
  <si>
    <t>12727.0</t>
  </si>
  <si>
    <t>3888769.0</t>
  </si>
  <si>
    <t>914.98</t>
  </si>
  <si>
    <t>3902549.0</t>
  </si>
  <si>
    <t>918.222</t>
  </si>
  <si>
    <t>921.869</t>
  </si>
  <si>
    <t>3931807.0</t>
  </si>
  <si>
    <t>925.106</t>
  </si>
  <si>
    <t>3944392.0</t>
  </si>
  <si>
    <t>12585.0</t>
  </si>
  <si>
    <t>928.067</t>
  </si>
  <si>
    <t>3959053.0</t>
  </si>
  <si>
    <t>931.517</t>
  </si>
  <si>
    <t>3973798.0</t>
  </si>
  <si>
    <t>934.986</t>
  </si>
  <si>
    <t>3988586.0</t>
  </si>
  <si>
    <t>938.466</t>
  </si>
  <si>
    <t>250.8</t>
  </si>
  <si>
    <t>4003280.0</t>
  </si>
  <si>
    <t>941.923</t>
  </si>
  <si>
    <t>4019249.0</t>
  </si>
  <si>
    <t>945.68</t>
  </si>
  <si>
    <t>4033752.0</t>
  </si>
  <si>
    <t>949.093</t>
  </si>
  <si>
    <t>261.4</t>
  </si>
  <si>
    <t>4050151.0</t>
  </si>
  <si>
    <t>952.951</t>
  </si>
  <si>
    <t>4070660.0</t>
  </si>
  <si>
    <t>957.777</t>
  </si>
  <si>
    <t>4091410.0</t>
  </si>
  <si>
    <t>962.659</t>
  </si>
  <si>
    <t>4106607.0</t>
  </si>
  <si>
    <t>966.235</t>
  </si>
  <si>
    <t>4123606.0</t>
  </si>
  <si>
    <t>970.234</t>
  </si>
  <si>
    <t>4143121.0</t>
  </si>
  <si>
    <t>974.826</t>
  </si>
  <si>
    <t>4.592</t>
  </si>
  <si>
    <t>381.1</t>
  </si>
  <si>
    <t>4159015.0</t>
  </si>
  <si>
    <t>978.566</t>
  </si>
  <si>
    <t>4177716.0</t>
  </si>
  <si>
    <t>982.966</t>
  </si>
  <si>
    <t>4197698.0</t>
  </si>
  <si>
    <t>19982.0</t>
  </si>
  <si>
    <t>987.667</t>
  </si>
  <si>
    <t>423.5</t>
  </si>
  <si>
    <t>4215565.0</t>
  </si>
  <si>
    <t>991.871</t>
  </si>
  <si>
    <t>422.3</t>
  </si>
  <si>
    <t>4232071.0</t>
  </si>
  <si>
    <t>16506.0</t>
  </si>
  <si>
    <t>995.755</t>
  </si>
  <si>
    <t>434.1</t>
  </si>
  <si>
    <t>4248454.0</t>
  </si>
  <si>
    <t>999.609</t>
  </si>
  <si>
    <t>6619.4</t>
  </si>
  <si>
    <t>1550.61531275373</t>
  </si>
  <si>
    <t>4267350.0</t>
  </si>
  <si>
    <t>1004.055</t>
  </si>
  <si>
    <t>4288608.0</t>
  </si>
  <si>
    <t>21258.0</t>
  </si>
  <si>
    <t>1009.057</t>
  </si>
  <si>
    <t>456.3</t>
  </si>
  <si>
    <t>4317146.0</t>
  </si>
  <si>
    <t>1015.772</t>
  </si>
  <si>
    <t>437.1</t>
  </si>
  <si>
    <t>4351971.0</t>
  </si>
  <si>
    <t>34825.0</t>
  </si>
  <si>
    <t>1023.966</t>
  </si>
  <si>
    <t>8.194</t>
  </si>
  <si>
    <t>479.1</t>
  </si>
  <si>
    <t>4372460.0</t>
  </si>
  <si>
    <t>1028.787</t>
  </si>
  <si>
    <t>4.821</t>
  </si>
  <si>
    <t>22414.0</t>
  </si>
  <si>
    <t>472.6</t>
  </si>
  <si>
    <t>4389988.0</t>
  </si>
  <si>
    <t>1032.911</t>
  </si>
  <si>
    <t>22560.0</t>
  </si>
  <si>
    <t>478.5</t>
  </si>
  <si>
    <t>485.5</t>
  </si>
  <si>
    <t>478.8</t>
  </si>
  <si>
    <t>4440173.0</t>
  </si>
  <si>
    <t>1044.719</t>
  </si>
  <si>
    <t>21652.0</t>
  </si>
  <si>
    <t>4461123.0</t>
  </si>
  <si>
    <t>1049.648</t>
  </si>
  <si>
    <t>521.6</t>
  </si>
  <si>
    <t>4482390.0</t>
  </si>
  <si>
    <t>1054.652</t>
  </si>
  <si>
    <t>490.3</t>
  </si>
  <si>
    <t>4500182.0</t>
  </si>
  <si>
    <t>1058.838</t>
  </si>
  <si>
    <t>502.8</t>
  </si>
  <si>
    <t>4515664.0</t>
  </si>
  <si>
    <t>1062.481</t>
  </si>
  <si>
    <t>481.5</t>
  </si>
  <si>
    <t>4530271.0</t>
  </si>
  <si>
    <t>1065.918</t>
  </si>
  <si>
    <t>500.2</t>
  </si>
  <si>
    <t>4546992.0</t>
  </si>
  <si>
    <t>1069.852</t>
  </si>
  <si>
    <t>4561680.0</t>
  </si>
  <si>
    <t>1073.308</t>
  </si>
  <si>
    <t>17358.0</t>
  </si>
  <si>
    <t>4582700.0</t>
  </si>
  <si>
    <t>1078.253</t>
  </si>
  <si>
    <t>480.5</t>
  </si>
  <si>
    <t>4602129.0</t>
  </si>
  <si>
    <t>1082.825</t>
  </si>
  <si>
    <t>4618526.0</t>
  </si>
  <si>
    <t>16397.0</t>
  </si>
  <si>
    <t>1086.683</t>
  </si>
  <si>
    <t>4636065.0</t>
  </si>
  <si>
    <t>1090.81</t>
  </si>
  <si>
    <t>4.047</t>
  </si>
  <si>
    <t>528.1</t>
  </si>
  <si>
    <t>4654108.0</t>
  </si>
  <si>
    <t>1095.055</t>
  </si>
  <si>
    <t>17691.0</t>
  </si>
  <si>
    <t>560.4</t>
  </si>
  <si>
    <t>4669022.0</t>
  </si>
  <si>
    <t>1098.564</t>
  </si>
  <si>
    <t>547.2</t>
  </si>
  <si>
    <t>4683058.0</t>
  </si>
  <si>
    <t>1101.866</t>
  </si>
  <si>
    <t>580.8</t>
  </si>
  <si>
    <t>4704177.0</t>
  </si>
  <si>
    <t>1106.835</t>
  </si>
  <si>
    <t>4.969</t>
  </si>
  <si>
    <t>4724925.0</t>
  </si>
  <si>
    <t>1111.717</t>
  </si>
  <si>
    <t>660.2</t>
  </si>
  <si>
    <t>4741080.0</t>
  </si>
  <si>
    <t>1115.518</t>
  </si>
  <si>
    <t>700.3</t>
  </si>
  <si>
    <t>4756962.0</t>
  </si>
  <si>
    <t>1119.255</t>
  </si>
  <si>
    <t>711.2</t>
  </si>
  <si>
    <t>4771773.0</t>
  </si>
  <si>
    <t>1122.74</t>
  </si>
  <si>
    <t>692.1</t>
  </si>
  <si>
    <t>4788857.0</t>
  </si>
  <si>
    <t>1126.76</t>
  </si>
  <si>
    <t>4804194.0</t>
  </si>
  <si>
    <t>1130.368</t>
  </si>
  <si>
    <t>17305.0</t>
  </si>
  <si>
    <t>4825251.0</t>
  </si>
  <si>
    <t>1135.323</t>
  </si>
  <si>
    <t>801.8</t>
  </si>
  <si>
    <t>6626.4</t>
  </si>
  <si>
    <t>1552.25508481604</t>
  </si>
  <si>
    <t>4845605.0</t>
  </si>
  <si>
    <t>1140.112</t>
  </si>
  <si>
    <t>799.2</t>
  </si>
  <si>
    <t>4862318.0</t>
  </si>
  <si>
    <t>1144.044</t>
  </si>
  <si>
    <t>4877540.0</t>
  </si>
  <si>
    <t>1147.626</t>
  </si>
  <si>
    <t>17225.0</t>
  </si>
  <si>
    <t>763.1</t>
  </si>
  <si>
    <t>4892313.0</t>
  </si>
  <si>
    <t>1151.102</t>
  </si>
  <si>
    <t>4908976.0</t>
  </si>
  <si>
    <t>16663.0</t>
  </si>
  <si>
    <t>1155.022</t>
  </si>
  <si>
    <t>790.3</t>
  </si>
  <si>
    <t>4923238.0</t>
  </si>
  <si>
    <t>14262.0</t>
  </si>
  <si>
    <t>1158.378</t>
  </si>
  <si>
    <t>708.6</t>
  </si>
  <si>
    <t>4944507.0</t>
  </si>
  <si>
    <t>1163.382</t>
  </si>
  <si>
    <t>718.4</t>
  </si>
  <si>
    <t>4964504.0</t>
  </si>
  <si>
    <t>1168.087</t>
  </si>
  <si>
    <t>738.5</t>
  </si>
  <si>
    <t>4979605.0</t>
  </si>
  <si>
    <t>1171.64</t>
  </si>
  <si>
    <t>4994934.0</t>
  </si>
  <si>
    <t>1175.247</t>
  </si>
  <si>
    <t>715.8</t>
  </si>
  <si>
    <t>5009789.0</t>
  </si>
  <si>
    <t>1178.742</t>
  </si>
  <si>
    <t>699.2</t>
  </si>
  <si>
    <t>5027131.0</t>
  </si>
  <si>
    <t>1182.823</t>
  </si>
  <si>
    <t>707.5</t>
  </si>
  <si>
    <t>5041796.0</t>
  </si>
  <si>
    <t>14665.0</t>
  </si>
  <si>
    <t>1186.273</t>
  </si>
  <si>
    <t>736.4</t>
  </si>
  <si>
    <t>5062011.0</t>
  </si>
  <si>
    <t>1191.029</t>
  </si>
  <si>
    <t>5082627.0</t>
  </si>
  <si>
    <t>1195.88</t>
  </si>
  <si>
    <t>715.9</t>
  </si>
  <si>
    <t>5098625.0</t>
  </si>
  <si>
    <t>1199.644</t>
  </si>
  <si>
    <t>758.1</t>
  </si>
  <si>
    <t>5114336.0</t>
  </si>
  <si>
    <t>1203.341</t>
  </si>
  <si>
    <t>785.5</t>
  </si>
  <si>
    <t>5129360.0</t>
  </si>
  <si>
    <t>1206.876</t>
  </si>
  <si>
    <t>776.5</t>
  </si>
  <si>
    <t>5147207.0</t>
  </si>
  <si>
    <t>1211.075</t>
  </si>
  <si>
    <t>822.5</t>
  </si>
  <si>
    <t>5161824.0</t>
  </si>
  <si>
    <t>1214.514</t>
  </si>
  <si>
    <t>869.8</t>
  </si>
  <si>
    <t>5180828.0</t>
  </si>
  <si>
    <t>1218.986</t>
  </si>
  <si>
    <t>5200488.0</t>
  </si>
  <si>
    <t>19660.0</t>
  </si>
  <si>
    <t>1223.611</t>
  </si>
  <si>
    <t>16837.0</t>
  </si>
  <si>
    <t>899.7</t>
  </si>
  <si>
    <t>5216088.0</t>
  </si>
  <si>
    <t>1227.282</t>
  </si>
  <si>
    <t>924.9</t>
  </si>
  <si>
    <t>5232329.0</t>
  </si>
  <si>
    <t>1231.103</t>
  </si>
  <si>
    <t>907.7</t>
  </si>
  <si>
    <t>5249073.0</t>
  </si>
  <si>
    <t>1235.043</t>
  </si>
  <si>
    <t>893.4</t>
  </si>
  <si>
    <t>5268253.0</t>
  </si>
  <si>
    <t>1239.556</t>
  </si>
  <si>
    <t>870.8</t>
  </si>
  <si>
    <t>800.2</t>
  </si>
  <si>
    <t>5289059.0</t>
  </si>
  <si>
    <t>1244.451</t>
  </si>
  <si>
    <t>15462.0</t>
  </si>
  <si>
    <t>5310741.0</t>
  </si>
  <si>
    <t>1249.553</t>
  </si>
  <si>
    <t>680.6</t>
  </si>
  <si>
    <t>5330503.0</t>
  </si>
  <si>
    <t>1254.202</t>
  </si>
  <si>
    <t>618.4</t>
  </si>
  <si>
    <t>6578646.0</t>
  </si>
  <si>
    <t>3304574.0</t>
  </si>
  <si>
    <t>3165385.0</t>
  </si>
  <si>
    <t>108687.0</t>
  </si>
  <si>
    <t>154.11</t>
  </si>
  <si>
    <t>6600.4</t>
  </si>
  <si>
    <t>1546.1645028703</t>
  </si>
  <si>
    <t>5350472.0</t>
  </si>
  <si>
    <t>19969.0</t>
  </si>
  <si>
    <t>1258.901</t>
  </si>
  <si>
    <t>638.6</t>
  </si>
  <si>
    <t>5369734.0</t>
  </si>
  <si>
    <t>1263.433</t>
  </si>
  <si>
    <t>618.8</t>
  </si>
  <si>
    <t>5390437.0</t>
  </si>
  <si>
    <t>1268.304</t>
  </si>
  <si>
    <t>17455.0</t>
  </si>
  <si>
    <t>623.4</t>
  </si>
  <si>
    <t>5409875.0</t>
  </si>
  <si>
    <t>1272.878</t>
  </si>
  <si>
    <t>662.7</t>
  </si>
  <si>
    <t>5432522.0</t>
  </si>
  <si>
    <t>1278.206</t>
  </si>
  <si>
    <t>20495.0</t>
  </si>
  <si>
    <t>637.6</t>
  </si>
  <si>
    <t>6591711.0</t>
  </si>
  <si>
    <t>5456590.0</t>
  </si>
  <si>
    <t>1283.869</t>
  </si>
  <si>
    <t>20836.0</t>
  </si>
  <si>
    <t>740.4</t>
  </si>
  <si>
    <t>5476384.0</t>
  </si>
  <si>
    <t>1288.526</t>
  </si>
  <si>
    <t>20840.0</t>
  </si>
  <si>
    <t>755.9</t>
  </si>
  <si>
    <t>5494872.0</t>
  </si>
  <si>
    <t>18488.0</t>
  </si>
  <si>
    <t>1292.876</t>
  </si>
  <si>
    <t>704.4</t>
  </si>
  <si>
    <t>5512287.0</t>
  </si>
  <si>
    <t>1296.974</t>
  </si>
  <si>
    <t>20365.0</t>
  </si>
  <si>
    <t>754.3</t>
  </si>
  <si>
    <t>6636245.0</t>
  </si>
  <si>
    <t>3314143.0</t>
  </si>
  <si>
    <t>3179881.0</t>
  </si>
  <si>
    <t>5531858.0</t>
  </si>
  <si>
    <t>1301.579</t>
  </si>
  <si>
    <t>4.605</t>
  </si>
  <si>
    <t>721.5</t>
  </si>
  <si>
    <t>5549441.0</t>
  </si>
  <si>
    <t>1305.716</t>
  </si>
  <si>
    <t>5571126.0</t>
  </si>
  <si>
    <t>1310.818</t>
  </si>
  <si>
    <t>5594468.0</t>
  </si>
  <si>
    <t>23342.0</t>
  </si>
  <si>
    <t>1316.31</t>
  </si>
  <si>
    <t>737.3</t>
  </si>
  <si>
    <t>6677397.0</t>
  </si>
  <si>
    <t>3317686.0</t>
  </si>
  <si>
    <t>3187039.0</t>
  </si>
  <si>
    <t>156.42</t>
  </si>
  <si>
    <t>5613714.0</t>
  </si>
  <si>
    <t>1320.838</t>
  </si>
  <si>
    <t>584.4</t>
  </si>
  <si>
    <t>5632869.0</t>
  </si>
  <si>
    <t>1325.345</t>
  </si>
  <si>
    <t>19714.0</t>
  </si>
  <si>
    <t>532.8</t>
  </si>
  <si>
    <t>6719055.0</t>
  </si>
  <si>
    <t>3320794.0</t>
  </si>
  <si>
    <t>3193897.0</t>
  </si>
  <si>
    <t>5653216.0</t>
  </si>
  <si>
    <t>1330.133</t>
  </si>
  <si>
    <t>5676353.0</t>
  </si>
  <si>
    <t>1335.577</t>
  </si>
  <si>
    <t>431.3</t>
  </si>
  <si>
    <t>5694721.0</t>
  </si>
  <si>
    <t>18368.0</t>
  </si>
  <si>
    <t>1339.898</t>
  </si>
  <si>
    <t>20754.0</t>
  </si>
  <si>
    <t>413.9</t>
  </si>
  <si>
    <t>5716243.0</t>
  </si>
  <si>
    <t>1344.962</t>
  </si>
  <si>
    <t>5738643.0</t>
  </si>
  <si>
    <t>1350.233</t>
  </si>
  <si>
    <t>20596.0</t>
  </si>
  <si>
    <t>6790606.0</t>
  </si>
  <si>
    <t>3325463.0</t>
  </si>
  <si>
    <t>3203278.0</t>
  </si>
  <si>
    <t>5758322.0</t>
  </si>
  <si>
    <t>1354.863</t>
  </si>
  <si>
    <t>301.3</t>
  </si>
  <si>
    <t>5778849.0</t>
  </si>
  <si>
    <t>20527.0</t>
  </si>
  <si>
    <t>1359.693</t>
  </si>
  <si>
    <t>5798634.0</t>
  </si>
  <si>
    <t>1364.348</t>
  </si>
  <si>
    <t>6853262.0</t>
  </si>
  <si>
    <t>3329713.0</t>
  </si>
  <si>
    <t>3210223.0</t>
  </si>
  <si>
    <t>5819960.0</t>
  </si>
  <si>
    <t>1369.366</t>
  </si>
  <si>
    <t>5838773.0</t>
  </si>
  <si>
    <t>1373.792</t>
  </si>
  <si>
    <t>20579.0</t>
  </si>
  <si>
    <t>5862681.0</t>
  </si>
  <si>
    <t>1379.417</t>
  </si>
  <si>
    <t>20920.0</t>
  </si>
  <si>
    <t>5882514.0</t>
  </si>
  <si>
    <t>1384.084</t>
  </si>
  <si>
    <t>6930770.0</t>
  </si>
  <si>
    <t>3333850.0</t>
  </si>
  <si>
    <t>5900204.0</t>
  </si>
  <si>
    <t>1388.246</t>
  </si>
  <si>
    <t>6942690.0</t>
  </si>
  <si>
    <t>3334421.0</t>
  </si>
  <si>
    <t>3216700.0</t>
  </si>
  <si>
    <t>5921186.0</t>
  </si>
  <si>
    <t>20982.0</t>
  </si>
  <si>
    <t>1393.183</t>
  </si>
  <si>
    <t>20334.0</t>
  </si>
  <si>
    <t>5945483.0</t>
  </si>
  <si>
    <t>1398.9</t>
  </si>
  <si>
    <t>5966736.0</t>
  </si>
  <si>
    <t>1403.9</t>
  </si>
  <si>
    <t>6579.4</t>
  </si>
  <si>
    <t>1541.24518668336</t>
  </si>
  <si>
    <t>5984074.0</t>
  </si>
  <si>
    <t>1407.98</t>
  </si>
  <si>
    <t>6002841.0</t>
  </si>
  <si>
    <t>1412.395</t>
  </si>
  <si>
    <t>6025332.0</t>
  </si>
  <si>
    <t>1417.687</t>
  </si>
  <si>
    <t>6047491.0</t>
  </si>
  <si>
    <t>22159.0</t>
  </si>
  <si>
    <t>1422.901</t>
  </si>
  <si>
    <t>5.214</t>
  </si>
  <si>
    <t>6072961.0</t>
  </si>
  <si>
    <t>1428.894</t>
  </si>
  <si>
    <t>7062411.0</t>
  </si>
  <si>
    <t>3341309.0</t>
  </si>
  <si>
    <t>3224987.0</t>
  </si>
  <si>
    <t>165.44</t>
  </si>
  <si>
    <t>27541.0</t>
  </si>
  <si>
    <t>1435.374</t>
  </si>
  <si>
    <t>6135817.0</t>
  </si>
  <si>
    <t>1443.683</t>
  </si>
  <si>
    <t>6166679.0</t>
  </si>
  <si>
    <t>1450.944</t>
  </si>
  <si>
    <t>12663.0</t>
  </si>
  <si>
    <t>6199651.0</t>
  </si>
  <si>
    <t>1458.702</t>
  </si>
  <si>
    <t>28116.0</t>
  </si>
  <si>
    <t>7100784.0</t>
  </si>
  <si>
    <t>3344173.0</t>
  </si>
  <si>
    <t>3228399.0</t>
  </si>
  <si>
    <t>6235969.0</t>
  </si>
  <si>
    <t>36318.0</t>
  </si>
  <si>
    <t>1467.247</t>
  </si>
  <si>
    <t>8.545</t>
  </si>
  <si>
    <t>30091.0</t>
  </si>
  <si>
    <t>7119791.0</t>
  </si>
  <si>
    <t>3345561.0</t>
  </si>
  <si>
    <t>3230155.0</t>
  </si>
  <si>
    <t>6273509.0</t>
  </si>
  <si>
    <t>37540.0</t>
  </si>
  <si>
    <t>1476.08</t>
  </si>
  <si>
    <t>32288.0</t>
  </si>
  <si>
    <t>6308844.0</t>
  </si>
  <si>
    <t>1484.394</t>
  </si>
  <si>
    <t>8.314</t>
  </si>
  <si>
    <t>6346761.0</t>
  </si>
  <si>
    <t>1493.315</t>
  </si>
  <si>
    <t>8.921</t>
  </si>
  <si>
    <t>8.277</t>
  </si>
  <si>
    <t>7166114.0</t>
  </si>
  <si>
    <t>3348999.0</t>
  </si>
  <si>
    <t>3234464.0</t>
  </si>
  <si>
    <t>6382201.0</t>
  </si>
  <si>
    <t>35440.0</t>
  </si>
  <si>
    <t>1501.654</t>
  </si>
  <si>
    <t>6414145.0</t>
  </si>
  <si>
    <t>1509.17</t>
  </si>
  <si>
    <t>7.516</t>
  </si>
  <si>
    <t>6445278.0</t>
  </si>
  <si>
    <t>31133.0</t>
  </si>
  <si>
    <t>1516.495</t>
  </si>
  <si>
    <t>12759.0</t>
  </si>
  <si>
    <t>6477066.0</t>
  </si>
  <si>
    <t>1523.975</t>
  </si>
  <si>
    <t>7198089.0</t>
  </si>
  <si>
    <t>3352444.0</t>
  </si>
  <si>
    <t>3238463.0</t>
  </si>
  <si>
    <t>11185.0</t>
  </si>
  <si>
    <t>168.62</t>
  </si>
  <si>
    <t>6509269.0</t>
  </si>
  <si>
    <t>1531.552</t>
  </si>
  <si>
    <t>10159.0</t>
  </si>
  <si>
    <t>6540444.0</t>
  </si>
  <si>
    <t>1538.887</t>
  </si>
  <si>
    <t>33086.0</t>
  </si>
  <si>
    <t>7214597.0</t>
  </si>
  <si>
    <t>3353921.0</t>
  </si>
  <si>
    <t>3240675.0</t>
  </si>
  <si>
    <t>6574401.0</t>
  </si>
  <si>
    <t>33957.0</t>
  </si>
  <si>
    <t>1546.876</t>
  </si>
  <si>
    <t>32520.0</t>
  </si>
  <si>
    <t>6607278.0</t>
  </si>
  <si>
    <t>1554.612</t>
  </si>
  <si>
    <t>7.736</t>
  </si>
  <si>
    <t>32154.0</t>
  </si>
  <si>
    <t>6634114.0</t>
  </si>
  <si>
    <t>1560.926</t>
  </si>
  <si>
    <t>6.314</t>
  </si>
  <si>
    <t>7.394</t>
  </si>
  <si>
    <t>6660408.0</t>
  </si>
  <si>
    <t>1567.113</t>
  </si>
  <si>
    <t>7243697.0</t>
  </si>
  <si>
    <t>3357463.0</t>
  </si>
  <si>
    <t>3244850.0</t>
  </si>
  <si>
    <t>169.69</t>
  </si>
  <si>
    <t>6689318.0</t>
  </si>
  <si>
    <t>28910.0</t>
  </si>
  <si>
    <t>1573.915</t>
  </si>
  <si>
    <t>7.134</t>
  </si>
  <si>
    <t>6718482.0</t>
  </si>
  <si>
    <t>29164.0</t>
  </si>
  <si>
    <t>1580.777</t>
  </si>
  <si>
    <t>7.032</t>
  </si>
  <si>
    <t>7301108.0</t>
  </si>
  <si>
    <t>3362105.0</t>
  </si>
  <si>
    <t>3250307.0</t>
  </si>
  <si>
    <t>6750065.0</t>
  </si>
  <si>
    <t>31583.0</t>
  </si>
  <si>
    <t>1588.208</t>
  </si>
  <si>
    <t>6786442.0</t>
  </si>
  <si>
    <t>36377.0</t>
  </si>
  <si>
    <t>1596.767</t>
  </si>
  <si>
    <t>7.127</t>
  </si>
  <si>
    <t>7311606.0</t>
  </si>
  <si>
    <t>3363551.0</t>
  </si>
  <si>
    <t>3252071.0</t>
  </si>
  <si>
    <t>6822237.0</t>
  </si>
  <si>
    <t>35795.0</t>
  </si>
  <si>
    <t>1605.189</t>
  </si>
  <si>
    <t>30708.0</t>
  </si>
  <si>
    <t>6853435.0</t>
  </si>
  <si>
    <t>31198.0</t>
  </si>
  <si>
    <t>1612.53</t>
  </si>
  <si>
    <t>7.341</t>
  </si>
  <si>
    <t>7.372</t>
  </si>
  <si>
    <t>6883820.0</t>
  </si>
  <si>
    <t>30385.0</t>
  </si>
  <si>
    <t>1619.679</t>
  </si>
  <si>
    <t>6913124.0</t>
  </si>
  <si>
    <t>1626.574</t>
  </si>
  <si>
    <t>31972.0</t>
  </si>
  <si>
    <t>7332551.0</t>
  </si>
  <si>
    <t>3366671.0</t>
  </si>
  <si>
    <t>3256029.0</t>
  </si>
  <si>
    <t>6949424.0</t>
  </si>
  <si>
    <t>1635.115</t>
  </si>
  <si>
    <t>6985251.0</t>
  </si>
  <si>
    <t>1643.544</t>
  </si>
  <si>
    <t>33598.0</t>
  </si>
  <si>
    <t>7345882.0</t>
  </si>
  <si>
    <t>3368291.0</t>
  </si>
  <si>
    <t>3258446.0</t>
  </si>
  <si>
    <t>7018332.0</t>
  </si>
  <si>
    <t>1651.328</t>
  </si>
  <si>
    <t>7052139.0</t>
  </si>
  <si>
    <t>33807.0</t>
  </si>
  <si>
    <t>1659.282</t>
  </si>
  <si>
    <t>7082185.0</t>
  </si>
  <si>
    <t>30046.0</t>
  </si>
  <si>
    <t>1666.352</t>
  </si>
  <si>
    <t>7110604.0</t>
  </si>
  <si>
    <t>28419.0</t>
  </si>
  <si>
    <t>1673.038</t>
  </si>
  <si>
    <t>7142068.0</t>
  </si>
  <si>
    <t>1680.442</t>
  </si>
  <si>
    <t>32706.0</t>
  </si>
  <si>
    <t>7.695</t>
  </si>
  <si>
    <t>7371952.0</t>
  </si>
  <si>
    <t>3372412.0</t>
  </si>
  <si>
    <t>3262695.0</t>
  </si>
  <si>
    <t>7198855.0</t>
  </si>
  <si>
    <t>1693.803</t>
  </si>
  <si>
    <t>7226936.0</t>
  </si>
  <si>
    <t>1700.41</t>
  </si>
  <si>
    <t>29801.0</t>
  </si>
  <si>
    <t>3376127.0</t>
  </si>
  <si>
    <t>7255245.0</t>
  </si>
  <si>
    <t>28309.0</t>
  </si>
  <si>
    <t>1707.071</t>
  </si>
  <si>
    <t>29015.0</t>
  </si>
  <si>
    <t>7279468.0</t>
  </si>
  <si>
    <t>24223.0</t>
  </si>
  <si>
    <t>1712.77</t>
  </si>
  <si>
    <t>7305105.0</t>
  </si>
  <si>
    <t>1718.802</t>
  </si>
  <si>
    <t>7332716.0</t>
  </si>
  <si>
    <t>1725.299</t>
  </si>
  <si>
    <t>27235.0</t>
  </si>
  <si>
    <t>7357729.0</t>
  </si>
  <si>
    <t>1731.184</t>
  </si>
  <si>
    <t>7381432.0</t>
  </si>
  <si>
    <t>23703.0</t>
  </si>
  <si>
    <t>1736.761</t>
  </si>
  <si>
    <t>7403856.0</t>
  </si>
  <si>
    <t>22424.0</t>
  </si>
  <si>
    <t>1742.037</t>
  </si>
  <si>
    <t>7426449.0</t>
  </si>
  <si>
    <t>22593.0</t>
  </si>
  <si>
    <t>1747.353</t>
  </si>
  <si>
    <t>7446560.0</t>
  </si>
  <si>
    <t>20111.0</t>
  </si>
  <si>
    <t>1752.085</t>
  </si>
  <si>
    <t>7468718.0</t>
  </si>
  <si>
    <t>1757.298</t>
  </si>
  <si>
    <t>7502337.0</t>
  </si>
  <si>
    <t>3382899.0</t>
  </si>
  <si>
    <t>3271835.0</t>
  </si>
  <si>
    <t>7489094.0</t>
  </si>
  <si>
    <t>1762.092</t>
  </si>
  <si>
    <t>7505795.0</t>
  </si>
  <si>
    <t>1766.022</t>
  </si>
  <si>
    <t>7527844.0</t>
  </si>
  <si>
    <t>1771.21</t>
  </si>
  <si>
    <t>20916.0</t>
  </si>
  <si>
    <t>7553030.0</t>
  </si>
  <si>
    <t>1777.136</t>
  </si>
  <si>
    <t>7581627.0</t>
  </si>
  <si>
    <t>1783.864</t>
  </si>
  <si>
    <t>5.216</t>
  </si>
  <si>
    <t>7604216.0</t>
  </si>
  <si>
    <t>1789.179</t>
  </si>
  <si>
    <t>7626573.0</t>
  </si>
  <si>
    <t>1794.44</t>
  </si>
  <si>
    <t>7567520.0</t>
  </si>
  <si>
    <t>3391299.0</t>
  </si>
  <si>
    <t>3275680.0</t>
  </si>
  <si>
    <t>7645362.0</t>
  </si>
  <si>
    <t>1798.86</t>
  </si>
  <si>
    <t>7663298.0</t>
  </si>
  <si>
    <t>1803.081</t>
  </si>
  <si>
    <t>7677822.0</t>
  </si>
  <si>
    <t>1806.498</t>
  </si>
  <si>
    <t>7691556.0</t>
  </si>
  <si>
    <t>13734.0</t>
  </si>
  <si>
    <t>1809.729</t>
  </si>
  <si>
    <t>19789.0</t>
  </si>
  <si>
    <t>7703089.0</t>
  </si>
  <si>
    <t>1812.443</t>
  </si>
  <si>
    <t>7713564.0</t>
  </si>
  <si>
    <t>1814.908</t>
  </si>
  <si>
    <t>7726633.0</t>
  </si>
  <si>
    <t>1817.983</t>
  </si>
  <si>
    <t>7592265.0</t>
  </si>
  <si>
    <t>3393521.0</t>
  </si>
  <si>
    <t>3277287.0</t>
  </si>
  <si>
    <t>7737670.0</t>
  </si>
  <si>
    <t>1820.579</t>
  </si>
  <si>
    <t>7746084.0</t>
  </si>
  <si>
    <t>1822.559</t>
  </si>
  <si>
    <t>7754247.0</t>
  </si>
  <si>
    <t>1824.48</t>
  </si>
  <si>
    <t>9388.0</t>
  </si>
  <si>
    <t>7763313.0</t>
  </si>
  <si>
    <t>1826.613</t>
  </si>
  <si>
    <t>7752791.0</t>
  </si>
  <si>
    <t>3406769.0</t>
  </si>
  <si>
    <t>3281631.0</t>
  </si>
  <si>
    <t>181.61</t>
  </si>
  <si>
    <t>7814545.0</t>
  </si>
  <si>
    <t>3410314.0</t>
  </si>
  <si>
    <t>3283891.0</t>
  </si>
  <si>
    <t>1120340.0</t>
  </si>
  <si>
    <t>183.06</t>
  </si>
  <si>
    <t>7879349.0</t>
  </si>
  <si>
    <t>3413831.0</t>
  </si>
  <si>
    <t>3287244.0</t>
  </si>
  <si>
    <t>1178274.0</t>
  </si>
  <si>
    <t>7917422.0</t>
  </si>
  <si>
    <t>3415828.0</t>
  </si>
  <si>
    <t>3289299.0</t>
  </si>
  <si>
    <t>1212295.0</t>
  </si>
  <si>
    <t>7939118.0</t>
  </si>
  <si>
    <t>3416986.0</t>
  </si>
  <si>
    <t>3290775.0</t>
  </si>
  <si>
    <t>1231357.0</t>
  </si>
  <si>
    <t>7964451.0</t>
  </si>
  <si>
    <t>3419301.0</t>
  </si>
  <si>
    <t>3293862.0</t>
  </si>
  <si>
    <t>1251288.0</t>
  </si>
  <si>
    <t>7969160.0</t>
  </si>
  <si>
    <t>3419874.0</t>
  </si>
  <si>
    <t>3294466.0</t>
  </si>
  <si>
    <t>1254820.0</t>
  </si>
  <si>
    <t>371.5</t>
  </si>
  <si>
    <t>7976507.0</t>
  </si>
  <si>
    <t>3420874.0</t>
  </si>
  <si>
    <t>3296175.0</t>
  </si>
  <si>
    <t>1259458.0</t>
  </si>
  <si>
    <t>186.85</t>
  </si>
  <si>
    <t>7980459.0</t>
  </si>
  <si>
    <t>3421205.0</t>
  </si>
  <si>
    <t>3298011.0</t>
  </si>
  <si>
    <t>186.94</t>
  </si>
  <si>
    <t>7990026.0</t>
  </si>
  <si>
    <t>3421731.0</t>
  </si>
  <si>
    <t>3300602.0</t>
  </si>
  <si>
    <t>1267693.0</t>
  </si>
  <si>
    <t>242.8</t>
  </si>
  <si>
    <t>8002689.0</t>
  </si>
  <si>
    <t>3422607.0</t>
  </si>
  <si>
    <t>3303573.0</t>
  </si>
  <si>
    <t>1276509.0</t>
  </si>
  <si>
    <t>187.47</t>
  </si>
  <si>
    <t>8022755.0</t>
  </si>
  <si>
    <t>3424619.0</t>
  </si>
  <si>
    <t>3307357.0</t>
  </si>
  <si>
    <t>1290779.0</t>
  </si>
  <si>
    <t>187.94</t>
  </si>
  <si>
    <t>8208880.0</t>
  </si>
  <si>
    <t>1931.449</t>
  </si>
  <si>
    <t>8043969.0</t>
  </si>
  <si>
    <t>3426459.0</t>
  </si>
  <si>
    <t>3310871.0</t>
  </si>
  <si>
    <t>1306639.0</t>
  </si>
  <si>
    <t>8079566.0</t>
  </si>
  <si>
    <t>3429780.0</t>
  </si>
  <si>
    <t>3316630.0</t>
  </si>
  <si>
    <t>1333156.0</t>
  </si>
  <si>
    <t>8098448.0</t>
  </si>
  <si>
    <t>3431562.0</t>
  </si>
  <si>
    <t>3319074.0</t>
  </si>
  <si>
    <t>1347812.0</t>
  </si>
  <si>
    <t>189.71</t>
  </si>
  <si>
    <t>8112363.0</t>
  </si>
  <si>
    <t>3432854.0</t>
  </si>
  <si>
    <t>3320935.0</t>
  </si>
  <si>
    <t>1358574.0</t>
  </si>
  <si>
    <t>190.03</t>
  </si>
  <si>
    <t>8120613.0</t>
  </si>
  <si>
    <t>3433696.0</t>
  </si>
  <si>
    <t>3322065.0</t>
  </si>
  <si>
    <t>1364852.0</t>
  </si>
  <si>
    <t>190.23</t>
  </si>
  <si>
    <t>8141439.0</t>
  </si>
  <si>
    <t>3435840.0</t>
  </si>
  <si>
    <t>3324867.0</t>
  </si>
  <si>
    <t>1380732.0</t>
  </si>
  <si>
    <t>8164098.0</t>
  </si>
  <si>
    <t>3438215.0</t>
  </si>
  <si>
    <t>3328032.0</t>
  </si>
  <si>
    <t>1397851.0</t>
  </si>
  <si>
    <t>8173067.0</t>
  </si>
  <si>
    <t>3439433.0</t>
  </si>
  <si>
    <t>3329555.0</t>
  </si>
  <si>
    <t>1404079.0</t>
  </si>
  <si>
    <t>191.46</t>
  </si>
  <si>
    <t>8179003.0</t>
  </si>
  <si>
    <t>3440132.0</t>
  </si>
  <si>
    <t>3330480.0</t>
  </si>
  <si>
    <t>1408391.0</t>
  </si>
  <si>
    <t>8188392.0</t>
  </si>
  <si>
    <t>3441269.0</t>
  </si>
  <si>
    <t>3331844.0</t>
  </si>
  <si>
    <t>191.82</t>
  </si>
  <si>
    <t>8193294.0</t>
  </si>
  <si>
    <t>3441784.0</t>
  </si>
  <si>
    <t>3332703.0</t>
  </si>
  <si>
    <t>1418807.0</t>
  </si>
  <si>
    <t>8201395.0</t>
  </si>
  <si>
    <t>3442938.0</t>
  </si>
  <si>
    <t>3334424.0</t>
  </si>
  <si>
    <t>1424033.0</t>
  </si>
  <si>
    <t>8203261.0</t>
  </si>
  <si>
    <t>3443212.0</t>
  </si>
  <si>
    <t>3334827.0</t>
  </si>
  <si>
    <t>1425222.0</t>
  </si>
  <si>
    <t>192.16</t>
  </si>
  <si>
    <t>8206793.0</t>
  </si>
  <si>
    <t>3443742.0</t>
  </si>
  <si>
    <t>3335554.0</t>
  </si>
  <si>
    <t>1427497.0</t>
  </si>
  <si>
    <t>8209255.0</t>
  </si>
  <si>
    <t>3444145.0</t>
  </si>
  <si>
    <t>3336088.0</t>
  </si>
  <si>
    <t>1429022.0</t>
  </si>
  <si>
    <t>8213542.0</t>
  </si>
  <si>
    <t>3444927.0</t>
  </si>
  <si>
    <t>3337033.0</t>
  </si>
  <si>
    <t>8214656.0</t>
  </si>
  <si>
    <t>3445141.0</t>
  </si>
  <si>
    <t>3337299.0</t>
  </si>
  <si>
    <t>1432216.0</t>
  </si>
  <si>
    <t>8216506.0</t>
  </si>
  <si>
    <t>3445426.0</t>
  </si>
  <si>
    <t>3337702.0</t>
  </si>
  <si>
    <t>1433378.0</t>
  </si>
  <si>
    <t>192.47</t>
  </si>
  <si>
    <t>8219531.0</t>
  </si>
  <si>
    <t>3446004.0</t>
  </si>
  <si>
    <t>3338272.0</t>
  </si>
  <si>
    <t>1435255.0</t>
  </si>
  <si>
    <t>8223203.0</t>
  </si>
  <si>
    <t>3446920.0</t>
  </si>
  <si>
    <t>3338781.0</t>
  </si>
  <si>
    <t>1437502.0</t>
  </si>
  <si>
    <t>8227208.0</t>
  </si>
  <si>
    <t>3447845.0</t>
  </si>
  <si>
    <t>3339301.0</t>
  </si>
  <si>
    <t>1440062.0</t>
  </si>
  <si>
    <t>8234633.0</t>
  </si>
  <si>
    <t>3449660.0</t>
  </si>
  <si>
    <t>3340106.0</t>
  </si>
  <si>
    <t>1444867.0</t>
  </si>
  <si>
    <t>8235679.0</t>
  </si>
  <si>
    <t>3449971.0</t>
  </si>
  <si>
    <t>3340204.0</t>
  </si>
  <si>
    <t>1445504.0</t>
  </si>
  <si>
    <t>8240035.0</t>
  </si>
  <si>
    <t>3450995.0</t>
  </si>
  <si>
    <t>3340860.0</t>
  </si>
  <si>
    <t>8245449.0</t>
  </si>
  <si>
    <t>3452387.0</t>
  </si>
  <si>
    <t>3341295.0</t>
  </si>
  <si>
    <t>1451767.0</t>
  </si>
  <si>
    <t>8248248.0</t>
  </si>
  <si>
    <t>3453073.0</t>
  </si>
  <si>
    <t>3341726.0</t>
  </si>
  <si>
    <t>1453449.0</t>
  </si>
  <si>
    <t>193.22</t>
  </si>
  <si>
    <t>8250357.0</t>
  </si>
  <si>
    <t>3453545.0</t>
  </si>
  <si>
    <t>3342147.0</t>
  </si>
  <si>
    <t>1454665.0</t>
  </si>
  <si>
    <t>8252463.0</t>
  </si>
  <si>
    <t>3453960.0</t>
  </si>
  <si>
    <t>3342557.0</t>
  </si>
  <si>
    <t>1455946.0</t>
  </si>
  <si>
    <t>193.32</t>
  </si>
  <si>
    <t>8253973.0</t>
  </si>
  <si>
    <t>3454275.0</t>
  </si>
  <si>
    <t>3342877.0</t>
  </si>
  <si>
    <t>1456821.0</t>
  </si>
  <si>
    <t>8254305.0</t>
  </si>
  <si>
    <t>3454344.0</t>
  </si>
  <si>
    <t>3342954.0</t>
  </si>
  <si>
    <t>1457007.0</t>
  </si>
  <si>
    <t>193.36</t>
  </si>
  <si>
    <t>8255386.0</t>
  </si>
  <si>
    <t>3454823.0</t>
  </si>
  <si>
    <t>3343442.0</t>
  </si>
  <si>
    <t>1457121.0</t>
  </si>
  <si>
    <t>KGZ</t>
  </si>
  <si>
    <t>Kyrgyzstan</t>
  </si>
  <si>
    <t>-11.82</t>
  </si>
  <si>
    <t>24.0701436562277</t>
  </si>
  <si>
    <t>-1214.0</t>
  </si>
  <si>
    <t>-11.19</t>
  </si>
  <si>
    <t>-52.1</t>
  </si>
  <si>
    <t>-183.089939841231</t>
  </si>
  <si>
    <t>-1027.0</t>
  </si>
  <si>
    <t>-154.887453226478</t>
  </si>
  <si>
    <t>-34.2</t>
  </si>
  <si>
    <t>-5.15788792633451</t>
  </si>
  <si>
    <t>1175.2</t>
  </si>
  <si>
    <t>177.23830090726</t>
  </si>
  <si>
    <t>3160.8</t>
  </si>
  <si>
    <t>476.697431507547</t>
  </si>
  <si>
    <t>4088.6</t>
  </si>
  <si>
    <t>616.623993438925</t>
  </si>
  <si>
    <t>4792.8</t>
  </si>
  <si>
    <t>722.828223781754</t>
  </si>
  <si>
    <t>6239.2</t>
  </si>
  <si>
    <t>940.967671052229</t>
  </si>
  <si>
    <t>7482.2</t>
  </si>
  <si>
    <t>1128.43125855029</t>
  </si>
  <si>
    <t>7536.7</t>
  </si>
  <si>
    <t>1136.65069983641</t>
  </si>
  <si>
    <t>7647.8</t>
  </si>
  <si>
    <t>1153.40629482518</t>
  </si>
  <si>
    <t>8103.7</t>
  </si>
  <si>
    <t>1222.16305229932</t>
  </si>
  <si>
    <t>8520.4</t>
  </si>
  <si>
    <t>1285.00784466493</t>
  </si>
  <si>
    <t>8685.7</t>
  </si>
  <si>
    <t>1309.93763630888</t>
  </si>
  <si>
    <t>135578.0</t>
  </si>
  <si>
    <t>88178.0</t>
  </si>
  <si>
    <t>173700.0</t>
  </si>
  <si>
    <t>99900.0</t>
  </si>
  <si>
    <t>9523.8</t>
  </si>
  <si>
    <t>1436.33605359136</t>
  </si>
  <si>
    <t>505634.0</t>
  </si>
  <si>
    <t>392788.0</t>
  </si>
  <si>
    <t>112517.0</t>
  </si>
  <si>
    <t>518118.0</t>
  </si>
  <si>
    <t>403640.0</t>
  </si>
  <si>
    <t>539247.0</t>
  </si>
  <si>
    <t>423415.0</t>
  </si>
  <si>
    <t>115566.0</t>
  </si>
  <si>
    <t>562528.0</t>
  </si>
  <si>
    <t>445911.0</t>
  </si>
  <si>
    <t>116380.0</t>
  </si>
  <si>
    <t>12511.0</t>
  </si>
  <si>
    <t>570564.0</t>
  </si>
  <si>
    <t>453881.0</t>
  </si>
  <si>
    <t>116456.0</t>
  </si>
  <si>
    <t>10552.5</t>
  </si>
  <si>
    <t>1591.47989305979</t>
  </si>
  <si>
    <t>579490.0</t>
  </si>
  <si>
    <t>461947.0</t>
  </si>
  <si>
    <t>117311.0</t>
  </si>
  <si>
    <t>13340.0</t>
  </si>
  <si>
    <t>12341.0</t>
  </si>
  <si>
    <t>600458.0</t>
  </si>
  <si>
    <t>479994.0</t>
  </si>
  <si>
    <t>120236.0</t>
  </si>
  <si>
    <t>634930.0</t>
  </si>
  <si>
    <t>502789.0</t>
  </si>
  <si>
    <t>131906.0</t>
  </si>
  <si>
    <t>34472.0</t>
  </si>
  <si>
    <t>645650.0</t>
  </si>
  <si>
    <t>507740.0</t>
  </si>
  <si>
    <t>137643.0</t>
  </si>
  <si>
    <t>14871.0</t>
  </si>
  <si>
    <t>671769.0</t>
  </si>
  <si>
    <t>521785.0</t>
  </si>
  <si>
    <t>149564.0</t>
  </si>
  <si>
    <t>696306.0</t>
  </si>
  <si>
    <t>532904.0</t>
  </si>
  <si>
    <t>162962.0</t>
  </si>
  <si>
    <t>709938.0</t>
  </si>
  <si>
    <t>538640.0</t>
  </si>
  <si>
    <t>19911.0</t>
  </si>
  <si>
    <t>721892.0</t>
  </si>
  <si>
    <t>542209.0</t>
  </si>
  <si>
    <t>179070.0</t>
  </si>
  <si>
    <t>748710.0</t>
  </si>
  <si>
    <t>552283.0</t>
  </si>
  <si>
    <t>776958.0</t>
  </si>
  <si>
    <t>561878.0</t>
  </si>
  <si>
    <t>214559.0</t>
  </si>
  <si>
    <t>805952.0</t>
  </si>
  <si>
    <t>571497.0</t>
  </si>
  <si>
    <t>233841.0</t>
  </si>
  <si>
    <t>819659.0</t>
  </si>
  <si>
    <t>575817.0</t>
  </si>
  <si>
    <t>243177.0</t>
  </si>
  <si>
    <t>841077.0</t>
  </si>
  <si>
    <t>257126.0</t>
  </si>
  <si>
    <t>21418.0</t>
  </si>
  <si>
    <t>20682.0</t>
  </si>
  <si>
    <t>585938.0</t>
  </si>
  <si>
    <t>261380.0</t>
  </si>
  <si>
    <t>865447.0</t>
  </si>
  <si>
    <t>592126.0</t>
  </si>
  <si>
    <t>272424.0</t>
  </si>
  <si>
    <t>887729.0</t>
  </si>
  <si>
    <t>600784.0</t>
  </si>
  <si>
    <t>285926.0</t>
  </si>
  <si>
    <t>911632.0</t>
  </si>
  <si>
    <t>610622.0</t>
  </si>
  <si>
    <t>299834.0</t>
  </si>
  <si>
    <t>23903.0</t>
  </si>
  <si>
    <t>932744.0</t>
  </si>
  <si>
    <t>618384.0</t>
  </si>
  <si>
    <t>312948.0</t>
  </si>
  <si>
    <t>963766.0</t>
  </si>
  <si>
    <t>627819.0</t>
  </si>
  <si>
    <t>334370.0</t>
  </si>
  <si>
    <t>981836.0</t>
  </si>
  <si>
    <t>633235.0</t>
  </si>
  <si>
    <t>346902.0</t>
  </si>
  <si>
    <t>989905.0</t>
  </si>
  <si>
    <t>635267.0</t>
  </si>
  <si>
    <t>352916.0</t>
  </si>
  <si>
    <t>1000277.0</t>
  </si>
  <si>
    <t>638014.0</t>
  </si>
  <si>
    <t>360447.0</t>
  </si>
  <si>
    <t>1022084.0</t>
  </si>
  <si>
    <t>644276.0</t>
  </si>
  <si>
    <t>375905.0</t>
  </si>
  <si>
    <t>21807.0</t>
  </si>
  <si>
    <t>1064235.0</t>
  </si>
  <si>
    <t>658752.0</t>
  </si>
  <si>
    <t>403364.0</t>
  </si>
  <si>
    <t>1089812.0</t>
  </si>
  <si>
    <t>668691.0</t>
  </si>
  <si>
    <t>1106146.0</t>
  </si>
  <si>
    <t>674622.0</t>
  </si>
  <si>
    <t>429172.0</t>
  </si>
  <si>
    <t>1110423.0</t>
  </si>
  <si>
    <t>676156.0</t>
  </si>
  <si>
    <t>431907.0</t>
  </si>
  <si>
    <t>1124350.0</t>
  </si>
  <si>
    <t>680409.0</t>
  </si>
  <si>
    <t>441427.0</t>
  </si>
  <si>
    <t>17725.0</t>
  </si>
  <si>
    <t>1125963.0</t>
  </si>
  <si>
    <t>680926.0</t>
  </si>
  <si>
    <t>442499.0</t>
  </si>
  <si>
    <t>14840.0</t>
  </si>
  <si>
    <t>1141442.0</t>
  </si>
  <si>
    <t>685629.0</t>
  </si>
  <si>
    <t>453130.0</t>
  </si>
  <si>
    <t>11805.4</t>
  </si>
  <si>
    <t>1780.43655337864</t>
  </si>
  <si>
    <t>1154363.0</t>
  </si>
  <si>
    <t>690946.0</t>
  </si>
  <si>
    <t>460598.0</t>
  </si>
  <si>
    <t>12875.0</t>
  </si>
  <si>
    <t>1169143.0</t>
  </si>
  <si>
    <t>696371.0</t>
  </si>
  <si>
    <t>469782.0</t>
  </si>
  <si>
    <t>1176307.0</t>
  </si>
  <si>
    <t>698892.0</t>
  </si>
  <si>
    <t>474366.0</t>
  </si>
  <si>
    <t>1180407.0</t>
  </si>
  <si>
    <t>700537.0</t>
  </si>
  <si>
    <t>476780.0</t>
  </si>
  <si>
    <t>1188137.0</t>
  </si>
  <si>
    <t>481593.0</t>
  </si>
  <si>
    <t>1204086.0</t>
  </si>
  <si>
    <t>710470.0</t>
  </si>
  <si>
    <t>490322.0</t>
  </si>
  <si>
    <t>1211784.0</t>
  </si>
  <si>
    <t>714055.0</t>
  </si>
  <si>
    <t>494364.0</t>
  </si>
  <si>
    <t>1249067.0</t>
  </si>
  <si>
    <t>731217.0</t>
  </si>
  <si>
    <t>514203.0</t>
  </si>
  <si>
    <t>1255900.0</t>
  </si>
  <si>
    <t>734421.0</t>
  </si>
  <si>
    <t>517815.0</t>
  </si>
  <si>
    <t>1257442.0</t>
  </si>
  <si>
    <t>518500.0</t>
  </si>
  <si>
    <t>1270320.0</t>
  </si>
  <si>
    <t>740586.0</t>
  </si>
  <si>
    <t>525926.0</t>
  </si>
  <si>
    <t>1277536.0</t>
  </si>
  <si>
    <t>743257.0</t>
  </si>
  <si>
    <t>530448.0</t>
  </si>
  <si>
    <t>1293759.0</t>
  </si>
  <si>
    <t>749242.0</t>
  </si>
  <si>
    <t>540454.0</t>
  </si>
  <si>
    <t>16223.0</t>
  </si>
  <si>
    <t>1310873.0</t>
  </si>
  <si>
    <t>756207.0</t>
  </si>
  <si>
    <t>550410.0</t>
  </si>
  <si>
    <t>1315525.0</t>
  </si>
  <si>
    <t>757736.0</t>
  </si>
  <si>
    <t>553491.0</t>
  </si>
  <si>
    <t>1327177.0</t>
  </si>
  <si>
    <t>762691.0</t>
  </si>
  <si>
    <t>560146.0</t>
  </si>
  <si>
    <t>1331001.0</t>
  </si>
  <si>
    <t>764781.0</t>
  </si>
  <si>
    <t>561853.0</t>
  </si>
  <si>
    <t>1338921.0</t>
  </si>
  <si>
    <t>768526.0</t>
  </si>
  <si>
    <t>565989.0</t>
  </si>
  <si>
    <t>1350457.0</t>
  </si>
  <si>
    <t>774616.0</t>
  </si>
  <si>
    <t>571416.0</t>
  </si>
  <si>
    <t>11536.0</t>
  </si>
  <si>
    <t>1361717.0</t>
  </si>
  <si>
    <t>780874.0</t>
  </si>
  <si>
    <t>576364.0</t>
  </si>
  <si>
    <t>1375815.0</t>
  </si>
  <si>
    <t>788761.0</t>
  </si>
  <si>
    <t>582500.0</t>
  </si>
  <si>
    <t>1392427.0</t>
  </si>
  <si>
    <t>798451.0</t>
  </si>
  <si>
    <t>589382.0</t>
  </si>
  <si>
    <t>1398986.0</t>
  </si>
  <si>
    <t>801883.0</t>
  </si>
  <si>
    <t>592459.0</t>
  </si>
  <si>
    <t>1401008.0</t>
  </si>
  <si>
    <t>803094.0</t>
  </si>
  <si>
    <t>593266.0</t>
  </si>
  <si>
    <t>1411946.0</t>
  </si>
  <si>
    <t>808701.0</t>
  </si>
  <si>
    <t>598510.0</t>
  </si>
  <si>
    <t>1422970.0</t>
  </si>
  <si>
    <t>813844.0</t>
  </si>
  <si>
    <t>604331.0</t>
  </si>
  <si>
    <t>1436823.0</t>
  </si>
  <si>
    <t>820666.0</t>
  </si>
  <si>
    <t>611281.0</t>
  </si>
  <si>
    <t>1448417.0</t>
  </si>
  <si>
    <t>826560.0</t>
  </si>
  <si>
    <t>616944.0</t>
  </si>
  <si>
    <t>1459330.0</t>
  </si>
  <si>
    <t>832011.0</t>
  </si>
  <si>
    <t>622326.0</t>
  </si>
  <si>
    <t>12658.5</t>
  </si>
  <si>
    <t>1909.09720220776</t>
  </si>
  <si>
    <t>1466222.0</t>
  </si>
  <si>
    <t>835334.0</t>
  </si>
  <si>
    <t>625868.0</t>
  </si>
  <si>
    <t>1468307.0</t>
  </si>
  <si>
    <t>836331.0</t>
  </si>
  <si>
    <t>626952.0</t>
  </si>
  <si>
    <t>1471891.0</t>
  </si>
  <si>
    <t>837915.0</t>
  </si>
  <si>
    <t>633059.0</t>
  </si>
  <si>
    <t>1481916.0</t>
  </si>
  <si>
    <t>843173.0</t>
  </si>
  <si>
    <t>637740.0</t>
  </si>
  <si>
    <t>1492885.0</t>
  </si>
  <si>
    <t>849204.0</t>
  </si>
  <si>
    <t>1502331.0</t>
  </si>
  <si>
    <t>854601.0</t>
  </si>
  <si>
    <t>646554.0</t>
  </si>
  <si>
    <t>1513833.0</t>
  </si>
  <si>
    <t>861385.0</t>
  </si>
  <si>
    <t>651176.0</t>
  </si>
  <si>
    <t>1524280.0</t>
  </si>
  <si>
    <t>867988.0</t>
  </si>
  <si>
    <t>654983.0</t>
  </si>
  <si>
    <t>1527504.0</t>
  </si>
  <si>
    <t>870147.0</t>
  </si>
  <si>
    <t>656041.0</t>
  </si>
  <si>
    <t>1534397.0</t>
  </si>
  <si>
    <t>873990.0</t>
  </si>
  <si>
    <t>659063.0</t>
  </si>
  <si>
    <t>1545233.0</t>
  </si>
  <si>
    <t>880003.0</t>
  </si>
  <si>
    <t>663856.0</t>
  </si>
  <si>
    <t>1556599.0</t>
  </si>
  <si>
    <t>886280.0</t>
  </si>
  <si>
    <t>668881.0</t>
  </si>
  <si>
    <t>1565476.0</t>
  </si>
  <si>
    <t>890868.0</t>
  </si>
  <si>
    <t>673105.0</t>
  </si>
  <si>
    <t>1578215.0</t>
  </si>
  <si>
    <t>897838.0</t>
  </si>
  <si>
    <t>678770.0</t>
  </si>
  <si>
    <t>1589664.0</t>
  </si>
  <si>
    <t>904187.0</t>
  </si>
  <si>
    <t>683762.0</t>
  </si>
  <si>
    <t>1592816.0</t>
  </si>
  <si>
    <t>906083.0</t>
  </si>
  <si>
    <t>685013.0</t>
  </si>
  <si>
    <t>1597895.0</t>
  </si>
  <si>
    <t>908652.0</t>
  </si>
  <si>
    <t>687496.0</t>
  </si>
  <si>
    <t>1612242.0</t>
  </si>
  <si>
    <t>916055.0</t>
  </si>
  <si>
    <t>694374.0</t>
  </si>
  <si>
    <t>1630706.0</t>
  </si>
  <si>
    <t>926704.0</t>
  </si>
  <si>
    <t>702130.0</t>
  </si>
  <si>
    <t>18464.0</t>
  </si>
  <si>
    <t>1637317.0</t>
  </si>
  <si>
    <t>705161.0</t>
  </si>
  <si>
    <t>1648169.0</t>
  </si>
  <si>
    <t>709695.0</t>
  </si>
  <si>
    <t>1656272.0</t>
  </si>
  <si>
    <t>941483.0</t>
  </si>
  <si>
    <t>712861.0</t>
  </si>
  <si>
    <t>1661058.0</t>
  </si>
  <si>
    <t>944443.0</t>
  </si>
  <si>
    <t>714684.0</t>
  </si>
  <si>
    <t>1667139.0</t>
  </si>
  <si>
    <t>947865.0</t>
  </si>
  <si>
    <t>717333.0</t>
  </si>
  <si>
    <t>1677709.0</t>
  </si>
  <si>
    <t>953834.0</t>
  </si>
  <si>
    <t>1689000.0</t>
  </si>
  <si>
    <t>959578.0</t>
  </si>
  <si>
    <t>727325.0</t>
  </si>
  <si>
    <t>1701405.0</t>
  </si>
  <si>
    <t>965983.0</t>
  </si>
  <si>
    <t>733235.0</t>
  </si>
  <si>
    <t>1715814.0</t>
  </si>
  <si>
    <t>971686.0</t>
  </si>
  <si>
    <t>741708.0</t>
  </si>
  <si>
    <t>1726706.0</t>
  </si>
  <si>
    <t>976951.0</t>
  </si>
  <si>
    <t>747206.0</t>
  </si>
  <si>
    <t>1728970.0</t>
  </si>
  <si>
    <t>978171.0</t>
  </si>
  <si>
    <t>748241.0</t>
  </si>
  <si>
    <t>1741064.0</t>
  </si>
  <si>
    <t>983749.0</t>
  </si>
  <si>
    <t>754624.0</t>
  </si>
  <si>
    <t>12094.0</t>
  </si>
  <si>
    <t>13226.0</t>
  </si>
  <si>
    <t>1994.68496238889</t>
  </si>
  <si>
    <t>1748032.0</t>
  </si>
  <si>
    <t>987156.0</t>
  </si>
  <si>
    <t>758105.0</t>
  </si>
  <si>
    <t>1763182.0</t>
  </si>
  <si>
    <t>994230.0</t>
  </si>
  <si>
    <t>766044.0</t>
  </si>
  <si>
    <t>1773825.0</t>
  </si>
  <si>
    <t>999583.0</t>
  </si>
  <si>
    <t>771259.0</t>
  </si>
  <si>
    <t>1783376.0</t>
  </si>
  <si>
    <t>1004619.0</t>
  </si>
  <si>
    <t>775733.0</t>
  </si>
  <si>
    <t>9652.0</t>
  </si>
  <si>
    <t>1796721.0</t>
  </si>
  <si>
    <t>1011314.0</t>
  </si>
  <si>
    <t>782306.0</t>
  </si>
  <si>
    <t>1799656.0</t>
  </si>
  <si>
    <t>1013023.0</t>
  </si>
  <si>
    <t>783529.0</t>
  </si>
  <si>
    <t>1802325.0</t>
  </si>
  <si>
    <t>1014402.0</t>
  </si>
  <si>
    <t>784804.0</t>
  </si>
  <si>
    <t>1805684.0</t>
  </si>
  <si>
    <t>1016027.0</t>
  </si>
  <si>
    <t>786516.0</t>
  </si>
  <si>
    <t>1814268.0</t>
  </si>
  <si>
    <t>1019349.0</t>
  </si>
  <si>
    <t>1824110.0</t>
  </si>
  <si>
    <t>1023628.0</t>
  </si>
  <si>
    <t>797145.0</t>
  </si>
  <si>
    <t>1843471.0</t>
  </si>
  <si>
    <t>1032510.0</t>
  </si>
  <si>
    <t>807353.0</t>
  </si>
  <si>
    <t>1854174.0</t>
  </si>
  <si>
    <t>1037598.0</t>
  </si>
  <si>
    <t>812885.0</t>
  </si>
  <si>
    <t>1855319.0</t>
  </si>
  <si>
    <t>1038142.0</t>
  </si>
  <si>
    <t>813479.0</t>
  </si>
  <si>
    <t>1863966.0</t>
  </si>
  <si>
    <t>1042048.0</t>
  </si>
  <si>
    <t>818092.0</t>
  </si>
  <si>
    <t>1875978.0</t>
  </si>
  <si>
    <t>1047579.0</t>
  </si>
  <si>
    <t>824488.0</t>
  </si>
  <si>
    <t>1888577.0</t>
  </si>
  <si>
    <t>1053547.0</t>
  </si>
  <si>
    <t>830996.0</t>
  </si>
  <si>
    <t>1900478.0</t>
  </si>
  <si>
    <t>1059306.0</t>
  </si>
  <si>
    <t>837060.0</t>
  </si>
  <si>
    <t>1907574.0</t>
  </si>
  <si>
    <t>1063125.0</t>
  </si>
  <si>
    <t>840277.0</t>
  </si>
  <si>
    <t>1920885.0</t>
  </si>
  <si>
    <t>1070060.0</t>
  </si>
  <si>
    <t>846540.0</t>
  </si>
  <si>
    <t>1922780.0</t>
  </si>
  <si>
    <t>1071066.0</t>
  </si>
  <si>
    <t>847420.0</t>
  </si>
  <si>
    <t>1934226.0</t>
  </si>
  <si>
    <t>1076385.0</t>
  </si>
  <si>
    <t>853367.0</t>
  </si>
  <si>
    <t>1945695.0</t>
  </si>
  <si>
    <t>1081645.0</t>
  </si>
  <si>
    <t>859539.0</t>
  </si>
  <si>
    <t>1958801.0</t>
  </si>
  <si>
    <t>1088090.0</t>
  </si>
  <si>
    <t>866084.0</t>
  </si>
  <si>
    <t>1966408.0</t>
  </si>
  <si>
    <t>1091411.0</t>
  </si>
  <si>
    <t>870255.0</t>
  </si>
  <si>
    <t>1981920.0</t>
  </si>
  <si>
    <t>1098795.0</t>
  </si>
  <si>
    <t>878229.0</t>
  </si>
  <si>
    <t>1986976.0</t>
  </si>
  <si>
    <t>1101015.0</t>
  </si>
  <si>
    <t>880993.0</t>
  </si>
  <si>
    <t>1991733.0</t>
  </si>
  <si>
    <t>1103737.0</t>
  </si>
  <si>
    <t>883003.0</t>
  </si>
  <si>
    <t>2011747.0</t>
  </si>
  <si>
    <t>1114927.0</t>
  </si>
  <si>
    <t>891186.0</t>
  </si>
  <si>
    <t>2021768.0</t>
  </si>
  <si>
    <t>1120234.0</t>
  </si>
  <si>
    <t>895200.0</t>
  </si>
  <si>
    <t>13928.7</t>
  </si>
  <si>
    <t>2100.66296957706</t>
  </si>
  <si>
    <t>2033611.0</t>
  </si>
  <si>
    <t>1126276.0</t>
  </si>
  <si>
    <t>900435.0</t>
  </si>
  <si>
    <t>2043745.0</t>
  </si>
  <si>
    <t>1131231.0</t>
  </si>
  <si>
    <t>904839.0</t>
  </si>
  <si>
    <t>2051501.0</t>
  </si>
  <si>
    <t>1135054.0</t>
  </si>
  <si>
    <t>908079.0</t>
  </si>
  <si>
    <t>2056269.0</t>
  </si>
  <si>
    <t>1137694.0</t>
  </si>
  <si>
    <t>914026.0</t>
  </si>
  <si>
    <t>2066076.0</t>
  </si>
  <si>
    <t>1142019.0</t>
  </si>
  <si>
    <t>918900.0</t>
  </si>
  <si>
    <t>2074950.0</t>
  </si>
  <si>
    <t>1146191.0</t>
  </si>
  <si>
    <t>922951.0</t>
  </si>
  <si>
    <t>2086909.0</t>
  </si>
  <si>
    <t>1152114.0</t>
  </si>
  <si>
    <t>928399.0</t>
  </si>
  <si>
    <t>2092761.0</t>
  </si>
  <si>
    <t>1154666.0</t>
  </si>
  <si>
    <t>931230.0</t>
  </si>
  <si>
    <t>2103942.0</t>
  </si>
  <si>
    <t>1160051.0</t>
  </si>
  <si>
    <t>936109.0</t>
  </si>
  <si>
    <t>2105537.0</t>
  </si>
  <si>
    <t>1160863.0</t>
  </si>
  <si>
    <t>936814.0</t>
  </si>
  <si>
    <t>2112639.0</t>
  </si>
  <si>
    <t>1163928.0</t>
  </si>
  <si>
    <t>940341.0</t>
  </si>
  <si>
    <t>2125262.0</t>
  </si>
  <si>
    <t>1169585.0</t>
  </si>
  <si>
    <t>946238.0</t>
  </si>
  <si>
    <t>2135383.0</t>
  </si>
  <si>
    <t>1174065.0</t>
  </si>
  <si>
    <t>950978.0</t>
  </si>
  <si>
    <t>2188881.0</t>
  </si>
  <si>
    <t>1198050.0</t>
  </si>
  <si>
    <t>975430.0</t>
  </si>
  <si>
    <t>2198133.0</t>
  </si>
  <si>
    <t>1202727.0</t>
  </si>
  <si>
    <t>978829.0</t>
  </si>
  <si>
    <t>2208037.0</t>
  </si>
  <si>
    <t>1207893.0</t>
  </si>
  <si>
    <t>981965.0</t>
  </si>
  <si>
    <t>2219261.0</t>
  </si>
  <si>
    <t>1213669.0</t>
  </si>
  <si>
    <t>986156.0</t>
  </si>
  <si>
    <t>2219604.0</t>
  </si>
  <si>
    <t>1213832.0</t>
  </si>
  <si>
    <t>986320.0</t>
  </si>
  <si>
    <t>2224305.0</t>
  </si>
  <si>
    <t>1216105.0</t>
  </si>
  <si>
    <t>2233245.0</t>
  </si>
  <si>
    <t>1220792.0</t>
  </si>
  <si>
    <t>990973.0</t>
  </si>
  <si>
    <t>2243125.0</t>
  </si>
  <si>
    <t>1225902.0</t>
  </si>
  <si>
    <t>2245084.0</t>
  </si>
  <si>
    <t>1226855.0</t>
  </si>
  <si>
    <t>2254438.0</t>
  </si>
  <si>
    <t>1231013.0</t>
  </si>
  <si>
    <t>2255224.0</t>
  </si>
  <si>
    <t>1231313.0</t>
  </si>
  <si>
    <t>2191.64992238284</t>
  </si>
  <si>
    <t>2256018.0</t>
  </si>
  <si>
    <t>1231550.0</t>
  </si>
  <si>
    <t>2260694.0</t>
  </si>
  <si>
    <t>1233354.0</t>
  </si>
  <si>
    <t>2265426.0</t>
  </si>
  <si>
    <t>1235383.0</t>
  </si>
  <si>
    <t>2272304.0</t>
  </si>
  <si>
    <t>1238178.0</t>
  </si>
  <si>
    <t>2279184.0</t>
  </si>
  <si>
    <t>2282081.0</t>
  </si>
  <si>
    <t>1242335.0</t>
  </si>
  <si>
    <t>2284907.0</t>
  </si>
  <si>
    <t>1243179.0</t>
  </si>
  <si>
    <t>2286687.0</t>
  </si>
  <si>
    <t>1243871.0</t>
  </si>
  <si>
    <t>2292871.0</t>
  </si>
  <si>
    <t>1246270.0</t>
  </si>
  <si>
    <t>2303820.0</t>
  </si>
  <si>
    <t>1250833.0</t>
  </si>
  <si>
    <t>2311609.0</t>
  </si>
  <si>
    <t>1253785.0</t>
  </si>
  <si>
    <t>2324236.0</t>
  </si>
  <si>
    <t>2333144.0</t>
  </si>
  <si>
    <t>2342028.0</t>
  </si>
  <si>
    <t>1265441.0</t>
  </si>
  <si>
    <t>2343993.0</t>
  </si>
  <si>
    <t>1266300.0</t>
  </si>
  <si>
    <t>2352641.0</t>
  </si>
  <si>
    <t>1269521.0</t>
  </si>
  <si>
    <t>2373365.0</t>
  </si>
  <si>
    <t>1277681.0</t>
  </si>
  <si>
    <t>2386654.0</t>
  </si>
  <si>
    <t>1284098.0</t>
  </si>
  <si>
    <t>2405011.0</t>
  </si>
  <si>
    <t>1292866.0</t>
  </si>
  <si>
    <t>2413333.0</t>
  </si>
  <si>
    <t>1296746.0</t>
  </si>
  <si>
    <t>2415363.0</t>
  </si>
  <si>
    <t>1297628.0</t>
  </si>
  <si>
    <t>2419611.0</t>
  </si>
  <si>
    <t>2427745.0</t>
  </si>
  <si>
    <t>1303081.0</t>
  </si>
  <si>
    <t>2441934.0</t>
  </si>
  <si>
    <t>1308795.0</t>
  </si>
  <si>
    <t>2453401.0</t>
  </si>
  <si>
    <t>1313930.0</t>
  </si>
  <si>
    <t>2465081.0</t>
  </si>
  <si>
    <t>1319336.0</t>
  </si>
  <si>
    <t>2476131.0</t>
  </si>
  <si>
    <t>1324550.0</t>
  </si>
  <si>
    <t>2480402.0</t>
  </si>
  <si>
    <t>1326564.0</t>
  </si>
  <si>
    <t>2488855.0</t>
  </si>
  <si>
    <t>2498929.0</t>
  </si>
  <si>
    <t>1334980.0</t>
  </si>
  <si>
    <t>14298.7</t>
  </si>
  <si>
    <t>2156.46468106079</t>
  </si>
  <si>
    <t>2510003.0</t>
  </si>
  <si>
    <t>1340302.0</t>
  </si>
  <si>
    <t>1092996.0</t>
  </si>
  <si>
    <t>2517938.0</t>
  </si>
  <si>
    <t>1344180.0</t>
  </si>
  <si>
    <t>1094900.0</t>
  </si>
  <si>
    <t>2526701.0</t>
  </si>
  <si>
    <t>1348404.0</t>
  </si>
  <si>
    <t>1097327.0</t>
  </si>
  <si>
    <t>2534217.0</t>
  </si>
  <si>
    <t>1352274.0</t>
  </si>
  <si>
    <t>1099259.0</t>
  </si>
  <si>
    <t>2535766.0</t>
  </si>
  <si>
    <t>1353247.0</t>
  </si>
  <si>
    <t>1099568.0</t>
  </si>
  <si>
    <t>2538415.0</t>
  </si>
  <si>
    <t>1354415.0</t>
  </si>
  <si>
    <t>1100398.0</t>
  </si>
  <si>
    <t>2549921.0</t>
  </si>
  <si>
    <t>1359829.0</t>
  </si>
  <si>
    <t>1103548.0</t>
  </si>
  <si>
    <t>2561129.0</t>
  </si>
  <si>
    <t>1364417.0</t>
  </si>
  <si>
    <t>1106701.0</t>
  </si>
  <si>
    <t>2569548.0</t>
  </si>
  <si>
    <t>1367605.0</t>
  </si>
  <si>
    <t>1109335.0</t>
  </si>
  <si>
    <t>2581094.0</t>
  </si>
  <si>
    <t>1371631.0</t>
  </si>
  <si>
    <t>1114224.0</t>
  </si>
  <si>
    <t>2591539.0</t>
  </si>
  <si>
    <t>1375800.0</t>
  </si>
  <si>
    <t>1118293.0</t>
  </si>
  <si>
    <t>2595198.0</t>
  </si>
  <si>
    <t>1377821.0</t>
  </si>
  <si>
    <t>1119529.0</t>
  </si>
  <si>
    <t>2599981.0</t>
  </si>
  <si>
    <t>1380159.0</t>
  </si>
  <si>
    <t>1120886.0</t>
  </si>
  <si>
    <t>2611782.0</t>
  </si>
  <si>
    <t>1385613.0</t>
  </si>
  <si>
    <t>1123752.0</t>
  </si>
  <si>
    <t>2620518.0</t>
  </si>
  <si>
    <t>1389771.0</t>
  </si>
  <si>
    <t>1125909.0</t>
  </si>
  <si>
    <t>2634736.0</t>
  </si>
  <si>
    <t>1396564.0</t>
  </si>
  <si>
    <t>1129620.0</t>
  </si>
  <si>
    <t>2650018.0</t>
  </si>
  <si>
    <t>1404051.0</t>
  </si>
  <si>
    <t>1133543.0</t>
  </si>
  <si>
    <t>15282.0</t>
  </si>
  <si>
    <t>2664333.0</t>
  </si>
  <si>
    <t>1411745.0</t>
  </si>
  <si>
    <t>1137523.0</t>
  </si>
  <si>
    <t>14315.0</t>
  </si>
  <si>
    <t>2666620.0</t>
  </si>
  <si>
    <t>1412915.0</t>
  </si>
  <si>
    <t>1138110.0</t>
  </si>
  <si>
    <t>2673204.0</t>
  </si>
  <si>
    <t>1415936.0</t>
  </si>
  <si>
    <t>1139983.0</t>
  </si>
  <si>
    <t>2684291.0</t>
  </si>
  <si>
    <t>1421219.0</t>
  </si>
  <si>
    <t>1143099.0</t>
  </si>
  <si>
    <t>2688868.0</t>
  </si>
  <si>
    <t>1423518.0</t>
  </si>
  <si>
    <t>1144479.0</t>
  </si>
  <si>
    <t>2694912.0</t>
  </si>
  <si>
    <t>1425771.0</t>
  </si>
  <si>
    <t>1147414.0</t>
  </si>
  <si>
    <t>2706546.0</t>
  </si>
  <si>
    <t>1430022.0</t>
  </si>
  <si>
    <t>1151975.0</t>
  </si>
  <si>
    <t>2717852.0</t>
  </si>
  <si>
    <t>1434716.0</t>
  </si>
  <si>
    <t>1155558.0</t>
  </si>
  <si>
    <t>2720426.0</t>
  </si>
  <si>
    <t>1436179.0</t>
  </si>
  <si>
    <t>1156106.0</t>
  </si>
  <si>
    <t>2726917.0</t>
  </si>
  <si>
    <t>1438348.0</t>
  </si>
  <si>
    <t>1158791.0</t>
  </si>
  <si>
    <t>2739073.0</t>
  </si>
  <si>
    <t>1441985.0</t>
  </si>
  <si>
    <t>1163693.0</t>
  </si>
  <si>
    <t>2261.47746945573</t>
  </si>
  <si>
    <t>2748966.0</t>
  </si>
  <si>
    <t>1445480.0</t>
  </si>
  <si>
    <t>1167948.0</t>
  </si>
  <si>
    <t>2760380.0</t>
  </si>
  <si>
    <t>1449054.0</t>
  </si>
  <si>
    <t>1173355.0</t>
  </si>
  <si>
    <t>2770686.0</t>
  </si>
  <si>
    <t>1452027.0</t>
  </si>
  <si>
    <t>1178526.0</t>
  </si>
  <si>
    <t>2776156.0</t>
  </si>
  <si>
    <t>1453749.0</t>
  </si>
  <si>
    <t>1180873.0</t>
  </si>
  <si>
    <t>2776676.0</t>
  </si>
  <si>
    <t>1453980.0</t>
  </si>
  <si>
    <t>1181058.0</t>
  </si>
  <si>
    <t>2781699.0</t>
  </si>
  <si>
    <t>1455528.0</t>
  </si>
  <si>
    <t>1183332.0</t>
  </si>
  <si>
    <t>2782907.0</t>
  </si>
  <si>
    <t>1456004.0</t>
  </si>
  <si>
    <t>1183841.0</t>
  </si>
  <si>
    <t>2789332.0</t>
  </si>
  <si>
    <t>1457528.0</t>
  </si>
  <si>
    <t>1187266.0</t>
  </si>
  <si>
    <t>2796955.0</t>
  </si>
  <si>
    <t>1459527.0</t>
  </si>
  <si>
    <t>1191150.0</t>
  </si>
  <si>
    <t>2808248.0</t>
  </si>
  <si>
    <t>1462837.0</t>
  </si>
  <si>
    <t>1196561.0</t>
  </si>
  <si>
    <t>2812776.0</t>
  </si>
  <si>
    <t>1464215.0</t>
  </si>
  <si>
    <t>1198793.0</t>
  </si>
  <si>
    <t>2813620.0</t>
  </si>
  <si>
    <t>1199109.0</t>
  </si>
  <si>
    <t>2826586.0</t>
  </si>
  <si>
    <t>1468402.0</t>
  </si>
  <si>
    <t>1205204.0</t>
  </si>
  <si>
    <t>2835097.0</t>
  </si>
  <si>
    <t>1470870.0</t>
  </si>
  <si>
    <t>1208307.0</t>
  </si>
  <si>
    <t>2840706.0</t>
  </si>
  <si>
    <t>1472497.0</t>
  </si>
  <si>
    <t>1210657.0</t>
  </si>
  <si>
    <t>2848474.0</t>
  </si>
  <si>
    <t>1474430.0</t>
  </si>
  <si>
    <t>1214385.0</t>
  </si>
  <si>
    <t>2854706.0</t>
  </si>
  <si>
    <t>1475857.0</t>
  </si>
  <si>
    <t>1217314.0</t>
  </si>
  <si>
    <t>2855677.0</t>
  </si>
  <si>
    <t>1476131.0</t>
  </si>
  <si>
    <t>1217722.0</t>
  </si>
  <si>
    <t>2856035.0</t>
  </si>
  <si>
    <t>1476272.0</t>
  </si>
  <si>
    <t>1217875.0</t>
  </si>
  <si>
    <t>2861172.0</t>
  </si>
  <si>
    <t>1477546.0</t>
  </si>
  <si>
    <t>1220372.0</t>
  </si>
  <si>
    <t>2868392.0</t>
  </si>
  <si>
    <t>1479227.0</t>
  </si>
  <si>
    <t>1224350.0</t>
  </si>
  <si>
    <t>2876802.0</t>
  </si>
  <si>
    <t>1481102.0</t>
  </si>
  <si>
    <t>1228644.0</t>
  </si>
  <si>
    <t>2881701.0</t>
  </si>
  <si>
    <t>1482289.0</t>
  </si>
  <si>
    <t>1230436.0</t>
  </si>
  <si>
    <t>2886409.0</t>
  </si>
  <si>
    <t>1483720.0</t>
  </si>
  <si>
    <t>1232041.0</t>
  </si>
  <si>
    <t>2886982.0</t>
  </si>
  <si>
    <t>1483917.0</t>
  </si>
  <si>
    <t>1232369.0</t>
  </si>
  <si>
    <t>2891494.0</t>
  </si>
  <si>
    <t>1485262.0</t>
  </si>
  <si>
    <t>1233864.0</t>
  </si>
  <si>
    <t>2894397.0</t>
  </si>
  <si>
    <t>1486106.0</t>
  </si>
  <si>
    <t>1234771.0</t>
  </si>
  <si>
    <t>2902889.0</t>
  </si>
  <si>
    <t>1488749.0</t>
  </si>
  <si>
    <t>1237551.0</t>
  </si>
  <si>
    <t>2910587.0</t>
  </si>
  <si>
    <t>1491383.0</t>
  </si>
  <si>
    <t>1239745.0</t>
  </si>
  <si>
    <t>2914115.0</t>
  </si>
  <si>
    <t>1492513.0</t>
  </si>
  <si>
    <t>1240931.0</t>
  </si>
  <si>
    <t>15298.1</t>
  </si>
  <si>
    <t>2307.18962824146</t>
  </si>
  <si>
    <t>2922653.0</t>
  </si>
  <si>
    <t>1495421.0</t>
  </si>
  <si>
    <t>1243958.0</t>
  </si>
  <si>
    <t>2926524.0</t>
  </si>
  <si>
    <t>1496782.0</t>
  </si>
  <si>
    <t>1245413.0</t>
  </si>
  <si>
    <t>2933654.0</t>
  </si>
  <si>
    <t>1499121.0</t>
  </si>
  <si>
    <t>1248104.0</t>
  </si>
  <si>
    <t>2933790.0</t>
  </si>
  <si>
    <t>1499204.0</t>
  </si>
  <si>
    <t>1248194.0</t>
  </si>
  <si>
    <t>2936619.0</t>
  </si>
  <si>
    <t>1500249.0</t>
  </si>
  <si>
    <t>1249120.0</t>
  </si>
  <si>
    <t>2940982.0</t>
  </si>
  <si>
    <t>1501776.0</t>
  </si>
  <si>
    <t>1250781.0</t>
  </si>
  <si>
    <t>2941587.0</t>
  </si>
  <si>
    <t>1502051.0</t>
  </si>
  <si>
    <t>1251007.0</t>
  </si>
  <si>
    <t>2944995.0</t>
  </si>
  <si>
    <t>1503372.0</t>
  </si>
  <si>
    <t>1251999.0</t>
  </si>
  <si>
    <t>2952662.0</t>
  </si>
  <si>
    <t>1506193.0</t>
  </si>
  <si>
    <t>1254382.0</t>
  </si>
  <si>
    <t>2955942.0</t>
  </si>
  <si>
    <t>1507363.0</t>
  </si>
  <si>
    <t>1255531.0</t>
  </si>
  <si>
    <t>2963264.0</t>
  </si>
  <si>
    <t>1509843.0</t>
  </si>
  <si>
    <t>1257991.0</t>
  </si>
  <si>
    <t>2966828.0</t>
  </si>
  <si>
    <t>1511278.0</t>
  </si>
  <si>
    <t>1258899.0</t>
  </si>
  <si>
    <t>2973572.0</t>
  </si>
  <si>
    <t>1513796.0</t>
  </si>
  <si>
    <t>1260911.0</t>
  </si>
  <si>
    <t>2979480.0</t>
  </si>
  <si>
    <t>1515986.0</t>
  </si>
  <si>
    <t>1262653.0</t>
  </si>
  <si>
    <t>2981295.0</t>
  </si>
  <si>
    <t>1516672.0</t>
  </si>
  <si>
    <t>1263289.0</t>
  </si>
  <si>
    <t>2985372.0</t>
  </si>
  <si>
    <t>1518139.0</t>
  </si>
  <si>
    <t>1264476.0</t>
  </si>
  <si>
    <t>2989438.0</t>
  </si>
  <si>
    <t>1519475.0</t>
  </si>
  <si>
    <t>1265690.0</t>
  </si>
  <si>
    <t>2994491.0</t>
  </si>
  <si>
    <t>1521219.0</t>
  </si>
  <si>
    <t>1267325.0</t>
  </si>
  <si>
    <t>2996517.0</t>
  </si>
  <si>
    <t>1522042.0</t>
  </si>
  <si>
    <t>1267934.0</t>
  </si>
  <si>
    <t>3001180.0</t>
  </si>
  <si>
    <t>1523637.0</t>
  </si>
  <si>
    <t>1269568.0</t>
  </si>
  <si>
    <t>3005488.0</t>
  </si>
  <si>
    <t>1525211.0</t>
  </si>
  <si>
    <t>1270712.0</t>
  </si>
  <si>
    <t>3009791.0</t>
  </si>
  <si>
    <t>1526650.0</t>
  </si>
  <si>
    <t>1271895.0</t>
  </si>
  <si>
    <t>3015110.0</t>
  </si>
  <si>
    <t>1528580.0</t>
  </si>
  <si>
    <t>1273395.0</t>
  </si>
  <si>
    <t>3018272.0</t>
  </si>
  <si>
    <t>1529779.0</t>
  </si>
  <si>
    <t>1274171.0</t>
  </si>
  <si>
    <t>3019327.0</t>
  </si>
  <si>
    <t>1530218.0</t>
  </si>
  <si>
    <t>1274499.0</t>
  </si>
  <si>
    <t>2359.35668770693</t>
  </si>
  <si>
    <t>3019530.0</t>
  </si>
  <si>
    <t>1530295.0</t>
  </si>
  <si>
    <t>1274575.0</t>
  </si>
  <si>
    <t>3020014.0</t>
  </si>
  <si>
    <t>1530449.0</t>
  </si>
  <si>
    <t>1274812.0</t>
  </si>
  <si>
    <t>3022606.0</t>
  </si>
  <si>
    <t>1531208.0</t>
  </si>
  <si>
    <t>1275902.0</t>
  </si>
  <si>
    <t>3024897.0</t>
  </si>
  <si>
    <t>1531899.0</t>
  </si>
  <si>
    <t>1276835.0</t>
  </si>
  <si>
    <t>3027385.0</t>
  </si>
  <si>
    <t>1532588.0</t>
  </si>
  <si>
    <t>1277818.0</t>
  </si>
  <si>
    <t>3031713.0</t>
  </si>
  <si>
    <t>1533741.0</t>
  </si>
  <si>
    <t>1279369.0</t>
  </si>
  <si>
    <t>3032383.0</t>
  </si>
  <si>
    <t>1534006.0</t>
  </si>
  <si>
    <t>1279580.0</t>
  </si>
  <si>
    <t>3032671.0</t>
  </si>
  <si>
    <t>1534086.0</t>
  </si>
  <si>
    <t>1279680.0</t>
  </si>
  <si>
    <t>3035073.0</t>
  </si>
  <si>
    <t>1534708.0</t>
  </si>
  <si>
    <t>1280622.0</t>
  </si>
  <si>
    <t>3039644.0</t>
  </si>
  <si>
    <t>1536051.0</t>
  </si>
  <si>
    <t>1282349.0</t>
  </si>
  <si>
    <t>3043701.0</t>
  </si>
  <si>
    <t>1537430.0</t>
  </si>
  <si>
    <t>1283937.0</t>
  </si>
  <si>
    <t>3048412.0</t>
  </si>
  <si>
    <t>1538980.0</t>
  </si>
  <si>
    <t>1285693.0</t>
  </si>
  <si>
    <t>3051821.0</t>
  </si>
  <si>
    <t>1540088.0</t>
  </si>
  <si>
    <t>1286750.0</t>
  </si>
  <si>
    <t>3059238.0</t>
  </si>
  <si>
    <t>1542401.0</t>
  </si>
  <si>
    <t>1289350.0</t>
  </si>
  <si>
    <t>3061513.0</t>
  </si>
  <si>
    <t>1543121.0</t>
  </si>
  <si>
    <t>1290092.0</t>
  </si>
  <si>
    <t>3066212.0</t>
  </si>
  <si>
    <t>1544504.0</t>
  </si>
  <si>
    <t>1291728.0</t>
  </si>
  <si>
    <t>3070384.0</t>
  </si>
  <si>
    <t>1545805.0</t>
  </si>
  <si>
    <t>1293036.0</t>
  </si>
  <si>
    <t>3074891.0</t>
  </si>
  <si>
    <t>1547085.0</t>
  </si>
  <si>
    <t>1294351.0</t>
  </si>
  <si>
    <t>3075609.0</t>
  </si>
  <si>
    <t>1547364.0</t>
  </si>
  <si>
    <t>1294545.0</t>
  </si>
  <si>
    <t>3077472.0</t>
  </si>
  <si>
    <t>1547935.0</t>
  </si>
  <si>
    <t>1295112.0</t>
  </si>
  <si>
    <t>3081427.0</t>
  </si>
  <si>
    <t>1549211.0</t>
  </si>
  <si>
    <t>1296189.0</t>
  </si>
  <si>
    <t>3085684.0</t>
  </si>
  <si>
    <t>1550449.0</t>
  </si>
  <si>
    <t>1297480.0</t>
  </si>
  <si>
    <t>3089193.0</t>
  </si>
  <si>
    <t>1551602.0</t>
  </si>
  <si>
    <t>1298385.0</t>
  </si>
  <si>
    <t>3092558.0</t>
  </si>
  <si>
    <t>1552776.0</t>
  </si>
  <si>
    <t>1299468.0</t>
  </si>
  <si>
    <t>3095441.0</t>
  </si>
  <si>
    <t>1553802.0</t>
  </si>
  <si>
    <t>1300522.0</t>
  </si>
  <si>
    <t>3096079.0</t>
  </si>
  <si>
    <t>1554018.0</t>
  </si>
  <si>
    <t>1300732.0</t>
  </si>
  <si>
    <t>3097640.0</t>
  </si>
  <si>
    <t>1554585.0</t>
  </si>
  <si>
    <t>1301185.0</t>
  </si>
  <si>
    <t>3100883.0</t>
  </si>
  <si>
    <t>1555910.0</t>
  </si>
  <si>
    <t>1302147.0</t>
  </si>
  <si>
    <t>3103935.0</t>
  </si>
  <si>
    <t>1557161.0</t>
  </si>
  <si>
    <t>1303146.0</t>
  </si>
  <si>
    <t>14921.5</t>
  </si>
  <si>
    <t>2250.3925348772</t>
  </si>
  <si>
    <t>3106644.0</t>
  </si>
  <si>
    <t>1558080.0</t>
  </si>
  <si>
    <t>1304095.0</t>
  </si>
  <si>
    <t>3109372.0</t>
  </si>
  <si>
    <t>1559206.0</t>
  </si>
  <si>
    <t>1304971.0</t>
  </si>
  <si>
    <t>3111974.0</t>
  </si>
  <si>
    <t>1560278.0</t>
  </si>
  <si>
    <t>1305740.0</t>
  </si>
  <si>
    <t>3112460.0</t>
  </si>
  <si>
    <t>1560444.0</t>
  </si>
  <si>
    <t>1305916.0</t>
  </si>
  <si>
    <t>3114138.0</t>
  </si>
  <si>
    <t>1560998.0</t>
  </si>
  <si>
    <t>1306478.0</t>
  </si>
  <si>
    <t>3117313.0</t>
  </si>
  <si>
    <t>1562170.0</t>
  </si>
  <si>
    <t>1307537.0</t>
  </si>
  <si>
    <t>3120190.0</t>
  </si>
  <si>
    <t>1563050.0</t>
  </si>
  <si>
    <t>1308585.0</t>
  </si>
  <si>
    <t>3121945.0</t>
  </si>
  <si>
    <t>1563564.0</t>
  </si>
  <si>
    <t>1309171.0</t>
  </si>
  <si>
    <t>3124241.0</t>
  </si>
  <si>
    <t>1564206.0</t>
  </si>
  <si>
    <t>1310261.0</t>
  </si>
  <si>
    <t>3126106.0</t>
  </si>
  <si>
    <t>1564692.0</t>
  </si>
  <si>
    <t>1311205.0</t>
  </si>
  <si>
    <t>3126369.0</t>
  </si>
  <si>
    <t>1564749.0</t>
  </si>
  <si>
    <t>1311309.0</t>
  </si>
  <si>
    <t>3127406.0</t>
  </si>
  <si>
    <t>1564944.0</t>
  </si>
  <si>
    <t>1311608.0</t>
  </si>
  <si>
    <t>3129610.0</t>
  </si>
  <si>
    <t>1565493.0</t>
  </si>
  <si>
    <t>1312413.0</t>
  </si>
  <si>
    <t>3131514.0</t>
  </si>
  <si>
    <t>1566052.0</t>
  </si>
  <si>
    <t>1313083.0</t>
  </si>
  <si>
    <t>3133238.0</t>
  </si>
  <si>
    <t>1566673.0</t>
  </si>
  <si>
    <t>1313859.0</t>
  </si>
  <si>
    <t>3135327.0</t>
  </si>
  <si>
    <t>1567377.0</t>
  </si>
  <si>
    <t>1314653.0</t>
  </si>
  <si>
    <t>3137342.0</t>
  </si>
  <si>
    <t>1568053.0</t>
  </si>
  <si>
    <t>1315286.0</t>
  </si>
  <si>
    <t>3137556.0</t>
  </si>
  <si>
    <t>1568100.0</t>
  </si>
  <si>
    <t>1315410.0</t>
  </si>
  <si>
    <t>3138401.0</t>
  </si>
  <si>
    <t>1568307.0</t>
  </si>
  <si>
    <t>1315773.0</t>
  </si>
  <si>
    <t>3139964.0</t>
  </si>
  <si>
    <t>1568745.0</t>
  </si>
  <si>
    <t>1316435.0</t>
  </si>
  <si>
    <t>3141999.0</t>
  </si>
  <si>
    <t>1569155.0</t>
  </si>
  <si>
    <t>1317134.0</t>
  </si>
  <si>
    <t>3143718.0</t>
  </si>
  <si>
    <t>1569452.0</t>
  </si>
  <si>
    <t>1317734.0</t>
  </si>
  <si>
    <t>3145634.0</t>
  </si>
  <si>
    <t>1569827.0</t>
  </si>
  <si>
    <t>1318397.0</t>
  </si>
  <si>
    <t>3147415.0</t>
  </si>
  <si>
    <t>1570170.0</t>
  </si>
  <si>
    <t>1318930.0</t>
  </si>
  <si>
    <t>3147581.0</t>
  </si>
  <si>
    <t>1570217.0</t>
  </si>
  <si>
    <t>1319003.0</t>
  </si>
  <si>
    <t>3148245.0</t>
  </si>
  <si>
    <t>1570343.0</t>
  </si>
  <si>
    <t>1319303.0</t>
  </si>
  <si>
    <t>3149542.0</t>
  </si>
  <si>
    <t>1570645.0</t>
  </si>
  <si>
    <t>1319864.0</t>
  </si>
  <si>
    <t>3151034.0</t>
  </si>
  <si>
    <t>1570937.0</t>
  </si>
  <si>
    <t>1320438.0</t>
  </si>
  <si>
    <t>3152324.0</t>
  </si>
  <si>
    <t>1571206.0</t>
  </si>
  <si>
    <t>1321103.0</t>
  </si>
  <si>
    <t>3153186.0</t>
  </si>
  <si>
    <t>1571358.0</t>
  </si>
  <si>
    <t>1321404.0</t>
  </si>
  <si>
    <t>14896.8</t>
  </si>
  <si>
    <t>2246.66739359707</t>
  </si>
  <si>
    <t>3153847.0</t>
  </si>
  <si>
    <t>1571540.0</t>
  </si>
  <si>
    <t>1321799.0</t>
  </si>
  <si>
    <t>3153936.0</t>
  </si>
  <si>
    <t>1571576.0</t>
  </si>
  <si>
    <t>1321847.0</t>
  </si>
  <si>
    <t>3154348.0</t>
  </si>
  <si>
    <t>1571756.0</t>
  </si>
  <si>
    <t>1321958.0</t>
  </si>
  <si>
    <t>1572051.0</t>
  </si>
  <si>
    <t>1322335.0</t>
  </si>
  <si>
    <t>3155994.0</t>
  </si>
  <si>
    <t>1572271.0</t>
  </si>
  <si>
    <t>1322566.0</t>
  </si>
  <si>
    <t>3156926.0</t>
  </si>
  <si>
    <t>1572510.0</t>
  </si>
  <si>
    <t>1322959.0</t>
  </si>
  <si>
    <t>3157769.0</t>
  </si>
  <si>
    <t>1572788.0</t>
  </si>
  <si>
    <t>1323237.0</t>
  </si>
  <si>
    <t>3158250.0</t>
  </si>
  <si>
    <t>1572930.0</t>
  </si>
  <si>
    <t>1323501.0</t>
  </si>
  <si>
    <t>3158750.0</t>
  </si>
  <si>
    <t>1573005.0</t>
  </si>
  <si>
    <t>1323757.0</t>
  </si>
  <si>
    <t>3159671.0</t>
  </si>
  <si>
    <t>1573263.0</t>
  </si>
  <si>
    <t>1324062.0</t>
  </si>
  <si>
    <t>3160686.0</t>
  </si>
  <si>
    <t>1573577.0</t>
  </si>
  <si>
    <t>1324406.0</t>
  </si>
  <si>
    <t>3161741.0</t>
  </si>
  <si>
    <t>1573907.0</t>
  </si>
  <si>
    <t>3162966.0</t>
  </si>
  <si>
    <t>1574290.0</t>
  </si>
  <si>
    <t>3164360.0</t>
  </si>
  <si>
    <t>1574600.0</t>
  </si>
  <si>
    <t>3164681.0</t>
  </si>
  <si>
    <t>1574662.0</t>
  </si>
  <si>
    <t>3165177.0</t>
  </si>
  <si>
    <t>1574866.0</t>
  </si>
  <si>
    <t>3166293.0</t>
  </si>
  <si>
    <t>1575353.0</t>
  </si>
  <si>
    <t>3167481.0</t>
  </si>
  <si>
    <t>3168164.0</t>
  </si>
  <si>
    <t>3168698.0</t>
  </si>
  <si>
    <t>3169372.0</t>
  </si>
  <si>
    <t>3169643.0</t>
  </si>
  <si>
    <t>3170066.0</t>
  </si>
  <si>
    <t>3170511.0</t>
  </si>
  <si>
    <t>3170533.0</t>
  </si>
  <si>
    <t>3170716.0</t>
  </si>
  <si>
    <t>1575409.0</t>
  </si>
  <si>
    <t>3171342.0</t>
  </si>
  <si>
    <t>1575561.0</t>
  </si>
  <si>
    <t>3171445.0</t>
  </si>
  <si>
    <t>1575635.0</t>
  </si>
  <si>
    <t>14497.7</t>
  </si>
  <si>
    <t>-14.37</t>
  </si>
  <si>
    <t>2186.47695291286</t>
  </si>
  <si>
    <t>3171449.0</t>
  </si>
  <si>
    <t>1575658.0</t>
  </si>
  <si>
    <t>3172000.0</t>
  </si>
  <si>
    <t>1575891.0</t>
  </si>
  <si>
    <t>3172309.0</t>
  </si>
  <si>
    <t>1576018.0</t>
  </si>
  <si>
    <t>3172356.0</t>
  </si>
  <si>
    <t>1576225.0</t>
  </si>
  <si>
    <t>3172539.0</t>
  </si>
  <si>
    <t>3173016.0</t>
  </si>
  <si>
    <t>3173444.0</t>
  </si>
  <si>
    <t>1324818.0</t>
  </si>
  <si>
    <t>1576317.0</t>
  </si>
  <si>
    <t>1324855.0</t>
  </si>
  <si>
    <t>3175283.0</t>
  </si>
  <si>
    <t>1576593.0</t>
  </si>
  <si>
    <t>1325173.0</t>
  </si>
  <si>
    <t>3176140.0</t>
  </si>
  <si>
    <t>1576811.0</t>
  </si>
  <si>
    <t>1325274.0</t>
  </si>
  <si>
    <t>3176482.0</t>
  </si>
  <si>
    <t>1576876.0</t>
  </si>
  <si>
    <t>1325337.0</t>
  </si>
  <si>
    <t>3178386.0</t>
  </si>
  <si>
    <t>1577268.0</t>
  </si>
  <si>
    <t>1325630.0</t>
  </si>
  <si>
    <t>3180213.0</t>
  </si>
  <si>
    <t>1577861.0</t>
  </si>
  <si>
    <t>1326074.0</t>
  </si>
  <si>
    <t>3182018.0</t>
  </si>
  <si>
    <t>1578518.0</t>
  </si>
  <si>
    <t>1326358.0</t>
  </si>
  <si>
    <t>3184288.0</t>
  </si>
  <si>
    <t>1579086.0</t>
  </si>
  <si>
    <t>1326749.0</t>
  </si>
  <si>
    <t>3186449.0</t>
  </si>
  <si>
    <t>1579734.0</t>
  </si>
  <si>
    <t>1327074.0</t>
  </si>
  <si>
    <t>3186934.0</t>
  </si>
  <si>
    <t>1579925.0</t>
  </si>
  <si>
    <t>1327187.0</t>
  </si>
  <si>
    <t>3187996.0</t>
  </si>
  <si>
    <t>1580233.0</t>
  </si>
  <si>
    <t>1327321.0</t>
  </si>
  <si>
    <t>3190761.0</t>
  </si>
  <si>
    <t>1581159.0</t>
  </si>
  <si>
    <t>1327790.0</t>
  </si>
  <si>
    <t>3193830.0</t>
  </si>
  <si>
    <t>1582262.0</t>
  </si>
  <si>
    <t>1328217.0</t>
  </si>
  <si>
    <t>3196268.0</t>
  </si>
  <si>
    <t>1583118.0</t>
  </si>
  <si>
    <t>1328666.0</t>
  </si>
  <si>
    <t>3198654.0</t>
  </si>
  <si>
    <t>1583916.0</t>
  </si>
  <si>
    <t>1328942.0</t>
  </si>
  <si>
    <t>3200369.0</t>
  </si>
  <si>
    <t>1584452.0</t>
  </si>
  <si>
    <t>1329185.0</t>
  </si>
  <si>
    <t>3200611.0</t>
  </si>
  <si>
    <t>1584508.0</t>
  </si>
  <si>
    <t>1329232.0</t>
  </si>
  <si>
    <t>3201050.0</t>
  </si>
  <si>
    <t>1584679.0</t>
  </si>
  <si>
    <t>1329303.0</t>
  </si>
  <si>
    <t>3203678.0</t>
  </si>
  <si>
    <t>1585408.0</t>
  </si>
  <si>
    <t>1329701.0</t>
  </si>
  <si>
    <t>3205004.0</t>
  </si>
  <si>
    <t>1585812.0</t>
  </si>
  <si>
    <t>1329893.0</t>
  </si>
  <si>
    <t>3205696.0</t>
  </si>
  <si>
    <t>1586044.0</t>
  </si>
  <si>
    <t>1330045.0</t>
  </si>
  <si>
    <t>16276.8</t>
  </si>
  <si>
    <t>2454.79269588776</t>
  </si>
  <si>
    <t>3207640.0</t>
  </si>
  <si>
    <t>1586782.0</t>
  </si>
  <si>
    <t>1330412.0</t>
  </si>
  <si>
    <t>3209533.0</t>
  </si>
  <si>
    <t>1587463.0</t>
  </si>
  <si>
    <t>1330727.0</t>
  </si>
  <si>
    <t>3209864.0</t>
  </si>
  <si>
    <t>1587517.0</t>
  </si>
  <si>
    <t>1330760.0</t>
  </si>
  <si>
    <t>3210829.0</t>
  </si>
  <si>
    <t>1587890.0</t>
  </si>
  <si>
    <t>1330938.0</t>
  </si>
  <si>
    <t>3212984.0</t>
  </si>
  <si>
    <t>1588671.0</t>
  </si>
  <si>
    <t>1331385.0</t>
  </si>
  <si>
    <t>3215269.0</t>
  </si>
  <si>
    <t>1589559.0</t>
  </si>
  <si>
    <t>1331835.0</t>
  </si>
  <si>
    <t>3217392.0</t>
  </si>
  <si>
    <t>1590474.0</t>
  </si>
  <si>
    <t>1332258.0</t>
  </si>
  <si>
    <t>1591339.0</t>
  </si>
  <si>
    <t>1332698.0</t>
  </si>
  <si>
    <t>3221949.0</t>
  </si>
  <si>
    <t>1592068.0</t>
  </si>
  <si>
    <t>1333180.0</t>
  </si>
  <si>
    <t>3222361.0</t>
  </si>
  <si>
    <t>1592248.0</t>
  </si>
  <si>
    <t>1333252.0</t>
  </si>
  <si>
    <t>3223255.0</t>
  </si>
  <si>
    <t>1592608.0</t>
  </si>
  <si>
    <t>1333461.0</t>
  </si>
  <si>
    <t>3225312.0</t>
  </si>
  <si>
    <t>1593373.0</t>
  </si>
  <si>
    <t>1333986.0</t>
  </si>
  <si>
    <t>3227511.0</t>
  </si>
  <si>
    <t>1594143.0</t>
  </si>
  <si>
    <t>1334507.0</t>
  </si>
  <si>
    <t>3229896.0</t>
  </si>
  <si>
    <t>1594808.0</t>
  </si>
  <si>
    <t>3232180.0</t>
  </si>
  <si>
    <t>1595364.0</t>
  </si>
  <si>
    <t>1335563.0</t>
  </si>
  <si>
    <t>3234152.0</t>
  </si>
  <si>
    <t>1596028.0</t>
  </si>
  <si>
    <t>1335861.0</t>
  </si>
  <si>
    <t>3234318.0</t>
  </si>
  <si>
    <t>1596086.0</t>
  </si>
  <si>
    <t>1335898.0</t>
  </si>
  <si>
    <t>3235145.0</t>
  </si>
  <si>
    <t>1596333.0</t>
  </si>
  <si>
    <t>1336090.0</t>
  </si>
  <si>
    <t>3237202.0</t>
  </si>
  <si>
    <t>1597072.0</t>
  </si>
  <si>
    <t>1336501.0</t>
  </si>
  <si>
    <t>3239073.0</t>
  </si>
  <si>
    <t>1597749.0</t>
  </si>
  <si>
    <t>1336890.0</t>
  </si>
  <si>
    <t>3241004.0</t>
  </si>
  <si>
    <t>1598275.0</t>
  </si>
  <si>
    <t>1337370.0</t>
  </si>
  <si>
    <t>3242931.0</t>
  </si>
  <si>
    <t>1598930.0</t>
  </si>
  <si>
    <t>1337802.0</t>
  </si>
  <si>
    <t>3244499.0</t>
  </si>
  <si>
    <t>1599403.0</t>
  </si>
  <si>
    <t>1338131.0</t>
  </si>
  <si>
    <t>3244938.0</t>
  </si>
  <si>
    <t>1599514.0</t>
  </si>
  <si>
    <t>1338229.0</t>
  </si>
  <si>
    <t>3245567.0</t>
  </si>
  <si>
    <t>1599704.0</t>
  </si>
  <si>
    <t>1338420.0</t>
  </si>
  <si>
    <t>3247833.0</t>
  </si>
  <si>
    <t>1600352.0</t>
  </si>
  <si>
    <t>1338999.0</t>
  </si>
  <si>
    <t>3250003.0</t>
  </si>
  <si>
    <t>1600908.0</t>
  </si>
  <si>
    <t>1339573.0</t>
  </si>
  <si>
    <t>3252250.0</t>
  </si>
  <si>
    <t>1601660.0</t>
  </si>
  <si>
    <t>1340080.0</t>
  </si>
  <si>
    <t>3254363.0</t>
  </si>
  <si>
    <t>1602297.0</t>
  </si>
  <si>
    <t>1340487.0</t>
  </si>
  <si>
    <t>3256644.0</t>
  </si>
  <si>
    <t>1602987.0</t>
  </si>
  <si>
    <t>1340840.0</t>
  </si>
  <si>
    <t>16651.1</t>
  </si>
  <si>
    <t>2511.2429137482</t>
  </si>
  <si>
    <t>3256790.0</t>
  </si>
  <si>
    <t>1603076.0</t>
  </si>
  <si>
    <t>1340861.0</t>
  </si>
  <si>
    <t>3257457.0</t>
  </si>
  <si>
    <t>1603296.0</t>
  </si>
  <si>
    <t>1340981.0</t>
  </si>
  <si>
    <t>3259558.0</t>
  </si>
  <si>
    <t>1603965.0</t>
  </si>
  <si>
    <t>1341518.0</t>
  </si>
  <si>
    <t>3261572.0</t>
  </si>
  <si>
    <t>1604696.0</t>
  </si>
  <si>
    <t>1341895.0</t>
  </si>
  <si>
    <t>3263961.0</t>
  </si>
  <si>
    <t>1605772.0</t>
  </si>
  <si>
    <t>1342300.0</t>
  </si>
  <si>
    <t>3266250.0</t>
  </si>
  <si>
    <t>1606530.0</t>
  </si>
  <si>
    <t>3268151.0</t>
  </si>
  <si>
    <t>1607112.0</t>
  </si>
  <si>
    <t>1342969.0</t>
  </si>
  <si>
    <t>3268381.0</t>
  </si>
  <si>
    <t>1607201.0</t>
  </si>
  <si>
    <t>1343022.0</t>
  </si>
  <si>
    <t>3269186.0</t>
  </si>
  <si>
    <t>1607490.0</t>
  </si>
  <si>
    <t>1343210.0</t>
  </si>
  <si>
    <t>3271463.0</t>
  </si>
  <si>
    <t>1608190.0</t>
  </si>
  <si>
    <t>1343749.0</t>
  </si>
  <si>
    <t>3275084.0</t>
  </si>
  <si>
    <t>1609291.0</t>
  </si>
  <si>
    <t>1344295.0</t>
  </si>
  <si>
    <t>3278667.0</t>
  </si>
  <si>
    <t>1610431.0</t>
  </si>
  <si>
    <t>1344845.0</t>
  </si>
  <si>
    <t>3280572.0</t>
  </si>
  <si>
    <t>1611015.0</t>
  </si>
  <si>
    <t>1345150.0</t>
  </si>
  <si>
    <t>3280817.0</t>
  </si>
  <si>
    <t>1611112.0</t>
  </si>
  <si>
    <t>1345210.0</t>
  </si>
  <si>
    <t>3281484.0</t>
  </si>
  <si>
    <t>1611322.0</t>
  </si>
  <si>
    <t>1345353.0</t>
  </si>
  <si>
    <t>3283598.0</t>
  </si>
  <si>
    <t>1611985.0</t>
  </si>
  <si>
    <t>1345779.0</t>
  </si>
  <si>
    <t>3285224.0</t>
  </si>
  <si>
    <t>1612489.0</t>
  </si>
  <si>
    <t>3287378.0</t>
  </si>
  <si>
    <t>1613128.0</t>
  </si>
  <si>
    <t>1346485.0</t>
  </si>
  <si>
    <t>3289567.0</t>
  </si>
  <si>
    <t>1613795.0</t>
  </si>
  <si>
    <t>1346861.0</t>
  </si>
  <si>
    <t>3291223.0</t>
  </si>
  <si>
    <t>1614299.0</t>
  </si>
  <si>
    <t>1347198.0</t>
  </si>
  <si>
    <t>3291706.0</t>
  </si>
  <si>
    <t>1614399.0</t>
  </si>
  <si>
    <t>1347265.0</t>
  </si>
  <si>
    <t>3292861.0</t>
  </si>
  <si>
    <t>1614680.0</t>
  </si>
  <si>
    <t>1347427.0</t>
  </si>
  <si>
    <t>3295191.0</t>
  </si>
  <si>
    <t>1615299.0</t>
  </si>
  <si>
    <t>1347766.0</t>
  </si>
  <si>
    <t>3297706.0</t>
  </si>
  <si>
    <t>1615989.0</t>
  </si>
  <si>
    <t>1348187.0</t>
  </si>
  <si>
    <t>3300102.0</t>
  </si>
  <si>
    <t>1616753.0</t>
  </si>
  <si>
    <t>1348577.0</t>
  </si>
  <si>
    <t>3302978.0</t>
  </si>
  <si>
    <t>1617641.0</t>
  </si>
  <si>
    <t>1349070.0</t>
  </si>
  <si>
    <t>3306597.0</t>
  </si>
  <si>
    <t>1618664.0</t>
  </si>
  <si>
    <t>1349651.0</t>
  </si>
  <si>
    <t>3307788.0</t>
  </si>
  <si>
    <t>1619082.0</t>
  </si>
  <si>
    <t>1349932.0</t>
  </si>
  <si>
    <t>3312149.0</t>
  </si>
  <si>
    <t>1620385.0</t>
  </si>
  <si>
    <t>1350764.0</t>
  </si>
  <si>
    <t>15646.8</t>
  </si>
  <si>
    <t>-37.75</t>
  </si>
  <si>
    <t>2359.77897092897</t>
  </si>
  <si>
    <t>3313513.0</t>
  </si>
  <si>
    <t>1620639.0</t>
  </si>
  <si>
    <t>1350994.0</t>
  </si>
  <si>
    <t>3314615.0</t>
  </si>
  <si>
    <t>1620935.0</t>
  </si>
  <si>
    <t>1351152.0</t>
  </si>
  <si>
    <t>3315605.0</t>
  </si>
  <si>
    <t>1621263.0</t>
  </si>
  <si>
    <t>1351316.0</t>
  </si>
  <si>
    <t>3316659.0</t>
  </si>
  <si>
    <t>1621597.0</t>
  </si>
  <si>
    <t>1351509.0</t>
  </si>
  <si>
    <t>3316838.0</t>
  </si>
  <si>
    <t>1621631.0</t>
  </si>
  <si>
    <t>1351560.0</t>
  </si>
  <si>
    <t>3316874.0</t>
  </si>
  <si>
    <t>1621644.0</t>
  </si>
  <si>
    <t>1351570.0</t>
  </si>
  <si>
    <t>3316925.0</t>
  </si>
  <si>
    <t>1621661.0</t>
  </si>
  <si>
    <t>1351595.0</t>
  </si>
  <si>
    <t>3317436.0</t>
  </si>
  <si>
    <t>1621793.0</t>
  </si>
  <si>
    <t>1351738.0</t>
  </si>
  <si>
    <t>3318268.0</t>
  </si>
  <si>
    <t>1622106.0</t>
  </si>
  <si>
    <t>1351913.0</t>
  </si>
  <si>
    <t>3319563.0</t>
  </si>
  <si>
    <t>1622487.0</t>
  </si>
  <si>
    <t>1352138.0</t>
  </si>
  <si>
    <t>3321040.0</t>
  </si>
  <si>
    <t>1623215.0</t>
  </si>
  <si>
    <t>1352330.0</t>
  </si>
  <si>
    <t>3321246.0</t>
  </si>
  <si>
    <t>1623331.0</t>
  </si>
  <si>
    <t>1352358.0</t>
  </si>
  <si>
    <t>3321692.0</t>
  </si>
  <si>
    <t>1623459.0</t>
  </si>
  <si>
    <t>1352464.0</t>
  </si>
  <si>
    <t>3322990.0</t>
  </si>
  <si>
    <t>1623958.0</t>
  </si>
  <si>
    <t>1352799.0</t>
  </si>
  <si>
    <t>3324274.0</t>
  </si>
  <si>
    <t>1624420.0</t>
  </si>
  <si>
    <t>1353018.0</t>
  </si>
  <si>
    <t>3325144.0</t>
  </si>
  <si>
    <t>1624758.0</t>
  </si>
  <si>
    <t>1353153.0</t>
  </si>
  <si>
    <t>3326170.0</t>
  </si>
  <si>
    <t>1625148.0</t>
  </si>
  <si>
    <t>1353318.0</t>
  </si>
  <si>
    <t>3327033.0</t>
  </si>
  <si>
    <t>1625465.0</t>
  </si>
  <si>
    <t>1353568.0</t>
  </si>
  <si>
    <t>3327151.0</t>
  </si>
  <si>
    <t>1625491.0</t>
  </si>
  <si>
    <t>1353607.0</t>
  </si>
  <si>
    <t>3327520.0</t>
  </si>
  <si>
    <t>1625675.0</t>
  </si>
  <si>
    <t>1353709.0</t>
  </si>
  <si>
    <t>3328624.0</t>
  </si>
  <si>
    <t>1626123.0</t>
  </si>
  <si>
    <t>1353935.0</t>
  </si>
  <si>
    <t>3329759.0</t>
  </si>
  <si>
    <t>1626562.0</t>
  </si>
  <si>
    <t>1354163.0</t>
  </si>
  <si>
    <t>3330624.0</t>
  </si>
  <si>
    <t>1626911.0</t>
  </si>
  <si>
    <t>1354385.0</t>
  </si>
  <si>
    <t>3331602.0</t>
  </si>
  <si>
    <t>1627128.0</t>
  </si>
  <si>
    <t>1354622.0</t>
  </si>
  <si>
    <t>3332412.0</t>
  </si>
  <si>
    <t>1627318.0</t>
  </si>
  <si>
    <t>1354765.0</t>
  </si>
  <si>
    <t>3332471.0</t>
  </si>
  <si>
    <t>1627337.0</t>
  </si>
  <si>
    <t>1354789.0</t>
  </si>
  <si>
    <t>3332998.0</t>
  </si>
  <si>
    <t>1627587.0</t>
  </si>
  <si>
    <t>1354887.0</t>
  </si>
  <si>
    <t>3334478.0</t>
  </si>
  <si>
    <t>1628157.0</t>
  </si>
  <si>
    <t>1355142.0</t>
  </si>
  <si>
    <t>3334897.0</t>
  </si>
  <si>
    <t>1628287.0</t>
  </si>
  <si>
    <t>1355236.0</t>
  </si>
  <si>
    <t>3335812.0</t>
  </si>
  <si>
    <t>1628625.0</t>
  </si>
  <si>
    <t>1355416.0</t>
  </si>
  <si>
    <t>3336850.0</t>
  </si>
  <si>
    <t>1628790.0</t>
  </si>
  <si>
    <t>1355649.0</t>
  </si>
  <si>
    <t>3337436.0</t>
  </si>
  <si>
    <t>1628940.0</t>
  </si>
  <si>
    <t>3337643.0</t>
  </si>
  <si>
    <t>1628981.0</t>
  </si>
  <si>
    <t>1355791.0</t>
  </si>
  <si>
    <t>3337924.0</t>
  </si>
  <si>
    <t>1629071.0</t>
  </si>
  <si>
    <t>1355875.0</t>
  </si>
  <si>
    <t>3339205.0</t>
  </si>
  <si>
    <t>1629448.0</t>
  </si>
  <si>
    <t>1356112.0</t>
  </si>
  <si>
    <t>3340571.0</t>
  </si>
  <si>
    <t>1629759.0</t>
  </si>
  <si>
    <t>1356321.0</t>
  </si>
  <si>
    <t>3342715.0</t>
  </si>
  <si>
    <t>1630084.0</t>
  </si>
  <si>
    <t>1356627.0</t>
  </si>
  <si>
    <t>3344724.0</t>
  </si>
  <si>
    <t>1630436.0</t>
  </si>
  <si>
    <t>1356960.0</t>
  </si>
  <si>
    <t>3346723.0</t>
  </si>
  <si>
    <t>1630875.0</t>
  </si>
  <si>
    <t>1357271.0</t>
  </si>
  <si>
    <t>3347290.0</t>
  </si>
  <si>
    <t>1630963.0</t>
  </si>
  <si>
    <t>1357335.0</t>
  </si>
  <si>
    <t>3347866.0</t>
  </si>
  <si>
    <t>1631081.0</t>
  </si>
  <si>
    <t>1357496.0</t>
  </si>
  <si>
    <t>3349449.0</t>
  </si>
  <si>
    <t>1631482.0</t>
  </si>
  <si>
    <t>1357758.0</t>
  </si>
  <si>
    <t>3350786.0</t>
  </si>
  <si>
    <t>1631819.0</t>
  </si>
  <si>
    <t>1358083.0</t>
  </si>
  <si>
    <t>3351838.0</t>
  </si>
  <si>
    <t>1632109.0</t>
  </si>
  <si>
    <t>1358203.0</t>
  </si>
  <si>
    <t>3353051.0</t>
  </si>
  <si>
    <t>1632425.0</t>
  </si>
  <si>
    <t>1358499.0</t>
  </si>
  <si>
    <t>3353945.0</t>
  </si>
  <si>
    <t>1632666.0</t>
  </si>
  <si>
    <t>1358652.0</t>
  </si>
  <si>
    <t>3354079.0</t>
  </si>
  <si>
    <t>1632682.0</t>
  </si>
  <si>
    <t>1358673.0</t>
  </si>
  <si>
    <t>3354561.0</t>
  </si>
  <si>
    <t>1632816.0</t>
  </si>
  <si>
    <t>1358811.0</t>
  </si>
  <si>
    <t>3355599.0</t>
  </si>
  <si>
    <t>1633098.0</t>
  </si>
  <si>
    <t>1359045.0</t>
  </si>
  <si>
    <t>3356903.0</t>
  </si>
  <si>
    <t>1633475.0</t>
  </si>
  <si>
    <t>1359220.0</t>
  </si>
  <si>
    <t>3358446.0</t>
  </si>
  <si>
    <t>1633903.0</t>
  </si>
  <si>
    <t>1359470.0</t>
  </si>
  <si>
    <t>3360092.0</t>
  </si>
  <si>
    <t>1634408.0</t>
  </si>
  <si>
    <t>1359785.0</t>
  </si>
  <si>
    <t>3361870.0</t>
  </si>
  <si>
    <t>1634868.0</t>
  </si>
  <si>
    <t>1359957.0</t>
  </si>
  <si>
    <t>3362176.0</t>
  </si>
  <si>
    <t>1634944.0</t>
  </si>
  <si>
    <t>1360008.0</t>
  </si>
  <si>
    <t>3362672.0</t>
  </si>
  <si>
    <t>1635097.0</t>
  </si>
  <si>
    <t>1360135.0</t>
  </si>
  <si>
    <t>3364825.0</t>
  </si>
  <si>
    <t>1635658.0</t>
  </si>
  <si>
    <t>1360457.0</t>
  </si>
  <si>
    <t>3365948.0</t>
  </si>
  <si>
    <t>1636023.0</t>
  </si>
  <si>
    <t>1360566.0</t>
  </si>
  <si>
    <t>3367969.0</t>
  </si>
  <si>
    <t>1636642.0</t>
  </si>
  <si>
    <t>1360831.0</t>
  </si>
  <si>
    <t>3369178.0</t>
  </si>
  <si>
    <t>1636916.0</t>
  </si>
  <si>
    <t>1361026.0</t>
  </si>
  <si>
    <t>3369866.0</t>
  </si>
  <si>
    <t>1637050.0</t>
  </si>
  <si>
    <t>1361188.0</t>
  </si>
  <si>
    <t>3369942.0</t>
  </si>
  <si>
    <t>1637053.0</t>
  </si>
  <si>
    <t>1361199.0</t>
  </si>
  <si>
    <t>3369954.0</t>
  </si>
  <si>
    <t>1637056.0</t>
  </si>
  <si>
    <t>1361203.0</t>
  </si>
  <si>
    <t>3370239.0</t>
  </si>
  <si>
    <t>1637119.0</t>
  </si>
  <si>
    <t>1361239.0</t>
  </si>
  <si>
    <t>3371080.0</t>
  </si>
  <si>
    <t>1637320.0</t>
  </si>
  <si>
    <t>1361422.0</t>
  </si>
  <si>
    <t>3372277.0</t>
  </si>
  <si>
    <t>1637569.0</t>
  </si>
  <si>
    <t>1361556.0</t>
  </si>
  <si>
    <t>3373625.0</t>
  </si>
  <si>
    <t>1637860.0</t>
  </si>
  <si>
    <t>1361757.0</t>
  </si>
  <si>
    <t>LAO</t>
  </si>
  <si>
    <t>Laos</t>
  </si>
  <si>
    <t>40732.0</t>
  </si>
  <si>
    <t>135849.0</t>
  </si>
  <si>
    <t>105568.0</t>
  </si>
  <si>
    <t>137026.0</t>
  </si>
  <si>
    <t>106105.0</t>
  </si>
  <si>
    <t>151175.0</t>
  </si>
  <si>
    <t>156818.0</t>
  </si>
  <si>
    <t>109706.0</t>
  </si>
  <si>
    <t>179525.0</t>
  </si>
  <si>
    <t>122310.0</t>
  </si>
  <si>
    <t>57215.0</t>
  </si>
  <si>
    <t>183678.0</t>
  </si>
  <si>
    <t>58315.0</t>
  </si>
  <si>
    <t>184387.0</t>
  </si>
  <si>
    <t>126072.0</t>
  </si>
  <si>
    <t>18719.0</t>
  </si>
  <si>
    <t>21720.0</t>
  </si>
  <si>
    <t>488473.0</t>
  </si>
  <si>
    <t>405200.0</t>
  </si>
  <si>
    <t>19582.0</t>
  </si>
  <si>
    <t>20871.0</t>
  </si>
  <si>
    <t>20447.0</t>
  </si>
  <si>
    <t>18870.0</t>
  </si>
  <si>
    <t>563466.0</t>
  </si>
  <si>
    <t>474983.0</t>
  </si>
  <si>
    <t>582747.0</t>
  </si>
  <si>
    <t>493481.0</t>
  </si>
  <si>
    <t>89266.0</t>
  </si>
  <si>
    <t>19674.0</t>
  </si>
  <si>
    <t>623577.0</t>
  </si>
  <si>
    <t>533172.0</t>
  </si>
  <si>
    <t>90405.0</t>
  </si>
  <si>
    <t>18282.0</t>
  </si>
  <si>
    <t>634714.0</t>
  </si>
  <si>
    <t>542132.0</t>
  </si>
  <si>
    <t>649006.0</t>
  </si>
  <si>
    <t>553612.0</t>
  </si>
  <si>
    <t>95394.0</t>
  </si>
  <si>
    <t>669259.0</t>
  </si>
  <si>
    <t>568233.0</t>
  </si>
  <si>
    <t>690266.0</t>
  </si>
  <si>
    <t>584532.0</t>
  </si>
  <si>
    <t>728918.0</t>
  </si>
  <si>
    <t>602669.0</t>
  </si>
  <si>
    <t>126249.0</t>
  </si>
  <si>
    <t>750783.0</t>
  </si>
  <si>
    <t>614566.0</t>
  </si>
  <si>
    <t>136217.0</t>
  </si>
  <si>
    <t>865694.0</t>
  </si>
  <si>
    <t>638377.0</t>
  </si>
  <si>
    <t>227317.0</t>
  </si>
  <si>
    <t>902456.0</t>
  </si>
  <si>
    <t>662521.0</t>
  </si>
  <si>
    <t>239935.0</t>
  </si>
  <si>
    <t>914014.0</t>
  </si>
  <si>
    <t>664661.0</t>
  </si>
  <si>
    <t>249353.0</t>
  </si>
  <si>
    <t>933505.0</t>
  </si>
  <si>
    <t>667657.0</t>
  </si>
  <si>
    <t>265848.0</t>
  </si>
  <si>
    <t>957785.0</t>
  </si>
  <si>
    <t>674311.0</t>
  </si>
  <si>
    <t>283474.0</t>
  </si>
  <si>
    <t>24280.0</t>
  </si>
  <si>
    <t>982253.0</t>
  </si>
  <si>
    <t>679729.0</t>
  </si>
  <si>
    <t>302524.0</t>
  </si>
  <si>
    <t>24468.0</t>
  </si>
  <si>
    <t>993659.0</t>
  </si>
  <si>
    <t>683354.0</t>
  </si>
  <si>
    <t>310305.0</t>
  </si>
  <si>
    <t>1000196.0</t>
  </si>
  <si>
    <t>686794.0</t>
  </si>
  <si>
    <t>313402.0</t>
  </si>
  <si>
    <t>226.7</t>
  </si>
  <si>
    <t>1017620.0</t>
  </si>
  <si>
    <t>691381.0</t>
  </si>
  <si>
    <t>326239.0</t>
  </si>
  <si>
    <t>1034588.0</t>
  </si>
  <si>
    <t>340214.0</t>
  </si>
  <si>
    <t>698503.0</t>
  </si>
  <si>
    <t>355853.0</t>
  </si>
  <si>
    <t>1079903.0</t>
  </si>
  <si>
    <t>708652.0</t>
  </si>
  <si>
    <t>371251.0</t>
  </si>
  <si>
    <t>25547.0</t>
  </si>
  <si>
    <t>17445.0</t>
  </si>
  <si>
    <t>1098714.0</t>
  </si>
  <si>
    <t>385921.0</t>
  </si>
  <si>
    <t>39177.0</t>
  </si>
  <si>
    <t>256.3</t>
  </si>
  <si>
    <t>1108388.0</t>
  </si>
  <si>
    <t>713709.0</t>
  </si>
  <si>
    <t>394679.0</t>
  </si>
  <si>
    <t>40584.0</t>
  </si>
  <si>
    <t>1110856.0</t>
  </si>
  <si>
    <t>713818.0</t>
  </si>
  <si>
    <t>397038.0</t>
  </si>
  <si>
    <t>1122128.0</t>
  </si>
  <si>
    <t>717648.0</t>
  </si>
  <si>
    <t>404480.0</t>
  </si>
  <si>
    <t>158.5</t>
  </si>
  <si>
    <t>1134347.0</t>
  </si>
  <si>
    <t>719562.0</t>
  </si>
  <si>
    <t>414785.0</t>
  </si>
  <si>
    <t>6.468</t>
  </si>
  <si>
    <t>1183137.0</t>
  </si>
  <si>
    <t>742607.0</t>
  </si>
  <si>
    <t>440530.0</t>
  </si>
  <si>
    <t>48790.0</t>
  </si>
  <si>
    <t>1208878.0</t>
  </si>
  <si>
    <t>753750.0</t>
  </si>
  <si>
    <t>455128.0</t>
  </si>
  <si>
    <t>1242184.0</t>
  </si>
  <si>
    <t>780552.0</t>
  </si>
  <si>
    <t>461632.0</t>
  </si>
  <si>
    <t>50095.0</t>
  </si>
  <si>
    <t>6.747</t>
  </si>
  <si>
    <t>1268627.0</t>
  </si>
  <si>
    <t>798257.0</t>
  </si>
  <si>
    <t>470370.0</t>
  </si>
  <si>
    <t>26443.0</t>
  </si>
  <si>
    <t>15208.0</t>
  </si>
  <si>
    <t>52963.0</t>
  </si>
  <si>
    <t>1348259.0</t>
  </si>
  <si>
    <t>853782.0</t>
  </si>
  <si>
    <t>494477.0</t>
  </si>
  <si>
    <t>30559.0</t>
  </si>
  <si>
    <t>54122.0</t>
  </si>
  <si>
    <t>1382009.0</t>
  </si>
  <si>
    <t>869006.0</t>
  </si>
  <si>
    <t>513003.0</t>
  </si>
  <si>
    <t>33750.0</t>
  </si>
  <si>
    <t>28410.0</t>
  </si>
  <si>
    <t>1408531.0</t>
  </si>
  <si>
    <t>884428.0</t>
  </si>
  <si>
    <t>524103.0</t>
  </si>
  <si>
    <t>26522.0</t>
  </si>
  <si>
    <t>55476.0</t>
  </si>
  <si>
    <t>7.471</t>
  </si>
  <si>
    <t>1416267.0</t>
  </si>
  <si>
    <t>886238.0</t>
  </si>
  <si>
    <t>530029.0</t>
  </si>
  <si>
    <t>171.4</t>
  </si>
  <si>
    <t>20851.0</t>
  </si>
  <si>
    <t>60657.0</t>
  </si>
  <si>
    <t>62374.0</t>
  </si>
  <si>
    <t>1530667.0</t>
  </si>
  <si>
    <t>942835.0</t>
  </si>
  <si>
    <t>587832.0</t>
  </si>
  <si>
    <t>1537511.0</t>
  </si>
  <si>
    <t>947702.0</t>
  </si>
  <si>
    <t>589809.0</t>
  </si>
  <si>
    <t>8.724</t>
  </si>
  <si>
    <t>1552182.0</t>
  </si>
  <si>
    <t>956535.0</t>
  </si>
  <si>
    <t>595647.0</t>
  </si>
  <si>
    <t>66960.0</t>
  </si>
  <si>
    <t>68570.0</t>
  </si>
  <si>
    <t>70030.0</t>
  </si>
  <si>
    <t>1648060.0</t>
  </si>
  <si>
    <t>1015262.0</t>
  </si>
  <si>
    <t>632798.0</t>
  </si>
  <si>
    <t>22218.0</t>
  </si>
  <si>
    <t>71997.0</t>
  </si>
  <si>
    <t>73245.0</t>
  </si>
  <si>
    <t>1666793.0</t>
  </si>
  <si>
    <t>1025248.0</t>
  </si>
  <si>
    <t>641545.0</t>
  </si>
  <si>
    <t>74744.0</t>
  </si>
  <si>
    <t>10.066</t>
  </si>
  <si>
    <t>76367.0</t>
  </si>
  <si>
    <t>10.285</t>
  </si>
  <si>
    <t>78255.0</t>
  </si>
  <si>
    <t>10.539</t>
  </si>
  <si>
    <t>1708981.0</t>
  </si>
  <si>
    <t>1038254.0</t>
  </si>
  <si>
    <t>670727.0</t>
  </si>
  <si>
    <t>79706.0</t>
  </si>
  <si>
    <t>81403.0</t>
  </si>
  <si>
    <t>1777140.0</t>
  </si>
  <si>
    <t>1050818.0</t>
  </si>
  <si>
    <t>83759.0</t>
  </si>
  <si>
    <t>85055.0</t>
  </si>
  <si>
    <t>11.455</t>
  </si>
  <si>
    <t>86900.0</t>
  </si>
  <si>
    <t>1061689.0</t>
  </si>
  <si>
    <t>12.162</t>
  </si>
  <si>
    <t>94632.0</t>
  </si>
  <si>
    <t>12.745</t>
  </si>
  <si>
    <t>95985.0</t>
  </si>
  <si>
    <t>12.927</t>
  </si>
  <si>
    <t>1062365.0</t>
  </si>
  <si>
    <t>100792.0</t>
  </si>
  <si>
    <t>102874.0</t>
  </si>
  <si>
    <t>107837.0</t>
  </si>
  <si>
    <t>2050711.0</t>
  </si>
  <si>
    <t>1179668.0</t>
  </si>
  <si>
    <t>988156.0</t>
  </si>
  <si>
    <t>109862.0</t>
  </si>
  <si>
    <t>112160.0</t>
  </si>
  <si>
    <t>15.106</t>
  </si>
  <si>
    <t>15.368</t>
  </si>
  <si>
    <t>32465.0</t>
  </si>
  <si>
    <t>116807.0</t>
  </si>
  <si>
    <t>119199.0</t>
  </si>
  <si>
    <t>16.054</t>
  </si>
  <si>
    <t>121399.0</t>
  </si>
  <si>
    <t>1315924.0</t>
  </si>
  <si>
    <t>125283.0</t>
  </si>
  <si>
    <t>16.873</t>
  </si>
  <si>
    <t>128508.0</t>
  </si>
  <si>
    <t>17.307</t>
  </si>
  <si>
    <t>1361484.0</t>
  </si>
  <si>
    <t>131239.0</t>
  </si>
  <si>
    <t>17.675</t>
  </si>
  <si>
    <t>134584.0</t>
  </si>
  <si>
    <t>18.126</t>
  </si>
  <si>
    <t>30599.0</t>
  </si>
  <si>
    <t>137309.0</t>
  </si>
  <si>
    <t>34533.0</t>
  </si>
  <si>
    <t>139722.0</t>
  </si>
  <si>
    <t>18.818</t>
  </si>
  <si>
    <t>142640.0</t>
  </si>
  <si>
    <t>145127.0</t>
  </si>
  <si>
    <t>19.546</t>
  </si>
  <si>
    <t>1662994.0</t>
  </si>
  <si>
    <t>46327.0</t>
  </si>
  <si>
    <t>147445.0</t>
  </si>
  <si>
    <t>19.858</t>
  </si>
  <si>
    <t>50932.0</t>
  </si>
  <si>
    <t>149932.0</t>
  </si>
  <si>
    <t>20.193</t>
  </si>
  <si>
    <t>51613.0</t>
  </si>
  <si>
    <t>152078.0</t>
  </si>
  <si>
    <t>20.482</t>
  </si>
  <si>
    <t>1828039.0</t>
  </si>
  <si>
    <t>52293.0</t>
  </si>
  <si>
    <t>154847.0</t>
  </si>
  <si>
    <t>20.855</t>
  </si>
  <si>
    <t>157303.0</t>
  </si>
  <si>
    <t>60067.0</t>
  </si>
  <si>
    <t>160620.0</t>
  </si>
  <si>
    <t>21.632</t>
  </si>
  <si>
    <t>3044669.0</t>
  </si>
  <si>
    <t>2060418.0</t>
  </si>
  <si>
    <t>1644691.0</t>
  </si>
  <si>
    <t>63954.0</t>
  </si>
  <si>
    <t>163373.0</t>
  </si>
  <si>
    <t>3707109.0</t>
  </si>
  <si>
    <t>1646691.0</t>
  </si>
  <si>
    <t>662440.0</t>
  </si>
  <si>
    <t>137232.0</t>
  </si>
  <si>
    <t>166096.0</t>
  </si>
  <si>
    <t>3774074.0</t>
  </si>
  <si>
    <t>2109937.0</t>
  </si>
  <si>
    <t>1664137.0</t>
  </si>
  <si>
    <t>66965.0</t>
  </si>
  <si>
    <t>139699.0</t>
  </si>
  <si>
    <t>55990.0</t>
  </si>
  <si>
    <t>168523.0</t>
  </si>
  <si>
    <t>22.697</t>
  </si>
  <si>
    <t>3799078.0</t>
  </si>
  <si>
    <t>2131014.0</t>
  </si>
  <si>
    <t>1668064.0</t>
  </si>
  <si>
    <t>25004.0</t>
  </si>
  <si>
    <t>136172.0</t>
  </si>
  <si>
    <t>170865.0</t>
  </si>
  <si>
    <t>23.012</t>
  </si>
  <si>
    <t>3874672.0</t>
  </si>
  <si>
    <t>2188426.0</t>
  </si>
  <si>
    <t>1686246.0</t>
  </si>
  <si>
    <t>139871.0</t>
  </si>
  <si>
    <t>51484.0</t>
  </si>
  <si>
    <t>173992.0</t>
  </si>
  <si>
    <t>23.433</t>
  </si>
  <si>
    <t>3937503.0</t>
  </si>
  <si>
    <t>2235384.0</t>
  </si>
  <si>
    <t>1702119.0</t>
  </si>
  <si>
    <t>177359.0</t>
  </si>
  <si>
    <t>4001318.0</t>
  </si>
  <si>
    <t>2278765.0</t>
  </si>
  <si>
    <t>1722553.0</t>
  </si>
  <si>
    <t>63815.0</t>
  </si>
  <si>
    <t>143764.0</t>
  </si>
  <si>
    <t>19093.0</t>
  </si>
  <si>
    <t>181099.0</t>
  </si>
  <si>
    <t>146235.0</t>
  </si>
  <si>
    <t>38180.0</t>
  </si>
  <si>
    <t>183938.0</t>
  </si>
  <si>
    <t>4135314.0</t>
  </si>
  <si>
    <t>2376594.0</t>
  </si>
  <si>
    <t>1758720.0</t>
  </si>
  <si>
    <t>45168.0</t>
  </si>
  <si>
    <t>186899.0</t>
  </si>
  <si>
    <t>25.171</t>
  </si>
  <si>
    <t>4182234.0</t>
  </si>
  <si>
    <t>2407056.0</t>
  </si>
  <si>
    <t>1775178.0</t>
  </si>
  <si>
    <t>46920.0</t>
  </si>
  <si>
    <t>58309.0</t>
  </si>
  <si>
    <t>42446.0</t>
  </si>
  <si>
    <t>189111.0</t>
  </si>
  <si>
    <t>4205037.0</t>
  </si>
  <si>
    <t>2420333.0</t>
  </si>
  <si>
    <t>1784704.0</t>
  </si>
  <si>
    <t>22803.0</t>
  </si>
  <si>
    <t>192632.0</t>
  </si>
  <si>
    <t>25.944</t>
  </si>
  <si>
    <t>4238543.0</t>
  </si>
  <si>
    <t>2443845.0</t>
  </si>
  <si>
    <t>1794698.0</t>
  </si>
  <si>
    <t>33506.0</t>
  </si>
  <si>
    <t>51982.0</t>
  </si>
  <si>
    <t>36488.0</t>
  </si>
  <si>
    <t>196460.0</t>
  </si>
  <si>
    <t>26.459</t>
  </si>
  <si>
    <t>4278784.0</t>
  </si>
  <si>
    <t>2474767.0</t>
  </si>
  <si>
    <t>1804017.0</t>
  </si>
  <si>
    <t>4319366.0</t>
  </si>
  <si>
    <t>2504151.0</t>
  </si>
  <si>
    <t>1815215.0</t>
  </si>
  <si>
    <t>45435.0</t>
  </si>
  <si>
    <t>202978.0</t>
  </si>
  <si>
    <t>27.337</t>
  </si>
  <si>
    <t>4354163.0</t>
  </si>
  <si>
    <t>2529903.0</t>
  </si>
  <si>
    <t>1824260.0</t>
  </si>
  <si>
    <t>40835.0</t>
  </si>
  <si>
    <t>28889.0</t>
  </si>
  <si>
    <t>206158.0</t>
  </si>
  <si>
    <t>4369013.0</t>
  </si>
  <si>
    <t>2537992.0</t>
  </si>
  <si>
    <t>1831021.0</t>
  </si>
  <si>
    <t>209251.0</t>
  </si>
  <si>
    <t>28.182</t>
  </si>
  <si>
    <t>4382959.0</t>
  </si>
  <si>
    <t>2545657.0</t>
  </si>
  <si>
    <t>1837302.0</t>
  </si>
  <si>
    <t>211730.0</t>
  </si>
  <si>
    <t>26832.0</t>
  </si>
  <si>
    <t>4402770.0</t>
  </si>
  <si>
    <t>2560372.0</t>
  </si>
  <si>
    <t>1842398.0</t>
  </si>
  <si>
    <t>221274.0</t>
  </si>
  <si>
    <t>29.801</t>
  </si>
  <si>
    <t>225596.0</t>
  </si>
  <si>
    <t>30.383</t>
  </si>
  <si>
    <t>229918.0</t>
  </si>
  <si>
    <t>2633604.0</t>
  </si>
  <si>
    <t>1859931.0</t>
  </si>
  <si>
    <t>234358.0</t>
  </si>
  <si>
    <t>31.563</t>
  </si>
  <si>
    <t>2650948.0</t>
  </si>
  <si>
    <t>1860415.0</t>
  </si>
  <si>
    <t>238450.0</t>
  </si>
  <si>
    <t>32.114</t>
  </si>
  <si>
    <t>241875.0</t>
  </si>
  <si>
    <t>19298.0</t>
  </si>
  <si>
    <t>251093.0</t>
  </si>
  <si>
    <t>20067.0</t>
  </si>
  <si>
    <t>256363.0</t>
  </si>
  <si>
    <t>34.527</t>
  </si>
  <si>
    <t>261053.0</t>
  </si>
  <si>
    <t>35.158</t>
  </si>
  <si>
    <t>267557.0</t>
  </si>
  <si>
    <t>272875.0</t>
  </si>
  <si>
    <t>36.751</t>
  </si>
  <si>
    <t>2799549.0</t>
  </si>
  <si>
    <t>1909360.0</t>
  </si>
  <si>
    <t>38.316</t>
  </si>
  <si>
    <t>290413.0</t>
  </si>
  <si>
    <t>39.113</t>
  </si>
  <si>
    <t>296065.0</t>
  </si>
  <si>
    <t>39.874</t>
  </si>
  <si>
    <t>302030.0</t>
  </si>
  <si>
    <t>309704.0</t>
  </si>
  <si>
    <t>41.711</t>
  </si>
  <si>
    <t>42.359</t>
  </si>
  <si>
    <t>320586.0</t>
  </si>
  <si>
    <t>326497.0</t>
  </si>
  <si>
    <t>43.972</t>
  </si>
  <si>
    <t>333572.0</t>
  </si>
  <si>
    <t>44.925</t>
  </si>
  <si>
    <t>45.779</t>
  </si>
  <si>
    <t>2983763.0</t>
  </si>
  <si>
    <t>2080368.0</t>
  </si>
  <si>
    <t>346302.0</t>
  </si>
  <si>
    <t>353011.0</t>
  </si>
  <si>
    <t>47.543</t>
  </si>
  <si>
    <t>358275.0</t>
  </si>
  <si>
    <t>48.252</t>
  </si>
  <si>
    <t>362866.0</t>
  </si>
  <si>
    <t>366691.0</t>
  </si>
  <si>
    <t>49.386</t>
  </si>
  <si>
    <t>371565.0</t>
  </si>
  <si>
    <t>50.042</t>
  </si>
  <si>
    <t>376530.0</t>
  </si>
  <si>
    <t>50.711</t>
  </si>
  <si>
    <t>382014.0</t>
  </si>
  <si>
    <t>51.449</t>
  </si>
  <si>
    <t>387095.0</t>
  </si>
  <si>
    <t>392755.0</t>
  </si>
  <si>
    <t>52.896</t>
  </si>
  <si>
    <t>396355.0</t>
  </si>
  <si>
    <t>401595.0</t>
  </si>
  <si>
    <t>54.086</t>
  </si>
  <si>
    <t>408022.0</t>
  </si>
  <si>
    <t>54.952</t>
  </si>
  <si>
    <t>3091161.0</t>
  </si>
  <si>
    <t>2343258.0</t>
  </si>
  <si>
    <t>55.875</t>
  </si>
  <si>
    <t>421389.0</t>
  </si>
  <si>
    <t>427991.0</t>
  </si>
  <si>
    <t>57.641</t>
  </si>
  <si>
    <t>433613.0</t>
  </si>
  <si>
    <t>58.399</t>
  </si>
  <si>
    <t>437250.0</t>
  </si>
  <si>
    <t>58.888</t>
  </si>
  <si>
    <t>448871.0</t>
  </si>
  <si>
    <t>60.454</t>
  </si>
  <si>
    <t>455450.0</t>
  </si>
  <si>
    <t>3178111.0</t>
  </si>
  <si>
    <t>2698846.0</t>
  </si>
  <si>
    <t>461030.0</t>
  </si>
  <si>
    <t>62.091</t>
  </si>
  <si>
    <t>467868.0</t>
  </si>
  <si>
    <t>63.012</t>
  </si>
  <si>
    <t>473609.0</t>
  </si>
  <si>
    <t>63.785</t>
  </si>
  <si>
    <t>479718.0</t>
  </si>
  <si>
    <t>485225.0</t>
  </si>
  <si>
    <t>490822.0</t>
  </si>
  <si>
    <t>66.103</t>
  </si>
  <si>
    <t>3251958.0</t>
  </si>
  <si>
    <t>2776646.0</t>
  </si>
  <si>
    <t>496410.0</t>
  </si>
  <si>
    <t>66.856</t>
  </si>
  <si>
    <t>503585.0</t>
  </si>
  <si>
    <t>67.822</t>
  </si>
  <si>
    <t>509758.0</t>
  </si>
  <si>
    <t>68.654</t>
  </si>
  <si>
    <t>514971.0</t>
  </si>
  <si>
    <t>69.356</t>
  </si>
  <si>
    <t>520386.0</t>
  </si>
  <si>
    <t>526988.0</t>
  </si>
  <si>
    <t>70.974</t>
  </si>
  <si>
    <t>534167.0</t>
  </si>
  <si>
    <t>71.941</t>
  </si>
  <si>
    <t>18953.0</t>
  </si>
  <si>
    <t>73.072</t>
  </si>
  <si>
    <t>549794.0</t>
  </si>
  <si>
    <t>74.046</t>
  </si>
  <si>
    <t>556266.0</t>
  </si>
  <si>
    <t>74.917</t>
  </si>
  <si>
    <t>562500.0</t>
  </si>
  <si>
    <t>75.757</t>
  </si>
  <si>
    <t>569607.0</t>
  </si>
  <si>
    <t>577310.0</t>
  </si>
  <si>
    <t>77.752</t>
  </si>
  <si>
    <t>582850.0</t>
  </si>
  <si>
    <t>78.498</t>
  </si>
  <si>
    <t>589579.0</t>
  </si>
  <si>
    <t>594520.0</t>
  </si>
  <si>
    <t>80.069</t>
  </si>
  <si>
    <t>601385.0</t>
  </si>
  <si>
    <t>80.994</t>
  </si>
  <si>
    <t>606846.0</t>
  </si>
  <si>
    <t>81.729</t>
  </si>
  <si>
    <t>614794.0</t>
  </si>
  <si>
    <t>620781.0</t>
  </si>
  <si>
    <t>83.606</t>
  </si>
  <si>
    <t>627563.0</t>
  </si>
  <si>
    <t>632822.0</t>
  </si>
  <si>
    <t>85.228</t>
  </si>
  <si>
    <t>637615.0</t>
  </si>
  <si>
    <t>85.873</t>
  </si>
  <si>
    <t>644622.0</t>
  </si>
  <si>
    <t>86.817</t>
  </si>
  <si>
    <t>5830021.0</t>
  </si>
  <si>
    <t>3744740.0</t>
  </si>
  <si>
    <t>3099003.0</t>
  </si>
  <si>
    <t>651111.0</t>
  </si>
  <si>
    <t>87.691</t>
  </si>
  <si>
    <t>660765.0</t>
  </si>
  <si>
    <t>88.991</t>
  </si>
  <si>
    <t>666392.0</t>
  </si>
  <si>
    <t>89.749</t>
  </si>
  <si>
    <t>28135.0</t>
  </si>
  <si>
    <t>673515.0</t>
  </si>
  <si>
    <t>90.708</t>
  </si>
  <si>
    <t>678560.0</t>
  </si>
  <si>
    <t>91.388</t>
  </si>
  <si>
    <t>684833.0</t>
  </si>
  <si>
    <t>92.233</t>
  </si>
  <si>
    <t>35334.0</t>
  </si>
  <si>
    <t>691346.0</t>
  </si>
  <si>
    <t>697941.0</t>
  </si>
  <si>
    <t>93.998</t>
  </si>
  <si>
    <t>706952.0</t>
  </si>
  <si>
    <t>95.212</t>
  </si>
  <si>
    <t>713375.0</t>
  </si>
  <si>
    <t>96.077</t>
  </si>
  <si>
    <t>717242.0</t>
  </si>
  <si>
    <t>96.597</t>
  </si>
  <si>
    <t>0.2139</t>
  </si>
  <si>
    <t>723034.0</t>
  </si>
  <si>
    <t>97.378</t>
  </si>
  <si>
    <t>733627.0</t>
  </si>
  <si>
    <t>98.804</t>
  </si>
  <si>
    <t>738552.0</t>
  </si>
  <si>
    <t>99.468</t>
  </si>
  <si>
    <t>745286.0</t>
  </si>
  <si>
    <t>100.374</t>
  </si>
  <si>
    <t>753360.0</t>
  </si>
  <si>
    <t>101.462</t>
  </si>
  <si>
    <t>757998.0</t>
  </si>
  <si>
    <t>102.086</t>
  </si>
  <si>
    <t>762252.0</t>
  </si>
  <si>
    <t>102.659</t>
  </si>
  <si>
    <t>768320.0</t>
  </si>
  <si>
    <t>103.477</t>
  </si>
  <si>
    <t>774112.0</t>
  </si>
  <si>
    <t>104.257</t>
  </si>
  <si>
    <t>780970.0</t>
  </si>
  <si>
    <t>787339.0</t>
  </si>
  <si>
    <t>106.038</t>
  </si>
  <si>
    <t>0.2403</t>
  </si>
  <si>
    <t>793811.0</t>
  </si>
  <si>
    <t>106.91</t>
  </si>
  <si>
    <t>800649.0</t>
  </si>
  <si>
    <t>107.831</t>
  </si>
  <si>
    <t>805880.0</t>
  </si>
  <si>
    <t>108.535</t>
  </si>
  <si>
    <t>811095.0</t>
  </si>
  <si>
    <t>109.238</t>
  </si>
  <si>
    <t>815939.0</t>
  </si>
  <si>
    <t>827187.0</t>
  </si>
  <si>
    <t>111.405</t>
  </si>
  <si>
    <t>830645.0</t>
  </si>
  <si>
    <t>111.871</t>
  </si>
  <si>
    <t>833895.0</t>
  </si>
  <si>
    <t>112.308</t>
  </si>
  <si>
    <t>838685.0</t>
  </si>
  <si>
    <t>112.953</t>
  </si>
  <si>
    <t>844090.0</t>
  </si>
  <si>
    <t>113.681</t>
  </si>
  <si>
    <t>0.3356</t>
  </si>
  <si>
    <t>849190.0</t>
  </si>
  <si>
    <t>114.368</t>
  </si>
  <si>
    <t>853362.0</t>
  </si>
  <si>
    <t>0.2561</t>
  </si>
  <si>
    <t>856169.0</t>
  </si>
  <si>
    <t>115.308</t>
  </si>
  <si>
    <t>0.2987</t>
  </si>
  <si>
    <t>4590479.0</t>
  </si>
  <si>
    <t>3643020.0</t>
  </si>
  <si>
    <t>859151.0</t>
  </si>
  <si>
    <t>863291.0</t>
  </si>
  <si>
    <t>116.267</t>
  </si>
  <si>
    <t>868233.0</t>
  </si>
  <si>
    <t>116.933</t>
  </si>
  <si>
    <t>873708.0</t>
  </si>
  <si>
    <t>877587.0</t>
  </si>
  <si>
    <t>118.193</t>
  </si>
  <si>
    <t>883030.0</t>
  </si>
  <si>
    <t>118.926</t>
  </si>
  <si>
    <t>887943.0</t>
  </si>
  <si>
    <t>893114.0</t>
  </si>
  <si>
    <t>120.284</t>
  </si>
  <si>
    <t>899336.0</t>
  </si>
  <si>
    <t>121.122</t>
  </si>
  <si>
    <t>904460.0</t>
  </si>
  <si>
    <t>121.812</t>
  </si>
  <si>
    <t>907733.0</t>
  </si>
  <si>
    <t>122.253</t>
  </si>
  <si>
    <t>912005.0</t>
  </si>
  <si>
    <t>122.828</t>
  </si>
  <si>
    <t>916602.0</t>
  </si>
  <si>
    <t>123.447</t>
  </si>
  <si>
    <t>7808722.0</t>
  </si>
  <si>
    <t>4653477.0</t>
  </si>
  <si>
    <t>3835288.0</t>
  </si>
  <si>
    <t>921900.0</t>
  </si>
  <si>
    <t>124.161</t>
  </si>
  <si>
    <t>37150.0</t>
  </si>
  <si>
    <t>926397.0</t>
  </si>
  <si>
    <t>124.766</t>
  </si>
  <si>
    <t>930734.0</t>
  </si>
  <si>
    <t>40783.0</t>
  </si>
  <si>
    <t>933070.0</t>
  </si>
  <si>
    <t>125.665</t>
  </si>
  <si>
    <t>46231.0</t>
  </si>
  <si>
    <t>936967.0</t>
  </si>
  <si>
    <t>940523.0</t>
  </si>
  <si>
    <t>126.669</t>
  </si>
  <si>
    <t>945425.0</t>
  </si>
  <si>
    <t>127.329</t>
  </si>
  <si>
    <t>948082.0</t>
  </si>
  <si>
    <t>127.687</t>
  </si>
  <si>
    <t>951932.0</t>
  </si>
  <si>
    <t>128.205</t>
  </si>
  <si>
    <t>955166.0</t>
  </si>
  <si>
    <t>958084.0</t>
  </si>
  <si>
    <t>129.034</t>
  </si>
  <si>
    <t>960971.0</t>
  </si>
  <si>
    <t>963981.0</t>
  </si>
  <si>
    <t>129.828</t>
  </si>
  <si>
    <t>0.4701</t>
  </si>
  <si>
    <t>966372.0</t>
  </si>
  <si>
    <t>9057962.0</t>
  </si>
  <si>
    <t>4819056.0</t>
  </si>
  <si>
    <t>4238906.0</t>
  </si>
  <si>
    <t>968543.0</t>
  </si>
  <si>
    <t>130.442</t>
  </si>
  <si>
    <t>0.3332</t>
  </si>
  <si>
    <t>971296.0</t>
  </si>
  <si>
    <t>130.813</t>
  </si>
  <si>
    <t>9077344.0</t>
  </si>
  <si>
    <t>4827386.0</t>
  </si>
  <si>
    <t>4249958.0</t>
  </si>
  <si>
    <t>973221.0</t>
  </si>
  <si>
    <t>131.073</t>
  </si>
  <si>
    <t>0.4399</t>
  </si>
  <si>
    <t>9111878.0</t>
  </si>
  <si>
    <t>4839599.0</t>
  </si>
  <si>
    <t>4272279.0</t>
  </si>
  <si>
    <t>975725.0</t>
  </si>
  <si>
    <t>131.41</t>
  </si>
  <si>
    <t>0.3026</t>
  </si>
  <si>
    <t>9115834.0</t>
  </si>
  <si>
    <t>4840837.0</t>
  </si>
  <si>
    <t>4274997.0</t>
  </si>
  <si>
    <t>0.2885</t>
  </si>
  <si>
    <t>9123493.0</t>
  </si>
  <si>
    <t>4842963.0</t>
  </si>
  <si>
    <t>4280530.0</t>
  </si>
  <si>
    <t>978409.0</t>
  </si>
  <si>
    <t>131.771</t>
  </si>
  <si>
    <t>981093.0</t>
  </si>
  <si>
    <t>132.133</t>
  </si>
  <si>
    <t>9148387.0</t>
  </si>
  <si>
    <t>4853988.0</t>
  </si>
  <si>
    <t>4294399.0</t>
  </si>
  <si>
    <t>982411.0</t>
  </si>
  <si>
    <t>9215226.0</t>
  </si>
  <si>
    <t>4909112.0</t>
  </si>
  <si>
    <t>4306114.0</t>
  </si>
  <si>
    <t>122.39</t>
  </si>
  <si>
    <t>984875.0</t>
  </si>
  <si>
    <t>132.642</t>
  </si>
  <si>
    <t>9292290.0</t>
  </si>
  <si>
    <t>4962892.0</t>
  </si>
  <si>
    <t>4329398.0</t>
  </si>
  <si>
    <t>29855.0</t>
  </si>
  <si>
    <t>23091.0</t>
  </si>
  <si>
    <t>0.3155</t>
  </si>
  <si>
    <t>986740.0</t>
  </si>
  <si>
    <t>132.893</t>
  </si>
  <si>
    <t>0.3243</t>
  </si>
  <si>
    <t>32787.0</t>
  </si>
  <si>
    <t>25374.0</t>
  </si>
  <si>
    <t>988261.0</t>
  </si>
  <si>
    <t>133.098</t>
  </si>
  <si>
    <t>9454997.0</t>
  </si>
  <si>
    <t>5094724.0</t>
  </si>
  <si>
    <t>4360273.0</t>
  </si>
  <si>
    <t>125.57</t>
  </si>
  <si>
    <t>26516.0</t>
  </si>
  <si>
    <t>25816.0</t>
  </si>
  <si>
    <t>0.3298</t>
  </si>
  <si>
    <t>30507.0</t>
  </si>
  <si>
    <t>9531259.0</t>
  </si>
  <si>
    <t>5160696.0</t>
  </si>
  <si>
    <t>4370563.0</t>
  </si>
  <si>
    <t>29490.0</t>
  </si>
  <si>
    <t>990698.0</t>
  </si>
  <si>
    <t>133.426</t>
  </si>
  <si>
    <t>0.3673</t>
  </si>
  <si>
    <t>9580326.0</t>
  </si>
  <si>
    <t>5206859.0</t>
  </si>
  <si>
    <t>4373467.0</t>
  </si>
  <si>
    <t>0.3888</t>
  </si>
  <si>
    <t>28360.0</t>
  </si>
  <si>
    <t>992586.0</t>
  </si>
  <si>
    <t>0.5472</t>
  </si>
  <si>
    <t>9679522.0</t>
  </si>
  <si>
    <t>5296891.0</t>
  </si>
  <si>
    <t>4382631.0</t>
  </si>
  <si>
    <t>0.6874</t>
  </si>
  <si>
    <t>34675.0</t>
  </si>
  <si>
    <t>0.8767</t>
  </si>
  <si>
    <t>9766766.0</t>
  </si>
  <si>
    <t>5371861.0</t>
  </si>
  <si>
    <t>4394905.0</t>
  </si>
  <si>
    <t>37275.0</t>
  </si>
  <si>
    <t>129.71</t>
  </si>
  <si>
    <t>35953.0</t>
  </si>
  <si>
    <t>9859123.0</t>
  </si>
  <si>
    <t>5452875.0</t>
  </si>
  <si>
    <t>4406248.0</t>
  </si>
  <si>
    <t>36924.0</t>
  </si>
  <si>
    <t>995671.0</t>
  </si>
  <si>
    <t>134.096</t>
  </si>
  <si>
    <t>30415.0</t>
  </si>
  <si>
    <t>9950722.0</t>
  </si>
  <si>
    <t>5528769.0</t>
  </si>
  <si>
    <t>4421953.0</t>
  </si>
  <si>
    <t>32511.0</t>
  </si>
  <si>
    <t>27770.0</t>
  </si>
  <si>
    <t>9988048.0</t>
  </si>
  <si>
    <t>5556272.0</t>
  </si>
  <si>
    <t>4431776.0</t>
  </si>
  <si>
    <t>27545.0</t>
  </si>
  <si>
    <t>1000948.0</t>
  </si>
  <si>
    <t>134.807</t>
  </si>
  <si>
    <t>10023472.0</t>
  </si>
  <si>
    <t>5578494.0</t>
  </si>
  <si>
    <t>4444978.0</t>
  </si>
  <si>
    <t>13952.0</t>
  </si>
  <si>
    <t>1004082.0</t>
  </si>
  <si>
    <t>135.229</t>
  </si>
  <si>
    <t>10048983.0</t>
  </si>
  <si>
    <t>5593478.0</t>
  </si>
  <si>
    <t>4455505.0</t>
  </si>
  <si>
    <t>17309.0</t>
  </si>
  <si>
    <t>10081203.0</t>
  </si>
  <si>
    <t>5605948.0</t>
  </si>
  <si>
    <t>4475255.0</t>
  </si>
  <si>
    <t>13308.0</t>
  </si>
  <si>
    <t>1009770.0</t>
  </si>
  <si>
    <t>135.995</t>
  </si>
  <si>
    <t>16042.0</t>
  </si>
  <si>
    <t>10186318.0</t>
  </si>
  <si>
    <t>5642457.0</t>
  </si>
  <si>
    <t>4543861.0</t>
  </si>
  <si>
    <t>10204436.0</t>
  </si>
  <si>
    <t>5646477.0</t>
  </si>
  <si>
    <t>4557959.0</t>
  </si>
  <si>
    <t>10234259.0</t>
  </si>
  <si>
    <t>5654575.0</t>
  </si>
  <si>
    <t>4579684.0</t>
  </si>
  <si>
    <t>1014597.0</t>
  </si>
  <si>
    <t>10283986.0</t>
  </si>
  <si>
    <t>5669700.0</t>
  </si>
  <si>
    <t>4614286.0</t>
  </si>
  <si>
    <t>49727.0</t>
  </si>
  <si>
    <t>25966.0</t>
  </si>
  <si>
    <t>136.58</t>
  </si>
  <si>
    <t>27452.0</t>
  </si>
  <si>
    <t>28937.0</t>
  </si>
  <si>
    <t>30423.0</t>
  </si>
  <si>
    <t>1016637.0</t>
  </si>
  <si>
    <t>10409681.0</t>
  </si>
  <si>
    <t>5717012.0</t>
  </si>
  <si>
    <t>4692669.0</t>
  </si>
  <si>
    <t>10459832.0</t>
  </si>
  <si>
    <t>5732256.0</t>
  </si>
  <si>
    <t>4727576.0</t>
  </si>
  <si>
    <t>25801.0</t>
  </si>
  <si>
    <t>1017987.0</t>
  </si>
  <si>
    <t>137.102</t>
  </si>
  <si>
    <t>10469359.0</t>
  </si>
  <si>
    <t>5733642.0</t>
  </si>
  <si>
    <t>4735717.0</t>
  </si>
  <si>
    <t>1019205.0</t>
  </si>
  <si>
    <t>137.266</t>
  </si>
  <si>
    <t>10470742.0</t>
  </si>
  <si>
    <t>5734044.0</t>
  </si>
  <si>
    <t>1020657.0</t>
  </si>
  <si>
    <t>137.461</t>
  </si>
  <si>
    <t>10561960.0</t>
  </si>
  <si>
    <t>5762222.0</t>
  </si>
  <si>
    <t>4799738.0</t>
  </si>
  <si>
    <t>10594229.0</t>
  </si>
  <si>
    <t>5766217.0</t>
  </si>
  <si>
    <t>4828012.0</t>
  </si>
  <si>
    <t>32269.0</t>
  </si>
  <si>
    <t>1022629.0</t>
  </si>
  <si>
    <t>137.727</t>
  </si>
  <si>
    <t>0.9293</t>
  </si>
  <si>
    <t>0.5058</t>
  </si>
  <si>
    <t>16648.0</t>
  </si>
  <si>
    <t>0.6021</t>
  </si>
  <si>
    <t>10692542.0</t>
  </si>
  <si>
    <t>5781800.0</t>
  </si>
  <si>
    <t>4910742.0</t>
  </si>
  <si>
    <t>0.5478</t>
  </si>
  <si>
    <t>10704145.0</t>
  </si>
  <si>
    <t>5782266.0</t>
  </si>
  <si>
    <t>4921879.0</t>
  </si>
  <si>
    <t>1024952.0</t>
  </si>
  <si>
    <t>0.4453</t>
  </si>
  <si>
    <t>0.4161</t>
  </si>
  <si>
    <t>1026199.0</t>
  </si>
  <si>
    <t>138.208</t>
  </si>
  <si>
    <t>10746013.0</t>
  </si>
  <si>
    <t>5788210.0</t>
  </si>
  <si>
    <t>4957803.0</t>
  </si>
  <si>
    <t>0.4571</t>
  </si>
  <si>
    <t>0.4006</t>
  </si>
  <si>
    <t>1027180.0</t>
  </si>
  <si>
    <t>0.3931</t>
  </si>
  <si>
    <t>10768548.0</t>
  </si>
  <si>
    <t>5791016.0</t>
  </si>
  <si>
    <t>4977532.0</t>
  </si>
  <si>
    <t>0.4727</t>
  </si>
  <si>
    <t>0.5379</t>
  </si>
  <si>
    <t>0.5769</t>
  </si>
  <si>
    <t>1027956.0</t>
  </si>
  <si>
    <t>138.444</t>
  </si>
  <si>
    <t>0.5552</t>
  </si>
  <si>
    <t>10804053.0</t>
  </si>
  <si>
    <t>5795828.0</t>
  </si>
  <si>
    <t>5008225.0</t>
  </si>
  <si>
    <t>143.49</t>
  </si>
  <si>
    <t>0.4471</t>
  </si>
  <si>
    <t>0.4258</t>
  </si>
  <si>
    <t>10829435.0</t>
  </si>
  <si>
    <t>5800702.0</t>
  </si>
  <si>
    <t>5028733.0</t>
  </si>
  <si>
    <t>1028643.0</t>
  </si>
  <si>
    <t>138.537</t>
  </si>
  <si>
    <t>0.3584</t>
  </si>
  <si>
    <t>10849102.0</t>
  </si>
  <si>
    <t>5806513.0</t>
  </si>
  <si>
    <t>5042589.0</t>
  </si>
  <si>
    <t>144.09</t>
  </si>
  <si>
    <t>0.3173</t>
  </si>
  <si>
    <t>10859520.0</t>
  </si>
  <si>
    <t>5809365.0</t>
  </si>
  <si>
    <t>5050155.0</t>
  </si>
  <si>
    <t>144.23</t>
  </si>
  <si>
    <t>0.3023</t>
  </si>
  <si>
    <t>1029081.0</t>
  </si>
  <si>
    <t>138.596</t>
  </si>
  <si>
    <t>10862186.0</t>
  </si>
  <si>
    <t>5809748.0</t>
  </si>
  <si>
    <t>5052438.0</t>
  </si>
  <si>
    <t>144.26</t>
  </si>
  <si>
    <t>1029566.0</t>
  </si>
  <si>
    <t>138.661</t>
  </si>
  <si>
    <t>10881353.0</t>
  </si>
  <si>
    <t>5814750.0</t>
  </si>
  <si>
    <t>5066603.0</t>
  </si>
  <si>
    <t>1030237.0</t>
  </si>
  <si>
    <t>138.751</t>
  </si>
  <si>
    <t>10894482.0</t>
  </si>
  <si>
    <t>5817695.0</t>
  </si>
  <si>
    <t>5076787.0</t>
  </si>
  <si>
    <t>144.69</t>
  </si>
  <si>
    <t>11095306.0</t>
  </si>
  <si>
    <t>5881972.0</t>
  </si>
  <si>
    <t>5213334.0</t>
  </si>
  <si>
    <t>11105076.0</t>
  </si>
  <si>
    <t>5885061.0</t>
  </si>
  <si>
    <t>5220015.0</t>
  </si>
  <si>
    <t>11111066.0</t>
  </si>
  <si>
    <t>5888649.0</t>
  </si>
  <si>
    <t>5222417.0</t>
  </si>
  <si>
    <t>LVA</t>
  </si>
  <si>
    <t>Latvia</t>
  </si>
  <si>
    <t>-476.0</t>
  </si>
  <si>
    <t>-8.71</t>
  </si>
  <si>
    <t>-15.94</t>
  </si>
  <si>
    <t>-257.206371369256</t>
  </si>
  <si>
    <t>-582.4</t>
  </si>
  <si>
    <t>-9.58</t>
  </si>
  <si>
    <t>-17.35</t>
  </si>
  <si>
    <t>-314.699560263561</t>
  </si>
  <si>
    <t>-620.0</t>
  </si>
  <si>
    <t>-9.3</t>
  </si>
  <si>
    <t>-335.016702203653</t>
  </si>
  <si>
    <t>-670.8</t>
  </si>
  <si>
    <t>-8.51</t>
  </si>
  <si>
    <t>-362.466457803566</t>
  </si>
  <si>
    <t>5.664</t>
  </si>
  <si>
    <t>15.318</t>
  </si>
  <si>
    <t>7.367</t>
  </si>
  <si>
    <t>-727.8</t>
  </si>
  <si>
    <t>-9.68</t>
  </si>
  <si>
    <t>-393.266380425514</t>
  </si>
  <si>
    <t>7.635</t>
  </si>
  <si>
    <t>19380.0</t>
  </si>
  <si>
    <t>-732.4</t>
  </si>
  <si>
    <t>-8.69</t>
  </si>
  <si>
    <t>-395.751988216058</t>
  </si>
  <si>
    <t>23.775</t>
  </si>
  <si>
    <t>11.448</t>
  </si>
  <si>
    <t>22.154</t>
  </si>
  <si>
    <t>22575.0</t>
  </si>
  <si>
    <t>25458.0</t>
  </si>
  <si>
    <t>26656.0</t>
  </si>
  <si>
    <t>14.833</t>
  </si>
  <si>
    <t>-733.8</t>
  </si>
  <si>
    <t>-8.16</t>
  </si>
  <si>
    <t>-396.508477543614</t>
  </si>
  <si>
    <t>28776.0</t>
  </si>
  <si>
    <t>15.356</t>
  </si>
  <si>
    <t>24.856</t>
  </si>
  <si>
    <t>29018.0</t>
  </si>
  <si>
    <t>15.485</t>
  </si>
  <si>
    <t>16.704</t>
  </si>
  <si>
    <t>19.148</t>
  </si>
  <si>
    <t>-764.6</t>
  </si>
  <si>
    <t>-5.65</t>
  </si>
  <si>
    <t>-413.15124274986</t>
  </si>
  <si>
    <t>37972.0</t>
  </si>
  <si>
    <t>20.991</t>
  </si>
  <si>
    <t>21.901</t>
  </si>
  <si>
    <t>43080.0</t>
  </si>
  <si>
    <t>45743.0</t>
  </si>
  <si>
    <t>-750.0</t>
  </si>
  <si>
    <t>-7.44</t>
  </si>
  <si>
    <t>-405.262139762484</t>
  </si>
  <si>
    <t>49181.0</t>
  </si>
  <si>
    <t>26.245</t>
  </si>
  <si>
    <t>29.249</t>
  </si>
  <si>
    <t>32.616</t>
  </si>
  <si>
    <t>64245.0</t>
  </si>
  <si>
    <t>34.284</t>
  </si>
  <si>
    <t>-731.6</t>
  </si>
  <si>
    <t>-6.91</t>
  </si>
  <si>
    <t>-395.319708600311</t>
  </si>
  <si>
    <t>34.934</t>
  </si>
  <si>
    <t>243.1</t>
  </si>
  <si>
    <t>36.622</t>
  </si>
  <si>
    <t>71069.0</t>
  </si>
  <si>
    <t>73016.0</t>
  </si>
  <si>
    <t>40.328</t>
  </si>
  <si>
    <t>5.282</t>
  </si>
  <si>
    <t>76592.0</t>
  </si>
  <si>
    <t>-812.8</t>
  </si>
  <si>
    <t>-7.31</t>
  </si>
  <si>
    <t>-439.196089598596</t>
  </si>
  <si>
    <t>77147.0</t>
  </si>
  <si>
    <t>233.7</t>
  </si>
  <si>
    <t>79047.0</t>
  </si>
  <si>
    <t>42.183</t>
  </si>
  <si>
    <t>85431.0</t>
  </si>
  <si>
    <t>45.589</t>
  </si>
  <si>
    <t>295.7</t>
  </si>
  <si>
    <t>13.509</t>
  </si>
  <si>
    <t>87377.0</t>
  </si>
  <si>
    <t>46.628</t>
  </si>
  <si>
    <t>12.968</t>
  </si>
  <si>
    <t>47.177</t>
  </si>
  <si>
    <t>-749.6</t>
  </si>
  <si>
    <t>-405.045999954611</t>
  </si>
  <si>
    <t>89123.0</t>
  </si>
  <si>
    <t>90968.0</t>
  </si>
  <si>
    <t>48.544</t>
  </si>
  <si>
    <t>92751.0</t>
  </si>
  <si>
    <t>94621.0</t>
  </si>
  <si>
    <t>50.494</t>
  </si>
  <si>
    <t>96366.0</t>
  </si>
  <si>
    <t>51.425</t>
  </si>
  <si>
    <t>52.215</t>
  </si>
  <si>
    <t>213.7</t>
  </si>
  <si>
    <t>99049.0</t>
  </si>
  <si>
    <t>52.857</t>
  </si>
  <si>
    <t>-726.6</t>
  </si>
  <si>
    <t>-392.617961001894</t>
  </si>
  <si>
    <t>53.241</t>
  </si>
  <si>
    <t>266.2</t>
  </si>
  <si>
    <t>101598.0</t>
  </si>
  <si>
    <t>54.217</t>
  </si>
  <si>
    <t>259.3</t>
  </si>
  <si>
    <t>103553.0</t>
  </si>
  <si>
    <t>105504.0</t>
  </si>
  <si>
    <t>56.301</t>
  </si>
  <si>
    <t>302.4</t>
  </si>
  <si>
    <t>11.888</t>
  </si>
  <si>
    <t>310.7</t>
  </si>
  <si>
    <t>108174.0</t>
  </si>
  <si>
    <t>57.726</t>
  </si>
  <si>
    <t>543.5</t>
  </si>
  <si>
    <t>58.205</t>
  </si>
  <si>
    <t>527.6</t>
  </si>
  <si>
    <t>-739.6</t>
  </si>
  <si>
    <t>-2.5</t>
  </si>
  <si>
    <t>-399.642504757777</t>
  </si>
  <si>
    <t>109723.0</t>
  </si>
  <si>
    <t>585.4</t>
  </si>
  <si>
    <t>111404.0</t>
  </si>
  <si>
    <t>544.9</t>
  </si>
  <si>
    <t>112965.0</t>
  </si>
  <si>
    <t>427.9</t>
  </si>
  <si>
    <t>114451.0</t>
  </si>
  <si>
    <t>115461.0</t>
  </si>
  <si>
    <t>61.615</t>
  </si>
  <si>
    <t>62.188</t>
  </si>
  <si>
    <t>117660.0</t>
  </si>
  <si>
    <t>62.788</t>
  </si>
  <si>
    <t>390.4</t>
  </si>
  <si>
    <t>-730.4</t>
  </si>
  <si>
    <t>-5.54</t>
  </si>
  <si>
    <t>-394.671289176691</t>
  </si>
  <si>
    <t>118322.0</t>
  </si>
  <si>
    <t>63.141</t>
  </si>
  <si>
    <t>390.7</t>
  </si>
  <si>
    <t>120052.0</t>
  </si>
  <si>
    <t>64.065</t>
  </si>
  <si>
    <t>480.4</t>
  </si>
  <si>
    <t>678.5</t>
  </si>
  <si>
    <t>123364.0</t>
  </si>
  <si>
    <t>65.832</t>
  </si>
  <si>
    <t>742.7</t>
  </si>
  <si>
    <t>124662.0</t>
  </si>
  <si>
    <t>66.525</t>
  </si>
  <si>
    <t>836.4</t>
  </si>
  <si>
    <t>126054.0</t>
  </si>
  <si>
    <t>67.268</t>
  </si>
  <si>
    <t>865.7</t>
  </si>
  <si>
    <t>127450.0</t>
  </si>
  <si>
    <t>68.013</t>
  </si>
  <si>
    <t>1087.9</t>
  </si>
  <si>
    <t>-681.0</t>
  </si>
  <si>
    <t>-4.99</t>
  </si>
  <si>
    <t>-367.978022904335</t>
  </si>
  <si>
    <t>128145.0</t>
  </si>
  <si>
    <t>68.383</t>
  </si>
  <si>
    <t>129836.0</t>
  </si>
  <si>
    <t>69.286</t>
  </si>
  <si>
    <t>1087.1</t>
  </si>
  <si>
    <t>131646.0</t>
  </si>
  <si>
    <t>70.252</t>
  </si>
  <si>
    <t>822.1</t>
  </si>
  <si>
    <t>133557.0</t>
  </si>
  <si>
    <t>134881.0</t>
  </si>
  <si>
    <t>71.978</t>
  </si>
  <si>
    <t>136567.0</t>
  </si>
  <si>
    <t>72.878</t>
  </si>
  <si>
    <t>73.568</t>
  </si>
  <si>
    <t>743.5</t>
  </si>
  <si>
    <t>-689.2</t>
  </si>
  <si>
    <t>-372.408888965739</t>
  </si>
  <si>
    <t>139024.0</t>
  </si>
  <si>
    <t>140437.0</t>
  </si>
  <si>
    <t>815.3</t>
  </si>
  <si>
    <t>141713.0</t>
  </si>
  <si>
    <t>75.624</t>
  </si>
  <si>
    <t>142794.0</t>
  </si>
  <si>
    <t>76.201</t>
  </si>
  <si>
    <t>3076.9</t>
  </si>
  <si>
    <t>145086.0</t>
  </si>
  <si>
    <t>77.424</t>
  </si>
  <si>
    <t>5097.9</t>
  </si>
  <si>
    <t>146874.0</t>
  </si>
  <si>
    <t>78.378</t>
  </si>
  <si>
    <t>2577.9</t>
  </si>
  <si>
    <t>147916.0</t>
  </si>
  <si>
    <t>78.934</t>
  </si>
  <si>
    <t>2011.2</t>
  </si>
  <si>
    <t>-621.8</t>
  </si>
  <si>
    <t>-335.989331339083</t>
  </si>
  <si>
    <t>148777.0</t>
  </si>
  <si>
    <t>79.394</t>
  </si>
  <si>
    <t>1625.4</t>
  </si>
  <si>
    <t>150837.0</t>
  </si>
  <si>
    <t>80.493</t>
  </si>
  <si>
    <t>152778.0</t>
  </si>
  <si>
    <t>81.529</t>
  </si>
  <si>
    <t>1106.4</t>
  </si>
  <si>
    <t>82.444</t>
  </si>
  <si>
    <t>1063.7</t>
  </si>
  <si>
    <t>155599.0</t>
  </si>
  <si>
    <t>83.034</t>
  </si>
  <si>
    <t>1051.1</t>
  </si>
  <si>
    <t>156784.0</t>
  </si>
  <si>
    <t>83.666</t>
  </si>
  <si>
    <t>1238.8</t>
  </si>
  <si>
    <t>157826.0</t>
  </si>
  <si>
    <t>84.222</t>
  </si>
  <si>
    <t>-594.8</t>
  </si>
  <si>
    <t>-321.399894307634</t>
  </si>
  <si>
    <t>158518.0</t>
  </si>
  <si>
    <t>84.592</t>
  </si>
  <si>
    <t>974.1</t>
  </si>
  <si>
    <t>160281.0</t>
  </si>
  <si>
    <t>85.533</t>
  </si>
  <si>
    <t>590.1</t>
  </si>
  <si>
    <t>86.479</t>
  </si>
  <si>
    <t>463.8</t>
  </si>
  <si>
    <t>163769.0</t>
  </si>
  <si>
    <t>87.394</t>
  </si>
  <si>
    <t>289.9</t>
  </si>
  <si>
    <t>165610.0</t>
  </si>
  <si>
    <t>88.376</t>
  </si>
  <si>
    <t>167480.0</t>
  </si>
  <si>
    <t>89.374</t>
  </si>
  <si>
    <t>168947.0</t>
  </si>
  <si>
    <t>90.157</t>
  </si>
  <si>
    <t>-623.2</t>
  </si>
  <si>
    <t>-336.74582066664</t>
  </si>
  <si>
    <t>169943.0</t>
  </si>
  <si>
    <t>90.689</t>
  </si>
  <si>
    <t>172078.0</t>
  </si>
  <si>
    <t>91.828</t>
  </si>
  <si>
    <t>294.9</t>
  </si>
  <si>
    <t>174057.0</t>
  </si>
  <si>
    <t>92.884</t>
  </si>
  <si>
    <t>175696.0</t>
  </si>
  <si>
    <t>177885.0</t>
  </si>
  <si>
    <t>94.927</t>
  </si>
  <si>
    <t>613.9</t>
  </si>
  <si>
    <t>179636.0</t>
  </si>
  <si>
    <t>95.861</t>
  </si>
  <si>
    <t>759.8</t>
  </si>
  <si>
    <t>180928.0</t>
  </si>
  <si>
    <t>96.551</t>
  </si>
  <si>
    <t>630.8</t>
  </si>
  <si>
    <t>-620.8</t>
  </si>
  <si>
    <t>-3.84</t>
  </si>
  <si>
    <t>-335.4489818194</t>
  </si>
  <si>
    <t>182225.0</t>
  </si>
  <si>
    <t>97.243</t>
  </si>
  <si>
    <t>682.6</t>
  </si>
  <si>
    <t>183610.0</t>
  </si>
  <si>
    <t>97.982</t>
  </si>
  <si>
    <t>606.9</t>
  </si>
  <si>
    <t>185223.0</t>
  </si>
  <si>
    <t>98.843</t>
  </si>
  <si>
    <t>186975.0</t>
  </si>
  <si>
    <t>469.8</t>
  </si>
  <si>
    <t>100.583</t>
  </si>
  <si>
    <t>529.9</t>
  </si>
  <si>
    <t>189725.0</t>
  </si>
  <si>
    <t>101.245</t>
  </si>
  <si>
    <t>593.2</t>
  </si>
  <si>
    <t>191070.0</t>
  </si>
  <si>
    <t>-616.6</t>
  </si>
  <si>
    <t>-333.17951383673</t>
  </si>
  <si>
    <t>191871.0</t>
  </si>
  <si>
    <t>193445.0</t>
  </si>
  <si>
    <t>195331.0</t>
  </si>
  <si>
    <t>104.237</t>
  </si>
  <si>
    <t>197035.0</t>
  </si>
  <si>
    <t>105.146</t>
  </si>
  <si>
    <t>402.4</t>
  </si>
  <si>
    <t>198508.0</t>
  </si>
  <si>
    <t>105.932</t>
  </si>
  <si>
    <t>385.6</t>
  </si>
  <si>
    <t>199956.0</t>
  </si>
  <si>
    <t>319.8</t>
  </si>
  <si>
    <t>201310.0</t>
  </si>
  <si>
    <t>426.7</t>
  </si>
  <si>
    <t>-611.6</t>
  </si>
  <si>
    <t>-330.477766238314</t>
  </si>
  <si>
    <t>201997.0</t>
  </si>
  <si>
    <t>107.794</t>
  </si>
  <si>
    <t>108.792</t>
  </si>
  <si>
    <t>359.4</t>
  </si>
  <si>
    <t>206080.0</t>
  </si>
  <si>
    <t>109.973</t>
  </si>
  <si>
    <t>207909.0</t>
  </si>
  <si>
    <t>110.949</t>
  </si>
  <si>
    <t>210046.0</t>
  </si>
  <si>
    <t>112.089</t>
  </si>
  <si>
    <t>211937.0</t>
  </si>
  <si>
    <t>213534.0</t>
  </si>
  <si>
    <t>-581.4</t>
  </si>
  <si>
    <t>-314.159210743878</t>
  </si>
  <si>
    <t>214202.0</t>
  </si>
  <si>
    <t>114.307</t>
  </si>
  <si>
    <t>277.4</t>
  </si>
  <si>
    <t>216530.0</t>
  </si>
  <si>
    <t>115.549</t>
  </si>
  <si>
    <t>287.8</t>
  </si>
  <si>
    <t>116.737</t>
  </si>
  <si>
    <t>275.6</t>
  </si>
  <si>
    <t>220827.0</t>
  </si>
  <si>
    <t>117.842</t>
  </si>
  <si>
    <t>222531.0</t>
  </si>
  <si>
    <t>118.752</t>
  </si>
  <si>
    <t>462.5</t>
  </si>
  <si>
    <t>224412.0</t>
  </si>
  <si>
    <t>119.755</t>
  </si>
  <si>
    <t>225636.0</t>
  </si>
  <si>
    <t>-544.2</t>
  </si>
  <si>
    <t>-294.058208611658</t>
  </si>
  <si>
    <t>226524.0</t>
  </si>
  <si>
    <t>120.882</t>
  </si>
  <si>
    <t>228758.0</t>
  </si>
  <si>
    <t>122.075</t>
  </si>
  <si>
    <t>407.6</t>
  </si>
  <si>
    <t>230921.0</t>
  </si>
  <si>
    <t>123.229</t>
  </si>
  <si>
    <t>528.9</t>
  </si>
  <si>
    <t>232918.0</t>
  </si>
  <si>
    <t>124.295</t>
  </si>
  <si>
    <t>604.5</t>
  </si>
  <si>
    <t>234520.0</t>
  </si>
  <si>
    <t>125.149</t>
  </si>
  <si>
    <t>236297.0</t>
  </si>
  <si>
    <t>126.098</t>
  </si>
  <si>
    <t>660.4</t>
  </si>
  <si>
    <t>237477.0</t>
  </si>
  <si>
    <t>126.727</t>
  </si>
  <si>
    <t>789.5</t>
  </si>
  <si>
    <t>-503.6</t>
  </si>
  <si>
    <t>-2.71</t>
  </si>
  <si>
    <t>-272.120018112516</t>
  </si>
  <si>
    <t>238403.0</t>
  </si>
  <si>
    <t>127.222</t>
  </si>
  <si>
    <t>848.5</t>
  </si>
  <si>
    <t>240533.0</t>
  </si>
  <si>
    <t>128.358</t>
  </si>
  <si>
    <t>242823.0</t>
  </si>
  <si>
    <t>244827.0</t>
  </si>
  <si>
    <t>131.738</t>
  </si>
  <si>
    <t>274.4</t>
  </si>
  <si>
    <t>248932.0</t>
  </si>
  <si>
    <t>250709.0</t>
  </si>
  <si>
    <t>133.789</t>
  </si>
  <si>
    <t>-504.2</t>
  </si>
  <si>
    <t>-272.444227824326</t>
  </si>
  <si>
    <t>251717.0</t>
  </si>
  <si>
    <t>134.327</t>
  </si>
  <si>
    <t>253818.0</t>
  </si>
  <si>
    <t>135.448</t>
  </si>
  <si>
    <t>256350.0</t>
  </si>
  <si>
    <t>136.799</t>
  </si>
  <si>
    <t>258795.0</t>
  </si>
  <si>
    <t>138.104</t>
  </si>
  <si>
    <t>317.4</t>
  </si>
  <si>
    <t>260698.0</t>
  </si>
  <si>
    <t>139.119</t>
  </si>
  <si>
    <t>337.4</t>
  </si>
  <si>
    <t>262662.0</t>
  </si>
  <si>
    <t>140.167</t>
  </si>
  <si>
    <t>264258.0</t>
  </si>
  <si>
    <t>387.2</t>
  </si>
  <si>
    <t>-492.2</t>
  </si>
  <si>
    <t>-265.960033588126</t>
  </si>
  <si>
    <t>265305.0</t>
  </si>
  <si>
    <t>141.578</t>
  </si>
  <si>
    <t>411.8</t>
  </si>
  <si>
    <t>267700.0</t>
  </si>
  <si>
    <t>495.7</t>
  </si>
  <si>
    <t>270097.0</t>
  </si>
  <si>
    <t>144.135</t>
  </si>
  <si>
    <t>272381.0</t>
  </si>
  <si>
    <t>145.354</t>
  </si>
  <si>
    <t>146.658</t>
  </si>
  <si>
    <t>328.5</t>
  </si>
  <si>
    <t>277084.0</t>
  </si>
  <si>
    <t>147.863</t>
  </si>
  <si>
    <t>369.8</t>
  </si>
  <si>
    <t>148.708</t>
  </si>
  <si>
    <t>313.2</t>
  </si>
  <si>
    <t>-507.2</t>
  </si>
  <si>
    <t>-274.065276383376</t>
  </si>
  <si>
    <t>280118.0</t>
  </si>
  <si>
    <t>149.482</t>
  </si>
  <si>
    <t>308.6</t>
  </si>
  <si>
    <t>282835.0</t>
  </si>
  <si>
    <t>150.932</t>
  </si>
  <si>
    <t>285876.0</t>
  </si>
  <si>
    <t>152.555</t>
  </si>
  <si>
    <t>288643.0</t>
  </si>
  <si>
    <t>154.032</t>
  </si>
  <si>
    <t>290907.0</t>
  </si>
  <si>
    <t>293309.0</t>
  </si>
  <si>
    <t>156.522</t>
  </si>
  <si>
    <t>295242.0</t>
  </si>
  <si>
    <t>157.553</t>
  </si>
  <si>
    <t>-518.2</t>
  </si>
  <si>
    <t>-280.009121099892</t>
  </si>
  <si>
    <t>296395.0</t>
  </si>
  <si>
    <t>158.169</t>
  </si>
  <si>
    <t>332.1</t>
  </si>
  <si>
    <t>299085.0</t>
  </si>
  <si>
    <t>159.604</t>
  </si>
  <si>
    <t>208.3</t>
  </si>
  <si>
    <t>301818.0</t>
  </si>
  <si>
    <t>161.062</t>
  </si>
  <si>
    <t>304221.0</t>
  </si>
  <si>
    <t>162.345</t>
  </si>
  <si>
    <t>306652.0</t>
  </si>
  <si>
    <t>309172.0</t>
  </si>
  <si>
    <t>164.987</t>
  </si>
  <si>
    <t>310832.0</t>
  </si>
  <si>
    <t>165.873</t>
  </si>
  <si>
    <t>-505.0</t>
  </si>
  <si>
    <t>-272.876507440072</t>
  </si>
  <si>
    <t>312230.0</t>
  </si>
  <si>
    <t>166.619</t>
  </si>
  <si>
    <t>315747.0</t>
  </si>
  <si>
    <t>168.496</t>
  </si>
  <si>
    <t>320018.0</t>
  </si>
  <si>
    <t>170.775</t>
  </si>
  <si>
    <t>324717.0</t>
  </si>
  <si>
    <t>173.282</t>
  </si>
  <si>
    <t>328631.0</t>
  </si>
  <si>
    <t>175.371</t>
  </si>
  <si>
    <t>332285.0</t>
  </si>
  <si>
    <t>177.321</t>
  </si>
  <si>
    <t>334829.0</t>
  </si>
  <si>
    <t>178.678</t>
  </si>
  <si>
    <t>336577.0</t>
  </si>
  <si>
    <t>179.611</t>
  </si>
  <si>
    <t>340395.0</t>
  </si>
  <si>
    <t>181.649</t>
  </si>
  <si>
    <t>344821.0</t>
  </si>
  <si>
    <t>184.011</t>
  </si>
  <si>
    <t>349237.0</t>
  </si>
  <si>
    <t>186.367</t>
  </si>
  <si>
    <t>353788.0</t>
  </si>
  <si>
    <t>188.796</t>
  </si>
  <si>
    <t>358498.0</t>
  </si>
  <si>
    <t>191.309</t>
  </si>
  <si>
    <t>361843.0</t>
  </si>
  <si>
    <t>193.094</t>
  </si>
  <si>
    <t>-499.6</t>
  </si>
  <si>
    <t>-269.958620033783</t>
  </si>
  <si>
    <t>364012.0</t>
  </si>
  <si>
    <t>194.252</t>
  </si>
  <si>
    <t>368445.0</t>
  </si>
  <si>
    <t>196.617</t>
  </si>
  <si>
    <t>373523.0</t>
  </si>
  <si>
    <t>199.327</t>
  </si>
  <si>
    <t>378190.0</t>
  </si>
  <si>
    <t>201.818</t>
  </si>
  <si>
    <t>382949.0</t>
  </si>
  <si>
    <t>204.357</t>
  </si>
  <si>
    <t>388281.0</t>
  </si>
  <si>
    <t>207.203</t>
  </si>
  <si>
    <t>390971.0</t>
  </si>
  <si>
    <t>208.638</t>
  </si>
  <si>
    <t>-472.8</t>
  </si>
  <si>
    <t>-255.47725290627</t>
  </si>
  <si>
    <t>393186.0</t>
  </si>
  <si>
    <t>397357.0</t>
  </si>
  <si>
    <t>212.046</t>
  </si>
  <si>
    <t>402669.0</t>
  </si>
  <si>
    <t>214.881</t>
  </si>
  <si>
    <t>408179.0</t>
  </si>
  <si>
    <t>217.821</t>
  </si>
  <si>
    <t>413905.0</t>
  </si>
  <si>
    <t>220.877</t>
  </si>
  <si>
    <t>419537.0</t>
  </si>
  <si>
    <t>223.882</t>
  </si>
  <si>
    <t>423995.0</t>
  </si>
  <si>
    <t>226.261</t>
  </si>
  <si>
    <t>-412.6</t>
  </si>
  <si>
    <t>-222.948211821334</t>
  </si>
  <si>
    <t>426232.0</t>
  </si>
  <si>
    <t>227.455</t>
  </si>
  <si>
    <t>431325.0</t>
  </si>
  <si>
    <t>230.173</t>
  </si>
  <si>
    <t>437340.0</t>
  </si>
  <si>
    <t>233.383</t>
  </si>
  <si>
    <t>442445.0</t>
  </si>
  <si>
    <t>236.107</t>
  </si>
  <si>
    <t>448409.0</t>
  </si>
  <si>
    <t>239.289</t>
  </si>
  <si>
    <t>454253.0</t>
  </si>
  <si>
    <t>242.408</t>
  </si>
  <si>
    <t>458151.0</t>
  </si>
  <si>
    <t>244.488</t>
  </si>
  <si>
    <t>-385.8</t>
  </si>
  <si>
    <t>-208.466844693822</t>
  </si>
  <si>
    <t>460409.0</t>
  </si>
  <si>
    <t>245.693</t>
  </si>
  <si>
    <t>465644.0</t>
  </si>
  <si>
    <t>248.487</t>
  </si>
  <si>
    <t>472972.0</t>
  </si>
  <si>
    <t>252.397</t>
  </si>
  <si>
    <t>126.442</t>
  </si>
  <si>
    <t>480536.0</t>
  </si>
  <si>
    <t>256.434</t>
  </si>
  <si>
    <t>487554.0</t>
  </si>
  <si>
    <t>260.179</t>
  </si>
  <si>
    <t>494205.0</t>
  </si>
  <si>
    <t>263.728</t>
  </si>
  <si>
    <t>497949.0</t>
  </si>
  <si>
    <t>265.726</t>
  </si>
  <si>
    <t>-332.6</t>
  </si>
  <si>
    <t>-179.720250246669</t>
  </si>
  <si>
    <t>500347.0</t>
  </si>
  <si>
    <t>267.006</t>
  </si>
  <si>
    <t>158.863</t>
  </si>
  <si>
    <t>507078.0</t>
  </si>
  <si>
    <t>270.598</t>
  </si>
  <si>
    <t>514699.0</t>
  </si>
  <si>
    <t>274.664</t>
  </si>
  <si>
    <t>521532.0</t>
  </si>
  <si>
    <t>278.311</t>
  </si>
  <si>
    <t>528266.0</t>
  </si>
  <si>
    <t>281.904</t>
  </si>
  <si>
    <t>534708.0</t>
  </si>
  <si>
    <t>285.342</t>
  </si>
  <si>
    <t>148.424</t>
  </si>
  <si>
    <t>287.508</t>
  </si>
  <si>
    <t>-281.6</t>
  </si>
  <si>
    <t>-152.162424742821</t>
  </si>
  <si>
    <t>541109.0</t>
  </si>
  <si>
    <t>288.758</t>
  </si>
  <si>
    <t>547168.0</t>
  </si>
  <si>
    <t>291.991</t>
  </si>
  <si>
    <t>555025.0</t>
  </si>
  <si>
    <t>296.184</t>
  </si>
  <si>
    <t>558348.0</t>
  </si>
  <si>
    <t>297.957</t>
  </si>
  <si>
    <t>565364.0</t>
  </si>
  <si>
    <t>301.701</t>
  </si>
  <si>
    <t>572568.0</t>
  </si>
  <si>
    <t>305.546</t>
  </si>
  <si>
    <t>576647.0</t>
  </si>
  <si>
    <t>307.722</t>
  </si>
  <si>
    <t>-211.6</t>
  </si>
  <si>
    <t>-114.337958364989</t>
  </si>
  <si>
    <t>578903.0</t>
  </si>
  <si>
    <t>308.926</t>
  </si>
  <si>
    <t>586878.0</t>
  </si>
  <si>
    <t>313.182</t>
  </si>
  <si>
    <t>595505.0</t>
  </si>
  <si>
    <t>317.786</t>
  </si>
  <si>
    <t>247.48</t>
  </si>
  <si>
    <t>603529.0</t>
  </si>
  <si>
    <t>322.068</t>
  </si>
  <si>
    <t>610722.0</t>
  </si>
  <si>
    <t>325.906</t>
  </si>
  <si>
    <t>618367.0</t>
  </si>
  <si>
    <t>329.986</t>
  </si>
  <si>
    <t>622404.0</t>
  </si>
  <si>
    <t>332.14</t>
  </si>
  <si>
    <t>-124.0</t>
  </si>
  <si>
    <t>-67.0033404407306</t>
  </si>
  <si>
    <t>624539.0</t>
  </si>
  <si>
    <t>333.28</t>
  </si>
  <si>
    <t>632349.0</t>
  </si>
  <si>
    <t>337.447</t>
  </si>
  <si>
    <t>253.964</t>
  </si>
  <si>
    <t>342.251</t>
  </si>
  <si>
    <t>650021.0</t>
  </si>
  <si>
    <t>346.878</t>
  </si>
  <si>
    <t>658086.0</t>
  </si>
  <si>
    <t>351.182</t>
  </si>
  <si>
    <t>666781.0</t>
  </si>
  <si>
    <t>355.822</t>
  </si>
  <si>
    <t>672603.0</t>
  </si>
  <si>
    <t>358.929</t>
  </si>
  <si>
    <t>4.20000000000019</t>
  </si>
  <si>
    <t>2.26946798267001</t>
  </si>
  <si>
    <t>675899.0</t>
  </si>
  <si>
    <t>360.687</t>
  </si>
  <si>
    <t>685663.0</t>
  </si>
  <si>
    <t>365.898</t>
  </si>
  <si>
    <t>694411.0</t>
  </si>
  <si>
    <t>370.566</t>
  </si>
  <si>
    <t>704053.0</t>
  </si>
  <si>
    <t>375.712</t>
  </si>
  <si>
    <t>379.866</t>
  </si>
  <si>
    <t>714409.0</t>
  </si>
  <si>
    <t>381.238</t>
  </si>
  <si>
    <t>723345.0</t>
  </si>
  <si>
    <t>386.007</t>
  </si>
  <si>
    <t>728736.0</t>
  </si>
  <si>
    <t>388.883</t>
  </si>
  <si>
    <t>93.3723970012764</t>
  </si>
  <si>
    <t>731547.0</t>
  </si>
  <si>
    <t>390.383</t>
  </si>
  <si>
    <t>740947.0</t>
  </si>
  <si>
    <t>395.4</t>
  </si>
  <si>
    <t>750834.0</t>
  </si>
  <si>
    <t>400.676</t>
  </si>
  <si>
    <t>761178.0</t>
  </si>
  <si>
    <t>406.196</t>
  </si>
  <si>
    <t>770926.0</t>
  </si>
  <si>
    <t>411.398</t>
  </si>
  <si>
    <t>780983.0</t>
  </si>
  <si>
    <t>416.765</t>
  </si>
  <si>
    <t>786528.0</t>
  </si>
  <si>
    <t>419.724</t>
  </si>
  <si>
    <t>320.4</t>
  </si>
  <si>
    <t>173.127986106533</t>
  </si>
  <si>
    <t>790258.0</t>
  </si>
  <si>
    <t>421.714</t>
  </si>
  <si>
    <t>801169.0</t>
  </si>
  <si>
    <t>427.537</t>
  </si>
  <si>
    <t>813324.0</t>
  </si>
  <si>
    <t>434.023</t>
  </si>
  <si>
    <t>440.212</t>
  </si>
  <si>
    <t>4.859</t>
  </si>
  <si>
    <t>828950.0</t>
  </si>
  <si>
    <t>442.362</t>
  </si>
  <si>
    <t>831951.0</t>
  </si>
  <si>
    <t>443.963</t>
  </si>
  <si>
    <t>837005.0</t>
  </si>
  <si>
    <t>446.66</t>
  </si>
  <si>
    <t>563.4</t>
  </si>
  <si>
    <t>304.432919389578</t>
  </si>
  <si>
    <t>841442.0</t>
  </si>
  <si>
    <t>449.028</t>
  </si>
  <si>
    <t>852649.0</t>
  </si>
  <si>
    <t>455.008</t>
  </si>
  <si>
    <t>864620.0</t>
  </si>
  <si>
    <t>461.397</t>
  </si>
  <si>
    <t>877015.0</t>
  </si>
  <si>
    <t>468.011</t>
  </si>
  <si>
    <t>880975.0</t>
  </si>
  <si>
    <t>470.124</t>
  </si>
  <si>
    <t>883473.0</t>
  </si>
  <si>
    <t>471.457</t>
  </si>
  <si>
    <t>889369.0</t>
  </si>
  <si>
    <t>474.604</t>
  </si>
  <si>
    <t>729.4</t>
  </si>
  <si>
    <t>394.130939657008</t>
  </si>
  <si>
    <t>894919.0</t>
  </si>
  <si>
    <t>477.565</t>
  </si>
  <si>
    <t>907271.0</t>
  </si>
  <si>
    <t>484.157</t>
  </si>
  <si>
    <t>921217.0</t>
  </si>
  <si>
    <t>491.599</t>
  </si>
  <si>
    <t>934742.0</t>
  </si>
  <si>
    <t>498.817</t>
  </si>
  <si>
    <t>947541.0</t>
  </si>
  <si>
    <t>505.647</t>
  </si>
  <si>
    <t>958879.0</t>
  </si>
  <si>
    <t>511.697</t>
  </si>
  <si>
    <t>965215.0</t>
  </si>
  <si>
    <t>515.078</t>
  </si>
  <si>
    <t>966.8</t>
  </si>
  <si>
    <t>522.409915629826</t>
  </si>
  <si>
    <t>969394.0</t>
  </si>
  <si>
    <t>517.308</t>
  </si>
  <si>
    <t>981910.0</t>
  </si>
  <si>
    <t>523.987</t>
  </si>
  <si>
    <t>994203.0</t>
  </si>
  <si>
    <t>530.547</t>
  </si>
  <si>
    <t>1006427.0</t>
  </si>
  <si>
    <t>537.071</t>
  </si>
  <si>
    <t>6.523</t>
  </si>
  <si>
    <t>1018880.0</t>
  </si>
  <si>
    <t>543.716</t>
  </si>
  <si>
    <t>1030684.0</t>
  </si>
  <si>
    <t>11804.0</t>
  </si>
  <si>
    <t>550.015</t>
  </si>
  <si>
    <t>1037260.0</t>
  </si>
  <si>
    <t>553.524</t>
  </si>
  <si>
    <t>638.585062361738</t>
  </si>
  <si>
    <t>579.795</t>
  </si>
  <si>
    <t>1040683.0</t>
  </si>
  <si>
    <t>555.351</t>
  </si>
  <si>
    <t>1054312.0</t>
  </si>
  <si>
    <t>562.624</t>
  </si>
  <si>
    <t>1067044.0</t>
  </si>
  <si>
    <t>569.418</t>
  </si>
  <si>
    <t>10406.0</t>
  </si>
  <si>
    <t>1078860.0</t>
  </si>
  <si>
    <t>575.724</t>
  </si>
  <si>
    <t>1091257.0</t>
  </si>
  <si>
    <t>582.339</t>
  </si>
  <si>
    <t>6.616</t>
  </si>
  <si>
    <t>1101855.0</t>
  </si>
  <si>
    <t>587.995</t>
  </si>
  <si>
    <t>17166.0</t>
  </si>
  <si>
    <t>1107361.0</t>
  </si>
  <si>
    <t>590.933</t>
  </si>
  <si>
    <t>1355.4</t>
  </si>
  <si>
    <t>732.389738978761</t>
  </si>
  <si>
    <t>1111262.0</t>
  </si>
  <si>
    <t>593.015</t>
  </si>
  <si>
    <t>5.381</t>
  </si>
  <si>
    <t>1123814.0</t>
  </si>
  <si>
    <t>1136011.0</t>
  </si>
  <si>
    <t>606.222</t>
  </si>
  <si>
    <t>1146993.0</t>
  </si>
  <si>
    <t>612.082</t>
  </si>
  <si>
    <t>5.194</t>
  </si>
  <si>
    <t>1158500.0</t>
  </si>
  <si>
    <t>618.223</t>
  </si>
  <si>
    <t>5.126</t>
  </si>
  <si>
    <t>17418.0</t>
  </si>
  <si>
    <t>1168460.0</t>
  </si>
  <si>
    <t>623.538</t>
  </si>
  <si>
    <t>17431.0</t>
  </si>
  <si>
    <t>59.438</t>
  </si>
  <si>
    <t>1173821.0</t>
  </si>
  <si>
    <t>626.399</t>
  </si>
  <si>
    <t>5.066</t>
  </si>
  <si>
    <t>1541.2</t>
  </si>
  <si>
    <t>832.78667973592</t>
  </si>
  <si>
    <t>1177765.0</t>
  </si>
  <si>
    <t>628.504</t>
  </si>
  <si>
    <t>1190714.0</t>
  </si>
  <si>
    <t>635.414</t>
  </si>
  <si>
    <t>1203031.0</t>
  </si>
  <si>
    <t>641.987</t>
  </si>
  <si>
    <t>5.109</t>
  </si>
  <si>
    <t>1214849.0</t>
  </si>
  <si>
    <t>11818.0</t>
  </si>
  <si>
    <t>648.293</t>
  </si>
  <si>
    <t>5.173</t>
  </si>
  <si>
    <t>1226344.0</t>
  </si>
  <si>
    <t>654.427</t>
  </si>
  <si>
    <t>1237783.0</t>
  </si>
  <si>
    <t>660.532</t>
  </si>
  <si>
    <t>32672.0</t>
  </si>
  <si>
    <t>1242935.0</t>
  </si>
  <si>
    <t>663.281</t>
  </si>
  <si>
    <t>923.997678658463</t>
  </si>
  <si>
    <t>1246262.0</t>
  </si>
  <si>
    <t>665.056</t>
  </si>
  <si>
    <t>1259370.0</t>
  </si>
  <si>
    <t>672.051</t>
  </si>
  <si>
    <t>1271704.0</t>
  </si>
  <si>
    <t>678.633</t>
  </si>
  <si>
    <t>1284044.0</t>
  </si>
  <si>
    <t>685.219</t>
  </si>
  <si>
    <t>1296148.0</t>
  </si>
  <si>
    <t>691.678</t>
  </si>
  <si>
    <t>1306305.0</t>
  </si>
  <si>
    <t>697.098</t>
  </si>
  <si>
    <t>1311260.0</t>
  </si>
  <si>
    <t>699.742</t>
  </si>
  <si>
    <t>38074.0</t>
  </si>
  <si>
    <t>16464.0</t>
  </si>
  <si>
    <t>1840.4</t>
  </si>
  <si>
    <t>994.459256025167</t>
  </si>
  <si>
    <t>1314446.0</t>
  </si>
  <si>
    <t>701.442</t>
  </si>
  <si>
    <t>1327354.0</t>
  </si>
  <si>
    <t>708.331</t>
  </si>
  <si>
    <t>1339605.0</t>
  </si>
  <si>
    <t>714.868</t>
  </si>
  <si>
    <t>25543.0</t>
  </si>
  <si>
    <t>16887.0</t>
  </si>
  <si>
    <t>1350534.0</t>
  </si>
  <si>
    <t>720.7</t>
  </si>
  <si>
    <t>44027.0</t>
  </si>
  <si>
    <t>1361449.0</t>
  </si>
  <si>
    <t>726.525</t>
  </si>
  <si>
    <t>1372614.0</t>
  </si>
  <si>
    <t>732.483</t>
  </si>
  <si>
    <t>29147.0</t>
  </si>
  <si>
    <t>1377433.0</t>
  </si>
  <si>
    <t>735.055</t>
  </si>
  <si>
    <t>29963.0</t>
  </si>
  <si>
    <t>1040.71317491006</t>
  </si>
  <si>
    <t>1380767.0</t>
  </si>
  <si>
    <t>736.834</t>
  </si>
  <si>
    <t>31727.0</t>
  </si>
  <si>
    <t>17070.0</t>
  </si>
  <si>
    <t>1393445.0</t>
  </si>
  <si>
    <t>743.599</t>
  </si>
  <si>
    <t>1406036.0</t>
  </si>
  <si>
    <t>750.318</t>
  </si>
  <si>
    <t>55579.0</t>
  </si>
  <si>
    <t>1418268.0</t>
  </si>
  <si>
    <t>12232.0</t>
  </si>
  <si>
    <t>756.846</t>
  </si>
  <si>
    <t>59796.0</t>
  </si>
  <si>
    <t>17194.0</t>
  </si>
  <si>
    <t>1430983.0</t>
  </si>
  <si>
    <t>763.631</t>
  </si>
  <si>
    <t>6.785</t>
  </si>
  <si>
    <t>1443071.0</t>
  </si>
  <si>
    <t>770.082</t>
  </si>
  <si>
    <t>63809.0</t>
  </si>
  <si>
    <t>46513.0</t>
  </si>
  <si>
    <t>1447910.0</t>
  </si>
  <si>
    <t>772.664</t>
  </si>
  <si>
    <t>63949.0</t>
  </si>
  <si>
    <t>46650.0</t>
  </si>
  <si>
    <t>1978.8</t>
  </si>
  <si>
    <t>1069.24362954934</t>
  </si>
  <si>
    <t>1451361.0</t>
  </si>
  <si>
    <t>774.506</t>
  </si>
  <si>
    <t>65733.0</t>
  </si>
  <si>
    <t>1465586.0</t>
  </si>
  <si>
    <t>782.097</t>
  </si>
  <si>
    <t>7.591</t>
  </si>
  <si>
    <t>50084.0</t>
  </si>
  <si>
    <t>1479925.0</t>
  </si>
  <si>
    <t>14339.0</t>
  </si>
  <si>
    <t>789.749</t>
  </si>
  <si>
    <t>5.633</t>
  </si>
  <si>
    <t>72093.0</t>
  </si>
  <si>
    <t>18042.0</t>
  </si>
  <si>
    <t>376.083</t>
  </si>
  <si>
    <t>1495081.0</t>
  </si>
  <si>
    <t>797.837</t>
  </si>
  <si>
    <t>5.856</t>
  </si>
  <si>
    <t>78129.0</t>
  </si>
  <si>
    <t>59961.0</t>
  </si>
  <si>
    <t>1511004.0</t>
  </si>
  <si>
    <t>806.334</t>
  </si>
  <si>
    <t>1523863.0</t>
  </si>
  <si>
    <t>813.196</t>
  </si>
  <si>
    <t>1529089.0</t>
  </si>
  <si>
    <t>815.985</t>
  </si>
  <si>
    <t>83878.0</t>
  </si>
  <si>
    <t>65556.0</t>
  </si>
  <si>
    <t>1060.16575761866</t>
  </si>
  <si>
    <t>1532303.0</t>
  </si>
  <si>
    <t>817.7</t>
  </si>
  <si>
    <t>85602.0</t>
  </si>
  <si>
    <t>1547936.0</t>
  </si>
  <si>
    <t>826.042</t>
  </si>
  <si>
    <t>87980.0</t>
  </si>
  <si>
    <t>69586.0</t>
  </si>
  <si>
    <t>18396.0</t>
  </si>
  <si>
    <t>1564641.0</t>
  </si>
  <si>
    <t>834.957</t>
  </si>
  <si>
    <t>90487.0</t>
  </si>
  <si>
    <t>72050.0</t>
  </si>
  <si>
    <t>1582124.0</t>
  </si>
  <si>
    <t>844.286</t>
  </si>
  <si>
    <t>1600150.0</t>
  </si>
  <si>
    <t>853.906</t>
  </si>
  <si>
    <t>9.619</t>
  </si>
  <si>
    <t>98185.0</t>
  </si>
  <si>
    <t>79718.0</t>
  </si>
  <si>
    <t>1614020.0</t>
  </si>
  <si>
    <t>861.307</t>
  </si>
  <si>
    <t>12880.0</t>
  </si>
  <si>
    <t>99128.0</t>
  </si>
  <si>
    <t>80656.0</t>
  </si>
  <si>
    <t>314.483</t>
  </si>
  <si>
    <t>1620010.0</t>
  </si>
  <si>
    <t>864.504</t>
  </si>
  <si>
    <t>1059.62540809897</t>
  </si>
  <si>
    <t>1623645.0</t>
  </si>
  <si>
    <t>866.444</t>
  </si>
  <si>
    <t>103022.0</t>
  </si>
  <si>
    <t>84432.0</t>
  </si>
  <si>
    <t>1640064.0</t>
  </si>
  <si>
    <t>875.205</t>
  </si>
  <si>
    <t>8.762</t>
  </si>
  <si>
    <t>103250.0</t>
  </si>
  <si>
    <t>84526.0</t>
  </si>
  <si>
    <t>1655979.0</t>
  </si>
  <si>
    <t>883.698</t>
  </si>
  <si>
    <t>8.493</t>
  </si>
  <si>
    <t>1671987.0</t>
  </si>
  <si>
    <t>892.241</t>
  </si>
  <si>
    <t>8.543</t>
  </si>
  <si>
    <t>103785.0</t>
  </si>
  <si>
    <t>1688891.0</t>
  </si>
  <si>
    <t>901.261</t>
  </si>
  <si>
    <t>9.021</t>
  </si>
  <si>
    <t>6.765</t>
  </si>
  <si>
    <t>85149.0</t>
  </si>
  <si>
    <t>1702731.0</t>
  </si>
  <si>
    <t>908.647</t>
  </si>
  <si>
    <t>7.386</t>
  </si>
  <si>
    <t>105005.0</t>
  </si>
  <si>
    <t>1707662.0</t>
  </si>
  <si>
    <t>911.278</t>
  </si>
  <si>
    <t>105051.0</t>
  </si>
  <si>
    <t>85620.0</t>
  </si>
  <si>
    <t>2007.8</t>
  </si>
  <si>
    <t>1084.91376562015</t>
  </si>
  <si>
    <t>1710928.0</t>
  </si>
  <si>
    <t>913.021</t>
  </si>
  <si>
    <t>107768.0</t>
  </si>
  <si>
    <t>88100.0</t>
  </si>
  <si>
    <t>1729542.0</t>
  </si>
  <si>
    <t>922.955</t>
  </si>
  <si>
    <t>113356.0</t>
  </si>
  <si>
    <t>1746441.0</t>
  </si>
  <si>
    <t>931.973</t>
  </si>
  <si>
    <t>119567.0</t>
  </si>
  <si>
    <t>98813.0</t>
  </si>
  <si>
    <t>1763959.0</t>
  </si>
  <si>
    <t>941.321</t>
  </si>
  <si>
    <t>9.348</t>
  </si>
  <si>
    <t>103549.0</t>
  </si>
  <si>
    <t>21447.0</t>
  </si>
  <si>
    <t>340.42</t>
  </si>
  <si>
    <t>1781840.0</t>
  </si>
  <si>
    <t>950.863</t>
  </si>
  <si>
    <t>9.542</t>
  </si>
  <si>
    <t>129024.0</t>
  </si>
  <si>
    <t>106886.0</t>
  </si>
  <si>
    <t>1796467.0</t>
  </si>
  <si>
    <t>958.668</t>
  </si>
  <si>
    <t>7.806</t>
  </si>
  <si>
    <t>107161.0</t>
  </si>
  <si>
    <t>1801058.0</t>
  </si>
  <si>
    <t>961.118</t>
  </si>
  <si>
    <t>129677.0</t>
  </si>
  <si>
    <t>1999.4</t>
  </si>
  <si>
    <t>1080.37482965481</t>
  </si>
  <si>
    <t>1804575.0</t>
  </si>
  <si>
    <t>962.995</t>
  </si>
  <si>
    <t>7.139</t>
  </si>
  <si>
    <t>131821.0</t>
  </si>
  <si>
    <t>108934.0</t>
  </si>
  <si>
    <t>22895.0</t>
  </si>
  <si>
    <t>1823512.0</t>
  </si>
  <si>
    <t>973.101</t>
  </si>
  <si>
    <t>113273.0</t>
  </si>
  <si>
    <t>1839592.0</t>
  </si>
  <si>
    <t>16080.0</t>
  </si>
  <si>
    <t>981.682</t>
  </si>
  <si>
    <t>142708.0</t>
  </si>
  <si>
    <t>117866.0</t>
  </si>
  <si>
    <t>1857766.0</t>
  </si>
  <si>
    <t>991.38</t>
  </si>
  <si>
    <t>146914.0</t>
  </si>
  <si>
    <t>121336.0</t>
  </si>
  <si>
    <t>1874812.0</t>
  </si>
  <si>
    <t>17046.0</t>
  </si>
  <si>
    <t>1000.477</t>
  </si>
  <si>
    <t>121931.0</t>
  </si>
  <si>
    <t>1879136.0</t>
  </si>
  <si>
    <t>1002.784</t>
  </si>
  <si>
    <t>125262.0</t>
  </si>
  <si>
    <t>1883332.0</t>
  </si>
  <si>
    <t>1005.023</t>
  </si>
  <si>
    <t>6.272</t>
  </si>
  <si>
    <t>152556.0</t>
  </si>
  <si>
    <t>126897.0</t>
  </si>
  <si>
    <t>2023.8</t>
  </si>
  <si>
    <t>1093.55935793509</t>
  </si>
  <si>
    <t>1886471.0</t>
  </si>
  <si>
    <t>1006.698</t>
  </si>
  <si>
    <t>6.243</t>
  </si>
  <si>
    <t>155443.0</t>
  </si>
  <si>
    <t>129779.0</t>
  </si>
  <si>
    <t>1891458.0</t>
  </si>
  <si>
    <t>1009.36</t>
  </si>
  <si>
    <t>160884.0</t>
  </si>
  <si>
    <t>134708.0</t>
  </si>
  <si>
    <t>1914601.0</t>
  </si>
  <si>
    <t>23143.0</t>
  </si>
  <si>
    <t>1021.71</t>
  </si>
  <si>
    <t>170173.0</t>
  </si>
  <si>
    <t>1938756.0</t>
  </si>
  <si>
    <t>1034.6</t>
  </si>
  <si>
    <t>177295.0</t>
  </si>
  <si>
    <t>150344.0</t>
  </si>
  <si>
    <t>1957345.0</t>
  </si>
  <si>
    <t>1044.52</t>
  </si>
  <si>
    <t>6.292</t>
  </si>
  <si>
    <t>182246.0</t>
  </si>
  <si>
    <t>155096.0</t>
  </si>
  <si>
    <t>1974197.0</t>
  </si>
  <si>
    <t>1053.512</t>
  </si>
  <si>
    <t>8.993</t>
  </si>
  <si>
    <t>13580.0</t>
  </si>
  <si>
    <t>7.247</t>
  </si>
  <si>
    <t>183958.0</t>
  </si>
  <si>
    <t>27285.0</t>
  </si>
  <si>
    <t>1979583.0</t>
  </si>
  <si>
    <t>1056.387</t>
  </si>
  <si>
    <t>156816.0</t>
  </si>
  <si>
    <t>27294.0</t>
  </si>
  <si>
    <t>1085.3460452359</t>
  </si>
  <si>
    <t>1982792.0</t>
  </si>
  <si>
    <t>1058.099</t>
  </si>
  <si>
    <t>7.343</t>
  </si>
  <si>
    <t>186515.0</t>
  </si>
  <si>
    <t>159195.0</t>
  </si>
  <si>
    <t>2003410.0</t>
  </si>
  <si>
    <t>1069.102</t>
  </si>
  <si>
    <t>190273.0</t>
  </si>
  <si>
    <t>162876.0</t>
  </si>
  <si>
    <t>1079.205</t>
  </si>
  <si>
    <t>196636.0</t>
  </si>
  <si>
    <t>27694.0</t>
  </si>
  <si>
    <t>2039575.0</t>
  </si>
  <si>
    <t>17233.0</t>
  </si>
  <si>
    <t>1088.401</t>
  </si>
  <si>
    <t>202624.0</t>
  </si>
  <si>
    <t>174298.0</t>
  </si>
  <si>
    <t>2055948.0</t>
  </si>
  <si>
    <t>1097.138</t>
  </si>
  <si>
    <t>211786.0</t>
  </si>
  <si>
    <t>182747.0</t>
  </si>
  <si>
    <t>29083.0</t>
  </si>
  <si>
    <t>2071140.0</t>
  </si>
  <si>
    <t>1105.245</t>
  </si>
  <si>
    <t>8.107</t>
  </si>
  <si>
    <t>218070.0</t>
  </si>
  <si>
    <t>188914.0</t>
  </si>
  <si>
    <t>2075941.0</t>
  </si>
  <si>
    <t>1107.807</t>
  </si>
  <si>
    <t>219010.0</t>
  </si>
  <si>
    <t>2038.6</t>
  </si>
  <si>
    <t>1101.5565308264</t>
  </si>
  <si>
    <t>2078624.0</t>
  </si>
  <si>
    <t>1109.239</t>
  </si>
  <si>
    <t>223049.0</t>
  </si>
  <si>
    <t>193171.0</t>
  </si>
  <si>
    <t>2097280.0</t>
  </si>
  <si>
    <t>1119.195</t>
  </si>
  <si>
    <t>230493.0</t>
  </si>
  <si>
    <t>198635.0</t>
  </si>
  <si>
    <t>2116430.0</t>
  </si>
  <si>
    <t>1129.414</t>
  </si>
  <si>
    <t>240752.0</t>
  </si>
  <si>
    <t>205872.0</t>
  </si>
  <si>
    <t>2133594.0</t>
  </si>
  <si>
    <t>1138.573</t>
  </si>
  <si>
    <t>9.159</t>
  </si>
  <si>
    <t>250662.0</t>
  </si>
  <si>
    <t>213284.0</t>
  </si>
  <si>
    <t>37423.0</t>
  </si>
  <si>
    <t>2148894.0</t>
  </si>
  <si>
    <t>1146.738</t>
  </si>
  <si>
    <t>222066.0</t>
  </si>
  <si>
    <t>39474.0</t>
  </si>
  <si>
    <t>2163855.0</t>
  </si>
  <si>
    <t>14961.0</t>
  </si>
  <si>
    <t>1154.722</t>
  </si>
  <si>
    <t>267731.0</t>
  </si>
  <si>
    <t>227627.0</t>
  </si>
  <si>
    <t>40149.0</t>
  </si>
  <si>
    <t>2169294.0</t>
  </si>
  <si>
    <t>1157.624</t>
  </si>
  <si>
    <t>269133.0</t>
  </si>
  <si>
    <t>228993.0</t>
  </si>
  <si>
    <t>40185.0</t>
  </si>
  <si>
    <t>2099.2</t>
  </si>
  <si>
    <t>1134.30171171921</t>
  </si>
  <si>
    <t>2172755.0</t>
  </si>
  <si>
    <t>1159.471</t>
  </si>
  <si>
    <t>7.176</t>
  </si>
  <si>
    <t>273735.0</t>
  </si>
  <si>
    <t>231669.0</t>
  </si>
  <si>
    <t>2192706.0</t>
  </si>
  <si>
    <t>1170.118</t>
  </si>
  <si>
    <t>7.275</t>
  </si>
  <si>
    <t>281294.0</t>
  </si>
  <si>
    <t>236394.0</t>
  </si>
  <si>
    <t>45021.0</t>
  </si>
  <si>
    <t>2211404.0</t>
  </si>
  <si>
    <t>18698.0</t>
  </si>
  <si>
    <t>1180.096</t>
  </si>
  <si>
    <t>296076.0</t>
  </si>
  <si>
    <t>2229425.0</t>
  </si>
  <si>
    <t>1189.713</t>
  </si>
  <si>
    <t>9.617</t>
  </si>
  <si>
    <t>52809.0</t>
  </si>
  <si>
    <t>2245899.0</t>
  </si>
  <si>
    <t>1198.504</t>
  </si>
  <si>
    <t>322082.0</t>
  </si>
  <si>
    <t>266967.0</t>
  </si>
  <si>
    <t>55477.0</t>
  </si>
  <si>
    <t>2258536.0</t>
  </si>
  <si>
    <t>1205.247</t>
  </si>
  <si>
    <t>328940.0</t>
  </si>
  <si>
    <t>273309.0</t>
  </si>
  <si>
    <t>55995.0</t>
  </si>
  <si>
    <t>2262114.0</t>
  </si>
  <si>
    <t>1207.157</t>
  </si>
  <si>
    <t>330559.0</t>
  </si>
  <si>
    <t>274897.0</t>
  </si>
  <si>
    <t>56037.0</t>
  </si>
  <si>
    <t>2192.2</t>
  </si>
  <si>
    <t>1184.55421704976</t>
  </si>
  <si>
    <t>2264685.0</t>
  </si>
  <si>
    <t>1208.529</t>
  </si>
  <si>
    <t>333542.0</t>
  </si>
  <si>
    <t>276960.0</t>
  </si>
  <si>
    <t>2270202.0</t>
  </si>
  <si>
    <t>1211.473</t>
  </si>
  <si>
    <t>342433.0</t>
  </si>
  <si>
    <t>285692.0</t>
  </si>
  <si>
    <t>57120.0</t>
  </si>
  <si>
    <t>2274085.0</t>
  </si>
  <si>
    <t>1213.545</t>
  </si>
  <si>
    <t>359223.0</t>
  </si>
  <si>
    <t>295329.0</t>
  </si>
  <si>
    <t>64406.0</t>
  </si>
  <si>
    <t>2297937.0</t>
  </si>
  <si>
    <t>1226.273</t>
  </si>
  <si>
    <t>12.728</t>
  </si>
  <si>
    <t>380921.0</t>
  </si>
  <si>
    <t>308888.0</t>
  </si>
  <si>
    <t>2316448.0</t>
  </si>
  <si>
    <t>1236.152</t>
  </si>
  <si>
    <t>9.878</t>
  </si>
  <si>
    <t>401012.0</t>
  </si>
  <si>
    <t>320770.0</t>
  </si>
  <si>
    <t>81089.0</t>
  </si>
  <si>
    <t>2335142.0</t>
  </si>
  <si>
    <t>1246.128</t>
  </si>
  <si>
    <t>9.976</t>
  </si>
  <si>
    <t>413362.0</t>
  </si>
  <si>
    <t>330836.0</t>
  </si>
  <si>
    <t>83421.0</t>
  </si>
  <si>
    <t>12060.0</t>
  </si>
  <si>
    <t>2353909.0</t>
  </si>
  <si>
    <t>1256.142</t>
  </si>
  <si>
    <t>415005.0</t>
  </si>
  <si>
    <t>332176.0</t>
  </si>
  <si>
    <t>1242.80389527162</t>
  </si>
  <si>
    <t>2359678.0</t>
  </si>
  <si>
    <t>1259.221</t>
  </si>
  <si>
    <t>424523.0</t>
  </si>
  <si>
    <t>337204.0</t>
  </si>
  <si>
    <t>88422.0</t>
  </si>
  <si>
    <t>2377635.0</t>
  </si>
  <si>
    <t>17957.0</t>
  </si>
  <si>
    <t>1268.804</t>
  </si>
  <si>
    <t>442576.0</t>
  </si>
  <si>
    <t>350102.0</t>
  </si>
  <si>
    <t>2392238.0</t>
  </si>
  <si>
    <t>1276.596</t>
  </si>
  <si>
    <t>465204.0</t>
  </si>
  <si>
    <t>365924.0</t>
  </si>
  <si>
    <t>101059.0</t>
  </si>
  <si>
    <t>15140.0</t>
  </si>
  <si>
    <t>2408655.0</t>
  </si>
  <si>
    <t>1285.357</t>
  </si>
  <si>
    <t>8.761</t>
  </si>
  <si>
    <t>8.441</t>
  </si>
  <si>
    <t>487257.0</t>
  </si>
  <si>
    <t>380918.0</t>
  </si>
  <si>
    <t>15191.0</t>
  </si>
  <si>
    <t>2423808.0</t>
  </si>
  <si>
    <t>15153.0</t>
  </si>
  <si>
    <t>1293.443</t>
  </si>
  <si>
    <t>8.086</t>
  </si>
  <si>
    <t>508672.0</t>
  </si>
  <si>
    <t>392711.0</t>
  </si>
  <si>
    <t>118694.0</t>
  </si>
  <si>
    <t>2438368.0</t>
  </si>
  <si>
    <t>1301.213</t>
  </si>
  <si>
    <t>522029.0</t>
  </si>
  <si>
    <t>400509.0</t>
  </si>
  <si>
    <t>124344.0</t>
  </si>
  <si>
    <t>2443958.0</t>
  </si>
  <si>
    <t>1304.196</t>
  </si>
  <si>
    <t>527074.0</t>
  </si>
  <si>
    <t>404544.0</t>
  </si>
  <si>
    <t>125375.0</t>
  </si>
  <si>
    <t>2425.2</t>
  </si>
  <si>
    <t>1310.45565513597</t>
  </si>
  <si>
    <t>2448070.0</t>
  </si>
  <si>
    <t>1306.391</t>
  </si>
  <si>
    <t>538754.0</t>
  </si>
  <si>
    <t>411653.0</t>
  </si>
  <si>
    <t>130320.0</t>
  </si>
  <si>
    <t>2466563.0</t>
  </si>
  <si>
    <t>1316.259</t>
  </si>
  <si>
    <t>555688.0</t>
  </si>
  <si>
    <t>137664.0</t>
  </si>
  <si>
    <t>2481291.0</t>
  </si>
  <si>
    <t>1324.119</t>
  </si>
  <si>
    <t>578278.0</t>
  </si>
  <si>
    <t>152020.0</t>
  </si>
  <si>
    <t>2497837.0</t>
  </si>
  <si>
    <t>1332.948</t>
  </si>
  <si>
    <t>599168.0</t>
  </si>
  <si>
    <t>439565.0</t>
  </si>
  <si>
    <t>166326.0</t>
  </si>
  <si>
    <t>2513295.0</t>
  </si>
  <si>
    <t>1341.197</t>
  </si>
  <si>
    <t>619345.0</t>
  </si>
  <si>
    <t>449799.0</t>
  </si>
  <si>
    <t>178201.0</t>
  </si>
  <si>
    <t>20177.0</t>
  </si>
  <si>
    <t>2527395.0</t>
  </si>
  <si>
    <t>1348.722</t>
  </si>
  <si>
    <t>7.524</t>
  </si>
  <si>
    <t>631735.0</t>
  </si>
  <si>
    <t>455509.0</t>
  </si>
  <si>
    <t>185977.0</t>
  </si>
  <si>
    <t>2532137.0</t>
  </si>
  <si>
    <t>1351.252</t>
  </si>
  <si>
    <t>634587.0</t>
  </si>
  <si>
    <t>456594.0</t>
  </si>
  <si>
    <t>187959.0</t>
  </si>
  <si>
    <t>2512.8</t>
  </si>
  <si>
    <t>1357.79027306023</t>
  </si>
  <si>
    <t>2536035.0</t>
  </si>
  <si>
    <t>1353.332</t>
  </si>
  <si>
    <t>646287.0</t>
  </si>
  <si>
    <t>462661.0</t>
  </si>
  <si>
    <t>194666.0</t>
  </si>
  <si>
    <t>2552498.0</t>
  </si>
  <si>
    <t>1362.118</t>
  </si>
  <si>
    <t>8.785</t>
  </si>
  <si>
    <t>666897.0</t>
  </si>
  <si>
    <t>469626.0</t>
  </si>
  <si>
    <t>209431.0</t>
  </si>
  <si>
    <t>20610.0</t>
  </si>
  <si>
    <t>15887.0</t>
  </si>
  <si>
    <t>2565288.0</t>
  </si>
  <si>
    <t>12790.0</t>
  </si>
  <si>
    <t>1368.943</t>
  </si>
  <si>
    <t>688890.0</t>
  </si>
  <si>
    <t>477578.0</t>
  </si>
  <si>
    <t>224492.0</t>
  </si>
  <si>
    <t>2578800.0</t>
  </si>
  <si>
    <t>1376.153</t>
  </si>
  <si>
    <t>710904.0</t>
  </si>
  <si>
    <t>483300.0</t>
  </si>
  <si>
    <t>241707.0</t>
  </si>
  <si>
    <t>22014.0</t>
  </si>
  <si>
    <t>8625.0</t>
  </si>
  <si>
    <t>2593670.0</t>
  </si>
  <si>
    <t>1384.089</t>
  </si>
  <si>
    <t>7.935</t>
  </si>
  <si>
    <t>735740.0</t>
  </si>
  <si>
    <t>493865.0</t>
  </si>
  <si>
    <t>24836.0</t>
  </si>
  <si>
    <t>2604599.0</t>
  </si>
  <si>
    <t>1389.921</t>
  </si>
  <si>
    <t>11029.0</t>
  </si>
  <si>
    <t>747626.0</t>
  </si>
  <si>
    <t>498985.0</t>
  </si>
  <si>
    <t>265825.0</t>
  </si>
  <si>
    <t>2608976.0</t>
  </si>
  <si>
    <t>1392.257</t>
  </si>
  <si>
    <t>751782.0</t>
  </si>
  <si>
    <t>501739.0</t>
  </si>
  <si>
    <t>267961.0</t>
  </si>
  <si>
    <t>2572.2</t>
  </si>
  <si>
    <t>1389.88703452941</t>
  </si>
  <si>
    <t>2612273.0</t>
  </si>
  <si>
    <t>1394.016</t>
  </si>
  <si>
    <t>764829.0</t>
  </si>
  <si>
    <t>507786.0</t>
  </si>
  <si>
    <t>276017.0</t>
  </si>
  <si>
    <t>2626819.0</t>
  </si>
  <si>
    <t>14546.0</t>
  </si>
  <si>
    <t>1401.778</t>
  </si>
  <si>
    <t>7.762</t>
  </si>
  <si>
    <t>786103.0</t>
  </si>
  <si>
    <t>514915.0</t>
  </si>
  <si>
    <t>2637246.0</t>
  </si>
  <si>
    <t>1407.343</t>
  </si>
  <si>
    <t>808124.0</t>
  </si>
  <si>
    <t>519676.0</t>
  </si>
  <si>
    <t>22021.0</t>
  </si>
  <si>
    <t>2648925.0</t>
  </si>
  <si>
    <t>1413.575</t>
  </si>
  <si>
    <t>829980.0</t>
  </si>
  <si>
    <t>524280.0</t>
  </si>
  <si>
    <t>328160.0</t>
  </si>
  <si>
    <t>2659699.0</t>
  </si>
  <si>
    <t>1419.324</t>
  </si>
  <si>
    <t>5.749</t>
  </si>
  <si>
    <t>850002.0</t>
  </si>
  <si>
    <t>531205.0</t>
  </si>
  <si>
    <t>343071.0</t>
  </si>
  <si>
    <t>2669066.0</t>
  </si>
  <si>
    <t>1424.323</t>
  </si>
  <si>
    <t>861284.0</t>
  </si>
  <si>
    <t>534628.0</t>
  </si>
  <si>
    <t>351968.0</t>
  </si>
  <si>
    <t>2674762.0</t>
  </si>
  <si>
    <t>1427.363</t>
  </si>
  <si>
    <t>866520.0</t>
  </si>
  <si>
    <t>536040.0</t>
  </si>
  <si>
    <t>356873.0</t>
  </si>
  <si>
    <t>2625.6</t>
  </si>
  <si>
    <t>1418.7416988805</t>
  </si>
  <si>
    <t>2677656.0</t>
  </si>
  <si>
    <t>1428.907</t>
  </si>
  <si>
    <t>4.984</t>
  </si>
  <si>
    <t>881401.0</t>
  </si>
  <si>
    <t>542066.0</t>
  </si>
  <si>
    <t>366768.0</t>
  </si>
  <si>
    <t>2690429.0</t>
  </si>
  <si>
    <t>1435.723</t>
  </si>
  <si>
    <t>899548.0</t>
  </si>
  <si>
    <t>547528.0</t>
  </si>
  <si>
    <t>380863.0</t>
  </si>
  <si>
    <t>18147.0</t>
  </si>
  <si>
    <t>2703239.0</t>
  </si>
  <si>
    <t>1442.559</t>
  </si>
  <si>
    <t>917944.0</t>
  </si>
  <si>
    <t>553784.0</t>
  </si>
  <si>
    <t>394217.0</t>
  </si>
  <si>
    <t>2713319.0</t>
  </si>
  <si>
    <t>1447.938</t>
  </si>
  <si>
    <t>5.379</t>
  </si>
  <si>
    <t>934969.0</t>
  </si>
  <si>
    <t>559850.0</t>
  </si>
  <si>
    <t>406779.0</t>
  </si>
  <si>
    <t>2723681.0</t>
  </si>
  <si>
    <t>1453.468</t>
  </si>
  <si>
    <t>952334.0</t>
  </si>
  <si>
    <t>565674.0</t>
  </si>
  <si>
    <t>419879.0</t>
  </si>
  <si>
    <t>2732363.0</t>
  </si>
  <si>
    <t>1458.101</t>
  </si>
  <si>
    <t>960621.0</t>
  </si>
  <si>
    <t>570091.0</t>
  </si>
  <si>
    <t>425046.0</t>
  </si>
  <si>
    <t>2738829.0</t>
  </si>
  <si>
    <t>1461.551</t>
  </si>
  <si>
    <t>962278.0</t>
  </si>
  <si>
    <t>571383.0</t>
  </si>
  <si>
    <t>425874.0</t>
  </si>
  <si>
    <t>2772.2</t>
  </si>
  <si>
    <t>1497.95693846608</t>
  </si>
  <si>
    <t>2742238.0</t>
  </si>
  <si>
    <t>1463.371</t>
  </si>
  <si>
    <t>972686.0</t>
  </si>
  <si>
    <t>575004.0</t>
  </si>
  <si>
    <t>433558.0</t>
  </si>
  <si>
    <t>2753690.0</t>
  </si>
  <si>
    <t>1469.482</t>
  </si>
  <si>
    <t>985650.0</t>
  </si>
  <si>
    <t>579512.0</t>
  </si>
  <si>
    <t>443680.0</t>
  </si>
  <si>
    <t>2762743.0</t>
  </si>
  <si>
    <t>1474.313</t>
  </si>
  <si>
    <t>1001573.0</t>
  </si>
  <si>
    <t>585187.0</t>
  </si>
  <si>
    <t>455524.0</t>
  </si>
  <si>
    <t>2772387.0</t>
  </si>
  <si>
    <t>1479.459</t>
  </si>
  <si>
    <t>1014848.0</t>
  </si>
  <si>
    <t>590736.0</t>
  </si>
  <si>
    <t>464903.0</t>
  </si>
  <si>
    <t>2782309.0</t>
  </si>
  <si>
    <t>1484.754</t>
  </si>
  <si>
    <t>1032142.0</t>
  </si>
  <si>
    <t>596443.0</t>
  </si>
  <si>
    <t>2790690.0</t>
  </si>
  <si>
    <t>1489.227</t>
  </si>
  <si>
    <t>1040629.0</t>
  </si>
  <si>
    <t>599990.0</t>
  </si>
  <si>
    <t>484916.0</t>
  </si>
  <si>
    <t>2795713.0</t>
  </si>
  <si>
    <t>1491.907</t>
  </si>
  <si>
    <t>1044129.0</t>
  </si>
  <si>
    <t>601025.0</t>
  </si>
  <si>
    <t>488042.0</t>
  </si>
  <si>
    <t>1527.56809214472</t>
  </si>
  <si>
    <t>107.53</t>
  </si>
  <si>
    <t>2798872.0</t>
  </si>
  <si>
    <t>1493.593</t>
  </si>
  <si>
    <t>1056539.0</t>
  </si>
  <si>
    <t>604602.0</t>
  </si>
  <si>
    <t>498391.0</t>
  </si>
  <si>
    <t>2807205.0</t>
  </si>
  <si>
    <t>1498.04</t>
  </si>
  <si>
    <t>1066800.0</t>
  </si>
  <si>
    <t>607575.0</t>
  </si>
  <si>
    <t>506969.0</t>
  </si>
  <si>
    <t>2813034.0</t>
  </si>
  <si>
    <t>1501.15</t>
  </si>
  <si>
    <t>607828.0</t>
  </si>
  <si>
    <t>507224.0</t>
  </si>
  <si>
    <t>2815280.0</t>
  </si>
  <si>
    <t>1502.349</t>
  </si>
  <si>
    <t>1067304.0</t>
  </si>
  <si>
    <t>607880.0</t>
  </si>
  <si>
    <t>507311.0</t>
  </si>
  <si>
    <t>2817641.0</t>
  </si>
  <si>
    <t>1503.609</t>
  </si>
  <si>
    <t>1070340.0</t>
  </si>
  <si>
    <t>608686.0</t>
  </si>
  <si>
    <t>509869.0</t>
  </si>
  <si>
    <t>2822973.0</t>
  </si>
  <si>
    <t>1506.454</t>
  </si>
  <si>
    <t>1073575.0</t>
  </si>
  <si>
    <t>609961.0</t>
  </si>
  <si>
    <t>512441.0</t>
  </si>
  <si>
    <t>2830897.0</t>
  </si>
  <si>
    <t>1510.683</t>
  </si>
  <si>
    <t>1075871.0</t>
  </si>
  <si>
    <t>610676.0</t>
  </si>
  <si>
    <t>514492.0</t>
  </si>
  <si>
    <t>3021.2</t>
  </si>
  <si>
    <t>1632.50396886722</t>
  </si>
  <si>
    <t>2834920.0</t>
  </si>
  <si>
    <t>1512.83</t>
  </si>
  <si>
    <t>1091383.0</t>
  </si>
  <si>
    <t>614016.0</t>
  </si>
  <si>
    <t>527975.0</t>
  </si>
  <si>
    <t>2846329.0</t>
  </si>
  <si>
    <t>1518.918</t>
  </si>
  <si>
    <t>1105816.0</t>
  </si>
  <si>
    <t>619065.0</t>
  </si>
  <si>
    <t>539211.0</t>
  </si>
  <si>
    <t>2855023.0</t>
  </si>
  <si>
    <t>1523.557</t>
  </si>
  <si>
    <t>1120588.0</t>
  </si>
  <si>
    <t>624007.0</t>
  </si>
  <si>
    <t>550970.0</t>
  </si>
  <si>
    <t>2863588.0</t>
  </si>
  <si>
    <t>1528.128</t>
  </si>
  <si>
    <t>1132395.0</t>
  </si>
  <si>
    <t>628779.0</t>
  </si>
  <si>
    <t>559674.0</t>
  </si>
  <si>
    <t>2871186.0</t>
  </si>
  <si>
    <t>1532.183</t>
  </si>
  <si>
    <t>1144851.0</t>
  </si>
  <si>
    <t>633907.0</t>
  </si>
  <si>
    <t>568973.0</t>
  </si>
  <si>
    <t>2880731.0</t>
  </si>
  <si>
    <t>1537.276</t>
  </si>
  <si>
    <t>1153495.0</t>
  </si>
  <si>
    <t>637077.0</t>
  </si>
  <si>
    <t>576028.0</t>
  </si>
  <si>
    <t>41.067</t>
  </si>
  <si>
    <t>2888149.0</t>
  </si>
  <si>
    <t>1541.235</t>
  </si>
  <si>
    <t>1155731.0</t>
  </si>
  <si>
    <t>638493.0</t>
  </si>
  <si>
    <t>577676.0</t>
  </si>
  <si>
    <t>1701.56063748275</t>
  </si>
  <si>
    <t>2891605.0</t>
  </si>
  <si>
    <t>1543.079</t>
  </si>
  <si>
    <t>1163488.0</t>
  </si>
  <si>
    <t>642602.0</t>
  </si>
  <si>
    <t>582870.0</t>
  </si>
  <si>
    <t>2900408.0</t>
  </si>
  <si>
    <t>1547.777</t>
  </si>
  <si>
    <t>1172430.0</t>
  </si>
  <si>
    <t>647430.0</t>
  </si>
  <si>
    <t>589036.0</t>
  </si>
  <si>
    <t>2907299.0</t>
  </si>
  <si>
    <t>1551.454</t>
  </si>
  <si>
    <t>164.4</t>
  </si>
  <si>
    <t>1182628.0</t>
  </si>
  <si>
    <t>652836.0</t>
  </si>
  <si>
    <t>596372.0</t>
  </si>
  <si>
    <t>2913999.0</t>
  </si>
  <si>
    <t>1555.029</t>
  </si>
  <si>
    <t>1191346.0</t>
  </si>
  <si>
    <t>657299.0</t>
  </si>
  <si>
    <t>602619.0</t>
  </si>
  <si>
    <t>2920971.0</t>
  </si>
  <si>
    <t>1558.75</t>
  </si>
  <si>
    <t>1202689.0</t>
  </si>
  <si>
    <t>662646.0</t>
  </si>
  <si>
    <t>611151.0</t>
  </si>
  <si>
    <t>2930036.0</t>
  </si>
  <si>
    <t>1563.587</t>
  </si>
  <si>
    <t>1210767.0</t>
  </si>
  <si>
    <t>665590.0</t>
  </si>
  <si>
    <t>617916.0</t>
  </si>
  <si>
    <t>2936943.0</t>
  </si>
  <si>
    <t>1567.273</t>
  </si>
  <si>
    <t>1212841.0</t>
  </si>
  <si>
    <t>667030.0</t>
  </si>
  <si>
    <t>619467.0</t>
  </si>
  <si>
    <t>3251.4</t>
  </si>
  <si>
    <t>1756.89242829832</t>
  </si>
  <si>
    <t>2940545.0</t>
  </si>
  <si>
    <t>1569.195</t>
  </si>
  <si>
    <t>185.4</t>
  </si>
  <si>
    <t>1219345.0</t>
  </si>
  <si>
    <t>670608.0</t>
  </si>
  <si>
    <t>624055.0</t>
  </si>
  <si>
    <t>2948929.0</t>
  </si>
  <si>
    <t>1573.669</t>
  </si>
  <si>
    <t>1225998.0</t>
  </si>
  <si>
    <t>675060.0</t>
  </si>
  <si>
    <t>628390.0</t>
  </si>
  <si>
    <t>2956097.0</t>
  </si>
  <si>
    <t>1577.495</t>
  </si>
  <si>
    <t>1231920.0</t>
  </si>
  <si>
    <t>679915.0</t>
  </si>
  <si>
    <t>2962748.0</t>
  </si>
  <si>
    <t>1581.044</t>
  </si>
  <si>
    <t>1236751.0</t>
  </si>
  <si>
    <t>683879.0</t>
  </si>
  <si>
    <t>634337.0</t>
  </si>
  <si>
    <t>2970426.0</t>
  </si>
  <si>
    <t>1585.141</t>
  </si>
  <si>
    <t>1242463.0</t>
  </si>
  <si>
    <t>688512.0</t>
  </si>
  <si>
    <t>637370.0</t>
  </si>
  <si>
    <t>2980258.0</t>
  </si>
  <si>
    <t>1590.388</t>
  </si>
  <si>
    <t>1246135.0</t>
  </si>
  <si>
    <t>691494.0</t>
  </si>
  <si>
    <t>639642.0</t>
  </si>
  <si>
    <t>2987579.0</t>
  </si>
  <si>
    <t>1594.295</t>
  </si>
  <si>
    <t>1247415.0</t>
  </si>
  <si>
    <t>692392.0</t>
  </si>
  <si>
    <t>640442.0</t>
  </si>
  <si>
    <t>3385.4</t>
  </si>
  <si>
    <t>1829.29926393588</t>
  </si>
  <si>
    <t>25.937</t>
  </si>
  <si>
    <t>2990895.0</t>
  </si>
  <si>
    <t>1596.064</t>
  </si>
  <si>
    <t>1252538.0</t>
  </si>
  <si>
    <t>695506.0</t>
  </si>
  <si>
    <t>643645.0</t>
  </si>
  <si>
    <t>2998839.0</t>
  </si>
  <si>
    <t>1600.303</t>
  </si>
  <si>
    <t>186.2</t>
  </si>
  <si>
    <t>1259361.0</t>
  </si>
  <si>
    <t>699506.0</t>
  </si>
  <si>
    <t>647739.0</t>
  </si>
  <si>
    <t>3005610.0</t>
  </si>
  <si>
    <t>1603.917</t>
  </si>
  <si>
    <t>1266763.0</t>
  </si>
  <si>
    <t>703880.0</t>
  </si>
  <si>
    <t>652207.0</t>
  </si>
  <si>
    <t>3012389.0</t>
  </si>
  <si>
    <t>1607.534</t>
  </si>
  <si>
    <t>1273328.0</t>
  </si>
  <si>
    <t>707539.0</t>
  </si>
  <si>
    <t>656347.0</t>
  </si>
  <si>
    <t>3020374.0</t>
  </si>
  <si>
    <t>1611.795</t>
  </si>
  <si>
    <t>1279636.0</t>
  </si>
  <si>
    <t>711206.0</t>
  </si>
  <si>
    <t>659966.0</t>
  </si>
  <si>
    <t>3030949.0</t>
  </si>
  <si>
    <t>1617.439</t>
  </si>
  <si>
    <t>1284394.0</t>
  </si>
  <si>
    <t>714342.0</t>
  </si>
  <si>
    <t>662652.0</t>
  </si>
  <si>
    <t>3037864.0</t>
  </si>
  <si>
    <t>1621.129</t>
  </si>
  <si>
    <t>1285774.0</t>
  </si>
  <si>
    <t>715128.0</t>
  </si>
  <si>
    <t>663503.0</t>
  </si>
  <si>
    <t>3377.2</t>
  </si>
  <si>
    <t>1824.86839787448</t>
  </si>
  <si>
    <t>3041245.0</t>
  </si>
  <si>
    <t>1622.933</t>
  </si>
  <si>
    <t>1291524.0</t>
  </si>
  <si>
    <t>718024.0</t>
  </si>
  <si>
    <t>666988.0</t>
  </si>
  <si>
    <t>3049347.0</t>
  </si>
  <si>
    <t>1627.257</t>
  </si>
  <si>
    <t>1297831.0</t>
  </si>
  <si>
    <t>721483.0</t>
  </si>
  <si>
    <t>670441.0</t>
  </si>
  <si>
    <t>3056228.0</t>
  </si>
  <si>
    <t>1630.929</t>
  </si>
  <si>
    <t>1304810.0</t>
  </si>
  <si>
    <t>725170.0</t>
  </si>
  <si>
    <t>674346.0</t>
  </si>
  <si>
    <t>3063202.0</t>
  </si>
  <si>
    <t>1634.65</t>
  </si>
  <si>
    <t>1310364.0</t>
  </si>
  <si>
    <t>728403.0</t>
  </si>
  <si>
    <t>677296.0</t>
  </si>
  <si>
    <t>3070510.0</t>
  </si>
  <si>
    <t>1638.55</t>
  </si>
  <si>
    <t>1317305.0</t>
  </si>
  <si>
    <t>732212.0</t>
  </si>
  <si>
    <t>680980.0</t>
  </si>
  <si>
    <t>3081813.0</t>
  </si>
  <si>
    <t>1644.582</t>
  </si>
  <si>
    <t>1321161.0</t>
  </si>
  <si>
    <t>734750.0</t>
  </si>
  <si>
    <t>682962.0</t>
  </si>
  <si>
    <t>3090142.0</t>
  </si>
  <si>
    <t>1649.026</t>
  </si>
  <si>
    <t>1322589.0</t>
  </si>
  <si>
    <t>735685.0</t>
  </si>
  <si>
    <t>683783.0</t>
  </si>
  <si>
    <t>3441.8</t>
  </si>
  <si>
    <t>1859.77497684602</t>
  </si>
  <si>
    <t>3093941.0</t>
  </si>
  <si>
    <t>1651.054</t>
  </si>
  <si>
    <t>1327471.0</t>
  </si>
  <si>
    <t>738660.0</t>
  </si>
  <si>
    <t>686346.0</t>
  </si>
  <si>
    <t>3102581.0</t>
  </si>
  <si>
    <t>1655.664</t>
  </si>
  <si>
    <t>1333839.0</t>
  </si>
  <si>
    <t>742328.0</t>
  </si>
  <si>
    <t>689959.0</t>
  </si>
  <si>
    <t>3109669.0</t>
  </si>
  <si>
    <t>1659.447</t>
  </si>
  <si>
    <t>1340392.0</t>
  </si>
  <si>
    <t>746336.0</t>
  </si>
  <si>
    <t>693325.0</t>
  </si>
  <si>
    <t>3116173.0</t>
  </si>
  <si>
    <t>1662.918</t>
  </si>
  <si>
    <t>1345630.0</t>
  </si>
  <si>
    <t>749531.0</t>
  </si>
  <si>
    <t>695867.0</t>
  </si>
  <si>
    <t>3123558.0</t>
  </si>
  <si>
    <t>1666.859</t>
  </si>
  <si>
    <t>1352206.0</t>
  </si>
  <si>
    <t>753533.0</t>
  </si>
  <si>
    <t>699258.0</t>
  </si>
  <si>
    <t>3133798.0</t>
  </si>
  <si>
    <t>1672.323</t>
  </si>
  <si>
    <t>1356359.0</t>
  </si>
  <si>
    <t>756390.0</t>
  </si>
  <si>
    <t>701894.0</t>
  </si>
  <si>
    <t>3142299.0</t>
  </si>
  <si>
    <t>1676.86</t>
  </si>
  <si>
    <t>1357476.0</t>
  </si>
  <si>
    <t>757166.0</t>
  </si>
  <si>
    <t>702532.0</t>
  </si>
  <si>
    <t>3508.2</t>
  </si>
  <si>
    <t>1895.654184953</t>
  </si>
  <si>
    <t>3145905.0</t>
  </si>
  <si>
    <t>1678.784</t>
  </si>
  <si>
    <t>1362249.0</t>
  </si>
  <si>
    <t>759910.0</t>
  </si>
  <si>
    <t>704850.0</t>
  </si>
  <si>
    <t>3154744.0</t>
  </si>
  <si>
    <t>1683.501</t>
  </si>
  <si>
    <t>1368252.0</t>
  </si>
  <si>
    <t>763258.0</t>
  </si>
  <si>
    <t>707989.0</t>
  </si>
  <si>
    <t>3162334.0</t>
  </si>
  <si>
    <t>1687.551</t>
  </si>
  <si>
    <t>1375797.0</t>
  </si>
  <si>
    <t>767916.0</t>
  </si>
  <si>
    <t>711477.0</t>
  </si>
  <si>
    <t>3170093.0</t>
  </si>
  <si>
    <t>1691.692</t>
  </si>
  <si>
    <t>1381137.0</t>
  </si>
  <si>
    <t>771064.0</t>
  </si>
  <si>
    <t>713968.0</t>
  </si>
  <si>
    <t>1696.033</t>
  </si>
  <si>
    <t>1387710.0</t>
  </si>
  <si>
    <t>775103.0</t>
  </si>
  <si>
    <t>716939.0</t>
  </si>
  <si>
    <t>3189312.0</t>
  </si>
  <si>
    <t>1701.948</t>
  </si>
  <si>
    <t>1391620.0</t>
  </si>
  <si>
    <t>777447.0</t>
  </si>
  <si>
    <t>718819.0</t>
  </si>
  <si>
    <t>24.825</t>
  </si>
  <si>
    <t>3197602.0</t>
  </si>
  <si>
    <t>1706.372</t>
  </si>
  <si>
    <t>1392886.0</t>
  </si>
  <si>
    <t>778137.0</t>
  </si>
  <si>
    <t>719485.0</t>
  </si>
  <si>
    <t>3535.8</t>
  </si>
  <si>
    <t>1910.56783169625</t>
  </si>
  <si>
    <t>3201959.0</t>
  </si>
  <si>
    <t>1708.697</t>
  </si>
  <si>
    <t>1397687.0</t>
  </si>
  <si>
    <t>780767.0</t>
  </si>
  <si>
    <t>721871.0</t>
  </si>
  <si>
    <t>3212193.0</t>
  </si>
  <si>
    <t>1714.158</t>
  </si>
  <si>
    <t>1403723.0</t>
  </si>
  <si>
    <t>783931.0</t>
  </si>
  <si>
    <t>725047.0</t>
  </si>
  <si>
    <t>3220730.0</t>
  </si>
  <si>
    <t>1718.714</t>
  </si>
  <si>
    <t>1411126.0</t>
  </si>
  <si>
    <t>788501.0</t>
  </si>
  <si>
    <t>728502.0</t>
  </si>
  <si>
    <t>3228603.0</t>
  </si>
  <si>
    <t>1722.915</t>
  </si>
  <si>
    <t>1416821.0</t>
  </si>
  <si>
    <t>791806.0</t>
  </si>
  <si>
    <t>731310.0</t>
  </si>
  <si>
    <t>3237834.0</t>
  </si>
  <si>
    <t>1727.841</t>
  </si>
  <si>
    <t>1423892.0</t>
  </si>
  <si>
    <t>795866.0</t>
  </si>
  <si>
    <t>734858.0</t>
  </si>
  <si>
    <t>3248616.0</t>
  </si>
  <si>
    <t>1733.595</t>
  </si>
  <si>
    <t>4.521</t>
  </si>
  <si>
    <t>1427652.0</t>
  </si>
  <si>
    <t>798029.0</t>
  </si>
  <si>
    <t>736750.0</t>
  </si>
  <si>
    <t>37.284</t>
  </si>
  <si>
    <t>3256328.0</t>
  </si>
  <si>
    <t>1737.71</t>
  </si>
  <si>
    <t>1428945.0</t>
  </si>
  <si>
    <t>798780.0</t>
  </si>
  <si>
    <t>737352.0</t>
  </si>
  <si>
    <t>3604.4</t>
  </si>
  <si>
    <t>1947.63580874653</t>
  </si>
  <si>
    <t>3259981.0</t>
  </si>
  <si>
    <t>1739.66</t>
  </si>
  <si>
    <t>1434222.0</t>
  </si>
  <si>
    <t>801653.0</t>
  </si>
  <si>
    <t>740073.0</t>
  </si>
  <si>
    <t>3269896.0</t>
  </si>
  <si>
    <t>1744.951</t>
  </si>
  <si>
    <t>1440361.0</t>
  </si>
  <si>
    <t>805281.0</t>
  </si>
  <si>
    <t>743026.0</t>
  </si>
  <si>
    <t>3282349.0</t>
  </si>
  <si>
    <t>1751.596</t>
  </si>
  <si>
    <t>1447158.0</t>
  </si>
  <si>
    <t>746500.0</t>
  </si>
  <si>
    <t>3306046.0</t>
  </si>
  <si>
    <t>23697.0</t>
  </si>
  <si>
    <t>1764.242</t>
  </si>
  <si>
    <t>12.646</t>
  </si>
  <si>
    <t>1452714.0</t>
  </si>
  <si>
    <t>812067.0</t>
  </si>
  <si>
    <t>749185.0</t>
  </si>
  <si>
    <t>3339462.0</t>
  </si>
  <si>
    <t>1782.074</t>
  </si>
  <si>
    <t>7.747</t>
  </si>
  <si>
    <t>1460024.0</t>
  </si>
  <si>
    <t>816353.0</t>
  </si>
  <si>
    <t>752738.0</t>
  </si>
  <si>
    <t>3378973.0</t>
  </si>
  <si>
    <t>1803.159</t>
  </si>
  <si>
    <t>21.085</t>
  </si>
  <si>
    <t>1463488.0</t>
  </si>
  <si>
    <t>818378.0</t>
  </si>
  <si>
    <t>754285.0</t>
  </si>
  <si>
    <t>15.846</t>
  </si>
  <si>
    <t>3406270.0</t>
  </si>
  <si>
    <t>1817.725</t>
  </si>
  <si>
    <t>14.567</t>
  </si>
  <si>
    <t>11.431</t>
  </si>
  <si>
    <t>1464647.0</t>
  </si>
  <si>
    <t>819068.0</t>
  </si>
  <si>
    <t>754773.0</t>
  </si>
  <si>
    <t>3620.4</t>
  </si>
  <si>
    <t>1956.28140106146</t>
  </si>
  <si>
    <t>3425417.0</t>
  </si>
  <si>
    <t>1827.943</t>
  </si>
  <si>
    <t>1470512.0</t>
  </si>
  <si>
    <t>822199.0</t>
  </si>
  <si>
    <t>757844.0</t>
  </si>
  <si>
    <t>3466727.0</t>
  </si>
  <si>
    <t>1849.988</t>
  </si>
  <si>
    <t>22.045</t>
  </si>
  <si>
    <t>1476706.0</t>
  </si>
  <si>
    <t>825750.0</t>
  </si>
  <si>
    <t>760780.0</t>
  </si>
  <si>
    <t>3521702.0</t>
  </si>
  <si>
    <t>54975.0</t>
  </si>
  <si>
    <t>1879.325</t>
  </si>
  <si>
    <t>29.337</t>
  </si>
  <si>
    <t>1482472.0</t>
  </si>
  <si>
    <t>828391.0</t>
  </si>
  <si>
    <t>764061.0</t>
  </si>
  <si>
    <t>3543644.0</t>
  </si>
  <si>
    <t>1891.034</t>
  </si>
  <si>
    <t>11.709</t>
  </si>
  <si>
    <t>18.113</t>
  </si>
  <si>
    <t>1487879.0</t>
  </si>
  <si>
    <t>831267.0</t>
  </si>
  <si>
    <t>766823.0</t>
  </si>
  <si>
    <t>3570604.0</t>
  </si>
  <si>
    <t>1905.421</t>
  </si>
  <si>
    <t>14.387</t>
  </si>
  <si>
    <t>17.621</t>
  </si>
  <si>
    <t>1494401.0</t>
  </si>
  <si>
    <t>834448.0</t>
  </si>
  <si>
    <t>770320.0</t>
  </si>
  <si>
    <t>3617391.0</t>
  </si>
  <si>
    <t>46787.0</t>
  </si>
  <si>
    <t>1930.388</t>
  </si>
  <si>
    <t>1497967.0</t>
  </si>
  <si>
    <t>836041.0</t>
  </si>
  <si>
    <t>772339.0</t>
  </si>
  <si>
    <t>75.004</t>
  </si>
  <si>
    <t>3630252.0</t>
  </si>
  <si>
    <t>1937.251</t>
  </si>
  <si>
    <t>17.075</t>
  </si>
  <si>
    <t>1498983.0</t>
  </si>
  <si>
    <t>836576.0</t>
  </si>
  <si>
    <t>772824.0</t>
  </si>
  <si>
    <t>3684.2</t>
  </si>
  <si>
    <t>1990.75570041726</t>
  </si>
  <si>
    <t>3637929.0</t>
  </si>
  <si>
    <t>1941.348</t>
  </si>
  <si>
    <t>1503369.0</t>
  </si>
  <si>
    <t>838794.0</t>
  </si>
  <si>
    <t>775056.0</t>
  </si>
  <si>
    <t>3683325.0</t>
  </si>
  <si>
    <t>45396.0</t>
  </si>
  <si>
    <t>1965.573</t>
  </si>
  <si>
    <t>24.225</t>
  </si>
  <si>
    <t>1508422.0</t>
  </si>
  <si>
    <t>841568.0</t>
  </si>
  <si>
    <t>777435.0</t>
  </si>
  <si>
    <t>3735905.0</t>
  </si>
  <si>
    <t>1993.632</t>
  </si>
  <si>
    <t>1515419.0</t>
  </si>
  <si>
    <t>844862.0</t>
  </si>
  <si>
    <t>781287.0</t>
  </si>
  <si>
    <t>3778354.0</t>
  </si>
  <si>
    <t>42449.0</t>
  </si>
  <si>
    <t>2016.285</t>
  </si>
  <si>
    <t>22.653</t>
  </si>
  <si>
    <t>17.893</t>
  </si>
  <si>
    <t>1521241.0</t>
  </si>
  <si>
    <t>847877.0</t>
  </si>
  <si>
    <t>784264.0</t>
  </si>
  <si>
    <t>3822472.0</t>
  </si>
  <si>
    <t>44118.0</t>
  </si>
  <si>
    <t>2039.828</t>
  </si>
  <si>
    <t>23.543</t>
  </si>
  <si>
    <t>19.201</t>
  </si>
  <si>
    <t>1527908.0</t>
  </si>
  <si>
    <t>851275.0</t>
  </si>
  <si>
    <t>787761.0</t>
  </si>
  <si>
    <t>3863451.0</t>
  </si>
  <si>
    <t>18.758</t>
  </si>
  <si>
    <t>1530818.0</t>
  </si>
  <si>
    <t>852708.0</t>
  </si>
  <si>
    <t>789262.0</t>
  </si>
  <si>
    <t>3873888.0</t>
  </si>
  <si>
    <t>2067.265</t>
  </si>
  <si>
    <t>18.573</t>
  </si>
  <si>
    <t>1531863.0</t>
  </si>
  <si>
    <t>853316.0</t>
  </si>
  <si>
    <t>789706.0</t>
  </si>
  <si>
    <t>3822.6</t>
  </si>
  <si>
    <t>2065.54007394143</t>
  </si>
  <si>
    <t>3888493.0</t>
  </si>
  <si>
    <t>2075.059</t>
  </si>
  <si>
    <t>19.102</t>
  </si>
  <si>
    <t>1536544.0</t>
  </si>
  <si>
    <t>855334.0</t>
  </si>
  <si>
    <t>792441.0</t>
  </si>
  <si>
    <t>3931699.0</t>
  </si>
  <si>
    <t>43206.0</t>
  </si>
  <si>
    <t>2098.116</t>
  </si>
  <si>
    <t>23.056</t>
  </si>
  <si>
    <t>18.935</t>
  </si>
  <si>
    <t>1541747.0</t>
  </si>
  <si>
    <t>795163.0</t>
  </si>
  <si>
    <t>3976116.0</t>
  </si>
  <si>
    <t>44417.0</t>
  </si>
  <si>
    <t>2121.818</t>
  </si>
  <si>
    <t>23.703</t>
  </si>
  <si>
    <t>34316.0</t>
  </si>
  <si>
    <t>18.312</t>
  </si>
  <si>
    <t>1547862.0</t>
  </si>
  <si>
    <t>860800.0</t>
  </si>
  <si>
    <t>798489.0</t>
  </si>
  <si>
    <t>4009031.0</t>
  </si>
  <si>
    <t>2139.383</t>
  </si>
  <si>
    <t>1553670.0</t>
  </si>
  <si>
    <t>863773.0</t>
  </si>
  <si>
    <t>801616.0</t>
  </si>
  <si>
    <t>4044139.0</t>
  </si>
  <si>
    <t>2158.118</t>
  </si>
  <si>
    <t>1561021.0</t>
  </si>
  <si>
    <t>867521.0</t>
  </si>
  <si>
    <t>805921.0</t>
  </si>
  <si>
    <t>4078289.0</t>
  </si>
  <si>
    <t>2176.342</t>
  </si>
  <si>
    <t>18.224</t>
  </si>
  <si>
    <t>1565270.0</t>
  </si>
  <si>
    <t>870088.0</t>
  </si>
  <si>
    <t>808689.0</t>
  </si>
  <si>
    <t>4091583.0</t>
  </si>
  <si>
    <t>2183.436</t>
  </si>
  <si>
    <t>31099.0</t>
  </si>
  <si>
    <t>1566336.0</t>
  </si>
  <si>
    <t>870560.0</t>
  </si>
  <si>
    <t>809365.0</t>
  </si>
  <si>
    <t>2101.95963156808</t>
  </si>
  <si>
    <t>4096368.0</t>
  </si>
  <si>
    <t>2185.99</t>
  </si>
  <si>
    <t>15.847</t>
  </si>
  <si>
    <t>1571383.0</t>
  </si>
  <si>
    <t>872953.0</t>
  </si>
  <si>
    <t>812439.0</t>
  </si>
  <si>
    <t>4120886.0</t>
  </si>
  <si>
    <t>24518.0</t>
  </si>
  <si>
    <t>2199.074</t>
  </si>
  <si>
    <t>14.423</t>
  </si>
  <si>
    <t>1577758.0</t>
  </si>
  <si>
    <t>876131.0</t>
  </si>
  <si>
    <t>816294.0</t>
  </si>
  <si>
    <t>4148102.0</t>
  </si>
  <si>
    <t>27216.0</t>
  </si>
  <si>
    <t>2213.597</t>
  </si>
  <si>
    <t>14.524</t>
  </si>
  <si>
    <t>13.111</t>
  </si>
  <si>
    <t>1584316.0</t>
  </si>
  <si>
    <t>880133.0</t>
  </si>
  <si>
    <t>819579.0</t>
  </si>
  <si>
    <t>4174833.0</t>
  </si>
  <si>
    <t>2227.862</t>
  </si>
  <si>
    <t>14.265</t>
  </si>
  <si>
    <t>23686.0</t>
  </si>
  <si>
    <t>1591297.0</t>
  </si>
  <si>
    <t>884582.0</t>
  </si>
  <si>
    <t>823951.0</t>
  </si>
  <si>
    <t>4200515.0</t>
  </si>
  <si>
    <t>2241.567</t>
  </si>
  <si>
    <t>11.921</t>
  </si>
  <si>
    <t>1600389.0</t>
  </si>
  <si>
    <t>890688.0</t>
  </si>
  <si>
    <t>830049.0</t>
  </si>
  <si>
    <t>4231102.0</t>
  </si>
  <si>
    <t>2257.889</t>
  </si>
  <si>
    <t>16.322</t>
  </si>
  <si>
    <t>11.649</t>
  </si>
  <si>
    <t>1606417.0</t>
  </si>
  <si>
    <t>895113.0</t>
  </si>
  <si>
    <t>834443.0</t>
  </si>
  <si>
    <t>4244214.0</t>
  </si>
  <si>
    <t>2264.887</t>
  </si>
  <si>
    <t>21804.0</t>
  </si>
  <si>
    <t>11.636</t>
  </si>
  <si>
    <t>1608093.0</t>
  </si>
  <si>
    <t>896211.0</t>
  </si>
  <si>
    <t>835614.0</t>
  </si>
  <si>
    <t>4018.4</t>
  </si>
  <si>
    <t>2171.34050989542</t>
  </si>
  <si>
    <t>4249027.0</t>
  </si>
  <si>
    <t>2267.455</t>
  </si>
  <si>
    <t>21808.0</t>
  </si>
  <si>
    <t>1614601.0</t>
  </si>
  <si>
    <t>900508.0</t>
  </si>
  <si>
    <t>839956.0</t>
  </si>
  <si>
    <t>4274929.0</t>
  </si>
  <si>
    <t>2281.277</t>
  </si>
  <si>
    <t>1621191.0</t>
  </si>
  <si>
    <t>904687.0</t>
  </si>
  <si>
    <t>844389.0</t>
  </si>
  <si>
    <t>4303329.0</t>
  </si>
  <si>
    <t>28400.0</t>
  </si>
  <si>
    <t>2296.433</t>
  </si>
  <si>
    <t>22175.0</t>
  </si>
  <si>
    <t>1629197.0</t>
  </si>
  <si>
    <t>909739.0</t>
  </si>
  <si>
    <t>849664.0</t>
  </si>
  <si>
    <t>4331771.0</t>
  </si>
  <si>
    <t>2311.611</t>
  </si>
  <si>
    <t>11.964</t>
  </si>
  <si>
    <t>1637411.0</t>
  </si>
  <si>
    <t>915246.0</t>
  </si>
  <si>
    <t>855502.0</t>
  </si>
  <si>
    <t>4357231.0</t>
  </si>
  <si>
    <t>25460.0</t>
  </si>
  <si>
    <t>2325.197</t>
  </si>
  <si>
    <t>1646214.0</t>
  </si>
  <si>
    <t>921011.0</t>
  </si>
  <si>
    <t>861584.0</t>
  </si>
  <si>
    <t>4377887.0</t>
  </si>
  <si>
    <t>2336.22</t>
  </si>
  <si>
    <t>20969.0</t>
  </si>
  <si>
    <t>1650900.0</t>
  </si>
  <si>
    <t>924401.0</t>
  </si>
  <si>
    <t>864772.0</t>
  </si>
  <si>
    <t>4386962.0</t>
  </si>
  <si>
    <t>2341.063</t>
  </si>
  <si>
    <t>1652969.0</t>
  </si>
  <si>
    <t>925915.0</t>
  </si>
  <si>
    <t>866177.0</t>
  </si>
  <si>
    <t>2243.53120572511</t>
  </si>
  <si>
    <t>4392204.0</t>
  </si>
  <si>
    <t>2343.86</t>
  </si>
  <si>
    <t>1658658.0</t>
  </si>
  <si>
    <t>929629.0</t>
  </si>
  <si>
    <t>869904.0</t>
  </si>
  <si>
    <t>4407586.0</t>
  </si>
  <si>
    <t>15382.0</t>
  </si>
  <si>
    <t>2352.069</t>
  </si>
  <si>
    <t>1665910.0</t>
  </si>
  <si>
    <t>934381.0</t>
  </si>
  <si>
    <t>874512.0</t>
  </si>
  <si>
    <t>4429411.0</t>
  </si>
  <si>
    <t>21825.0</t>
  </si>
  <si>
    <t>2363.715</t>
  </si>
  <si>
    <t>1674188.0</t>
  </si>
  <si>
    <t>939809.0</t>
  </si>
  <si>
    <t>879528.0</t>
  </si>
  <si>
    <t>4449340.0</t>
  </si>
  <si>
    <t>2374.35</t>
  </si>
  <si>
    <t>1681822.0</t>
  </si>
  <si>
    <t>944899.0</t>
  </si>
  <si>
    <t>883961.0</t>
  </si>
  <si>
    <t>4467734.0</t>
  </si>
  <si>
    <t>2384.166</t>
  </si>
  <si>
    <t>8.424</t>
  </si>
  <si>
    <t>1692688.0</t>
  </si>
  <si>
    <t>952456.0</t>
  </si>
  <si>
    <t>890071.0</t>
  </si>
  <si>
    <t>4485585.0</t>
  </si>
  <si>
    <t>2393.692</t>
  </si>
  <si>
    <t>1700719.0</t>
  </si>
  <si>
    <t>958985.0</t>
  </si>
  <si>
    <t>894946.0</t>
  </si>
  <si>
    <t>4500191.0</t>
  </si>
  <si>
    <t>2401.486</t>
  </si>
  <si>
    <t>1704173.0</t>
  </si>
  <si>
    <t>961891.0</t>
  </si>
  <si>
    <t>896900.0</t>
  </si>
  <si>
    <t>4289.2</t>
  </si>
  <si>
    <t>2317.66715982566</t>
  </si>
  <si>
    <t>4508038.0</t>
  </si>
  <si>
    <t>2405.674</t>
  </si>
  <si>
    <t>1713316.0</t>
  </si>
  <si>
    <t>968997.0</t>
  </si>
  <si>
    <t>901720.0</t>
  </si>
  <si>
    <t>4523668.0</t>
  </si>
  <si>
    <t>15630.0</t>
  </si>
  <si>
    <t>2414.015</t>
  </si>
  <si>
    <t>8.341</t>
  </si>
  <si>
    <t>1725173.0</t>
  </si>
  <si>
    <t>978350.0</t>
  </si>
  <si>
    <t>907664.0</t>
  </si>
  <si>
    <t>4545399.0</t>
  </si>
  <si>
    <t>2425.611</t>
  </si>
  <si>
    <t>11.597</t>
  </si>
  <si>
    <t>1739523.0</t>
  </si>
  <si>
    <t>989229.0</t>
  </si>
  <si>
    <t>914609.0</t>
  </si>
  <si>
    <t>4566903.0</t>
  </si>
  <si>
    <t>21504.0</t>
  </si>
  <si>
    <t>2437.087</t>
  </si>
  <si>
    <t>1753623.0</t>
  </si>
  <si>
    <t>1000487.0</t>
  </si>
  <si>
    <t>921655.0</t>
  </si>
  <si>
    <t>2447.786</t>
  </si>
  <si>
    <t>9.088</t>
  </si>
  <si>
    <t>1771328.0</t>
  </si>
  <si>
    <t>1015058.0</t>
  </si>
  <si>
    <t>930108.0</t>
  </si>
  <si>
    <t>4610769.0</t>
  </si>
  <si>
    <t>23816.0</t>
  </si>
  <si>
    <t>2460.495</t>
  </si>
  <si>
    <t>12.709</t>
  </si>
  <si>
    <t>1026112.0</t>
  </si>
  <si>
    <t>936409.0</t>
  </si>
  <si>
    <t>12656.0</t>
  </si>
  <si>
    <t>4626740.0</t>
  </si>
  <si>
    <t>2469.018</t>
  </si>
  <si>
    <t>1788982.0</t>
  </si>
  <si>
    <t>1030607.0</t>
  </si>
  <si>
    <t>938435.0</t>
  </si>
  <si>
    <t>4555.2</t>
  </si>
  <si>
    <t>2461.40013206142</t>
  </si>
  <si>
    <t>4635105.0</t>
  </si>
  <si>
    <t>2473.482</t>
  </si>
  <si>
    <t>9.687</t>
  </si>
  <si>
    <t>1802183.0</t>
  </si>
  <si>
    <t>1041347.0</t>
  </si>
  <si>
    <t>944278.0</t>
  </si>
  <si>
    <t>97.38</t>
  </si>
  <si>
    <t>4652299.0</t>
  </si>
  <si>
    <t>2482.657</t>
  </si>
  <si>
    <t>9.175</t>
  </si>
  <si>
    <t>1816384.0</t>
  </si>
  <si>
    <t>1053179.0</t>
  </si>
  <si>
    <t>950070.0</t>
  </si>
  <si>
    <t>4671676.0</t>
  </si>
  <si>
    <t>2492.998</t>
  </si>
  <si>
    <t>1831378.0</t>
  </si>
  <si>
    <t>1065125.0</t>
  </si>
  <si>
    <t>956041.0</t>
  </si>
  <si>
    <t>4696318.0</t>
  </si>
  <si>
    <t>2506.148</t>
  </si>
  <si>
    <t>1847374.0</t>
  </si>
  <si>
    <t>1078111.0</t>
  </si>
  <si>
    <t>962999.0</t>
  </si>
  <si>
    <t>4717884.0</t>
  </si>
  <si>
    <t>21566.0</t>
  </si>
  <si>
    <t>2517.656</t>
  </si>
  <si>
    <t>11.509</t>
  </si>
  <si>
    <t>9.981</t>
  </si>
  <si>
    <t>1864415.0</t>
  </si>
  <si>
    <t>1091794.0</t>
  </si>
  <si>
    <t>970456.0</t>
  </si>
  <si>
    <t>4738102.0</t>
  </si>
  <si>
    <t>2528.445</t>
  </si>
  <si>
    <t>18190.0</t>
  </si>
  <si>
    <t>9.707</t>
  </si>
  <si>
    <t>1874732.0</t>
  </si>
  <si>
    <t>1100417.0</t>
  </si>
  <si>
    <t>975349.0</t>
  </si>
  <si>
    <t>10317.0</t>
  </si>
  <si>
    <t>4749348.0</t>
  </si>
  <si>
    <t>2534.447</t>
  </si>
  <si>
    <t>1877896.0</t>
  </si>
  <si>
    <t>1103030.0</t>
  </si>
  <si>
    <t>976843.0</t>
  </si>
  <si>
    <t>4952.4</t>
  </si>
  <si>
    <t>2676.02696127963</t>
  </si>
  <si>
    <t>4756627.0</t>
  </si>
  <si>
    <t>2538.331</t>
  </si>
  <si>
    <t>9.264</t>
  </si>
  <si>
    <t>1889656.0</t>
  </si>
  <si>
    <t>1112239.0</t>
  </si>
  <si>
    <t>982198.0</t>
  </si>
  <si>
    <t>4779716.0</t>
  </si>
  <si>
    <t>23089.0</t>
  </si>
  <si>
    <t>2550.652</t>
  </si>
  <si>
    <t>12.321</t>
  </si>
  <si>
    <t>18202.0</t>
  </si>
  <si>
    <t>9.713</t>
  </si>
  <si>
    <t>1902664.0</t>
  </si>
  <si>
    <t>1122271.0</t>
  </si>
  <si>
    <t>987782.0</t>
  </si>
  <si>
    <t>4806805.0</t>
  </si>
  <si>
    <t>2565.108</t>
  </si>
  <si>
    <t>14.456</t>
  </si>
  <si>
    <t>1916999.0</t>
  </si>
  <si>
    <t>1132997.0</t>
  </si>
  <si>
    <t>993829.0</t>
  </si>
  <si>
    <t>103.58</t>
  </si>
  <si>
    <t>4830837.0</t>
  </si>
  <si>
    <t>2577.933</t>
  </si>
  <si>
    <t>12.824</t>
  </si>
  <si>
    <t>1931176.0</t>
  </si>
  <si>
    <t>1143069.0</t>
  </si>
  <si>
    <t>1000026.0</t>
  </si>
  <si>
    <t>4860470.0</t>
  </si>
  <si>
    <t>2593.746</t>
  </si>
  <si>
    <t>1947351.0</t>
  </si>
  <si>
    <t>1153795.0</t>
  </si>
  <si>
    <t>1007534.0</t>
  </si>
  <si>
    <t>105.23</t>
  </si>
  <si>
    <t>4887899.0</t>
  </si>
  <si>
    <t>2608.383</t>
  </si>
  <si>
    <t>14.637</t>
  </si>
  <si>
    <t>1956600.0</t>
  </si>
  <si>
    <t>1159920.0</t>
  </si>
  <si>
    <t>1012862.0</t>
  </si>
  <si>
    <t>4904866.0</t>
  </si>
  <si>
    <t>2617.438</t>
  </si>
  <si>
    <t>1959451.0</t>
  </si>
  <si>
    <t>1161633.0</t>
  </si>
  <si>
    <t>1014651.0</t>
  </si>
  <si>
    <t>2896.81377502224</t>
  </si>
  <si>
    <t>4911758.0</t>
  </si>
  <si>
    <t>2621.115</t>
  </si>
  <si>
    <t>1970788.0</t>
  </si>
  <si>
    <t>1020822.0</t>
  </si>
  <si>
    <t>106.49</t>
  </si>
  <si>
    <t>4933547.0</t>
  </si>
  <si>
    <t>2632.743</t>
  </si>
  <si>
    <t>11.628</t>
  </si>
  <si>
    <t>11.727</t>
  </si>
  <si>
    <t>1984776.0</t>
  </si>
  <si>
    <t>1175719.0</t>
  </si>
  <si>
    <t>1028485.0</t>
  </si>
  <si>
    <t>4960863.0</t>
  </si>
  <si>
    <t>2647.32</t>
  </si>
  <si>
    <t>14.577</t>
  </si>
  <si>
    <t>2000348.0</t>
  </si>
  <si>
    <t>1183806.0</t>
  </si>
  <si>
    <t>1037000.0</t>
  </si>
  <si>
    <t>108.09</t>
  </si>
  <si>
    <t>4986999.0</t>
  </si>
  <si>
    <t>2661.267</t>
  </si>
  <si>
    <t>13.947</t>
  </si>
  <si>
    <t>2015161.0</t>
  </si>
  <si>
    <t>1190918.0</t>
  </si>
  <si>
    <t>1045410.0</t>
  </si>
  <si>
    <t>5012813.0</t>
  </si>
  <si>
    <t>2675.043</t>
  </si>
  <si>
    <t>11.614</t>
  </si>
  <si>
    <t>2031773.0</t>
  </si>
  <si>
    <t>1197815.0</t>
  </si>
  <si>
    <t>1055461.0</t>
  </si>
  <si>
    <t>5036719.0</t>
  </si>
  <si>
    <t>2687.8</t>
  </si>
  <si>
    <t>11.345</t>
  </si>
  <si>
    <t>2042003.0</t>
  </si>
  <si>
    <t>1202006.0</t>
  </si>
  <si>
    <t>1062552.0</t>
  </si>
  <si>
    <t>5045153.0</t>
  </si>
  <si>
    <t>10.695</t>
  </si>
  <si>
    <t>2045609.0</t>
  </si>
  <si>
    <t>1203277.0</t>
  </si>
  <si>
    <t>1065236.0</t>
  </si>
  <si>
    <t>19411.0</t>
  </si>
  <si>
    <t>5758.2</t>
  </si>
  <si>
    <t>3111.44060424045</t>
  </si>
  <si>
    <t>5050572.0</t>
  </si>
  <si>
    <t>2695.192</t>
  </si>
  <si>
    <t>2058864.0</t>
  </si>
  <si>
    <t>1208225.0</t>
  </si>
  <si>
    <t>1073656.0</t>
  </si>
  <si>
    <t>5067019.0</t>
  </si>
  <si>
    <t>2703.969</t>
  </si>
  <si>
    <t>8.777</t>
  </si>
  <si>
    <t>2073492.0</t>
  </si>
  <si>
    <t>1213539.0</t>
  </si>
  <si>
    <t>1082487.0</t>
  </si>
  <si>
    <t>5081507.0</t>
  </si>
  <si>
    <t>2711.7</t>
  </si>
  <si>
    <t>2088820.0</t>
  </si>
  <si>
    <t>1219022.0</t>
  </si>
  <si>
    <t>1091703.0</t>
  </si>
  <si>
    <t>15328.0</t>
  </si>
  <si>
    <t>5097069.0</t>
  </si>
  <si>
    <t>2720.005</t>
  </si>
  <si>
    <t>2104038.0</t>
  </si>
  <si>
    <t>1224476.0</t>
  </si>
  <si>
    <t>1101007.0</t>
  </si>
  <si>
    <t>27897.0</t>
  </si>
  <si>
    <t>113.69</t>
  </si>
  <si>
    <t>5113776.0</t>
  </si>
  <si>
    <t>16707.0</t>
  </si>
  <si>
    <t>2728.921</t>
  </si>
  <si>
    <t>2118725.0</t>
  </si>
  <si>
    <t>1230095.0</t>
  </si>
  <si>
    <t>1109089.0</t>
  </si>
  <si>
    <t>30728.0</t>
  </si>
  <si>
    <t>5130959.0</t>
  </si>
  <si>
    <t>2738.09</t>
  </si>
  <si>
    <t>7.184</t>
  </si>
  <si>
    <t>2128958.0</t>
  </si>
  <si>
    <t>1234337.0</t>
  </si>
  <si>
    <t>1114576.0</t>
  </si>
  <si>
    <t>32902.0</t>
  </si>
  <si>
    <t>587.9</t>
  </si>
  <si>
    <t>5139517.0</t>
  </si>
  <si>
    <t>2742.657</t>
  </si>
  <si>
    <t>13481.0</t>
  </si>
  <si>
    <t>2131864.0</t>
  </si>
  <si>
    <t>1235714.0</t>
  </si>
  <si>
    <t>1116384.0</t>
  </si>
  <si>
    <t>33233.0</t>
  </si>
  <si>
    <t>6150.8</t>
  </si>
  <si>
    <t>3323.58182566812</t>
  </si>
  <si>
    <t>5144724.0</t>
  </si>
  <si>
    <t>2745.436</t>
  </si>
  <si>
    <t>2142380.0</t>
  </si>
  <si>
    <t>1240114.0</t>
  </si>
  <si>
    <t>1121712.0</t>
  </si>
  <si>
    <t>115.76</t>
  </si>
  <si>
    <t>5159133.0</t>
  </si>
  <si>
    <t>2753.125</t>
  </si>
  <si>
    <t>7.022</t>
  </si>
  <si>
    <t>2154071.0</t>
  </si>
  <si>
    <t>1245064.0</t>
  </si>
  <si>
    <t>1127426.0</t>
  </si>
  <si>
    <t>5171192.0</t>
  </si>
  <si>
    <t>2759.56</t>
  </si>
  <si>
    <t>2167786.0</t>
  </si>
  <si>
    <t>1250058.0</t>
  </si>
  <si>
    <t>1134647.0</t>
  </si>
  <si>
    <t>5183900.0</t>
  </si>
  <si>
    <t>2766.342</t>
  </si>
  <si>
    <t>2169096.0</t>
  </si>
  <si>
    <t>1250711.0</t>
  </si>
  <si>
    <t>1135401.0</t>
  </si>
  <si>
    <t>41893.0</t>
  </si>
  <si>
    <t>5187117.0</t>
  </si>
  <si>
    <t>2768.058</t>
  </si>
  <si>
    <t>2175216.0</t>
  </si>
  <si>
    <t>1252547.0</t>
  </si>
  <si>
    <t>1139284.0</t>
  </si>
  <si>
    <t>5193021.0</t>
  </si>
  <si>
    <t>2771.209</t>
  </si>
  <si>
    <t>2181466.0</t>
  </si>
  <si>
    <t>1254504.0</t>
  </si>
  <si>
    <t>1143585.0</t>
  </si>
  <si>
    <t>5198775.0</t>
  </si>
  <si>
    <t>2774.279</t>
  </si>
  <si>
    <t>2183347.0</t>
  </si>
  <si>
    <t>1255240.0</t>
  </si>
  <si>
    <t>1144796.0</t>
  </si>
  <si>
    <t>43946.0</t>
  </si>
  <si>
    <t>6472.2</t>
  </si>
  <si>
    <t>3497.25016129433</t>
  </si>
  <si>
    <t>5203080.0</t>
  </si>
  <si>
    <t>2776.577</t>
  </si>
  <si>
    <t>2194146.0</t>
  </si>
  <si>
    <t>1257818.0</t>
  </si>
  <si>
    <t>1151875.0</t>
  </si>
  <si>
    <t>5216557.0</t>
  </si>
  <si>
    <t>2783.769</t>
  </si>
  <si>
    <t>2205782.0</t>
  </si>
  <si>
    <t>1260833.0</t>
  </si>
  <si>
    <t>1158254.0</t>
  </si>
  <si>
    <t>119.19</t>
  </si>
  <si>
    <t>5229166.0</t>
  </si>
  <si>
    <t>2790.497</t>
  </si>
  <si>
    <t>2218229.0</t>
  </si>
  <si>
    <t>1264177.0</t>
  </si>
  <si>
    <t>1164728.0</t>
  </si>
  <si>
    <t>119.86</t>
  </si>
  <si>
    <t>5241696.0</t>
  </si>
  <si>
    <t>2797.184</t>
  </si>
  <si>
    <t>2230138.0</t>
  </si>
  <si>
    <t>1266873.0</t>
  </si>
  <si>
    <t>1170961.0</t>
  </si>
  <si>
    <t>11909.0</t>
  </si>
  <si>
    <t>120.51</t>
  </si>
  <si>
    <t>5252544.0</t>
  </si>
  <si>
    <t>2802.973</t>
  </si>
  <si>
    <t>4.988</t>
  </si>
  <si>
    <t>2244054.0</t>
  </si>
  <si>
    <t>1270121.0</t>
  </si>
  <si>
    <t>1177915.0</t>
  </si>
  <si>
    <t>61812.0</t>
  </si>
  <si>
    <t>5262789.0</t>
  </si>
  <si>
    <t>2808.44</t>
  </si>
  <si>
    <t>2250620.0</t>
  </si>
  <si>
    <t>1271811.0</t>
  </si>
  <si>
    <t>1181235.0</t>
  </si>
  <si>
    <t>64049.0</t>
  </si>
  <si>
    <t>5267823.0</t>
  </si>
  <si>
    <t>2811.126</t>
  </si>
  <si>
    <t>2252859.0</t>
  </si>
  <si>
    <t>1272362.0</t>
  </si>
  <si>
    <t>1182434.0</t>
  </si>
  <si>
    <t>121.73</t>
  </si>
  <si>
    <t>6670.6</t>
  </si>
  <si>
    <t>3604.4555059995</t>
  </si>
  <si>
    <t>5271695.0</t>
  </si>
  <si>
    <t>2813.193</t>
  </si>
  <si>
    <t>2262726.0</t>
  </si>
  <si>
    <t>1274520.0</t>
  </si>
  <si>
    <t>1187089.0</t>
  </si>
  <si>
    <t>68582.0</t>
  </si>
  <si>
    <t>5283341.0</t>
  </si>
  <si>
    <t>2819.407</t>
  </si>
  <si>
    <t>2274281.0</t>
  </si>
  <si>
    <t>1276683.0</t>
  </si>
  <si>
    <t>73665.0</t>
  </si>
  <si>
    <t>5295135.0</t>
  </si>
  <si>
    <t>2825.701</t>
  </si>
  <si>
    <t>2287162.0</t>
  </si>
  <si>
    <t>1279028.0</t>
  </si>
  <si>
    <t>1197363.0</t>
  </si>
  <si>
    <t>79711.0</t>
  </si>
  <si>
    <t>5306149.0</t>
  </si>
  <si>
    <t>2831.579</t>
  </si>
  <si>
    <t>2299758.0</t>
  </si>
  <si>
    <t>1280981.0</t>
  </si>
  <si>
    <t>1202018.0</t>
  </si>
  <si>
    <t>86404.0</t>
  </si>
  <si>
    <t>5316255.0</t>
  </si>
  <si>
    <t>2836.972</t>
  </si>
  <si>
    <t>2313618.0</t>
  </si>
  <si>
    <t>1282905.0</t>
  </si>
  <si>
    <t>1206746.0</t>
  </si>
  <si>
    <t>5326983.0</t>
  </si>
  <si>
    <t>2842.697</t>
  </si>
  <si>
    <t>2320665.0</t>
  </si>
  <si>
    <t>1283994.0</t>
  </si>
  <si>
    <t>1209062.0</t>
  </si>
  <si>
    <t>98227.0</t>
  </si>
  <si>
    <t>5332873.0</t>
  </si>
  <si>
    <t>2845.84</t>
  </si>
  <si>
    <t>2322706.0</t>
  </si>
  <si>
    <t>1284281.0</t>
  </si>
  <si>
    <t>1209630.0</t>
  </si>
  <si>
    <t>6824.6</t>
  </si>
  <si>
    <t>3687.66933203073</t>
  </si>
  <si>
    <t>5337040.0</t>
  </si>
  <si>
    <t>2848.063</t>
  </si>
  <si>
    <t>4.982</t>
  </si>
  <si>
    <t>2332487.0</t>
  </si>
  <si>
    <t>1285665.0</t>
  </si>
  <si>
    <t>1213211.0</t>
  </si>
  <si>
    <t>104791.0</t>
  </si>
  <si>
    <t>126.04</t>
  </si>
  <si>
    <t>5348844.0</t>
  </si>
  <si>
    <t>2854.362</t>
  </si>
  <si>
    <t>2345704.0</t>
  </si>
  <si>
    <t>1287502.0</t>
  </si>
  <si>
    <t>1217255.0</t>
  </si>
  <si>
    <t>112625.0</t>
  </si>
  <si>
    <t>13217.0</t>
  </si>
  <si>
    <t>5360233.0</t>
  </si>
  <si>
    <t>2860.44</t>
  </si>
  <si>
    <t>2359302.0</t>
  </si>
  <si>
    <t>1289265.0</t>
  </si>
  <si>
    <t>120779.0</t>
  </si>
  <si>
    <t>5371947.0</t>
  </si>
  <si>
    <t>2866.691</t>
  </si>
  <si>
    <t>2372251.0</t>
  </si>
  <si>
    <t>1291014.0</t>
  </si>
  <si>
    <t>1224410.0</t>
  </si>
  <si>
    <t>129603.0</t>
  </si>
  <si>
    <t>5381931.0</t>
  </si>
  <si>
    <t>2872.019</t>
  </si>
  <si>
    <t>2386376.0</t>
  </si>
  <si>
    <t>1292602.0</t>
  </si>
  <si>
    <t>1227900.0</t>
  </si>
  <si>
    <t>139164.0</t>
  </si>
  <si>
    <t>5392999.0</t>
  </si>
  <si>
    <t>2877.925</t>
  </si>
  <si>
    <t>2393273.0</t>
  </si>
  <si>
    <t>1293510.0</t>
  </si>
  <si>
    <t>1229700.0</t>
  </si>
  <si>
    <t>143707.0</t>
  </si>
  <si>
    <t>129.32</t>
  </si>
  <si>
    <t>5399082.0</t>
  </si>
  <si>
    <t>2881.171</t>
  </si>
  <si>
    <t>5.047</t>
  </si>
  <si>
    <t>2395316.0</t>
  </si>
  <si>
    <t>1293818.0</t>
  </si>
  <si>
    <t>1230267.0</t>
  </si>
  <si>
    <t>144984.0</t>
  </si>
  <si>
    <t>6983.2</t>
  </si>
  <si>
    <t>3773.3687658525</t>
  </si>
  <si>
    <t>5403292.0</t>
  </si>
  <si>
    <t>2883.418</t>
  </si>
  <si>
    <t>2404523.0</t>
  </si>
  <si>
    <t>1294961.0</t>
  </si>
  <si>
    <t>1232933.0</t>
  </si>
  <si>
    <t>150767.0</t>
  </si>
  <si>
    <t>5415203.0</t>
  </si>
  <si>
    <t>2889.774</t>
  </si>
  <si>
    <t>2417983.0</t>
  </si>
  <si>
    <t>1296409.0</t>
  </si>
  <si>
    <t>1236120.0</t>
  </si>
  <si>
    <t>10326.0</t>
  </si>
  <si>
    <t>5427499.0</t>
  </si>
  <si>
    <t>2896.336</t>
  </si>
  <si>
    <t>9609.0</t>
  </si>
  <si>
    <t>2432401.0</t>
  </si>
  <si>
    <t>1298084.0</t>
  </si>
  <si>
    <t>1239331.0</t>
  </si>
  <si>
    <t>170070.0</t>
  </si>
  <si>
    <t>231.27</t>
  </si>
  <si>
    <t>5439062.0</t>
  </si>
  <si>
    <t>2902.506</t>
  </si>
  <si>
    <t>2445233.0</t>
  </si>
  <si>
    <t>1299749.0</t>
  </si>
  <si>
    <t>1241160.0</t>
  </si>
  <si>
    <t>179940.0</t>
  </si>
  <si>
    <t>12832.0</t>
  </si>
  <si>
    <t>5450419.0</t>
  </si>
  <si>
    <t>2908.567</t>
  </si>
  <si>
    <t>2458878.0</t>
  </si>
  <si>
    <t>1301475.0</t>
  </si>
  <si>
    <t>1243451.0</t>
  </si>
  <si>
    <t>190048.0</t>
  </si>
  <si>
    <t>5462146.0</t>
  </si>
  <si>
    <t>2914.825</t>
  </si>
  <si>
    <t>6.258</t>
  </si>
  <si>
    <t>2464574.0</t>
  </si>
  <si>
    <t>1302225.0</t>
  </si>
  <si>
    <t>1244699.0</t>
  </si>
  <si>
    <t>193985.0</t>
  </si>
  <si>
    <t>5467541.0</t>
  </si>
  <si>
    <t>2917.704</t>
  </si>
  <si>
    <t>2466190.0</t>
  </si>
  <si>
    <t>1302471.0</t>
  </si>
  <si>
    <t>1245010.0</t>
  </si>
  <si>
    <t>195116.0</t>
  </si>
  <si>
    <t>7098.2</t>
  </si>
  <si>
    <t>3835.50896061609</t>
  </si>
  <si>
    <t>5472474.0</t>
  </si>
  <si>
    <t>2920.336</t>
  </si>
  <si>
    <t>2476505.0</t>
  </si>
  <si>
    <t>1303846.0</t>
  </si>
  <si>
    <t>1247060.0</t>
  </si>
  <si>
    <t>202483.0</t>
  </si>
  <si>
    <t>5483756.0</t>
  </si>
  <si>
    <t>2926.357</t>
  </si>
  <si>
    <t>2489527.0</t>
  </si>
  <si>
    <t>1305557.0</t>
  </si>
  <si>
    <t>1249467.0</t>
  </si>
  <si>
    <t>211903.0</t>
  </si>
  <si>
    <t>5492801.0</t>
  </si>
  <si>
    <t>2931.184</t>
  </si>
  <si>
    <t>2503066.0</t>
  </si>
  <si>
    <t>1307517.0</t>
  </si>
  <si>
    <t>1252119.0</t>
  </si>
  <si>
    <t>221263.0</t>
  </si>
  <si>
    <t>5502085.0</t>
  </si>
  <si>
    <t>2936.138</t>
  </si>
  <si>
    <t>2511656.0</t>
  </si>
  <si>
    <t>1308782.0</t>
  </si>
  <si>
    <t>1253984.0</t>
  </si>
  <si>
    <t>227075.0</t>
  </si>
  <si>
    <t>5509959.0</t>
  </si>
  <si>
    <t>2940.34</t>
  </si>
  <si>
    <t>2511837.0</t>
  </si>
  <si>
    <t>1308801.0</t>
  </si>
  <si>
    <t>1254023.0</t>
  </si>
  <si>
    <t>227206.0</t>
  </si>
  <si>
    <t>5511728.0</t>
  </si>
  <si>
    <t>2941.284</t>
  </si>
  <si>
    <t>2512379.0</t>
  </si>
  <si>
    <t>1308877.0</t>
  </si>
  <si>
    <t>1254111.0</t>
  </si>
  <si>
    <t>227597.0</t>
  </si>
  <si>
    <t>135.76</t>
  </si>
  <si>
    <t>5514860.0</t>
  </si>
  <si>
    <t>2942.955</t>
  </si>
  <si>
    <t>2512823.0</t>
  </si>
  <si>
    <t>1308932.0</t>
  </si>
  <si>
    <t>1254225.0</t>
  </si>
  <si>
    <t>227901.0</t>
  </si>
  <si>
    <t>135.78</t>
  </si>
  <si>
    <t>7187.2</t>
  </si>
  <si>
    <t>3883.6000678679</t>
  </si>
  <si>
    <t>5519111.0</t>
  </si>
  <si>
    <t>2945.224</t>
  </si>
  <si>
    <t>2523348.0</t>
  </si>
  <si>
    <t>1310112.0</t>
  </si>
  <si>
    <t>1256754.0</t>
  </si>
  <si>
    <t>235037.0</t>
  </si>
  <si>
    <t>10525.0</t>
  </si>
  <si>
    <t>5528956.0</t>
  </si>
  <si>
    <t>2950.478</t>
  </si>
  <si>
    <t>2535898.0</t>
  </si>
  <si>
    <t>1311587.0</t>
  </si>
  <si>
    <t>1259038.0</t>
  </si>
  <si>
    <t>244183.0</t>
  </si>
  <si>
    <t>5538862.0</t>
  </si>
  <si>
    <t>2955.764</t>
  </si>
  <si>
    <t>2548193.0</t>
  </si>
  <si>
    <t>1313174.0</t>
  </si>
  <si>
    <t>1261013.0</t>
  </si>
  <si>
    <t>253233.0</t>
  </si>
  <si>
    <t>137.69</t>
  </si>
  <si>
    <t>5548688.0</t>
  </si>
  <si>
    <t>2961.007</t>
  </si>
  <si>
    <t>2555471.0</t>
  </si>
  <si>
    <t>1314111.0</t>
  </si>
  <si>
    <t>1262495.0</t>
  </si>
  <si>
    <t>258426.0</t>
  </si>
  <si>
    <t>5556489.0</t>
  </si>
  <si>
    <t>2965.17</t>
  </si>
  <si>
    <t>2555555.0</t>
  </si>
  <si>
    <t>1314123.0</t>
  </si>
  <si>
    <t>1262507.0</t>
  </si>
  <si>
    <t>258489.0</t>
  </si>
  <si>
    <t>5558163.0</t>
  </si>
  <si>
    <t>2966.064</t>
  </si>
  <si>
    <t>2555631.0</t>
  </si>
  <si>
    <t>1314132.0</t>
  </si>
  <si>
    <t>1262514.0</t>
  </si>
  <si>
    <t>258549.0</t>
  </si>
  <si>
    <t>5561291.0</t>
  </si>
  <si>
    <t>2967.733</t>
  </si>
  <si>
    <t>2556925.0</t>
  </si>
  <si>
    <t>1314212.0</t>
  </si>
  <si>
    <t>1262687.0</t>
  </si>
  <si>
    <t>259616.0</t>
  </si>
  <si>
    <t>7315.6</t>
  </si>
  <si>
    <t>3952.98094619524</t>
  </si>
  <si>
    <t>5566877.0</t>
  </si>
  <si>
    <t>2970.714</t>
  </si>
  <si>
    <t>2565295.0</t>
  </si>
  <si>
    <t>1315167.0</t>
  </si>
  <si>
    <t>1264458.0</t>
  </si>
  <si>
    <t>265542.0</t>
  </si>
  <si>
    <t>5578568.0</t>
  </si>
  <si>
    <t>2976.953</t>
  </si>
  <si>
    <t>2577286.0</t>
  </si>
  <si>
    <t>1316597.0</t>
  </si>
  <si>
    <t>1266310.0</t>
  </si>
  <si>
    <t>274562.0</t>
  </si>
  <si>
    <t>5591334.0</t>
  </si>
  <si>
    <t>12766.0</t>
  </si>
  <si>
    <t>2983.765</t>
  </si>
  <si>
    <t>6.812</t>
  </si>
  <si>
    <t>2590319.0</t>
  </si>
  <si>
    <t>1317954.0</t>
  </si>
  <si>
    <t>1267856.0</t>
  </si>
  <si>
    <t>284944.0</t>
  </si>
  <si>
    <t>5602621.0</t>
  </si>
  <si>
    <t>2989.788</t>
  </si>
  <si>
    <t>6.023</t>
  </si>
  <si>
    <t>2603877.0</t>
  </si>
  <si>
    <t>1319173.0</t>
  </si>
  <si>
    <t>1269400.0</t>
  </si>
  <si>
    <t>296011.0</t>
  </si>
  <si>
    <t>13558.0</t>
  </si>
  <si>
    <t>5614208.0</t>
  </si>
  <si>
    <t>2995.972</t>
  </si>
  <si>
    <t>2619330.0</t>
  </si>
  <si>
    <t>1320596.0</t>
  </si>
  <si>
    <t>1270987.0</t>
  </si>
  <si>
    <t>308733.0</t>
  </si>
  <si>
    <t>5625006.0</t>
  </si>
  <si>
    <t>3001.734</t>
  </si>
  <si>
    <t>5.096</t>
  </si>
  <si>
    <t>2627275.0</t>
  </si>
  <si>
    <t>1321214.0</t>
  </si>
  <si>
    <t>1271787.0</t>
  </si>
  <si>
    <t>315414.0</t>
  </si>
  <si>
    <t>5632828.0</t>
  </si>
  <si>
    <t>3005.908</t>
  </si>
  <si>
    <t>2629046.0</t>
  </si>
  <si>
    <t>1321341.0</t>
  </si>
  <si>
    <t>1271972.0</t>
  </si>
  <si>
    <t>7399.3</t>
  </si>
  <si>
    <t>3998.20820099273</t>
  </si>
  <si>
    <t>5638608.0</t>
  </si>
  <si>
    <t>3008.992</t>
  </si>
  <si>
    <t>2638410.0</t>
  </si>
  <si>
    <t>1322301.0</t>
  </si>
  <si>
    <t>1272977.0</t>
  </si>
  <si>
    <t>324529.0</t>
  </si>
  <si>
    <t>5652577.0</t>
  </si>
  <si>
    <t>3016.447</t>
  </si>
  <si>
    <t>7.454</t>
  </si>
  <si>
    <t>2650692.0</t>
  </si>
  <si>
    <t>1323521.0</t>
  </si>
  <si>
    <t>1274370.0</t>
  </si>
  <si>
    <t>334452.0</t>
  </si>
  <si>
    <t>5666630.0</t>
  </si>
  <si>
    <t>3023.946</t>
  </si>
  <si>
    <t>2662698.0</t>
  </si>
  <si>
    <t>1324675.0</t>
  </si>
  <si>
    <t>1275636.0</t>
  </si>
  <si>
    <t>344239.0</t>
  </si>
  <si>
    <t>5683484.0</t>
  </si>
  <si>
    <t>3032.94</t>
  </si>
  <si>
    <t>2673864.0</t>
  </si>
  <si>
    <t>1325852.0</t>
  </si>
  <si>
    <t>1276887.0</t>
  </si>
  <si>
    <t>353212.0</t>
  </si>
  <si>
    <t>5701285.0</t>
  </si>
  <si>
    <t>17801.0</t>
  </si>
  <si>
    <t>3042.439</t>
  </si>
  <si>
    <t>6.638</t>
  </si>
  <si>
    <t>2687204.0</t>
  </si>
  <si>
    <t>1327102.0</t>
  </si>
  <si>
    <t>1277858.0</t>
  </si>
  <si>
    <t>364536.0</t>
  </si>
  <si>
    <t>5722554.0</t>
  </si>
  <si>
    <t>3053.789</t>
  </si>
  <si>
    <t>7.436</t>
  </si>
  <si>
    <t>2692322.0</t>
  </si>
  <si>
    <t>1327644.0</t>
  </si>
  <si>
    <t>1278182.0</t>
  </si>
  <si>
    <t>368898.0</t>
  </si>
  <si>
    <t>5733548.0</t>
  </si>
  <si>
    <t>3059.656</t>
  </si>
  <si>
    <t>7.679</t>
  </si>
  <si>
    <t>2694021.0</t>
  </si>
  <si>
    <t>1327783.0</t>
  </si>
  <si>
    <t>1278312.0</t>
  </si>
  <si>
    <t>370371.0</t>
  </si>
  <si>
    <t>145.57</t>
  </si>
  <si>
    <t>7471.6</t>
  </si>
  <si>
    <t>4037.27547126583</t>
  </si>
  <si>
    <t>5740719.0</t>
  </si>
  <si>
    <t>3063.483</t>
  </si>
  <si>
    <t>2701229.0</t>
  </si>
  <si>
    <t>1328543.0</t>
  </si>
  <si>
    <t>1279227.0</t>
  </si>
  <si>
    <t>376063.0</t>
  </si>
  <si>
    <t>145.96</t>
  </si>
  <si>
    <t>5759431.0</t>
  </si>
  <si>
    <t>3073.468</t>
  </si>
  <si>
    <t>2710897.0</t>
  </si>
  <si>
    <t>1329456.0</t>
  </si>
  <si>
    <t>1280323.0</t>
  </si>
  <si>
    <t>383902.0</t>
  </si>
  <si>
    <t>146.48</t>
  </si>
  <si>
    <t>5781920.0</t>
  </si>
  <si>
    <t>3085.47</t>
  </si>
  <si>
    <t>2720951.0</t>
  </si>
  <si>
    <t>1330434.0</t>
  </si>
  <si>
    <t>1281407.0</t>
  </si>
  <si>
    <t>392101.0</t>
  </si>
  <si>
    <t>5805589.0</t>
  </si>
  <si>
    <t>23669.0</t>
  </si>
  <si>
    <t>3098.1</t>
  </si>
  <si>
    <t>12.631</t>
  </si>
  <si>
    <t>2730210.0</t>
  </si>
  <si>
    <t>1331389.0</t>
  </si>
  <si>
    <t>1282255.0</t>
  </si>
  <si>
    <t>399725.0</t>
  </si>
  <si>
    <t>147.53</t>
  </si>
  <si>
    <t>5830988.0</t>
  </si>
  <si>
    <t>25399.0</t>
  </si>
  <si>
    <t>3111.654</t>
  </si>
  <si>
    <t>2740161.0</t>
  </si>
  <si>
    <t>1332316.0</t>
  </si>
  <si>
    <t>1282752.0</t>
  </si>
  <si>
    <t>408398.0</t>
  </si>
  <si>
    <t>5857842.0</t>
  </si>
  <si>
    <t>3125.985</t>
  </si>
  <si>
    <t>2744401.0</t>
  </si>
  <si>
    <t>1332793.0</t>
  </si>
  <si>
    <t>1282998.0</t>
  </si>
  <si>
    <t>412013.0</t>
  </si>
  <si>
    <t>5878297.0</t>
  </si>
  <si>
    <t>3136.9</t>
  </si>
  <si>
    <t>20678.0</t>
  </si>
  <si>
    <t>2745724.0</t>
  </si>
  <si>
    <t>1283087.0</t>
  </si>
  <si>
    <t>413155.0</t>
  </si>
  <si>
    <t>7504.5</t>
  </si>
  <si>
    <t>4055.05297046341</t>
  </si>
  <si>
    <t>5892807.0</t>
  </si>
  <si>
    <t>3144.643</t>
  </si>
  <si>
    <t>7.743</t>
  </si>
  <si>
    <t>2751103.0</t>
  </si>
  <si>
    <t>1333466.0</t>
  </si>
  <si>
    <t>1283732.0</t>
  </si>
  <si>
    <t>417451.0</t>
  </si>
  <si>
    <t>7125.0</t>
  </si>
  <si>
    <t>5916311.0</t>
  </si>
  <si>
    <t>3157.186</t>
  </si>
  <si>
    <t>2758021.0</t>
  </si>
  <si>
    <t>1334134.0</t>
  </si>
  <si>
    <t>1284588.0</t>
  </si>
  <si>
    <t>422938.0</t>
  </si>
  <si>
    <t>5944320.0</t>
  </si>
  <si>
    <t>28009.0</t>
  </si>
  <si>
    <t>3172.133</t>
  </si>
  <si>
    <t>14.947</t>
  </si>
  <si>
    <t>2765313.0</t>
  </si>
  <si>
    <t>1334897.0</t>
  </si>
  <si>
    <t>1285401.0</t>
  </si>
  <si>
    <t>428762.0</t>
  </si>
  <si>
    <t>5970213.0</t>
  </si>
  <si>
    <t>25893.0</t>
  </si>
  <si>
    <t>3185.95</t>
  </si>
  <si>
    <t>13.818</t>
  </si>
  <si>
    <t>2771876.0</t>
  </si>
  <si>
    <t>1335543.0</t>
  </si>
  <si>
    <t>1286160.0</t>
  </si>
  <si>
    <t>434035.0</t>
  </si>
  <si>
    <t>5995727.0</t>
  </si>
  <si>
    <t>25514.0</t>
  </si>
  <si>
    <t>3199.566</t>
  </si>
  <si>
    <t>13.615</t>
  </si>
  <si>
    <t>0.2884</t>
  </si>
  <si>
    <t>2779977.0</t>
  </si>
  <si>
    <t>1336257.0</t>
  </si>
  <si>
    <t>1286854.0</t>
  </si>
  <si>
    <t>6023893.0</t>
  </si>
  <si>
    <t>3214.596</t>
  </si>
  <si>
    <t>2783499.0</t>
  </si>
  <si>
    <t>1336709.0</t>
  </si>
  <si>
    <t>1287272.0</t>
  </si>
  <si>
    <t>443575.0</t>
  </si>
  <si>
    <t>6041428.0</t>
  </si>
  <si>
    <t>3223.954</t>
  </si>
  <si>
    <t>23304.0</t>
  </si>
  <si>
    <t>2784490.0</t>
  </si>
  <si>
    <t>1287356.0</t>
  </si>
  <si>
    <t>444422.0</t>
  </si>
  <si>
    <t>7490.6</t>
  </si>
  <si>
    <t>4047.54211213982</t>
  </si>
  <si>
    <t>6050839.0</t>
  </si>
  <si>
    <t>3228.976</t>
  </si>
  <si>
    <t>22576.0</t>
  </si>
  <si>
    <t>2787898.0</t>
  </si>
  <si>
    <t>1337073.0</t>
  </si>
  <si>
    <t>1287889.0</t>
  </si>
  <si>
    <t>447090.0</t>
  </si>
  <si>
    <t>6073783.0</t>
  </si>
  <si>
    <t>22944.0</t>
  </si>
  <si>
    <t>3241.22</t>
  </si>
  <si>
    <t>12.244</t>
  </si>
  <si>
    <t>22496.0</t>
  </si>
  <si>
    <t>12.005</t>
  </si>
  <si>
    <t>0.3569</t>
  </si>
  <si>
    <t>2792338.0</t>
  </si>
  <si>
    <t>1337470.0</t>
  </si>
  <si>
    <t>1288569.0</t>
  </si>
  <si>
    <t>450539.0</t>
  </si>
  <si>
    <t>150.88</t>
  </si>
  <si>
    <t>6101652.0</t>
  </si>
  <si>
    <t>3256.092</t>
  </si>
  <si>
    <t>11.994</t>
  </si>
  <si>
    <t>0.3665</t>
  </si>
  <si>
    <t>2796984.0</t>
  </si>
  <si>
    <t>1337903.0</t>
  </si>
  <si>
    <t>1289309.0</t>
  </si>
  <si>
    <t>454083.0</t>
  </si>
  <si>
    <t>151.13</t>
  </si>
  <si>
    <t>6127166.0</t>
  </si>
  <si>
    <t>3269.707</t>
  </si>
  <si>
    <t>22422.0</t>
  </si>
  <si>
    <t>11.965</t>
  </si>
  <si>
    <t>0.3722</t>
  </si>
  <si>
    <t>2801517.0</t>
  </si>
  <si>
    <t>1338259.0</t>
  </si>
  <si>
    <t>1289945.0</t>
  </si>
  <si>
    <t>457700.0</t>
  </si>
  <si>
    <t>6153933.0</t>
  </si>
  <si>
    <t>3283.991</t>
  </si>
  <si>
    <t>14.284</t>
  </si>
  <si>
    <t>12.061</t>
  </si>
  <si>
    <t>2807035.0</t>
  </si>
  <si>
    <t>1338644.0</t>
  </si>
  <si>
    <t>1290699.0</t>
  </si>
  <si>
    <t>462145.0</t>
  </si>
  <si>
    <t>6181031.0</t>
  </si>
  <si>
    <t>3298.452</t>
  </si>
  <si>
    <t>11.979</t>
  </si>
  <si>
    <t>0.3866</t>
  </si>
  <si>
    <t>2809104.0</t>
  </si>
  <si>
    <t>1338797.0</t>
  </si>
  <si>
    <t>1291065.0</t>
  </si>
  <si>
    <t>463743.0</t>
  </si>
  <si>
    <t>6198292.0</t>
  </si>
  <si>
    <t>3307.663</t>
  </si>
  <si>
    <t>11.958</t>
  </si>
  <si>
    <t>2809539.0</t>
  </si>
  <si>
    <t>1338833.0</t>
  </si>
  <si>
    <t>1291133.0</t>
  </si>
  <si>
    <t>464083.0</t>
  </si>
  <si>
    <t>7565.7</t>
  </si>
  <si>
    <t>4088.12236106803</t>
  </si>
  <si>
    <t>6207688.0</t>
  </si>
  <si>
    <t>3312.677</t>
  </si>
  <si>
    <t>2812182.0</t>
  </si>
  <si>
    <t>1339023.0</t>
  </si>
  <si>
    <t>466092.0</t>
  </si>
  <si>
    <t>6232798.0</t>
  </si>
  <si>
    <t>3326.077</t>
  </si>
  <si>
    <t>0.3968</t>
  </si>
  <si>
    <t>2815717.0</t>
  </si>
  <si>
    <t>1339283.0</t>
  </si>
  <si>
    <t>1292271.0</t>
  </si>
  <si>
    <t>468757.0</t>
  </si>
  <si>
    <t>152.15</t>
  </si>
  <si>
    <t>6265231.0</t>
  </si>
  <si>
    <t>3343.384</t>
  </si>
  <si>
    <t>2819122.0</t>
  </si>
  <si>
    <t>1339537.0</t>
  </si>
  <si>
    <t>1292883.0</t>
  </si>
  <si>
    <t>471363.0</t>
  </si>
  <si>
    <t>152.33</t>
  </si>
  <si>
    <t>6291737.0</t>
  </si>
  <si>
    <t>3357.529</t>
  </si>
  <si>
    <t>2822785.0</t>
  </si>
  <si>
    <t>1339766.0</t>
  </si>
  <si>
    <t>1293464.0</t>
  </si>
  <si>
    <t>474276.0</t>
  </si>
  <si>
    <t>6319786.0</t>
  </si>
  <si>
    <t>3372.497</t>
  </si>
  <si>
    <t>2827338.0</t>
  </si>
  <si>
    <t>1340018.0</t>
  </si>
  <si>
    <t>1294105.0</t>
  </si>
  <si>
    <t>477984.0</t>
  </si>
  <si>
    <t>6345787.0</t>
  </si>
  <si>
    <t>26001.0</t>
  </si>
  <si>
    <t>3386.372</t>
  </si>
  <si>
    <t>13.875</t>
  </si>
  <si>
    <t>2829175.0</t>
  </si>
  <si>
    <t>1340100.0</t>
  </si>
  <si>
    <t>1294365.0</t>
  </si>
  <si>
    <t>479498.0</t>
  </si>
  <si>
    <t>152.87</t>
  </si>
  <si>
    <t>6363586.0</t>
  </si>
  <si>
    <t>17799.0</t>
  </si>
  <si>
    <t>3395.87</t>
  </si>
  <si>
    <t>9.498</t>
  </si>
  <si>
    <t>12.601</t>
  </si>
  <si>
    <t>1340121.0</t>
  </si>
  <si>
    <t>1294416.0</t>
  </si>
  <si>
    <t>479802.0</t>
  </si>
  <si>
    <t>7665.4</t>
  </si>
  <si>
    <t>4141.99520818046</t>
  </si>
  <si>
    <t>6373017.0</t>
  </si>
  <si>
    <t>3400.903</t>
  </si>
  <si>
    <t>0.4174</t>
  </si>
  <si>
    <t>2831490.0</t>
  </si>
  <si>
    <t>1340230.0</t>
  </si>
  <si>
    <t>1294794.0</t>
  </si>
  <si>
    <t>481285.0</t>
  </si>
  <si>
    <t>6397018.0</t>
  </si>
  <si>
    <t>3413.711</t>
  </si>
  <si>
    <t>12.808</t>
  </si>
  <si>
    <t>2833813.0</t>
  </si>
  <si>
    <t>1340409.0</t>
  </si>
  <si>
    <t>1295264.0</t>
  </si>
  <si>
    <t>482993.0</t>
  </si>
  <si>
    <t>6421568.0</t>
  </si>
  <si>
    <t>3426.812</t>
  </si>
  <si>
    <t>13.101</t>
  </si>
  <si>
    <t>11.918</t>
  </si>
  <si>
    <t>2836012.0</t>
  </si>
  <si>
    <t>1340583.0</t>
  </si>
  <si>
    <t>1295764.0</t>
  </si>
  <si>
    <t>484568.0</t>
  </si>
  <si>
    <t>153.24</t>
  </si>
  <si>
    <t>6448511.0</t>
  </si>
  <si>
    <t>3441.19</t>
  </si>
  <si>
    <t>0.4373</t>
  </si>
  <si>
    <t>2837988.0</t>
  </si>
  <si>
    <t>1340727.0</t>
  </si>
  <si>
    <t>1296203.0</t>
  </si>
  <si>
    <t>485996.0</t>
  </si>
  <si>
    <t>6472159.0</t>
  </si>
  <si>
    <t>3453.809</t>
  </si>
  <si>
    <t>21768.0</t>
  </si>
  <si>
    <t>2840504.0</t>
  </si>
  <si>
    <t>1340888.0</t>
  </si>
  <si>
    <t>1296765.0</t>
  </si>
  <si>
    <t>487825.0</t>
  </si>
  <si>
    <t>6500369.0</t>
  </si>
  <si>
    <t>3468.863</t>
  </si>
  <si>
    <t>11.784</t>
  </si>
  <si>
    <t>2841597.0</t>
  </si>
  <si>
    <t>1340959.0</t>
  </si>
  <si>
    <t>1296987.0</t>
  </si>
  <si>
    <t>488642.0</t>
  </si>
  <si>
    <t>6514973.0</t>
  </si>
  <si>
    <t>3476.657</t>
  </si>
  <si>
    <t>2841804.0</t>
  </si>
  <si>
    <t>1340986.0</t>
  </si>
  <si>
    <t>1297011.0</t>
  </si>
  <si>
    <t>488802.0</t>
  </si>
  <si>
    <t>153.56</t>
  </si>
  <si>
    <t>7797.3</t>
  </si>
  <si>
    <t>4213.26730982669</t>
  </si>
  <si>
    <t>6523418.0</t>
  </si>
  <si>
    <t>3481.163</t>
  </si>
  <si>
    <t>11.466</t>
  </si>
  <si>
    <t>0.4455</t>
  </si>
  <si>
    <t>2843183.0</t>
  </si>
  <si>
    <t>1341094.0</t>
  </si>
  <si>
    <t>1297235.0</t>
  </si>
  <si>
    <t>489880.0</t>
  </si>
  <si>
    <t>153.63</t>
  </si>
  <si>
    <t>6547221.0</t>
  </si>
  <si>
    <t>3493.866</t>
  </si>
  <si>
    <t>11.451</t>
  </si>
  <si>
    <t>0.4509</t>
  </si>
  <si>
    <t>2844863.0</t>
  </si>
  <si>
    <t>1341200.0</t>
  </si>
  <si>
    <t>1297561.0</t>
  </si>
  <si>
    <t>491153.0</t>
  </si>
  <si>
    <t>6570860.0</t>
  </si>
  <si>
    <t>3506.48</t>
  </si>
  <si>
    <t>11.381</t>
  </si>
  <si>
    <t>2846590.0</t>
  </si>
  <si>
    <t>1341309.0</t>
  </si>
  <si>
    <t>1297908.0</t>
  </si>
  <si>
    <t>492433.0</t>
  </si>
  <si>
    <t>6595096.0</t>
  </si>
  <si>
    <t>3519.414</t>
  </si>
  <si>
    <t>12.933</t>
  </si>
  <si>
    <t>2848289.0</t>
  </si>
  <si>
    <t>1341406.0</t>
  </si>
  <si>
    <t>1298199.0</t>
  </si>
  <si>
    <t>493755.0</t>
  </si>
  <si>
    <t>6617365.0</t>
  </si>
  <si>
    <t>3531.297</t>
  </si>
  <si>
    <t>0.4599</t>
  </si>
  <si>
    <t>2850710.0</t>
  </si>
  <si>
    <t>1341549.0</t>
  </si>
  <si>
    <t>1298640.0</t>
  </si>
  <si>
    <t>495610.0</t>
  </si>
  <si>
    <t>6640184.0</t>
  </si>
  <si>
    <t>22819.0</t>
  </si>
  <si>
    <t>3543.474</t>
  </si>
  <si>
    <t>19974.0</t>
  </si>
  <si>
    <t>10.659</t>
  </si>
  <si>
    <t>2851708.0</t>
  </si>
  <si>
    <t>1341597.0</t>
  </si>
  <si>
    <t>1298780.0</t>
  </si>
  <si>
    <t>496436.0</t>
  </si>
  <si>
    <t>6651837.0</t>
  </si>
  <si>
    <t>3549.693</t>
  </si>
  <si>
    <t>6.219</t>
  </si>
  <si>
    <t>0.4644</t>
  </si>
  <si>
    <t>2851833.0</t>
  </si>
  <si>
    <t>1341606.0</t>
  </si>
  <si>
    <t>1298795.0</t>
  </si>
  <si>
    <t>496540.0</t>
  </si>
  <si>
    <t>7854.4</t>
  </si>
  <si>
    <t>4244.12126740061</t>
  </si>
  <si>
    <t>6659486.0</t>
  </si>
  <si>
    <t>3553.775</t>
  </si>
  <si>
    <t>2853123.0</t>
  </si>
  <si>
    <t>1341697.0</t>
  </si>
  <si>
    <t>1298956.0</t>
  </si>
  <si>
    <t>497603.0</t>
  </si>
  <si>
    <t>154.17</t>
  </si>
  <si>
    <t>6678819.0</t>
  </si>
  <si>
    <t>19333.0</t>
  </si>
  <si>
    <t>3564.092</t>
  </si>
  <si>
    <t>18800.0</t>
  </si>
  <si>
    <t>10.032</t>
  </si>
  <si>
    <t>0.4639</t>
  </si>
  <si>
    <t>2854376.0</t>
  </si>
  <si>
    <t>1341789.0</t>
  </si>
  <si>
    <t>1299133.0</t>
  </si>
  <si>
    <t>498600.0</t>
  </si>
  <si>
    <t>6700835.0</t>
  </si>
  <si>
    <t>3575.84</t>
  </si>
  <si>
    <t>11.749</t>
  </si>
  <si>
    <t>2855654.0</t>
  </si>
  <si>
    <t>1341871.0</t>
  </si>
  <si>
    <t>1299369.0</t>
  </si>
  <si>
    <t>499567.0</t>
  </si>
  <si>
    <t>6720287.0</t>
  </si>
  <si>
    <t>3586.221</t>
  </si>
  <si>
    <t>2856837.0</t>
  </si>
  <si>
    <t>1341941.0</t>
  </si>
  <si>
    <t>1299547.0</t>
  </si>
  <si>
    <t>500516.0</t>
  </si>
  <si>
    <t>6738390.0</t>
  </si>
  <si>
    <t>3595.881</t>
  </si>
  <si>
    <t>9.226</t>
  </si>
  <si>
    <t>2858511.0</t>
  </si>
  <si>
    <t>1342070.0</t>
  </si>
  <si>
    <t>1299806.0</t>
  </si>
  <si>
    <t>501828.0</t>
  </si>
  <si>
    <t>154.46</t>
  </si>
  <si>
    <t>6754957.0</t>
  </si>
  <si>
    <t>16567.0</t>
  </si>
  <si>
    <t>3604.722</t>
  </si>
  <si>
    <t>0.4659</t>
  </si>
  <si>
    <t>2859097.0</t>
  </si>
  <si>
    <t>1342103.0</t>
  </si>
  <si>
    <t>1299878.0</t>
  </si>
  <si>
    <t>502312.0</t>
  </si>
  <si>
    <t>529.784</t>
  </si>
  <si>
    <t>6763303.0</t>
  </si>
  <si>
    <t>3609.176</t>
  </si>
  <si>
    <t>8.498</t>
  </si>
  <si>
    <t>0.4668</t>
  </si>
  <si>
    <t>2859213.0</t>
  </si>
  <si>
    <t>1342107.0</t>
  </si>
  <si>
    <t>1299893.0</t>
  </si>
  <si>
    <t>7936.9</t>
  </si>
  <si>
    <t>4288.70010277448</t>
  </si>
  <si>
    <t>6769175.0</t>
  </si>
  <si>
    <t>3612.309</t>
  </si>
  <si>
    <t>0.4651</t>
  </si>
  <si>
    <t>2859902.0</t>
  </si>
  <si>
    <t>1342165.0</t>
  </si>
  <si>
    <t>1299995.0</t>
  </si>
  <si>
    <t>502958.0</t>
  </si>
  <si>
    <t>6786384.0</t>
  </si>
  <si>
    <t>3621.493</t>
  </si>
  <si>
    <t>9.183</t>
  </si>
  <si>
    <t>2860696.0</t>
  </si>
  <si>
    <t>1342254.0</t>
  </si>
  <si>
    <t>1300146.0</t>
  </si>
  <si>
    <t>503533.0</t>
  </si>
  <si>
    <t>154.58</t>
  </si>
  <si>
    <t>6802890.0</t>
  </si>
  <si>
    <t>3630.301</t>
  </si>
  <si>
    <t>2861934.0</t>
  </si>
  <si>
    <t>1342337.0</t>
  </si>
  <si>
    <t>1300366.0</t>
  </si>
  <si>
    <t>504481.0</t>
  </si>
  <si>
    <t>6819200.0</t>
  </si>
  <si>
    <t>3639.005</t>
  </si>
  <si>
    <t>0.4524</t>
  </si>
  <si>
    <t>2862833.0</t>
  </si>
  <si>
    <t>1342409.0</t>
  </si>
  <si>
    <t>1300508.0</t>
  </si>
  <si>
    <t>505178.0</t>
  </si>
  <si>
    <t>6834899.0</t>
  </si>
  <si>
    <t>3647.382</t>
  </si>
  <si>
    <t>8.378</t>
  </si>
  <si>
    <t>0.4486</t>
  </si>
  <si>
    <t>2864247.0</t>
  </si>
  <si>
    <t>1342549.0</t>
  </si>
  <si>
    <t>1300754.0</t>
  </si>
  <si>
    <t>506240.0</t>
  </si>
  <si>
    <t>6849505.0</t>
  </si>
  <si>
    <t>3655.177</t>
  </si>
  <si>
    <t>7.208</t>
  </si>
  <si>
    <t>0.4449</t>
  </si>
  <si>
    <t>2864601.0</t>
  </si>
  <si>
    <t>1342580.0</t>
  </si>
  <si>
    <t>1300816.0</t>
  </si>
  <si>
    <t>506507.0</t>
  </si>
  <si>
    <t>6855761.0</t>
  </si>
  <si>
    <t>3658.515</t>
  </si>
  <si>
    <t>2864628.0</t>
  </si>
  <si>
    <t>1342581.0</t>
  </si>
  <si>
    <t>1300823.0</t>
  </si>
  <si>
    <t>506527.0</t>
  </si>
  <si>
    <t>7979.2</t>
  </si>
  <si>
    <t>4311.55688745708</t>
  </si>
  <si>
    <t>6860666.0</t>
  </si>
  <si>
    <t>3661.133</t>
  </si>
  <si>
    <t>0.4405</t>
  </si>
  <si>
    <t>2865292.0</t>
  </si>
  <si>
    <t>1342655.0</t>
  </si>
  <si>
    <t>1300922.0</t>
  </si>
  <si>
    <t>507043.0</t>
  </si>
  <si>
    <t>6874488.0</t>
  </si>
  <si>
    <t>3668.509</t>
  </si>
  <si>
    <t>2866231.0</t>
  </si>
  <si>
    <t>1342750.0</t>
  </si>
  <si>
    <t>1301049.0</t>
  </si>
  <si>
    <t>507779.0</t>
  </si>
  <si>
    <t>154.88</t>
  </si>
  <si>
    <t>6887036.0</t>
  </si>
  <si>
    <t>3675.205</t>
  </si>
  <si>
    <t>2867276.0</t>
  </si>
  <si>
    <t>1342863.0</t>
  </si>
  <si>
    <t>1301236.0</t>
  </si>
  <si>
    <t>508561.0</t>
  </si>
  <si>
    <t>6899982.0</t>
  </si>
  <si>
    <t>3682.113</t>
  </si>
  <si>
    <t>2868036.0</t>
  </si>
  <si>
    <t>1342945.0</t>
  </si>
  <si>
    <t>1301321.0</t>
  </si>
  <si>
    <t>509160.0</t>
  </si>
  <si>
    <t>6910128.0</t>
  </si>
  <si>
    <t>3687.528</t>
  </si>
  <si>
    <t>0.4282</t>
  </si>
  <si>
    <t>2869289.0</t>
  </si>
  <si>
    <t>1343066.0</t>
  </si>
  <si>
    <t>1301555.0</t>
  </si>
  <si>
    <t>510082.0</t>
  </si>
  <si>
    <t>6918797.0</t>
  </si>
  <si>
    <t>3692.154</t>
  </si>
  <si>
    <t>2869491.0</t>
  </si>
  <si>
    <t>1343092.0</t>
  </si>
  <si>
    <t>1301577.0</t>
  </si>
  <si>
    <t>510239.0</t>
  </si>
  <si>
    <t>6923928.0</t>
  </si>
  <si>
    <t>3694.892</t>
  </si>
  <si>
    <t>2869534.0</t>
  </si>
  <si>
    <t>1343093.0</t>
  </si>
  <si>
    <t>1301591.0</t>
  </si>
  <si>
    <t>510268.0</t>
  </si>
  <si>
    <t>8088.3</t>
  </si>
  <si>
    <t>4370.50902005453</t>
  </si>
  <si>
    <t>6927927.0</t>
  </si>
  <si>
    <t>3697.026</t>
  </si>
  <si>
    <t>2870122.0</t>
  </si>
  <si>
    <t>1343164.0</t>
  </si>
  <si>
    <t>1301687.0</t>
  </si>
  <si>
    <t>510705.0</t>
  </si>
  <si>
    <t>6939882.0</t>
  </si>
  <si>
    <t>3703.406</t>
  </si>
  <si>
    <t>2870835.0</t>
  </si>
  <si>
    <t>1343249.0</t>
  </si>
  <si>
    <t>1301791.0</t>
  </si>
  <si>
    <t>511258.0</t>
  </si>
  <si>
    <t>6950023.0</t>
  </si>
  <si>
    <t>3708.817</t>
  </si>
  <si>
    <t>0.3971</t>
  </si>
  <si>
    <t>2871871.0</t>
  </si>
  <si>
    <t>1343370.0</t>
  </si>
  <si>
    <t>1301921.0</t>
  </si>
  <si>
    <t>512053.0</t>
  </si>
  <si>
    <t>6959270.0</t>
  </si>
  <si>
    <t>3713.752</t>
  </si>
  <si>
    <t>0.3893</t>
  </si>
  <si>
    <t>2872427.0</t>
  </si>
  <si>
    <t>1343441.0</t>
  </si>
  <si>
    <t>1302003.0</t>
  </si>
  <si>
    <t>512466.0</t>
  </si>
  <si>
    <t>3718.049</t>
  </si>
  <si>
    <t>2873481.0</t>
  </si>
  <si>
    <t>1343581.0</t>
  </si>
  <si>
    <t>1302151.0</t>
  </si>
  <si>
    <t>513252.0</t>
  </si>
  <si>
    <t>6973981.0</t>
  </si>
  <si>
    <t>3721.602</t>
  </si>
  <si>
    <t>2873637.0</t>
  </si>
  <si>
    <t>1343603.0</t>
  </si>
  <si>
    <t>1302178.0</t>
  </si>
  <si>
    <t>513366.0</t>
  </si>
  <si>
    <t>6977909.0</t>
  </si>
  <si>
    <t>3723.698</t>
  </si>
  <si>
    <t>1302182.0</t>
  </si>
  <si>
    <t>513379.0</t>
  </si>
  <si>
    <t>8163.2</t>
  </si>
  <si>
    <t>4410.98119907881</t>
  </si>
  <si>
    <t>6981142.0</t>
  </si>
  <si>
    <t>3725.424</t>
  </si>
  <si>
    <t>2874151.0</t>
  </si>
  <si>
    <t>1343653.0</t>
  </si>
  <si>
    <t>1302251.0</t>
  </si>
  <si>
    <t>513766.0</t>
  </si>
  <si>
    <t>6990412.0</t>
  </si>
  <si>
    <t>3730.37</t>
  </si>
  <si>
    <t>2874752.0</t>
  </si>
  <si>
    <t>1343711.0</t>
  </si>
  <si>
    <t>1302352.0</t>
  </si>
  <si>
    <t>514213.0</t>
  </si>
  <si>
    <t>155.34</t>
  </si>
  <si>
    <t>6999081.0</t>
  </si>
  <si>
    <t>3734.997</t>
  </si>
  <si>
    <t>2875552.0</t>
  </si>
  <si>
    <t>1343804.0</t>
  </si>
  <si>
    <t>1302510.0</t>
  </si>
  <si>
    <t>514769.0</t>
  </si>
  <si>
    <t>7006588.0</t>
  </si>
  <si>
    <t>3739.003</t>
  </si>
  <si>
    <t>0.3115</t>
  </si>
  <si>
    <t>2876028.0</t>
  </si>
  <si>
    <t>1343869.0</t>
  </si>
  <si>
    <t>1302582.0</t>
  </si>
  <si>
    <t>515121.0</t>
  </si>
  <si>
    <t>155.41</t>
  </si>
  <si>
    <t>7013623.0</t>
  </si>
  <si>
    <t>3742.757</t>
  </si>
  <si>
    <t>2876763.0</t>
  </si>
  <si>
    <t>1343948.0</t>
  </si>
  <si>
    <t>1302698.0</t>
  </si>
  <si>
    <t>7018444.0</t>
  </si>
  <si>
    <t>3745.329</t>
  </si>
  <si>
    <t>0.2815</t>
  </si>
  <si>
    <t>2876854.0</t>
  </si>
  <si>
    <t>1343963.0</t>
  </si>
  <si>
    <t>1302713.0</t>
  </si>
  <si>
    <t>7021284.0</t>
  </si>
  <si>
    <t>3746.845</t>
  </si>
  <si>
    <t>2876872.0</t>
  </si>
  <si>
    <t>1343966.0</t>
  </si>
  <si>
    <t>1302716.0</t>
  </si>
  <si>
    <t>515744.0</t>
  </si>
  <si>
    <t>8188.9</t>
  </si>
  <si>
    <t>4424.86818173467</t>
  </si>
  <si>
    <t>7023765.0</t>
  </si>
  <si>
    <t>3748.169</t>
  </si>
  <si>
    <t>2877283.0</t>
  </si>
  <si>
    <t>1344018.0</t>
  </si>
  <si>
    <t>1302779.0</t>
  </si>
  <si>
    <t>516049.0</t>
  </si>
  <si>
    <t>7030954.0</t>
  </si>
  <si>
    <t>3752.005</t>
  </si>
  <si>
    <t>2877676.0</t>
  </si>
  <si>
    <t>1344069.0</t>
  </si>
  <si>
    <t>1302861.0</t>
  </si>
  <si>
    <t>516319.0</t>
  </si>
  <si>
    <t>7036805.0</t>
  </si>
  <si>
    <t>3755.128</t>
  </si>
  <si>
    <t>2878116.0</t>
  </si>
  <si>
    <t>1344128.0</t>
  </si>
  <si>
    <t>1302940.0</t>
  </si>
  <si>
    <t>516627.0</t>
  </si>
  <si>
    <t>7042428.0</t>
  </si>
  <si>
    <t>3758.128</t>
  </si>
  <si>
    <t>2878615.0</t>
  </si>
  <si>
    <t>1344186.0</t>
  </si>
  <si>
    <t>516987.0</t>
  </si>
  <si>
    <t>7048049.0</t>
  </si>
  <si>
    <t>3761.128</t>
  </si>
  <si>
    <t>2879331.0</t>
  </si>
  <si>
    <t>1344298.0</t>
  </si>
  <si>
    <t>1303158.0</t>
  </si>
  <si>
    <t>517490.0</t>
  </si>
  <si>
    <t>7052368.0</t>
  </si>
  <si>
    <t>3763.433</t>
  </si>
  <si>
    <t>2879429.0</t>
  </si>
  <si>
    <t>1303168.0</t>
  </si>
  <si>
    <t>517575.0</t>
  </si>
  <si>
    <t>7055074.0</t>
  </si>
  <si>
    <t>3764.877</t>
  </si>
  <si>
    <t>2879436.0</t>
  </si>
  <si>
    <t>1344304.0</t>
  </si>
  <si>
    <t>517581.0</t>
  </si>
  <si>
    <t>4441.13270227714</t>
  </si>
  <si>
    <t>7057320.0</t>
  </si>
  <si>
    <t>3766.075</t>
  </si>
  <si>
    <t>2879799.0</t>
  </si>
  <si>
    <t>1344351.0</t>
  </si>
  <si>
    <t>1303239.0</t>
  </si>
  <si>
    <t>517840.0</t>
  </si>
  <si>
    <t>7063250.0</t>
  </si>
  <si>
    <t>3769.24</t>
  </si>
  <si>
    <t>2880222.0</t>
  </si>
  <si>
    <t>1344399.0</t>
  </si>
  <si>
    <t>1303321.0</t>
  </si>
  <si>
    <t>518145.0</t>
  </si>
  <si>
    <t>155.63</t>
  </si>
  <si>
    <t>7069200.0</t>
  </si>
  <si>
    <t>3772.415</t>
  </si>
  <si>
    <t>1344480.0</t>
  </si>
  <si>
    <t>1303446.0</t>
  </si>
  <si>
    <t>518610.0</t>
  </si>
  <si>
    <t>7074097.0</t>
  </si>
  <si>
    <t>3775.028</t>
  </si>
  <si>
    <t>2881341.0</t>
  </si>
  <si>
    <t>1344544.0</t>
  </si>
  <si>
    <t>1303553.0</t>
  </si>
  <si>
    <t>518910.0</t>
  </si>
  <si>
    <t>7078722.0</t>
  </si>
  <si>
    <t>3777.496</t>
  </si>
  <si>
    <t>2881359.0</t>
  </si>
  <si>
    <t>1344545.0</t>
  </si>
  <si>
    <t>1303554.0</t>
  </si>
  <si>
    <t>518927.0</t>
  </si>
  <si>
    <t>7080203.0</t>
  </si>
  <si>
    <t>3778.287</t>
  </si>
  <si>
    <t>2881431.0</t>
  </si>
  <si>
    <t>1344555.0</t>
  </si>
  <si>
    <t>1303565.0</t>
  </si>
  <si>
    <t>518983.0</t>
  </si>
  <si>
    <t>7082580.0</t>
  </si>
  <si>
    <t>3779.555</t>
  </si>
  <si>
    <t>2881433.0</t>
  </si>
  <si>
    <t>518985.0</t>
  </si>
  <si>
    <t>8223.3</t>
  </si>
  <si>
    <t>4443.45620521178</t>
  </si>
  <si>
    <t>7083813.0</t>
  </si>
  <si>
    <t>3780.213</t>
  </si>
  <si>
    <t>2881437.0</t>
  </si>
  <si>
    <t>518989.0</t>
  </si>
  <si>
    <t>7086633.0</t>
  </si>
  <si>
    <t>3781.718</t>
  </si>
  <si>
    <t>2881777.0</t>
  </si>
  <si>
    <t>1344603.0</t>
  </si>
  <si>
    <t>1303642.0</t>
  </si>
  <si>
    <t>519216.0</t>
  </si>
  <si>
    <t>7092591.0</t>
  </si>
  <si>
    <t>3784.897</t>
  </si>
  <si>
    <t>2882302.0</t>
  </si>
  <si>
    <t>1303722.0</t>
  </si>
  <si>
    <t>519622.0</t>
  </si>
  <si>
    <t>7098561.0</t>
  </si>
  <si>
    <t>3788.083</t>
  </si>
  <si>
    <t>2882719.0</t>
  </si>
  <si>
    <t>1344716.0</t>
  </si>
  <si>
    <t>1303803.0</t>
  </si>
  <si>
    <t>519902.0</t>
  </si>
  <si>
    <t>7103755.0</t>
  </si>
  <si>
    <t>3790.855</t>
  </si>
  <si>
    <t>2883277.0</t>
  </si>
  <si>
    <t>1344769.0</t>
  </si>
  <si>
    <t>1303888.0</t>
  </si>
  <si>
    <t>520327.0</t>
  </si>
  <si>
    <t>7107711.0</t>
  </si>
  <si>
    <t>3792.966</t>
  </si>
  <si>
    <t>2883358.0</t>
  </si>
  <si>
    <t>1344775.0</t>
  </si>
  <si>
    <t>1303901.0</t>
  </si>
  <si>
    <t>520393.0</t>
  </si>
  <si>
    <t>7110196.0</t>
  </si>
  <si>
    <t>3794.292</t>
  </si>
  <si>
    <t>2883364.0</t>
  </si>
  <si>
    <t>1344776.0</t>
  </si>
  <si>
    <t>1303902.0</t>
  </si>
  <si>
    <t>520397.0</t>
  </si>
  <si>
    <t>8244.2</t>
  </si>
  <si>
    <t>4454.74951017316</t>
  </si>
  <si>
    <t>7112056.0</t>
  </si>
  <si>
    <t>3795.285</t>
  </si>
  <si>
    <t>2883659.0</t>
  </si>
  <si>
    <t>1344808.0</t>
  </si>
  <si>
    <t>1303955.0</t>
  </si>
  <si>
    <t>520620.0</t>
  </si>
  <si>
    <t>7116924.0</t>
  </si>
  <si>
    <t>3797.882</t>
  </si>
  <si>
    <t>2883991.0</t>
  </si>
  <si>
    <t>1344847.0</t>
  </si>
  <si>
    <t>1304015.0</t>
  </si>
  <si>
    <t>520863.0</t>
  </si>
  <si>
    <t>7122235.0</t>
  </si>
  <si>
    <t>3800.717</t>
  </si>
  <si>
    <t>2884487.0</t>
  </si>
  <si>
    <t>1344897.0</t>
  </si>
  <si>
    <t>1304105.0</t>
  </si>
  <si>
    <t>521227.0</t>
  </si>
  <si>
    <t>7126869.0</t>
  </si>
  <si>
    <t>3803.189</t>
  </si>
  <si>
    <t>2884810.0</t>
  </si>
  <si>
    <t>1344931.0</t>
  </si>
  <si>
    <t>1304158.0</t>
  </si>
  <si>
    <t>7131043.0</t>
  </si>
  <si>
    <t>3805.417</t>
  </si>
  <si>
    <t>0.2094</t>
  </si>
  <si>
    <t>2885268.0</t>
  </si>
  <si>
    <t>1344978.0</t>
  </si>
  <si>
    <t>1304245.0</t>
  </si>
  <si>
    <t>521799.0</t>
  </si>
  <si>
    <t>155.91</t>
  </si>
  <si>
    <t>7134689.0</t>
  </si>
  <si>
    <t>3807.363</t>
  </si>
  <si>
    <t>2885340.0</t>
  </si>
  <si>
    <t>1344982.0</t>
  </si>
  <si>
    <t>1304259.0</t>
  </si>
  <si>
    <t>521855.0</t>
  </si>
  <si>
    <t>7136619.0</t>
  </si>
  <si>
    <t>3808.392</t>
  </si>
  <si>
    <t>2885344.0</t>
  </si>
  <si>
    <t>521859.0</t>
  </si>
  <si>
    <t>8268.5</t>
  </si>
  <si>
    <t>4467.88000350146</t>
  </si>
  <si>
    <t>7138331.0</t>
  </si>
  <si>
    <t>3809.306</t>
  </si>
  <si>
    <t>2885594.0</t>
  </si>
  <si>
    <t>1345002.0</t>
  </si>
  <si>
    <t>1304300.0</t>
  </si>
  <si>
    <t>522053.0</t>
  </si>
  <si>
    <t>155.92</t>
  </si>
  <si>
    <t>7142567.0</t>
  </si>
  <si>
    <t>3811.567</t>
  </si>
  <si>
    <t>2885915.0</t>
  </si>
  <si>
    <t>1345047.0</t>
  </si>
  <si>
    <t>1304354.0</t>
  </si>
  <si>
    <t>522293.0</t>
  </si>
  <si>
    <t>7147014.0</t>
  </si>
  <si>
    <t>3813.94</t>
  </si>
  <si>
    <t>2885924.0</t>
  </si>
  <si>
    <t>522302.0</t>
  </si>
  <si>
    <t>7148733.0</t>
  </si>
  <si>
    <t>3814.857</t>
  </si>
  <si>
    <t>2886338.0</t>
  </si>
  <si>
    <t>1345084.0</t>
  </si>
  <si>
    <t>1304412.0</t>
  </si>
  <si>
    <t>522624.0</t>
  </si>
  <si>
    <t>155.96</t>
  </si>
  <si>
    <t>7152827.0</t>
  </si>
  <si>
    <t>3817.042</t>
  </si>
  <si>
    <t>2886748.0</t>
  </si>
  <si>
    <t>1345133.0</t>
  </si>
  <si>
    <t>1304470.0</t>
  </si>
  <si>
    <t>522932.0</t>
  </si>
  <si>
    <t>7155858.0</t>
  </si>
  <si>
    <t>3818.659</t>
  </si>
  <si>
    <t>2886787.0</t>
  </si>
  <si>
    <t>1345137.0</t>
  </si>
  <si>
    <t>1304480.0</t>
  </si>
  <si>
    <t>522959.0</t>
  </si>
  <si>
    <t>7158069.0</t>
  </si>
  <si>
    <t>3819.839</t>
  </si>
  <si>
    <t>2886797.0</t>
  </si>
  <si>
    <t>1345138.0</t>
  </si>
  <si>
    <t>522968.0</t>
  </si>
  <si>
    <t>8293.6</t>
  </si>
  <si>
    <t>4481.44277644551</t>
  </si>
  <si>
    <t>7159741.0</t>
  </si>
  <si>
    <t>3820.731</t>
  </si>
  <si>
    <t>2886954.0</t>
  </si>
  <si>
    <t>1345154.0</t>
  </si>
  <si>
    <t>1304501.0</t>
  </si>
  <si>
    <t>523093.0</t>
  </si>
  <si>
    <t>7164157.0</t>
  </si>
  <si>
    <t>3823.088</t>
  </si>
  <si>
    <t>2887234.0</t>
  </si>
  <si>
    <t>1345170.0</t>
  </si>
  <si>
    <t>1304532.0</t>
  </si>
  <si>
    <t>523329.0</t>
  </si>
  <si>
    <t>7167878.0</t>
  </si>
  <si>
    <t>3825.074</t>
  </si>
  <si>
    <t>2887620.0</t>
  </si>
  <si>
    <t>1304603.0</t>
  </si>
  <si>
    <t>523616.0</t>
  </si>
  <si>
    <t>156.03</t>
  </si>
  <si>
    <t>7171090.0</t>
  </si>
  <si>
    <t>3826.788</t>
  </si>
  <si>
    <t>2887857.0</t>
  </si>
  <si>
    <t>1345233.0</t>
  </si>
  <si>
    <t>1304662.0</t>
  </si>
  <si>
    <t>523774.0</t>
  </si>
  <si>
    <t>156.05</t>
  </si>
  <si>
    <t>7173895.0</t>
  </si>
  <si>
    <t>3828.284</t>
  </si>
  <si>
    <t>2888160.0</t>
  </si>
  <si>
    <t>1345271.0</t>
  </si>
  <si>
    <t>1304700.0</t>
  </si>
  <si>
    <t>524010.0</t>
  </si>
  <si>
    <t>7176396.0</t>
  </si>
  <si>
    <t>3829.619</t>
  </si>
  <si>
    <t>2888224.0</t>
  </si>
  <si>
    <t>1345280.0</t>
  </si>
  <si>
    <t>1304710.0</t>
  </si>
  <si>
    <t>524058.0</t>
  </si>
  <si>
    <t>7178243.0</t>
  </si>
  <si>
    <t>3830.605</t>
  </si>
  <si>
    <t>2888227.0</t>
  </si>
  <si>
    <t>524061.0</t>
  </si>
  <si>
    <t>8293.1</t>
  </si>
  <si>
    <t>4481.17260168567</t>
  </si>
  <si>
    <t>7179682.0</t>
  </si>
  <si>
    <t>3831.373</t>
  </si>
  <si>
    <t>2888455.0</t>
  </si>
  <si>
    <t>1345309.0</t>
  </si>
  <si>
    <t>1304753.0</t>
  </si>
  <si>
    <t>7183715.0</t>
  </si>
  <si>
    <t>3833.525</t>
  </si>
  <si>
    <t>2888681.0</t>
  </si>
  <si>
    <t>1345338.0</t>
  </si>
  <si>
    <t>1304779.0</t>
  </si>
  <si>
    <t>524404.0</t>
  </si>
  <si>
    <t>7186984.0</t>
  </si>
  <si>
    <t>3835.269</t>
  </si>
  <si>
    <t>2888979.0</t>
  </si>
  <si>
    <t>1345371.0</t>
  </si>
  <si>
    <t>1304840.0</t>
  </si>
  <si>
    <t>524613.0</t>
  </si>
  <si>
    <t>7189807.0</t>
  </si>
  <si>
    <t>3836.776</t>
  </si>
  <si>
    <t>2889249.0</t>
  </si>
  <si>
    <t>1345406.0</t>
  </si>
  <si>
    <t>1304886.0</t>
  </si>
  <si>
    <t>524816.0</t>
  </si>
  <si>
    <t>7192115.0</t>
  </si>
  <si>
    <t>3838.007</t>
  </si>
  <si>
    <t>2889569.0</t>
  </si>
  <si>
    <t>1345439.0</t>
  </si>
  <si>
    <t>1304945.0</t>
  </si>
  <si>
    <t>525055.0</t>
  </si>
  <si>
    <t>7194355.0</t>
  </si>
  <si>
    <t>3839.203</t>
  </si>
  <si>
    <t>2889610.0</t>
  </si>
  <si>
    <t>1345443.0</t>
  </si>
  <si>
    <t>1304947.0</t>
  </si>
  <si>
    <t>525091.0</t>
  </si>
  <si>
    <t>7195963.0</t>
  </si>
  <si>
    <t>3840.061</t>
  </si>
  <si>
    <t>2889611.0</t>
  </si>
  <si>
    <t>1304948.0</t>
  </si>
  <si>
    <t>4489.22380952895</t>
  </si>
  <si>
    <t>7197256.0</t>
  </si>
  <si>
    <t>3840.751</t>
  </si>
  <si>
    <t>2889768.0</t>
  </si>
  <si>
    <t>1345456.0</t>
  </si>
  <si>
    <t>1304975.0</t>
  </si>
  <si>
    <t>525212.0</t>
  </si>
  <si>
    <t>3842.706</t>
  </si>
  <si>
    <t>2890010.0</t>
  </si>
  <si>
    <t>1345483.0</t>
  </si>
  <si>
    <t>1305009.0</t>
  </si>
  <si>
    <t>525393.0</t>
  </si>
  <si>
    <t>7204124.0</t>
  </si>
  <si>
    <t>3844.416</t>
  </si>
  <si>
    <t>2890266.0</t>
  </si>
  <si>
    <t>1345519.0</t>
  </si>
  <si>
    <t>1305065.0</t>
  </si>
  <si>
    <t>525566.0</t>
  </si>
  <si>
    <t>156.18</t>
  </si>
  <si>
    <t>7207644.0</t>
  </si>
  <si>
    <t>3846.294</t>
  </si>
  <si>
    <t>2890516.0</t>
  </si>
  <si>
    <t>1345532.0</t>
  </si>
  <si>
    <t>1305099.0</t>
  </si>
  <si>
    <t>525772.0</t>
  </si>
  <si>
    <t>156.19</t>
  </si>
  <si>
    <t>7209872.0</t>
  </si>
  <si>
    <t>3847.483</t>
  </si>
  <si>
    <t>2890814.0</t>
  </si>
  <si>
    <t>1345567.0</t>
  </si>
  <si>
    <t>1305150.0</t>
  </si>
  <si>
    <t>525995.0</t>
  </si>
  <si>
    <t>7211952.0</t>
  </si>
  <si>
    <t>3848.593</t>
  </si>
  <si>
    <t>2890845.0</t>
  </si>
  <si>
    <t>1345570.0</t>
  </si>
  <si>
    <t>1305152.0</t>
  </si>
  <si>
    <t>526022.0</t>
  </si>
  <si>
    <t>7213523.0</t>
  </si>
  <si>
    <t>3849.432</t>
  </si>
  <si>
    <t>2890850.0</t>
  </si>
  <si>
    <t>1305153.0</t>
  </si>
  <si>
    <t>526026.0</t>
  </si>
  <si>
    <t>8323.7</t>
  </si>
  <si>
    <t>4497.70729698798</t>
  </si>
  <si>
    <t>7214912.0</t>
  </si>
  <si>
    <t>3850.173</t>
  </si>
  <si>
    <t>2890999.0</t>
  </si>
  <si>
    <t>1345592.0</t>
  </si>
  <si>
    <t>1305167.0</t>
  </si>
  <si>
    <t>526142.0</t>
  </si>
  <si>
    <t>7218186.0</t>
  </si>
  <si>
    <t>3851.92</t>
  </si>
  <si>
    <t>2891168.0</t>
  </si>
  <si>
    <t>1345611.0</t>
  </si>
  <si>
    <t>1305194.0</t>
  </si>
  <si>
    <t>526267.0</t>
  </si>
  <si>
    <t>156.22</t>
  </si>
  <si>
    <t>7220965.0</t>
  </si>
  <si>
    <t>3853.403</t>
  </si>
  <si>
    <t>2891309.0</t>
  </si>
  <si>
    <t>1345627.0</t>
  </si>
  <si>
    <t>1305211.0</t>
  </si>
  <si>
    <t>526377.0</t>
  </si>
  <si>
    <t>156.23</t>
  </si>
  <si>
    <t>7223398.0</t>
  </si>
  <si>
    <t>3854.701</t>
  </si>
  <si>
    <t>2891475.0</t>
  </si>
  <si>
    <t>1345654.0</t>
  </si>
  <si>
    <t>1305236.0</t>
  </si>
  <si>
    <t>526493.0</t>
  </si>
  <si>
    <t>156.24</t>
  </si>
  <si>
    <t>7225480.0</t>
  </si>
  <si>
    <t>3855.812</t>
  </si>
  <si>
    <t>2891725.0</t>
  </si>
  <si>
    <t>1345691.0</t>
  </si>
  <si>
    <t>1305284.0</t>
  </si>
  <si>
    <t>526672.0</t>
  </si>
  <si>
    <t>7227603.0</t>
  </si>
  <si>
    <t>3856.945</t>
  </si>
  <si>
    <t>2891754.0</t>
  </si>
  <si>
    <t>1345693.0</t>
  </si>
  <si>
    <t>1305290.0</t>
  </si>
  <si>
    <t>526694.0</t>
  </si>
  <si>
    <t>7228983.0</t>
  </si>
  <si>
    <t>3857.682</t>
  </si>
  <si>
    <t>2891762.0</t>
  </si>
  <si>
    <t>1345697.0</t>
  </si>
  <si>
    <t>1305291.0</t>
  </si>
  <si>
    <t>526697.0</t>
  </si>
  <si>
    <t>8339.4</t>
  </si>
  <si>
    <t>4506.19078444701</t>
  </si>
  <si>
    <t>7230143.0</t>
  </si>
  <si>
    <t>3858.301</t>
  </si>
  <si>
    <t>2891884.0</t>
  </si>
  <si>
    <t>1345710.0</t>
  </si>
  <si>
    <t>1305310.0</t>
  </si>
  <si>
    <t>526787.0</t>
  </si>
  <si>
    <t>7233248.0</t>
  </si>
  <si>
    <t>3859.958</t>
  </si>
  <si>
    <t>2892026.0</t>
  </si>
  <si>
    <t>1345728.0</t>
  </si>
  <si>
    <t>1305337.0</t>
  </si>
  <si>
    <t>526890.0</t>
  </si>
  <si>
    <t>7235893.0</t>
  </si>
  <si>
    <t>3861.369</t>
  </si>
  <si>
    <t>2892196.0</t>
  </si>
  <si>
    <t>1345747.0</t>
  </si>
  <si>
    <t>1305353.0</t>
  </si>
  <si>
    <t>527027.0</t>
  </si>
  <si>
    <t>7238185.0</t>
  </si>
  <si>
    <t>3862.592</t>
  </si>
  <si>
    <t>2892351.0</t>
  </si>
  <si>
    <t>1345768.0</t>
  </si>
  <si>
    <t>1305378.0</t>
  </si>
  <si>
    <t>527137.0</t>
  </si>
  <si>
    <t>7240029.0</t>
  </si>
  <si>
    <t>3863.576</t>
  </si>
  <si>
    <t>2892555.0</t>
  </si>
  <si>
    <t>1345785.0</t>
  </si>
  <si>
    <t>1305417.0</t>
  </si>
  <si>
    <t>527289.0</t>
  </si>
  <si>
    <t>156.3</t>
  </si>
  <si>
    <t>7242210.0</t>
  </si>
  <si>
    <t>3864.74</t>
  </si>
  <si>
    <t>2892599.0</t>
  </si>
  <si>
    <t>1345788.0</t>
  </si>
  <si>
    <t>1305429.0</t>
  </si>
  <si>
    <t>527319.0</t>
  </si>
  <si>
    <t>7243535.0</t>
  </si>
  <si>
    <t>3865.447</t>
  </si>
  <si>
    <t>2892601.0</t>
  </si>
  <si>
    <t>527321.0</t>
  </si>
  <si>
    <t>8372.3</t>
  </si>
  <si>
    <t>4523.96828364459</t>
  </si>
  <si>
    <t>7244743.0</t>
  </si>
  <si>
    <t>3866.092</t>
  </si>
  <si>
    <t>2892747.0</t>
  </si>
  <si>
    <t>1345809.0</t>
  </si>
  <si>
    <t>1305462.0</t>
  </si>
  <si>
    <t>527416.0</t>
  </si>
  <si>
    <t>156.31</t>
  </si>
  <si>
    <t>7247780.0</t>
  </si>
  <si>
    <t>3867.713</t>
  </si>
  <si>
    <t>2892909.0</t>
  </si>
  <si>
    <t>1345825.0</t>
  </si>
  <si>
    <t>1305496.0</t>
  </si>
  <si>
    <t>527531.0</t>
  </si>
  <si>
    <t>156.32</t>
  </si>
  <si>
    <t>7250350.0</t>
  </si>
  <si>
    <t>3869.084</t>
  </si>
  <si>
    <t>2893112.0</t>
  </si>
  <si>
    <t>1345843.0</t>
  </si>
  <si>
    <t>1305514.0</t>
  </si>
  <si>
    <t>527698.0</t>
  </si>
  <si>
    <t>7252600.0</t>
  </si>
  <si>
    <t>3870.285</t>
  </si>
  <si>
    <t>2893236.0</t>
  </si>
  <si>
    <t>1345856.0</t>
  </si>
  <si>
    <t>1305540.0</t>
  </si>
  <si>
    <t>527786.0</t>
  </si>
  <si>
    <t>7254532.0</t>
  </si>
  <si>
    <t>3871.316</t>
  </si>
  <si>
    <t>2893466.0</t>
  </si>
  <si>
    <t>1345889.0</t>
  </si>
  <si>
    <t>1305582.0</t>
  </si>
  <si>
    <t>527946.0</t>
  </si>
  <si>
    <t>7256406.0</t>
  </si>
  <si>
    <t>3872.316</t>
  </si>
  <si>
    <t>1345894.0</t>
  </si>
  <si>
    <t>1305586.0</t>
  </si>
  <si>
    <t>527973.0</t>
  </si>
  <si>
    <t>7257689.0</t>
  </si>
  <si>
    <t>2893508.0</t>
  </si>
  <si>
    <t>1345895.0</t>
  </si>
  <si>
    <t>1305589.0</t>
  </si>
  <si>
    <t>8409.4</t>
  </si>
  <si>
    <t>4544.01525082484</t>
  </si>
  <si>
    <t>7258784.0</t>
  </si>
  <si>
    <t>3873.585</t>
  </si>
  <si>
    <t>2893670.0</t>
  </si>
  <si>
    <t>1345916.0</t>
  </si>
  <si>
    <t>1305616.0</t>
  </si>
  <si>
    <t>528096.0</t>
  </si>
  <si>
    <t>7261531.0</t>
  </si>
  <si>
    <t>3875.051</t>
  </si>
  <si>
    <t>2893813.0</t>
  </si>
  <si>
    <t>1345927.0</t>
  </si>
  <si>
    <t>1305635.0</t>
  </si>
  <si>
    <t>528211.0</t>
  </si>
  <si>
    <t>156.37</t>
  </si>
  <si>
    <t>7263566.0</t>
  </si>
  <si>
    <t>3876.137</t>
  </si>
  <si>
    <t>2893905.0</t>
  </si>
  <si>
    <t>1345940.0</t>
  </si>
  <si>
    <t>1305645.0</t>
  </si>
  <si>
    <t>528281.0</t>
  </si>
  <si>
    <t>2893906.0</t>
  </si>
  <si>
    <t>1305646.0</t>
  </si>
  <si>
    <t>2893924.0</t>
  </si>
  <si>
    <t>1345942.0</t>
  </si>
  <si>
    <t>1305647.0</t>
  </si>
  <si>
    <t>528296.0</t>
  </si>
  <si>
    <t>2893929.0</t>
  </si>
  <si>
    <t>528301.0</t>
  </si>
  <si>
    <t>8441.9</t>
  </si>
  <si>
    <t>4561.57661021455</t>
  </si>
  <si>
    <t>2894051.0</t>
  </si>
  <si>
    <t>1345950.0</t>
  </si>
  <si>
    <t>1305667.0</t>
  </si>
  <si>
    <t>528397.0</t>
  </si>
  <si>
    <t>2894204.0</t>
  </si>
  <si>
    <t>1345978.0</t>
  </si>
  <si>
    <t>1305691.0</t>
  </si>
  <si>
    <t>528501.0</t>
  </si>
  <si>
    <t>2894393.0</t>
  </si>
  <si>
    <t>1346007.0</t>
  </si>
  <si>
    <t>1305721.0</t>
  </si>
  <si>
    <t>528636.0</t>
  </si>
  <si>
    <t>2894574.0</t>
  </si>
  <si>
    <t>1346041.0</t>
  </si>
  <si>
    <t>1305752.0</t>
  </si>
  <si>
    <t>528756.0</t>
  </si>
  <si>
    <t>2894745.0</t>
  </si>
  <si>
    <t>1346068.0</t>
  </si>
  <si>
    <t>1305796.0</t>
  </si>
  <si>
    <t>528868.0</t>
  </si>
  <si>
    <t>2894762.0</t>
  </si>
  <si>
    <t>1346072.0</t>
  </si>
  <si>
    <t>1305801.0</t>
  </si>
  <si>
    <t>528878.0</t>
  </si>
  <si>
    <t>2894763.0</t>
  </si>
  <si>
    <t>1305802.0</t>
  </si>
  <si>
    <t>4622.14979137105</t>
  </si>
  <si>
    <t>1346080.0</t>
  </si>
  <si>
    <t>1305819.0</t>
  </si>
  <si>
    <t>528972.0</t>
  </si>
  <si>
    <t>2895019.0</t>
  </si>
  <si>
    <t>1346094.0</t>
  </si>
  <si>
    <t>1305846.0</t>
  </si>
  <si>
    <t>529073.0</t>
  </si>
  <si>
    <t>2895195.0</t>
  </si>
  <si>
    <t>1346111.0</t>
  </si>
  <si>
    <t>1305875.0</t>
  </si>
  <si>
    <t>529208.0</t>
  </si>
  <si>
    <t>2895340.0</t>
  </si>
  <si>
    <t>1346130.0</t>
  </si>
  <si>
    <t>1305904.0</t>
  </si>
  <si>
    <t>529306.0</t>
  </si>
  <si>
    <t>2895592.0</t>
  </si>
  <si>
    <t>1346169.0</t>
  </si>
  <si>
    <t>1305949.0</t>
  </si>
  <si>
    <t>529478.0</t>
  </si>
  <si>
    <t>2895627.0</t>
  </si>
  <si>
    <t>1346172.0</t>
  </si>
  <si>
    <t>1305954.0</t>
  </si>
  <si>
    <t>529506.0</t>
  </si>
  <si>
    <t>2895639.0</t>
  </si>
  <si>
    <t>529510.0</t>
  </si>
  <si>
    <t>8535.7</t>
  </si>
  <si>
    <t>4612.26139516085</t>
  </si>
  <si>
    <t>2895716.0</t>
  </si>
  <si>
    <t>1346184.0</t>
  </si>
  <si>
    <t>1305976.0</t>
  </si>
  <si>
    <t>529562.0</t>
  </si>
  <si>
    <t>4603.23755818213</t>
  </si>
  <si>
    <t>8500.1</t>
  </si>
  <si>
    <t>4593.02495226012</t>
  </si>
  <si>
    <t>4610.26210193802</t>
  </si>
  <si>
    <t>8580.7</t>
  </si>
  <si>
    <t>4636.5771235466</t>
  </si>
  <si>
    <t>8616.6</t>
  </si>
  <si>
    <t>4655.97567130323</t>
  </si>
  <si>
    <t>8698.5</t>
  </si>
  <si>
    <t>4700.23029696529</t>
  </si>
  <si>
    <t>8706.8</t>
  </si>
  <si>
    <t>4704.71519797866</t>
  </si>
  <si>
    <t>8719.9</t>
  </si>
  <si>
    <t>4711.79377668651</t>
  </si>
  <si>
    <t>8770.6</t>
  </si>
  <si>
    <t>4739.18949733446</t>
  </si>
  <si>
    <t>8803.3</t>
  </si>
  <si>
    <t>4756.8589266281</t>
  </si>
  <si>
    <t>4779.93185111858</t>
  </si>
  <si>
    <t>8909.9</t>
  </si>
  <si>
    <t>4814.46018542634</t>
  </si>
  <si>
    <t>8967.4</t>
  </si>
  <si>
    <t>4845.53028280813</t>
  </si>
  <si>
    <t>9037.7</t>
  </si>
  <si>
    <t>4883.51685404187</t>
  </si>
  <si>
    <t>105.64</t>
  </si>
  <si>
    <t>9058.2</t>
  </si>
  <si>
    <t>4894.59401919538</t>
  </si>
  <si>
    <t>122.542</t>
  </si>
  <si>
    <t>9103.1</t>
  </si>
  <si>
    <t>4918.85571262916</t>
  </si>
  <si>
    <t>9102.6</t>
  </si>
  <si>
    <t>4918.58553786932</t>
  </si>
  <si>
    <t>9107.5</t>
  </si>
  <si>
    <t>4921.23325051576</t>
  </si>
  <si>
    <t>9172.2</t>
  </si>
  <si>
    <t>4956.19386443927</t>
  </si>
  <si>
    <t>9231.9</t>
  </si>
  <si>
    <t>4988.45273076437</t>
  </si>
  <si>
    <t>LBN</t>
  </si>
  <si>
    <t>Lebanon</t>
  </si>
  <si>
    <t>519.2</t>
  </si>
  <si>
    <t>94.5763591161992</t>
  </si>
  <si>
    <t>288.7</t>
  </si>
  <si>
    <t>-9.4</t>
  </si>
  <si>
    <t>52.588973183449</t>
  </si>
  <si>
    <t>-11.9</t>
  </si>
  <si>
    <t>7.43204054688161</t>
  </si>
  <si>
    <t>17.833254155385</t>
  </si>
  <si>
    <t>-6.19999999999996</t>
  </si>
  <si>
    <t>-1.12937871055553</t>
  </si>
  <si>
    <t>3.95282548694439</t>
  </si>
  <si>
    <t>50.4212946906085</t>
  </si>
  <si>
    <t>743.1</t>
  </si>
  <si>
    <t>135.361503195777</t>
  </si>
  <si>
    <t>1358.4</t>
  </si>
  <si>
    <t>247.443232325588</t>
  </si>
  <si>
    <t>2207.5</t>
  </si>
  <si>
    <t>402.113468314734</t>
  </si>
  <si>
    <t>3286.8</t>
  </si>
  <si>
    <t>598.716442879668</t>
  </si>
  <si>
    <t>950.681853288605</t>
  </si>
  <si>
    <t>21575.0</t>
  </si>
  <si>
    <t>29820.0</t>
  </si>
  <si>
    <t>1297.87472785616</t>
  </si>
  <si>
    <t>57474.0</t>
  </si>
  <si>
    <t>60740.0</t>
  </si>
  <si>
    <t>87216.0</t>
  </si>
  <si>
    <t>95888.0</t>
  </si>
  <si>
    <t>104725.0</t>
  </si>
  <si>
    <t>81802.0</t>
  </si>
  <si>
    <t>22923.0</t>
  </si>
  <si>
    <t>115164.0</t>
  </si>
  <si>
    <t>86098.0</t>
  </si>
  <si>
    <t>120890.0</t>
  </si>
  <si>
    <t>88219.0</t>
  </si>
  <si>
    <t>129487.0</t>
  </si>
  <si>
    <t>90974.0</t>
  </si>
  <si>
    <t>92573.0</t>
  </si>
  <si>
    <t>42704.0</t>
  </si>
  <si>
    <t>135349.0</t>
  </si>
  <si>
    <t>92597.0</t>
  </si>
  <si>
    <t>138420.0</t>
  </si>
  <si>
    <t>93801.0</t>
  </si>
  <si>
    <t>44619.0</t>
  </si>
  <si>
    <t>148119.0</t>
  </si>
  <si>
    <t>98022.0</t>
  </si>
  <si>
    <t>158018.0</t>
  </si>
  <si>
    <t>102363.0</t>
  </si>
  <si>
    <t>166015.0</t>
  </si>
  <si>
    <t>105534.0</t>
  </si>
  <si>
    <t>174031.0</t>
  </si>
  <si>
    <t>108630.0</t>
  </si>
  <si>
    <t>65401.0</t>
  </si>
  <si>
    <t>180074.0</t>
  </si>
  <si>
    <t>111019.0</t>
  </si>
  <si>
    <t>69055.0</t>
  </si>
  <si>
    <t>181127.0</t>
  </si>
  <si>
    <t>111517.0</t>
  </si>
  <si>
    <t>69610.0</t>
  </si>
  <si>
    <t>114730.0</t>
  </si>
  <si>
    <t>193903.0</t>
  </si>
  <si>
    <t>118998.0</t>
  </si>
  <si>
    <t>74905.0</t>
  </si>
  <si>
    <t>207647.0</t>
  </si>
  <si>
    <t>127913.0</t>
  </si>
  <si>
    <t>79734.0</t>
  </si>
  <si>
    <t>216286.0</t>
  </si>
  <si>
    <t>133294.0</t>
  </si>
  <si>
    <t>82992.0</t>
  </si>
  <si>
    <t>1684.59585729316</t>
  </si>
  <si>
    <t>222332.0</t>
  </si>
  <si>
    <t>136761.0</t>
  </si>
  <si>
    <t>85571.0</t>
  </si>
  <si>
    <t>225708.0</t>
  </si>
  <si>
    <t>138558.0</t>
  </si>
  <si>
    <t>87150.0</t>
  </si>
  <si>
    <t>225842.0</t>
  </si>
  <si>
    <t>228050.0</t>
  </si>
  <si>
    <t>139855.0</t>
  </si>
  <si>
    <t>235303.0</t>
  </si>
  <si>
    <t>144264.0</t>
  </si>
  <si>
    <t>91039.0</t>
  </si>
  <si>
    <t>244772.0</t>
  </si>
  <si>
    <t>150660.0</t>
  </si>
  <si>
    <t>94112.0</t>
  </si>
  <si>
    <t>259153.0</t>
  </si>
  <si>
    <t>161164.0</t>
  </si>
  <si>
    <t>97989.0</t>
  </si>
  <si>
    <t>268578.0</t>
  </si>
  <si>
    <t>100621.0</t>
  </si>
  <si>
    <t>272379.0</t>
  </si>
  <si>
    <t>170506.0</t>
  </si>
  <si>
    <t>101873.0</t>
  </si>
  <si>
    <t>273587.0</t>
  </si>
  <si>
    <t>170571.0</t>
  </si>
  <si>
    <t>285966.0</t>
  </si>
  <si>
    <t>178155.0</t>
  </si>
  <si>
    <t>107811.0</t>
  </si>
  <si>
    <t>296165.0</t>
  </si>
  <si>
    <t>184109.0</t>
  </si>
  <si>
    <t>112056.0</t>
  </si>
  <si>
    <t>296168.0</t>
  </si>
  <si>
    <t>184111.0</t>
  </si>
  <si>
    <t>112057.0</t>
  </si>
  <si>
    <t>320623.0</t>
  </si>
  <si>
    <t>198763.0</t>
  </si>
  <si>
    <t>121860.0</t>
  </si>
  <si>
    <t>199999.0</t>
  </si>
  <si>
    <t>122648.0</t>
  </si>
  <si>
    <t>322768.0</t>
  </si>
  <si>
    <t>200111.0</t>
  </si>
  <si>
    <t>122657.0</t>
  </si>
  <si>
    <t>329452.0</t>
  </si>
  <si>
    <t>204564.0</t>
  </si>
  <si>
    <t>124888.0</t>
  </si>
  <si>
    <t>343286.0</t>
  </si>
  <si>
    <t>213168.0</t>
  </si>
  <si>
    <t>130118.0</t>
  </si>
  <si>
    <t>351792.0</t>
  </si>
  <si>
    <t>217778.0</t>
  </si>
  <si>
    <t>134014.0</t>
  </si>
  <si>
    <t>408532.0</t>
  </si>
  <si>
    <t>267582.0</t>
  </si>
  <si>
    <t>140950.0</t>
  </si>
  <si>
    <t>415562.0</t>
  </si>
  <si>
    <t>271335.0</t>
  </si>
  <si>
    <t>144227.0</t>
  </si>
  <si>
    <t>421905.0</t>
  </si>
  <si>
    <t>147642.0</t>
  </si>
  <si>
    <t>438268.0</t>
  </si>
  <si>
    <t>282456.0</t>
  </si>
  <si>
    <t>155812.0</t>
  </si>
  <si>
    <t>455275.0</t>
  </si>
  <si>
    <t>290216.0</t>
  </si>
  <si>
    <t>165059.0</t>
  </si>
  <si>
    <t>461160.0</t>
  </si>
  <si>
    <t>293030.0</t>
  </si>
  <si>
    <t>461726.0</t>
  </si>
  <si>
    <t>293260.0</t>
  </si>
  <si>
    <t>168466.0</t>
  </si>
  <si>
    <t>10749.6</t>
  </si>
  <si>
    <t>1958.12409467545</t>
  </si>
  <si>
    <t>461758.0</t>
  </si>
  <si>
    <t>293277.0</t>
  </si>
  <si>
    <t>168481.0</t>
  </si>
  <si>
    <t>465909.0</t>
  </si>
  <si>
    <t>294945.0</t>
  </si>
  <si>
    <t>170964.0</t>
  </si>
  <si>
    <t>473740.0</t>
  </si>
  <si>
    <t>298835.0</t>
  </si>
  <si>
    <t>174905.0</t>
  </si>
  <si>
    <t>487974.0</t>
  </si>
  <si>
    <t>317612.0</t>
  </si>
  <si>
    <t>183372.0</t>
  </si>
  <si>
    <t>509705.0</t>
  </si>
  <si>
    <t>325383.0</t>
  </si>
  <si>
    <t>4069394.0</t>
  </si>
  <si>
    <t>727.635</t>
  </si>
  <si>
    <t>4097623.0</t>
  </si>
  <si>
    <t>732.683</t>
  </si>
  <si>
    <t>4119202.0</t>
  </si>
  <si>
    <t>736.541</t>
  </si>
  <si>
    <t>4136091.0</t>
  </si>
  <si>
    <t>739.561</t>
  </si>
  <si>
    <t>4151385.0</t>
  </si>
  <si>
    <t>742.296</t>
  </si>
  <si>
    <t>4163257.0</t>
  </si>
  <si>
    <t>744.418</t>
  </si>
  <si>
    <t>581068.0</t>
  </si>
  <si>
    <t>377044.0</t>
  </si>
  <si>
    <t>204024.0</t>
  </si>
  <si>
    <t>581518.0</t>
  </si>
  <si>
    <t>377487.0</t>
  </si>
  <si>
    <t>4183866.0</t>
  </si>
  <si>
    <t>748.103</t>
  </si>
  <si>
    <t>586734.0</t>
  </si>
  <si>
    <t>382219.0</t>
  </si>
  <si>
    <t>204515.0</t>
  </si>
  <si>
    <t>4206316.0</t>
  </si>
  <si>
    <t>752.118</t>
  </si>
  <si>
    <t>606994.0</t>
  </si>
  <si>
    <t>399742.0</t>
  </si>
  <si>
    <t>207252.0</t>
  </si>
  <si>
    <t>4224382.0</t>
  </si>
  <si>
    <t>18066.0</t>
  </si>
  <si>
    <t>755.348</t>
  </si>
  <si>
    <t>618414.0</t>
  </si>
  <si>
    <t>410328.0</t>
  </si>
  <si>
    <t>208086.0</t>
  </si>
  <si>
    <t>4241656.0</t>
  </si>
  <si>
    <t>758.437</t>
  </si>
  <si>
    <t>631679.0</t>
  </si>
  <si>
    <t>421523.0</t>
  </si>
  <si>
    <t>210156.0</t>
  </si>
  <si>
    <t>651850.0</t>
  </si>
  <si>
    <t>4275276.0</t>
  </si>
  <si>
    <t>764.448</t>
  </si>
  <si>
    <t>661049.0</t>
  </si>
  <si>
    <t>443737.0</t>
  </si>
  <si>
    <t>217312.0</t>
  </si>
  <si>
    <t>4291414.0</t>
  </si>
  <si>
    <t>767.334</t>
  </si>
  <si>
    <t>661609.0</t>
  </si>
  <si>
    <t>444282.0</t>
  </si>
  <si>
    <t>217327.0</t>
  </si>
  <si>
    <t>664814.0</t>
  </si>
  <si>
    <t>446633.0</t>
  </si>
  <si>
    <t>218181.0</t>
  </si>
  <si>
    <t>4312975.0</t>
  </si>
  <si>
    <t>771.189</t>
  </si>
  <si>
    <t>678178.0</t>
  </si>
  <si>
    <t>455766.0</t>
  </si>
  <si>
    <t>222412.0</t>
  </si>
  <si>
    <t>4329075.0</t>
  </si>
  <si>
    <t>774.068</t>
  </si>
  <si>
    <t>14956.0</t>
  </si>
  <si>
    <t>682096.0</t>
  </si>
  <si>
    <t>458915.0</t>
  </si>
  <si>
    <t>223181.0</t>
  </si>
  <si>
    <t>4342606.0</t>
  </si>
  <si>
    <t>776.487</t>
  </si>
  <si>
    <t>715286.0</t>
  </si>
  <si>
    <t>479863.0</t>
  </si>
  <si>
    <t>235423.0</t>
  </si>
  <si>
    <t>4356507.0</t>
  </si>
  <si>
    <t>778.973</t>
  </si>
  <si>
    <t>725333.0</t>
  </si>
  <si>
    <t>486638.0</t>
  </si>
  <si>
    <t>4373990.0</t>
  </si>
  <si>
    <t>782.099</t>
  </si>
  <si>
    <t>737328.0</t>
  </si>
  <si>
    <t>496596.0</t>
  </si>
  <si>
    <t>240732.0</t>
  </si>
  <si>
    <t>742365.0</t>
  </si>
  <si>
    <t>501061.0</t>
  </si>
  <si>
    <t>241304.0</t>
  </si>
  <si>
    <t>4392200.0</t>
  </si>
  <si>
    <t>785.355</t>
  </si>
  <si>
    <t>12858.0</t>
  </si>
  <si>
    <t>752172.0</t>
  </si>
  <si>
    <t>507853.0</t>
  </si>
  <si>
    <t>244319.0</t>
  </si>
  <si>
    <t>774435.0</t>
  </si>
  <si>
    <t>521645.0</t>
  </si>
  <si>
    <t>252790.0</t>
  </si>
  <si>
    <t>22263.0</t>
  </si>
  <si>
    <t>11110.2</t>
  </si>
  <si>
    <t>2023.81021774422</t>
  </si>
  <si>
    <t>4429826.0</t>
  </si>
  <si>
    <t>792.083</t>
  </si>
  <si>
    <t>800140.0</t>
  </si>
  <si>
    <t>535694.0</t>
  </si>
  <si>
    <t>264446.0</t>
  </si>
  <si>
    <t>25705.0</t>
  </si>
  <si>
    <t>819518.0</t>
  </si>
  <si>
    <t>546388.0</t>
  </si>
  <si>
    <t>273130.0</t>
  </si>
  <si>
    <t>19378.0</t>
  </si>
  <si>
    <t>14795.0</t>
  </si>
  <si>
    <t>848020.0</t>
  </si>
  <si>
    <t>563270.0</t>
  </si>
  <si>
    <t>849471.0</t>
  </si>
  <si>
    <t>564476.0</t>
  </si>
  <si>
    <t>284995.0</t>
  </si>
  <si>
    <t>9697.0</t>
  </si>
  <si>
    <t>4490314.0</t>
  </si>
  <si>
    <t>802.898</t>
  </si>
  <si>
    <t>852090.0</t>
  </si>
  <si>
    <t>566738.0</t>
  </si>
  <si>
    <t>285352.0</t>
  </si>
  <si>
    <t>863134.0</t>
  </si>
  <si>
    <t>574301.0</t>
  </si>
  <si>
    <t>288833.0</t>
  </si>
  <si>
    <t>4513473.0</t>
  </si>
  <si>
    <t>807.039</t>
  </si>
  <si>
    <t>886996.0</t>
  </si>
  <si>
    <t>589810.0</t>
  </si>
  <si>
    <t>297186.0</t>
  </si>
  <si>
    <t>23862.0</t>
  </si>
  <si>
    <t>4529700.0</t>
  </si>
  <si>
    <t>809.941</t>
  </si>
  <si>
    <t>907418.0</t>
  </si>
  <si>
    <t>602419.0</t>
  </si>
  <si>
    <t>304999.0</t>
  </si>
  <si>
    <t>4543738.0</t>
  </si>
  <si>
    <t>812.451</t>
  </si>
  <si>
    <t>14113.0</t>
  </si>
  <si>
    <t>928148.0</t>
  </si>
  <si>
    <t>617035.0</t>
  </si>
  <si>
    <t>311113.0</t>
  </si>
  <si>
    <t>948962.0</t>
  </si>
  <si>
    <t>633877.0</t>
  </si>
  <si>
    <t>315085.0</t>
  </si>
  <si>
    <t>14420.0</t>
  </si>
  <si>
    <t>4574388.0</t>
  </si>
  <si>
    <t>817.931</t>
  </si>
  <si>
    <t>963223.0</t>
  </si>
  <si>
    <t>646546.0</t>
  </si>
  <si>
    <t>316677.0</t>
  </si>
  <si>
    <t>985318.0</t>
  </si>
  <si>
    <t>668318.0</t>
  </si>
  <si>
    <t>19033.0</t>
  </si>
  <si>
    <t>1010867.0</t>
  </si>
  <si>
    <t>689509.0</t>
  </si>
  <si>
    <t>321358.0</t>
  </si>
  <si>
    <t>25549.0</t>
  </si>
  <si>
    <t>4599186.0</t>
  </si>
  <si>
    <t>822.365</t>
  </si>
  <si>
    <t>1031639.0</t>
  </si>
  <si>
    <t>701602.0</t>
  </si>
  <si>
    <t>330037.0</t>
  </si>
  <si>
    <t>1058472.0</t>
  </si>
  <si>
    <t>716565.0</t>
  </si>
  <si>
    <t>341907.0</t>
  </si>
  <si>
    <t>1061450.0</t>
  </si>
  <si>
    <t>718199.0</t>
  </si>
  <si>
    <t>343251.0</t>
  </si>
  <si>
    <t>1111588.0</t>
  </si>
  <si>
    <t>747426.0</t>
  </si>
  <si>
    <t>364162.0</t>
  </si>
  <si>
    <t>50138.0</t>
  </si>
  <si>
    <t>1126981.0</t>
  </si>
  <si>
    <t>758974.0</t>
  </si>
  <si>
    <t>368007.0</t>
  </si>
  <si>
    <t>23394.0</t>
  </si>
  <si>
    <t>16061.0</t>
  </si>
  <si>
    <t>1128719.0</t>
  </si>
  <si>
    <t>760592.0</t>
  </si>
  <si>
    <t>368127.0</t>
  </si>
  <si>
    <t>1130669.0</t>
  </si>
  <si>
    <t>761818.0</t>
  </si>
  <si>
    <t>368851.0</t>
  </si>
  <si>
    <t>17115.0</t>
  </si>
  <si>
    <t>4731376.0</t>
  </si>
  <si>
    <t>846.002</t>
  </si>
  <si>
    <t>1175505.0</t>
  </si>
  <si>
    <t>794834.0</t>
  </si>
  <si>
    <t>380671.0</t>
  </si>
  <si>
    <t>10948.0</t>
  </si>
  <si>
    <t>1195748.0</t>
  </si>
  <si>
    <t>809864.0</t>
  </si>
  <si>
    <t>385884.0</t>
  </si>
  <si>
    <t>1243726.0</t>
  </si>
  <si>
    <t>846312.0</t>
  </si>
  <si>
    <t>397414.0</t>
  </si>
  <si>
    <t>47978.0</t>
  </si>
  <si>
    <t>1247265.0</t>
  </si>
  <si>
    <t>849525.0</t>
  </si>
  <si>
    <t>397740.0</t>
  </si>
  <si>
    <t>1253918.0</t>
  </si>
  <si>
    <t>852887.0</t>
  </si>
  <si>
    <t>401031.0</t>
  </si>
  <si>
    <t>1285387.0</t>
  </si>
  <si>
    <t>870901.0</t>
  </si>
  <si>
    <t>414486.0</t>
  </si>
  <si>
    <t>1312854.0</t>
  </si>
  <si>
    <t>886953.0</t>
  </si>
  <si>
    <t>425901.0</t>
  </si>
  <si>
    <t>1349156.0</t>
  </si>
  <si>
    <t>909523.0</t>
  </si>
  <si>
    <t>439633.0</t>
  </si>
  <si>
    <t>11216.6</t>
  </si>
  <si>
    <t>2043.1918136802</t>
  </si>
  <si>
    <t>1359215.0</t>
  </si>
  <si>
    <t>914967.0</t>
  </si>
  <si>
    <t>444248.0</t>
  </si>
  <si>
    <t>1376600.0</t>
  </si>
  <si>
    <t>925393.0</t>
  </si>
  <si>
    <t>451207.0</t>
  </si>
  <si>
    <t>1378232.0</t>
  </si>
  <si>
    <t>926962.0</t>
  </si>
  <si>
    <t>451270.0</t>
  </si>
  <si>
    <t>18710.0</t>
  </si>
  <si>
    <t>1379853.0</t>
  </si>
  <si>
    <t>928112.0</t>
  </si>
  <si>
    <t>451741.0</t>
  </si>
  <si>
    <t>1391249.0</t>
  </si>
  <si>
    <t>936652.0</t>
  </si>
  <si>
    <t>454597.0</t>
  </si>
  <si>
    <t>1410729.0</t>
  </si>
  <si>
    <t>947181.0</t>
  </si>
  <si>
    <t>463548.0</t>
  </si>
  <si>
    <t>1479710.0</t>
  </si>
  <si>
    <t>976771.0</t>
  </si>
  <si>
    <t>502939.0</t>
  </si>
  <si>
    <t>68981.0</t>
  </si>
  <si>
    <t>1518261.0</t>
  </si>
  <si>
    <t>993893.0</t>
  </si>
  <si>
    <t>524368.0</t>
  </si>
  <si>
    <t>22721.0</t>
  </si>
  <si>
    <t>1534259.0</t>
  </si>
  <si>
    <t>1003157.0</t>
  </si>
  <si>
    <t>22523.0</t>
  </si>
  <si>
    <t>1536617.0</t>
  </si>
  <si>
    <t>1004731.0</t>
  </si>
  <si>
    <t>531886.0</t>
  </si>
  <si>
    <t>1541843.0</t>
  </si>
  <si>
    <t>1007250.0</t>
  </si>
  <si>
    <t>534593.0</t>
  </si>
  <si>
    <t>1565593.0</t>
  </si>
  <si>
    <t>1017413.0</t>
  </si>
  <si>
    <t>548180.0</t>
  </si>
  <si>
    <t>23750.0</t>
  </si>
  <si>
    <t>1634510.0</t>
  </si>
  <si>
    <t>1035976.0</t>
  </si>
  <si>
    <t>598534.0</t>
  </si>
  <si>
    <t>68917.0</t>
  </si>
  <si>
    <t>31969.0</t>
  </si>
  <si>
    <t>1666942.0</t>
  </si>
  <si>
    <t>1043698.0</t>
  </si>
  <si>
    <t>623244.0</t>
  </si>
  <si>
    <t>1696233.0</t>
  </si>
  <si>
    <t>1049566.0</t>
  </si>
  <si>
    <t>646667.0</t>
  </si>
  <si>
    <t>1698262.0</t>
  </si>
  <si>
    <t>1049953.0</t>
  </si>
  <si>
    <t>648309.0</t>
  </si>
  <si>
    <t>1700044.0</t>
  </si>
  <si>
    <t>1050264.0</t>
  </si>
  <si>
    <t>649780.0</t>
  </si>
  <si>
    <t>1700905.0</t>
  </si>
  <si>
    <t>1050411.0</t>
  </si>
  <si>
    <t>650494.0</t>
  </si>
  <si>
    <t>1726157.0</t>
  </si>
  <si>
    <t>1059349.0</t>
  </si>
  <si>
    <t>666808.0</t>
  </si>
  <si>
    <t>1728455.0</t>
  </si>
  <si>
    <t>1059942.0</t>
  </si>
  <si>
    <t>1062845.0</t>
  </si>
  <si>
    <t>684674.0</t>
  </si>
  <si>
    <t>1781582.0</t>
  </si>
  <si>
    <t>1070745.0</t>
  </si>
  <si>
    <t>710837.0</t>
  </si>
  <si>
    <t>1782367.0</t>
  </si>
  <si>
    <t>1071033.0</t>
  </si>
  <si>
    <t>711334.0</t>
  </si>
  <si>
    <t>1786506.0</t>
  </si>
  <si>
    <t>1072498.0</t>
  </si>
  <si>
    <t>714008.0</t>
  </si>
  <si>
    <t>1807133.0</t>
  </si>
  <si>
    <t>1077758.0</t>
  </si>
  <si>
    <t>729375.0</t>
  </si>
  <si>
    <t>20627.0</t>
  </si>
  <si>
    <t>1838151.0</t>
  </si>
  <si>
    <t>1084513.0</t>
  </si>
  <si>
    <t>753638.0</t>
  </si>
  <si>
    <t>15999.0</t>
  </si>
  <si>
    <t>1873116.0</t>
  </si>
  <si>
    <t>1092004.0</t>
  </si>
  <si>
    <t>781112.0</t>
  </si>
  <si>
    <t>1900910.0</t>
  </si>
  <si>
    <t>1098232.0</t>
  </si>
  <si>
    <t>802678.0</t>
  </si>
  <si>
    <t>1927411.0</t>
  </si>
  <si>
    <t>1105750.0</t>
  </si>
  <si>
    <t>821661.0</t>
  </si>
  <si>
    <t>20833.0</t>
  </si>
  <si>
    <t>1944927.0</t>
  </si>
  <si>
    <t>1112396.0</t>
  </si>
  <si>
    <t>832531.0</t>
  </si>
  <si>
    <t>1946891.0</t>
  </si>
  <si>
    <t>1113441.0</t>
  </si>
  <si>
    <t>833450.0</t>
  </si>
  <si>
    <t>2095.72613950669</t>
  </si>
  <si>
    <t>1949258.0</t>
  </si>
  <si>
    <t>1114578.0</t>
  </si>
  <si>
    <t>834680.0</t>
  </si>
  <si>
    <t>1982156.0</t>
  </si>
  <si>
    <t>1127622.0</t>
  </si>
  <si>
    <t>854534.0</t>
  </si>
  <si>
    <t>32898.0</t>
  </si>
  <si>
    <t>2016950.0</t>
  </si>
  <si>
    <t>1140969.0</t>
  </si>
  <si>
    <t>875981.0</t>
  </si>
  <si>
    <t>34794.0</t>
  </si>
  <si>
    <t>2026590.0</t>
  </si>
  <si>
    <t>1144668.0</t>
  </si>
  <si>
    <t>881922.0</t>
  </si>
  <si>
    <t>1154170.0</t>
  </si>
  <si>
    <t>898619.0</t>
  </si>
  <si>
    <t>26199.0</t>
  </si>
  <si>
    <t>2077350.0</t>
  </si>
  <si>
    <t>1163468.0</t>
  </si>
  <si>
    <t>913882.0</t>
  </si>
  <si>
    <t>18918.0</t>
  </si>
  <si>
    <t>2082489.0</t>
  </si>
  <si>
    <t>1166408.0</t>
  </si>
  <si>
    <t>916081.0</t>
  </si>
  <si>
    <t>2085102.0</t>
  </si>
  <si>
    <t>1167764.0</t>
  </si>
  <si>
    <t>917338.0</t>
  </si>
  <si>
    <t>19406.0</t>
  </si>
  <si>
    <t>2102529.0</t>
  </si>
  <si>
    <t>1177369.0</t>
  </si>
  <si>
    <t>925160.0</t>
  </si>
  <si>
    <t>17427.0</t>
  </si>
  <si>
    <t>2140422.0</t>
  </si>
  <si>
    <t>1195843.0</t>
  </si>
  <si>
    <t>944579.0</t>
  </si>
  <si>
    <t>2165637.0</t>
  </si>
  <si>
    <t>1207245.0</t>
  </si>
  <si>
    <t>958392.0</t>
  </si>
  <si>
    <t>2177491.0</t>
  </si>
  <si>
    <t>1212455.0</t>
  </si>
  <si>
    <t>965036.0</t>
  </si>
  <si>
    <t>11854.0</t>
  </si>
  <si>
    <t>2190858.0</t>
  </si>
  <si>
    <t>1219190.0</t>
  </si>
  <si>
    <t>971668.0</t>
  </si>
  <si>
    <t>2192119.0</t>
  </si>
  <si>
    <t>1220046.0</t>
  </si>
  <si>
    <t>972073.0</t>
  </si>
  <si>
    <t>2203682.0</t>
  </si>
  <si>
    <t>1225483.0</t>
  </si>
  <si>
    <t>978199.0</t>
  </si>
  <si>
    <t>2221656.0</t>
  </si>
  <si>
    <t>1234040.0</t>
  </si>
  <si>
    <t>987616.0</t>
  </si>
  <si>
    <t>2243764.0</t>
  </si>
  <si>
    <t>1246189.0</t>
  </si>
  <si>
    <t>997575.0</t>
  </si>
  <si>
    <t>2257960.0</t>
  </si>
  <si>
    <t>1254059.0</t>
  </si>
  <si>
    <t>1003901.0</t>
  </si>
  <si>
    <t>2275129.0</t>
  </si>
  <si>
    <t>1262162.0</t>
  </si>
  <si>
    <t>1012967.0</t>
  </si>
  <si>
    <t>2286622.0</t>
  </si>
  <si>
    <t>1267899.0</t>
  </si>
  <si>
    <t>1018723.0</t>
  </si>
  <si>
    <t>2319224.0</t>
  </si>
  <si>
    <t>1285408.0</t>
  </si>
  <si>
    <t>1033816.0</t>
  </si>
  <si>
    <t>2347754.0</t>
  </si>
  <si>
    <t>1302092.0</t>
  </si>
  <si>
    <t>1045662.0</t>
  </si>
  <si>
    <t>2361702.0</t>
  </si>
  <si>
    <t>1311269.0</t>
  </si>
  <si>
    <t>1050433.0</t>
  </si>
  <si>
    <t>2385796.0</t>
  </si>
  <si>
    <t>1325693.0</t>
  </si>
  <si>
    <t>1060103.0</t>
  </si>
  <si>
    <t>2399837.0</t>
  </si>
  <si>
    <t>1334413.0</t>
  </si>
  <si>
    <t>1065424.0</t>
  </si>
  <si>
    <t>2401065.0</t>
  </si>
  <si>
    <t>1335375.0</t>
  </si>
  <si>
    <t>1065690.0</t>
  </si>
  <si>
    <t>2422511.0</t>
  </si>
  <si>
    <t>1346202.0</t>
  </si>
  <si>
    <t>1076309.0</t>
  </si>
  <si>
    <t>2435581.0</t>
  </si>
  <si>
    <t>1353031.0</t>
  </si>
  <si>
    <t>2457930.0</t>
  </si>
  <si>
    <t>1367317.0</t>
  </si>
  <si>
    <t>1090613.0</t>
  </si>
  <si>
    <t>12255.6</t>
  </si>
  <si>
    <t>2232.45382662652</t>
  </si>
  <si>
    <t>2476019.0</t>
  </si>
  <si>
    <t>1376615.0</t>
  </si>
  <si>
    <t>1099404.0</t>
  </si>
  <si>
    <t>2494566.0</t>
  </si>
  <si>
    <t>1386363.0</t>
  </si>
  <si>
    <t>1108203.0</t>
  </si>
  <si>
    <t>2497206.0</t>
  </si>
  <si>
    <t>1388124.0</t>
  </si>
  <si>
    <t>1109082.0</t>
  </si>
  <si>
    <t>2499578.0</t>
  </si>
  <si>
    <t>1389689.0</t>
  </si>
  <si>
    <t>1109889.0</t>
  </si>
  <si>
    <t>2505347.0</t>
  </si>
  <si>
    <t>1393246.0</t>
  </si>
  <si>
    <t>1112101.0</t>
  </si>
  <si>
    <t>2535444.0</t>
  </si>
  <si>
    <t>1407930.0</t>
  </si>
  <si>
    <t>1127514.0</t>
  </si>
  <si>
    <t>2544815.0</t>
  </si>
  <si>
    <t>1412410.0</t>
  </si>
  <si>
    <t>1132405.0</t>
  </si>
  <si>
    <t>2571182.0</t>
  </si>
  <si>
    <t>1426561.0</t>
  </si>
  <si>
    <t>1144621.0</t>
  </si>
  <si>
    <t>26367.0</t>
  </si>
  <si>
    <t>2584540.0</t>
  </si>
  <si>
    <t>1433885.0</t>
  </si>
  <si>
    <t>1150655.0</t>
  </si>
  <si>
    <t>2598655.0</t>
  </si>
  <si>
    <t>1441739.0</t>
  </si>
  <si>
    <t>1156916.0</t>
  </si>
  <si>
    <t>2600550.0</t>
  </si>
  <si>
    <t>1443056.0</t>
  </si>
  <si>
    <t>1157494.0</t>
  </si>
  <si>
    <t>2622677.0</t>
  </si>
  <si>
    <t>1455792.0</t>
  </si>
  <si>
    <t>1166885.0</t>
  </si>
  <si>
    <t>2628922.0</t>
  </si>
  <si>
    <t>1458845.0</t>
  </si>
  <si>
    <t>1170077.0</t>
  </si>
  <si>
    <t>2637227.0</t>
  </si>
  <si>
    <t>1463082.0</t>
  </si>
  <si>
    <t>1174145.0</t>
  </si>
  <si>
    <t>2683827.0</t>
  </si>
  <si>
    <t>1488940.0</t>
  </si>
  <si>
    <t>1194887.0</t>
  </si>
  <si>
    <t>46600.0</t>
  </si>
  <si>
    <t>2690346.0</t>
  </si>
  <si>
    <t>1492383.0</t>
  </si>
  <si>
    <t>15115.0</t>
  </si>
  <si>
    <t>2704423.0</t>
  </si>
  <si>
    <t>1499846.0</t>
  </si>
  <si>
    <t>1204577.0</t>
  </si>
  <si>
    <t>2705953.0</t>
  </si>
  <si>
    <t>1500527.0</t>
  </si>
  <si>
    <t>1205426.0</t>
  </si>
  <si>
    <t>2717164.0</t>
  </si>
  <si>
    <t>1506291.0</t>
  </si>
  <si>
    <t>1210873.0</t>
  </si>
  <si>
    <t>2739627.0</t>
  </si>
  <si>
    <t>1516847.0</t>
  </si>
  <si>
    <t>1222780.0</t>
  </si>
  <si>
    <t>2769635.0</t>
  </si>
  <si>
    <t>1530587.0</t>
  </si>
  <si>
    <t>1239048.0</t>
  </si>
  <si>
    <t>2779029.0</t>
  </si>
  <si>
    <t>1535076.0</t>
  </si>
  <si>
    <t>1243953.0</t>
  </si>
  <si>
    <t>2806591.0</t>
  </si>
  <si>
    <t>1548877.0</t>
  </si>
  <si>
    <t>1257714.0</t>
  </si>
  <si>
    <t>2809035.0</t>
  </si>
  <si>
    <t>1550115.0</t>
  </si>
  <si>
    <t>1258920.0</t>
  </si>
  <si>
    <t>2810023.0</t>
  </si>
  <si>
    <t>1550755.0</t>
  </si>
  <si>
    <t>1259268.0</t>
  </si>
  <si>
    <t>2816322.0</t>
  </si>
  <si>
    <t>1553625.0</t>
  </si>
  <si>
    <t>1262697.0</t>
  </si>
  <si>
    <t>2833803.0</t>
  </si>
  <si>
    <t>1564226.0</t>
  </si>
  <si>
    <t>1269577.0</t>
  </si>
  <si>
    <t>2872484.0</t>
  </si>
  <si>
    <t>1586647.0</t>
  </si>
  <si>
    <t>1285837.0</t>
  </si>
  <si>
    <t>38681.0</t>
  </si>
  <si>
    <t>2893789.0</t>
  </si>
  <si>
    <t>1598253.0</t>
  </si>
  <si>
    <t>1295536.0</t>
  </si>
  <si>
    <t>21305.0</t>
  </si>
  <si>
    <t>16394.0</t>
  </si>
  <si>
    <t>2914325.0</t>
  </si>
  <si>
    <t>1609654.0</t>
  </si>
  <si>
    <t>1304671.0</t>
  </si>
  <si>
    <t>13026.4</t>
  </si>
  <si>
    <t>2372.86110244849</t>
  </si>
  <si>
    <t>2924037.0</t>
  </si>
  <si>
    <t>1615320.0</t>
  </si>
  <si>
    <t>1308717.0</t>
  </si>
  <si>
    <t>2925182.0</t>
  </si>
  <si>
    <t>1616092.0</t>
  </si>
  <si>
    <t>1309090.0</t>
  </si>
  <si>
    <t>2934734.0</t>
  </si>
  <si>
    <t>1620958.0</t>
  </si>
  <si>
    <t>1313776.0</t>
  </si>
  <si>
    <t>2953914.0</t>
  </si>
  <si>
    <t>1630985.0</t>
  </si>
  <si>
    <t>1322929.0</t>
  </si>
  <si>
    <t>2964270.0</t>
  </si>
  <si>
    <t>1636549.0</t>
  </si>
  <si>
    <t>1327721.0</t>
  </si>
  <si>
    <t>2969106.0</t>
  </si>
  <si>
    <t>1638475.0</t>
  </si>
  <si>
    <t>1330631.0</t>
  </si>
  <si>
    <t>3005025.0</t>
  </si>
  <si>
    <t>1654653.0</t>
  </si>
  <si>
    <t>1350372.0</t>
  </si>
  <si>
    <t>3019021.0</t>
  </si>
  <si>
    <t>1660463.0</t>
  </si>
  <si>
    <t>1358558.0</t>
  </si>
  <si>
    <t>3020555.0</t>
  </si>
  <si>
    <t>1661293.0</t>
  </si>
  <si>
    <t>1359262.0</t>
  </si>
  <si>
    <t>3026121.0</t>
  </si>
  <si>
    <t>1663481.0</t>
  </si>
  <si>
    <t>1362640.0</t>
  </si>
  <si>
    <t>3028487.0</t>
  </si>
  <si>
    <t>1664450.0</t>
  </si>
  <si>
    <t>1364037.0</t>
  </si>
  <si>
    <t>3034963.0</t>
  </si>
  <si>
    <t>1666521.0</t>
  </si>
  <si>
    <t>1368442.0</t>
  </si>
  <si>
    <t>3081683.0</t>
  </si>
  <si>
    <t>1685481.0</t>
  </si>
  <si>
    <t>1396202.0</t>
  </si>
  <si>
    <t>3096416.0</t>
  </si>
  <si>
    <t>1691332.0</t>
  </si>
  <si>
    <t>1405084.0</t>
  </si>
  <si>
    <t>13056.0</t>
  </si>
  <si>
    <t>3107850.0</t>
  </si>
  <si>
    <t>1696183.0</t>
  </si>
  <si>
    <t>1411667.0</t>
  </si>
  <si>
    <t>3108316.0</t>
  </si>
  <si>
    <t>1696421.0</t>
  </si>
  <si>
    <t>1411895.0</t>
  </si>
  <si>
    <t>3108749.0</t>
  </si>
  <si>
    <t>1696621.0</t>
  </si>
  <si>
    <t>1412128.0</t>
  </si>
  <si>
    <t>3111519.0</t>
  </si>
  <si>
    <t>1413844.0</t>
  </si>
  <si>
    <t>1714159.0</t>
  </si>
  <si>
    <t>1439777.0</t>
  </si>
  <si>
    <t>42417.0</t>
  </si>
  <si>
    <t>3161543.0</t>
  </si>
  <si>
    <t>1717237.0</t>
  </si>
  <si>
    <t>1444306.0</t>
  </si>
  <si>
    <t>3178646.0</t>
  </si>
  <si>
    <t>1724039.0</t>
  </si>
  <si>
    <t>1454607.0</t>
  </si>
  <si>
    <t>3188804.0</t>
  </si>
  <si>
    <t>1727706.0</t>
  </si>
  <si>
    <t>1461098.0</t>
  </si>
  <si>
    <t>10158.0</t>
  </si>
  <si>
    <t>3189569.0</t>
  </si>
  <si>
    <t>1728122.0</t>
  </si>
  <si>
    <t>1461447.0</t>
  </si>
  <si>
    <t>3189658.0</t>
  </si>
  <si>
    <t>1728149.0</t>
  </si>
  <si>
    <t>1461509.0</t>
  </si>
  <si>
    <t>3246635.0</t>
  </si>
  <si>
    <t>1748963.0</t>
  </si>
  <si>
    <t>1497672.0</t>
  </si>
  <si>
    <t>3293076.0</t>
  </si>
  <si>
    <t>1765154.0</t>
  </si>
  <si>
    <t>1521801.0</t>
  </si>
  <si>
    <t>16347.0</t>
  </si>
  <si>
    <t>15618.0</t>
  </si>
  <si>
    <t>16230.0</t>
  </si>
  <si>
    <t>13250.2</t>
  </si>
  <si>
    <t>2413.62803074242</t>
  </si>
  <si>
    <t>3313283.0</t>
  </si>
  <si>
    <t>1778651.0</t>
  </si>
  <si>
    <t>1534632.0</t>
  </si>
  <si>
    <t>3329568.0</t>
  </si>
  <si>
    <t>1785791.0</t>
  </si>
  <si>
    <t>1543777.0</t>
  </si>
  <si>
    <t>3342977.0</t>
  </si>
  <si>
    <t>1791509.0</t>
  </si>
  <si>
    <t>1551468.0</t>
  </si>
  <si>
    <t>3352269.0</t>
  </si>
  <si>
    <t>1795891.0</t>
  </si>
  <si>
    <t>1556378.0</t>
  </si>
  <si>
    <t>3368642.0</t>
  </si>
  <si>
    <t>1803297.0</t>
  </si>
  <si>
    <t>1565345.0</t>
  </si>
  <si>
    <t>3369191.0</t>
  </si>
  <si>
    <t>1803665.0</t>
  </si>
  <si>
    <t>1565526.0</t>
  </si>
  <si>
    <t>3371123.0</t>
  </si>
  <si>
    <t>1804857.0</t>
  </si>
  <si>
    <t>1566266.0</t>
  </si>
  <si>
    <t>3388502.0</t>
  </si>
  <si>
    <t>1812412.0</t>
  </si>
  <si>
    <t>1576090.0</t>
  </si>
  <si>
    <t>3400678.0</t>
  </si>
  <si>
    <t>1817389.0</t>
  </si>
  <si>
    <t>1583289.0</t>
  </si>
  <si>
    <t>3410798.0</t>
  </si>
  <si>
    <t>1821703.0</t>
  </si>
  <si>
    <t>1589095.0</t>
  </si>
  <si>
    <t>10120.0</t>
  </si>
  <si>
    <t>3424473.0</t>
  </si>
  <si>
    <t>1827866.0</t>
  </si>
  <si>
    <t>1596607.0</t>
  </si>
  <si>
    <t>3437857.0</t>
  </si>
  <si>
    <t>1834075.0</t>
  </si>
  <si>
    <t>1603782.0</t>
  </si>
  <si>
    <t>3438827.0</t>
  </si>
  <si>
    <t>1834730.0</t>
  </si>
  <si>
    <t>1604097.0</t>
  </si>
  <si>
    <t>3443254.0</t>
  </si>
  <si>
    <t>1837206.0</t>
  </si>
  <si>
    <t>1606048.0</t>
  </si>
  <si>
    <t>3456005.0</t>
  </si>
  <si>
    <t>1843550.0</t>
  </si>
  <si>
    <t>1612455.0</t>
  </si>
  <si>
    <t>3467987.0</t>
  </si>
  <si>
    <t>1848928.0</t>
  </si>
  <si>
    <t>1619059.0</t>
  </si>
  <si>
    <t>3481469.0</t>
  </si>
  <si>
    <t>1855086.0</t>
  </si>
  <si>
    <t>1626383.0</t>
  </si>
  <si>
    <t>3490453.0</t>
  </si>
  <si>
    <t>1859011.0</t>
  </si>
  <si>
    <t>1631442.0</t>
  </si>
  <si>
    <t>3505040.0</t>
  </si>
  <si>
    <t>1865566.0</t>
  </si>
  <si>
    <t>1639474.0</t>
  </si>
  <si>
    <t>3506393.0</t>
  </si>
  <si>
    <t>1866557.0</t>
  </si>
  <si>
    <t>1639836.0</t>
  </si>
  <si>
    <t>3508035.0</t>
  </si>
  <si>
    <t>1867352.0</t>
  </si>
  <si>
    <t>1640683.0</t>
  </si>
  <si>
    <t>3517472.0</t>
  </si>
  <si>
    <t>1872552.0</t>
  </si>
  <si>
    <t>1644920.0</t>
  </si>
  <si>
    <t>3534516.0</t>
  </si>
  <si>
    <t>1880417.0</t>
  </si>
  <si>
    <t>1654099.0</t>
  </si>
  <si>
    <t>3539784.0</t>
  </si>
  <si>
    <t>1883131.0</t>
  </si>
  <si>
    <t>1656653.0</t>
  </si>
  <si>
    <t>3549359.0</t>
  </si>
  <si>
    <t>1888065.0</t>
  </si>
  <si>
    <t>1661294.0</t>
  </si>
  <si>
    <t>3566507.0</t>
  </si>
  <si>
    <t>1896009.0</t>
  </si>
  <si>
    <t>1670498.0</t>
  </si>
  <si>
    <t>17148.0</t>
  </si>
  <si>
    <t>3569293.0</t>
  </si>
  <si>
    <t>1897850.0</t>
  </si>
  <si>
    <t>1671443.0</t>
  </si>
  <si>
    <t>3570392.0</t>
  </si>
  <si>
    <t>1898771.0</t>
  </si>
  <si>
    <t>1671621.0</t>
  </si>
  <si>
    <t>3587174.0</t>
  </si>
  <si>
    <t>1907306.0</t>
  </si>
  <si>
    <t>1679868.0</t>
  </si>
  <si>
    <t>3601289.0</t>
  </si>
  <si>
    <t>1915051.0</t>
  </si>
  <si>
    <t>1686238.0</t>
  </si>
  <si>
    <t>13963.8</t>
  </si>
  <si>
    <t>2543.61587717023</t>
  </si>
  <si>
    <t>3608619.0</t>
  </si>
  <si>
    <t>1919202.0</t>
  </si>
  <si>
    <t>1689417.0</t>
  </si>
  <si>
    <t>3652035.0</t>
  </si>
  <si>
    <t>1944328.0</t>
  </si>
  <si>
    <t>1707707.0</t>
  </si>
  <si>
    <t>3653506.0</t>
  </si>
  <si>
    <t>1945230.0</t>
  </si>
  <si>
    <t>1708276.0</t>
  </si>
  <si>
    <t>3660210.0</t>
  </si>
  <si>
    <t>1949439.0</t>
  </si>
  <si>
    <t>1710771.0</t>
  </si>
  <si>
    <t>3678530.0</t>
  </si>
  <si>
    <t>1960822.0</t>
  </si>
  <si>
    <t>1717708.0</t>
  </si>
  <si>
    <t>13051.0</t>
  </si>
  <si>
    <t>3692973.0</t>
  </si>
  <si>
    <t>1970474.0</t>
  </si>
  <si>
    <t>1722499.0</t>
  </si>
  <si>
    <t>3712821.0</t>
  </si>
  <si>
    <t>1983881.0</t>
  </si>
  <si>
    <t>1728940.0</t>
  </si>
  <si>
    <t>3724014.0</t>
  </si>
  <si>
    <t>1991658.0</t>
  </si>
  <si>
    <t>1732356.0</t>
  </si>
  <si>
    <t>3761295.0</t>
  </si>
  <si>
    <t>2020739.0</t>
  </si>
  <si>
    <t>1740556.0</t>
  </si>
  <si>
    <t>37281.0</t>
  </si>
  <si>
    <t>3793028.0</t>
  </si>
  <si>
    <t>2050765.0</t>
  </si>
  <si>
    <t>1742263.0</t>
  </si>
  <si>
    <t>3807958.0</t>
  </si>
  <si>
    <t>2062985.0</t>
  </si>
  <si>
    <t>1744973.0</t>
  </si>
  <si>
    <t>3825224.0</t>
  </si>
  <si>
    <t>2074802.0</t>
  </si>
  <si>
    <t>1750422.0</t>
  </si>
  <si>
    <t>3838722.0</t>
  </si>
  <si>
    <t>2084121.0</t>
  </si>
  <si>
    <t>1754601.0</t>
  </si>
  <si>
    <t>3857745.0</t>
  </si>
  <si>
    <t>2097664.0</t>
  </si>
  <si>
    <t>1760081.0</t>
  </si>
  <si>
    <t>3878192.0</t>
  </si>
  <si>
    <t>2112346.0</t>
  </si>
  <si>
    <t>1765846.0</t>
  </si>
  <si>
    <t>3898256.0</t>
  </si>
  <si>
    <t>2126023.0</t>
  </si>
  <si>
    <t>1772233.0</t>
  </si>
  <si>
    <t>3904931.0</t>
  </si>
  <si>
    <t>2131113.0</t>
  </si>
  <si>
    <t>1773818.0</t>
  </si>
  <si>
    <t>3946354.0</t>
  </si>
  <si>
    <t>2162655.0</t>
  </si>
  <si>
    <t>1783699.0</t>
  </si>
  <si>
    <t>4231791.0</t>
  </si>
  <si>
    <t>2177130.0</t>
  </si>
  <si>
    <t>1789690.0</t>
  </si>
  <si>
    <t>264971.0</t>
  </si>
  <si>
    <t>285437.0</t>
  </si>
  <si>
    <t>4233405.0</t>
  </si>
  <si>
    <t>2177957.0</t>
  </si>
  <si>
    <t>1790116.0</t>
  </si>
  <si>
    <t>265332.0</t>
  </si>
  <si>
    <t>53666.0</t>
  </si>
  <si>
    <t>4257617.0</t>
  </si>
  <si>
    <t>2192675.0</t>
  </si>
  <si>
    <t>1795813.0</t>
  </si>
  <si>
    <t>269129.0</t>
  </si>
  <si>
    <t>54204.0</t>
  </si>
  <si>
    <t>4267450.0</t>
  </si>
  <si>
    <t>2198057.0</t>
  </si>
  <si>
    <t>1798733.0</t>
  </si>
  <si>
    <t>270660.0</t>
  </si>
  <si>
    <t>4267600.0</t>
  </si>
  <si>
    <t>2198189.0</t>
  </si>
  <si>
    <t>1798748.0</t>
  </si>
  <si>
    <t>270663.0</t>
  </si>
  <si>
    <t>51810.0</t>
  </si>
  <si>
    <t>4270775.0</t>
  </si>
  <si>
    <t>2199535.0</t>
  </si>
  <si>
    <t>1799640.0</t>
  </si>
  <si>
    <t>271600.0</t>
  </si>
  <si>
    <t>49305.0</t>
  </si>
  <si>
    <t>4298868.0</t>
  </si>
  <si>
    <t>2212965.0</t>
  </si>
  <si>
    <t>1807870.0</t>
  </si>
  <si>
    <t>278033.0</t>
  </si>
  <si>
    <t>4350868.0</t>
  </si>
  <si>
    <t>2237489.0</t>
  </si>
  <si>
    <t>1823001.0</t>
  </si>
  <si>
    <t>290378.0</t>
  </si>
  <si>
    <t>4351154.0</t>
  </si>
  <si>
    <t>2237631.0</t>
  </si>
  <si>
    <t>1823135.0</t>
  </si>
  <si>
    <t>290388.0</t>
  </si>
  <si>
    <t>4376169.0</t>
  </si>
  <si>
    <t>2250918.0</t>
  </si>
  <si>
    <t>1830105.0</t>
  </si>
  <si>
    <t>25015.0</t>
  </si>
  <si>
    <t>4379487.0</t>
  </si>
  <si>
    <t>2252750.0</t>
  </si>
  <si>
    <t>1831322.0</t>
  </si>
  <si>
    <t>295415.0</t>
  </si>
  <si>
    <t>15149.6</t>
  </si>
  <si>
    <t>2759.6186634568</t>
  </si>
  <si>
    <t>4380063.0</t>
  </si>
  <si>
    <t>2253125.0</t>
  </si>
  <si>
    <t>1831440.0</t>
  </si>
  <si>
    <t>295498.0</t>
  </si>
  <si>
    <t>4386756.0</t>
  </si>
  <si>
    <t>2256124.0</t>
  </si>
  <si>
    <t>1833116.0</t>
  </si>
  <si>
    <t>297516.0</t>
  </si>
  <si>
    <t>4410472.0</t>
  </si>
  <si>
    <t>2268589.0</t>
  </si>
  <si>
    <t>1837572.0</t>
  </si>
  <si>
    <t>304311.0</t>
  </si>
  <si>
    <t>23716.0</t>
  </si>
  <si>
    <t>4435176.0</t>
  </si>
  <si>
    <t>2280955.0</t>
  </si>
  <si>
    <t>1843313.0</t>
  </si>
  <si>
    <t>310908.0</t>
  </si>
  <si>
    <t>4457470.0</t>
  </si>
  <si>
    <t>2291730.0</t>
  </si>
  <si>
    <t>1847931.0</t>
  </si>
  <si>
    <t>317809.0</t>
  </si>
  <si>
    <t>15188.0</t>
  </si>
  <si>
    <t>4457601.0</t>
  </si>
  <si>
    <t>2291801.0</t>
  </si>
  <si>
    <t>1847953.0</t>
  </si>
  <si>
    <t>317847.0</t>
  </si>
  <si>
    <t>4501194.0</t>
  </si>
  <si>
    <t>2313882.0</t>
  </si>
  <si>
    <t>1856507.0</t>
  </si>
  <si>
    <t>330805.0</t>
  </si>
  <si>
    <t>4552503.0</t>
  </si>
  <si>
    <t>2341721.0</t>
  </si>
  <si>
    <t>1868466.0</t>
  </si>
  <si>
    <t>342316.0</t>
  </si>
  <si>
    <t>51309.0</t>
  </si>
  <si>
    <t>24634.0</t>
  </si>
  <si>
    <t>4570269.0</t>
  </si>
  <si>
    <t>2349307.0</t>
  </si>
  <si>
    <t>1873787.0</t>
  </si>
  <si>
    <t>347175.0</t>
  </si>
  <si>
    <t>26216.0</t>
  </si>
  <si>
    <t>4610275.0</t>
  </si>
  <si>
    <t>2365990.0</t>
  </si>
  <si>
    <t>1886551.0</t>
  </si>
  <si>
    <t>357734.0</t>
  </si>
  <si>
    <t>40006.0</t>
  </si>
  <si>
    <t>4625701.0</t>
  </si>
  <si>
    <t>2371596.0</t>
  </si>
  <si>
    <t>1891357.0</t>
  </si>
  <si>
    <t>362748.0</t>
  </si>
  <si>
    <t>4654837.0</t>
  </si>
  <si>
    <t>2382882.0</t>
  </si>
  <si>
    <t>1901614.0</t>
  </si>
  <si>
    <t>370341.0</t>
  </si>
  <si>
    <t>29136.0</t>
  </si>
  <si>
    <t>4668227.0</t>
  </si>
  <si>
    <t>2387324.0</t>
  </si>
  <si>
    <t>1906463.0</t>
  </si>
  <si>
    <t>374440.0</t>
  </si>
  <si>
    <t>4686255.0</t>
  </si>
  <si>
    <t>2394112.0</t>
  </si>
  <si>
    <t>1913139.0</t>
  </si>
  <si>
    <t>379004.0</t>
  </si>
  <si>
    <t>4687595.0</t>
  </si>
  <si>
    <t>2394811.0</t>
  </si>
  <si>
    <t>1913395.0</t>
  </si>
  <si>
    <t>379389.0</t>
  </si>
  <si>
    <t>4704784.0</t>
  </si>
  <si>
    <t>1920783.0</t>
  </si>
  <si>
    <t>384246.0</t>
  </si>
  <si>
    <t>4724154.0</t>
  </si>
  <si>
    <t>1929726.0</t>
  </si>
  <si>
    <t>388625.0</t>
  </si>
  <si>
    <t>4733444.0</t>
  </si>
  <si>
    <t>2399599.0</t>
  </si>
  <si>
    <t>1937581.0</t>
  </si>
  <si>
    <t>396264.0</t>
  </si>
  <si>
    <t>4738986.0</t>
  </si>
  <si>
    <t>2400715.0</t>
  </si>
  <si>
    <t>1940758.0</t>
  </si>
  <si>
    <t>397513.0</t>
  </si>
  <si>
    <t>4766884.0</t>
  </si>
  <si>
    <t>2407072.0</t>
  </si>
  <si>
    <t>1955624.0</t>
  </si>
  <si>
    <t>404188.0</t>
  </si>
  <si>
    <t>27898.0</t>
  </si>
  <si>
    <t>4781398.0</t>
  </si>
  <si>
    <t>2410854.0</t>
  </si>
  <si>
    <t>1962948.0</t>
  </si>
  <si>
    <t>407596.0</t>
  </si>
  <si>
    <t>4782913.0</t>
  </si>
  <si>
    <t>2411708.0</t>
  </si>
  <si>
    <t>1963273.0</t>
  </si>
  <si>
    <t>407932.0</t>
  </si>
  <si>
    <t>4785351.0</t>
  </si>
  <si>
    <t>2412182.0</t>
  </si>
  <si>
    <t>1964345.0</t>
  </si>
  <si>
    <t>408824.0</t>
  </si>
  <si>
    <t>4807990.0</t>
  </si>
  <si>
    <t>2417423.0</t>
  </si>
  <si>
    <t>1975970.0</t>
  </si>
  <si>
    <t>414597.0</t>
  </si>
  <si>
    <t>11977.0</t>
  </si>
  <si>
    <t>4826318.0</t>
  </si>
  <si>
    <t>2421579.0</t>
  </si>
  <si>
    <t>1984741.0</t>
  </si>
  <si>
    <t>4838225.0</t>
  </si>
  <si>
    <t>2424037.0</t>
  </si>
  <si>
    <t>1990620.0</t>
  </si>
  <si>
    <t>423568.0</t>
  </si>
  <si>
    <t>4851951.0</t>
  </si>
  <si>
    <t>2426499.0</t>
  </si>
  <si>
    <t>1997536.0</t>
  </si>
  <si>
    <t>4863189.0</t>
  </si>
  <si>
    <t>2429107.0</t>
  </si>
  <si>
    <t>2001383.0</t>
  </si>
  <si>
    <t>432699.0</t>
  </si>
  <si>
    <t>4866885.0</t>
  </si>
  <si>
    <t>2430205.0</t>
  </si>
  <si>
    <t>2003206.0</t>
  </si>
  <si>
    <t>433474.0</t>
  </si>
  <si>
    <t>4881608.0</t>
  </si>
  <si>
    <t>2433847.0</t>
  </si>
  <si>
    <t>2009187.0</t>
  </si>
  <si>
    <t>438574.0</t>
  </si>
  <si>
    <t>4902087.0</t>
  </si>
  <si>
    <t>2438034.0</t>
  </si>
  <si>
    <t>2019153.0</t>
  </si>
  <si>
    <t>444900.0</t>
  </si>
  <si>
    <t>20479.0</t>
  </si>
  <si>
    <t>4917151.0</t>
  </si>
  <si>
    <t>2441107.0</t>
  </si>
  <si>
    <t>2026672.0</t>
  </si>
  <si>
    <t>449372.0</t>
  </si>
  <si>
    <t>15064.0</t>
  </si>
  <si>
    <t>4928266.0</t>
  </si>
  <si>
    <t>2443750.0</t>
  </si>
  <si>
    <t>2031963.0</t>
  </si>
  <si>
    <t>452553.0</t>
  </si>
  <si>
    <t>4947384.0</t>
  </si>
  <si>
    <t>2447634.0</t>
  </si>
  <si>
    <t>2040672.0</t>
  </si>
  <si>
    <t>459078.0</t>
  </si>
  <si>
    <t>4953958.0</t>
  </si>
  <si>
    <t>2449441.0</t>
  </si>
  <si>
    <t>2042902.0</t>
  </si>
  <si>
    <t>461615.0</t>
  </si>
  <si>
    <t>4956907.0</t>
  </si>
  <si>
    <t>2450663.0</t>
  </si>
  <si>
    <t>2043866.0</t>
  </si>
  <si>
    <t>462378.0</t>
  </si>
  <si>
    <t>4957005.0</t>
  </si>
  <si>
    <t>2450675.0</t>
  </si>
  <si>
    <t>2043920.0</t>
  </si>
  <si>
    <t>462410.0</t>
  </si>
  <si>
    <t>4978952.0</t>
  </si>
  <si>
    <t>2455107.0</t>
  </si>
  <si>
    <t>2054158.0</t>
  </si>
  <si>
    <t>469687.0</t>
  </si>
  <si>
    <t>4993498.0</t>
  </si>
  <si>
    <t>2458007.0</t>
  </si>
  <si>
    <t>2061516.0</t>
  </si>
  <si>
    <t>473975.0</t>
  </si>
  <si>
    <t>5001687.0</t>
  </si>
  <si>
    <t>2459534.0</t>
  </si>
  <si>
    <t>2065840.0</t>
  </si>
  <si>
    <t>476313.0</t>
  </si>
  <si>
    <t>5017183.0</t>
  </si>
  <si>
    <t>2462097.0</t>
  </si>
  <si>
    <t>2073432.0</t>
  </si>
  <si>
    <t>481654.0</t>
  </si>
  <si>
    <t>9971.0</t>
  </si>
  <si>
    <t>5030417.0</t>
  </si>
  <si>
    <t>2464261.0</t>
  </si>
  <si>
    <t>2080782.0</t>
  </si>
  <si>
    <t>485374.0</t>
  </si>
  <si>
    <t>5032646.0</t>
  </si>
  <si>
    <t>2464908.0</t>
  </si>
  <si>
    <t>2081855.0</t>
  </si>
  <si>
    <t>485883.0</t>
  </si>
  <si>
    <t>5035228.0</t>
  </si>
  <si>
    <t>2465838.0</t>
  </si>
  <si>
    <t>2083064.0</t>
  </si>
  <si>
    <t>486326.0</t>
  </si>
  <si>
    <t>5047640.0</t>
  </si>
  <si>
    <t>2467903.0</t>
  </si>
  <si>
    <t>2090557.0</t>
  </si>
  <si>
    <t>489180.0</t>
  </si>
  <si>
    <t>5059760.0</t>
  </si>
  <si>
    <t>2469980.0</t>
  </si>
  <si>
    <t>2097717.0</t>
  </si>
  <si>
    <t>492063.0</t>
  </si>
  <si>
    <t>5077650.0</t>
  </si>
  <si>
    <t>2472856.0</t>
  </si>
  <si>
    <t>2107939.0</t>
  </si>
  <si>
    <t>496855.0</t>
  </si>
  <si>
    <t>5093339.0</t>
  </si>
  <si>
    <t>2475376.0</t>
  </si>
  <si>
    <t>2116720.0</t>
  </si>
  <si>
    <t>501243.0</t>
  </si>
  <si>
    <t>5102960.0</t>
  </si>
  <si>
    <t>2476941.0</t>
  </si>
  <si>
    <t>2122342.0</t>
  </si>
  <si>
    <t>503677.0</t>
  </si>
  <si>
    <t>5104439.0</t>
  </si>
  <si>
    <t>2477451.0</t>
  </si>
  <si>
    <t>2123033.0</t>
  </si>
  <si>
    <t>5110416.0</t>
  </si>
  <si>
    <t>2478594.0</t>
  </si>
  <si>
    <t>2125887.0</t>
  </si>
  <si>
    <t>5122216.0</t>
  </si>
  <si>
    <t>2481117.0</t>
  </si>
  <si>
    <t>2131804.0</t>
  </si>
  <si>
    <t>509295.0</t>
  </si>
  <si>
    <t>11800.0</t>
  </si>
  <si>
    <t>93.31</t>
  </si>
  <si>
    <t>5130110.0</t>
  </si>
  <si>
    <t>2482800.0</t>
  </si>
  <si>
    <t>2135939.0</t>
  </si>
  <si>
    <t>511371.0</t>
  </si>
  <si>
    <t>5139770.0</t>
  </si>
  <si>
    <t>2484807.0</t>
  </si>
  <si>
    <t>2140485.0</t>
  </si>
  <si>
    <t>514478.0</t>
  </si>
  <si>
    <t>93.62</t>
  </si>
  <si>
    <t>5148747.0</t>
  </si>
  <si>
    <t>2486652.0</t>
  </si>
  <si>
    <t>2144504.0</t>
  </si>
  <si>
    <t>517591.0</t>
  </si>
  <si>
    <t>5158284.0</t>
  </si>
  <si>
    <t>2488336.0</t>
  </si>
  <si>
    <t>2149033.0</t>
  </si>
  <si>
    <t>520915.0</t>
  </si>
  <si>
    <t>5159653.0</t>
  </si>
  <si>
    <t>2488703.0</t>
  </si>
  <si>
    <t>2149770.0</t>
  </si>
  <si>
    <t>521180.0</t>
  </si>
  <si>
    <t>5165788.0</t>
  </si>
  <si>
    <t>2489859.0</t>
  </si>
  <si>
    <t>2152424.0</t>
  </si>
  <si>
    <t>523505.0</t>
  </si>
  <si>
    <t>5176128.0</t>
  </si>
  <si>
    <t>2491955.0</t>
  </si>
  <si>
    <t>2156594.0</t>
  </si>
  <si>
    <t>527579.0</t>
  </si>
  <si>
    <t>5184681.0</t>
  </si>
  <si>
    <t>2494296.0</t>
  </si>
  <si>
    <t>2159931.0</t>
  </si>
  <si>
    <t>530454.0</t>
  </si>
  <si>
    <t>5190733.0</t>
  </si>
  <si>
    <t>2495598.0</t>
  </si>
  <si>
    <t>2162411.0</t>
  </si>
  <si>
    <t>532724.0</t>
  </si>
  <si>
    <t>5196093.0</t>
  </si>
  <si>
    <t>2496478.0</t>
  </si>
  <si>
    <t>2164673.0</t>
  </si>
  <si>
    <t>534942.0</t>
  </si>
  <si>
    <t>94.65</t>
  </si>
  <si>
    <t>5199201.0</t>
  </si>
  <si>
    <t>2497089.0</t>
  </si>
  <si>
    <t>2166058.0</t>
  </si>
  <si>
    <t>536054.0</t>
  </si>
  <si>
    <t>5199656.0</t>
  </si>
  <si>
    <t>2497183.0</t>
  </si>
  <si>
    <t>2166325.0</t>
  </si>
  <si>
    <t>536148.0</t>
  </si>
  <si>
    <t>5202990.0</t>
  </si>
  <si>
    <t>2497907.0</t>
  </si>
  <si>
    <t>2167714.0</t>
  </si>
  <si>
    <t>537369.0</t>
  </si>
  <si>
    <t>5209293.0</t>
  </si>
  <si>
    <t>2499496.0</t>
  </si>
  <si>
    <t>2170547.0</t>
  </si>
  <si>
    <t>539250.0</t>
  </si>
  <si>
    <t>5214216.0</t>
  </si>
  <si>
    <t>2500774.0</t>
  </si>
  <si>
    <t>2172743.0</t>
  </si>
  <si>
    <t>540699.0</t>
  </si>
  <si>
    <t>5218845.0</t>
  </si>
  <si>
    <t>2501935.0</t>
  </si>
  <si>
    <t>2174890.0</t>
  </si>
  <si>
    <t>542020.0</t>
  </si>
  <si>
    <t>5226718.0</t>
  </si>
  <si>
    <t>2503773.0</t>
  </si>
  <si>
    <t>2178509.0</t>
  </si>
  <si>
    <t>544436.0</t>
  </si>
  <si>
    <t>5226966.0</t>
  </si>
  <si>
    <t>2503859.0</t>
  </si>
  <si>
    <t>2178643.0</t>
  </si>
  <si>
    <t>544464.0</t>
  </si>
  <si>
    <t>5227459.0</t>
  </si>
  <si>
    <t>2504016.0</t>
  </si>
  <si>
    <t>2178903.0</t>
  </si>
  <si>
    <t>544540.0</t>
  </si>
  <si>
    <t>5228148.0</t>
  </si>
  <si>
    <t>2504168.0</t>
  </si>
  <si>
    <t>2179198.0</t>
  </si>
  <si>
    <t>544782.0</t>
  </si>
  <si>
    <t>5230428.0</t>
  </si>
  <si>
    <t>2504820.0</t>
  </si>
  <si>
    <t>2180156.0</t>
  </si>
  <si>
    <t>545452.0</t>
  </si>
  <si>
    <t>5247124.0</t>
  </si>
  <si>
    <t>2508681.0</t>
  </si>
  <si>
    <t>2187530.0</t>
  </si>
  <si>
    <t>550913.0</t>
  </si>
  <si>
    <t>5250307.0</t>
  </si>
  <si>
    <t>2509376.0</t>
  </si>
  <si>
    <t>2189077.0</t>
  </si>
  <si>
    <t>551854.0</t>
  </si>
  <si>
    <t>5250852.0</t>
  </si>
  <si>
    <t>2509534.0</t>
  </si>
  <si>
    <t>2189382.0</t>
  </si>
  <si>
    <t>551936.0</t>
  </si>
  <si>
    <t>5253049.0</t>
  </si>
  <si>
    <t>2510153.0</t>
  </si>
  <si>
    <t>2190327.0</t>
  </si>
  <si>
    <t>552569.0</t>
  </si>
  <si>
    <t>5256404.0</t>
  </si>
  <si>
    <t>2191957.0</t>
  </si>
  <si>
    <t>553483.0</t>
  </si>
  <si>
    <t>5259499.0</t>
  </si>
  <si>
    <t>2511718.0</t>
  </si>
  <si>
    <t>2193591.0</t>
  </si>
  <si>
    <t>554190.0</t>
  </si>
  <si>
    <t>5263101.0</t>
  </si>
  <si>
    <t>2512571.0</t>
  </si>
  <si>
    <t>2195380.0</t>
  </si>
  <si>
    <t>555150.0</t>
  </si>
  <si>
    <t>5264140.0</t>
  </si>
  <si>
    <t>2512813.0</t>
  </si>
  <si>
    <t>2195885.0</t>
  </si>
  <si>
    <t>555442.0</t>
  </si>
  <si>
    <t>5265787.0</t>
  </si>
  <si>
    <t>2513216.0</t>
  </si>
  <si>
    <t>2196809.0</t>
  </si>
  <si>
    <t>555762.0</t>
  </si>
  <si>
    <t>5266514.0</t>
  </si>
  <si>
    <t>2513472.0</t>
  </si>
  <si>
    <t>2197075.0</t>
  </si>
  <si>
    <t>555967.0</t>
  </si>
  <si>
    <t>5269263.0</t>
  </si>
  <si>
    <t>2514136.0</t>
  </si>
  <si>
    <t>2198355.0</t>
  </si>
  <si>
    <t>556772.0</t>
  </si>
  <si>
    <t>5270369.0</t>
  </si>
  <si>
    <t>2514417.0</t>
  </si>
  <si>
    <t>2198831.0</t>
  </si>
  <si>
    <t>557121.0</t>
  </si>
  <si>
    <t>5276097.0</t>
  </si>
  <si>
    <t>2516012.0</t>
  </si>
  <si>
    <t>2201517.0</t>
  </si>
  <si>
    <t>558568.0</t>
  </si>
  <si>
    <t>5279850.0</t>
  </si>
  <si>
    <t>2517039.0</t>
  </si>
  <si>
    <t>2203184.0</t>
  </si>
  <si>
    <t>559627.0</t>
  </si>
  <si>
    <t>5281651.0</t>
  </si>
  <si>
    <t>2517433.0</t>
  </si>
  <si>
    <t>2204062.0</t>
  </si>
  <si>
    <t>560156.0</t>
  </si>
  <si>
    <t>5285907.0</t>
  </si>
  <si>
    <t>2518322.0</t>
  </si>
  <si>
    <t>2206417.0</t>
  </si>
  <si>
    <t>561168.0</t>
  </si>
  <si>
    <t>5287020.0</t>
  </si>
  <si>
    <t>2518602.0</t>
  </si>
  <si>
    <t>2206847.0</t>
  </si>
  <si>
    <t>561571.0</t>
  </si>
  <si>
    <t>96.31</t>
  </si>
  <si>
    <t>5289601.0</t>
  </si>
  <si>
    <t>2519231.0</t>
  </si>
  <si>
    <t>2207785.0</t>
  </si>
  <si>
    <t>562585.0</t>
  </si>
  <si>
    <t>5291028.0</t>
  </si>
  <si>
    <t>2519564.0</t>
  </si>
  <si>
    <t>2208379.0</t>
  </si>
  <si>
    <t>563085.0</t>
  </si>
  <si>
    <t>5292172.0</t>
  </si>
  <si>
    <t>2519809.0</t>
  </si>
  <si>
    <t>2208784.0</t>
  </si>
  <si>
    <t>563579.0</t>
  </si>
  <si>
    <t>5293515.0</t>
  </si>
  <si>
    <t>2520153.0</t>
  </si>
  <si>
    <t>2209272.0</t>
  </si>
  <si>
    <t>564090.0</t>
  </si>
  <si>
    <t>5293719.0</t>
  </si>
  <si>
    <t>2520217.0</t>
  </si>
  <si>
    <t>2209357.0</t>
  </si>
  <si>
    <t>564145.0</t>
  </si>
  <si>
    <t>5294781.0</t>
  </si>
  <si>
    <t>2520489.0</t>
  </si>
  <si>
    <t>2209770.0</t>
  </si>
  <si>
    <t>564522.0</t>
  </si>
  <si>
    <t>96.45</t>
  </si>
  <si>
    <t>5297098.0</t>
  </si>
  <si>
    <t>2521168.0</t>
  </si>
  <si>
    <t>2210616.0</t>
  </si>
  <si>
    <t>565314.0</t>
  </si>
  <si>
    <t>96.49</t>
  </si>
  <si>
    <t>5298007.0</t>
  </si>
  <si>
    <t>2521431.0</t>
  </si>
  <si>
    <t>2210956.0</t>
  </si>
  <si>
    <t>565620.0</t>
  </si>
  <si>
    <t>5300792.0</t>
  </si>
  <si>
    <t>2522160.0</t>
  </si>
  <si>
    <t>2211911.0</t>
  </si>
  <si>
    <t>566721.0</t>
  </si>
  <si>
    <t>96.56</t>
  </si>
  <si>
    <t>5301383.0</t>
  </si>
  <si>
    <t>2522387.0</t>
  </si>
  <si>
    <t>2212183.0</t>
  </si>
  <si>
    <t>566813.0</t>
  </si>
  <si>
    <t>5302325.0</t>
  </si>
  <si>
    <t>2522688.0</t>
  </si>
  <si>
    <t>2212600.0</t>
  </si>
  <si>
    <t>567037.0</t>
  </si>
  <si>
    <t>5304336.0</t>
  </si>
  <si>
    <t>2523151.0</t>
  </si>
  <si>
    <t>2213441.0</t>
  </si>
  <si>
    <t>567744.0</t>
  </si>
  <si>
    <t>96.62</t>
  </si>
  <si>
    <t>5305024.0</t>
  </si>
  <si>
    <t>2523313.0</t>
  </si>
  <si>
    <t>2213670.0</t>
  </si>
  <si>
    <t>568041.0</t>
  </si>
  <si>
    <t>5307194.0</t>
  </si>
  <si>
    <t>2523775.0</t>
  </si>
  <si>
    <t>2214519.0</t>
  </si>
  <si>
    <t>568900.0</t>
  </si>
  <si>
    <t>5308803.0</t>
  </si>
  <si>
    <t>2524157.0</t>
  </si>
  <si>
    <t>2215083.0</t>
  </si>
  <si>
    <t>569563.0</t>
  </si>
  <si>
    <t>5310015.0</t>
  </si>
  <si>
    <t>2524525.0</t>
  </si>
  <si>
    <t>2215638.0</t>
  </si>
  <si>
    <t>569852.0</t>
  </si>
  <si>
    <t>96.73</t>
  </si>
  <si>
    <t>5310034.0</t>
  </si>
  <si>
    <t>2524531.0</t>
  </si>
  <si>
    <t>2215645.0</t>
  </si>
  <si>
    <t>569858.0</t>
  </si>
  <si>
    <t>5310268.0</t>
  </si>
  <si>
    <t>2524596.0</t>
  </si>
  <si>
    <t>2215768.0</t>
  </si>
  <si>
    <t>569904.0</t>
  </si>
  <si>
    <t>5602400.0</t>
  </si>
  <si>
    <t>2677312.0</t>
  </si>
  <si>
    <t>2351269.0</t>
  </si>
  <si>
    <t>573819.0</t>
  </si>
  <si>
    <t>292132.0</t>
  </si>
  <si>
    <t>42581.0</t>
  </si>
  <si>
    <t>21988.0</t>
  </si>
  <si>
    <t>42296.0</t>
  </si>
  <si>
    <t>21935.0</t>
  </si>
  <si>
    <t>42355.0</t>
  </si>
  <si>
    <t>5613936.0</t>
  </si>
  <si>
    <t>2679956.0</t>
  </si>
  <si>
    <t>2356112.0</t>
  </si>
  <si>
    <t>577868.0</t>
  </si>
  <si>
    <t>5632093.0</t>
  </si>
  <si>
    <t>2685479.0</t>
  </si>
  <si>
    <t>2362193.0</t>
  </si>
  <si>
    <t>584421.0</t>
  </si>
  <si>
    <t>5634462.0</t>
  </si>
  <si>
    <t>2686207.0</t>
  </si>
  <si>
    <t>2362812.0</t>
  </si>
  <si>
    <t>585443.0</t>
  </si>
  <si>
    <t>5656882.0</t>
  </si>
  <si>
    <t>2693925.0</t>
  </si>
  <si>
    <t>2369715.0</t>
  </si>
  <si>
    <t>593242.0</t>
  </si>
  <si>
    <t>5663420.0</t>
  </si>
  <si>
    <t>2695953.0</t>
  </si>
  <si>
    <t>2371669.0</t>
  </si>
  <si>
    <t>595798.0</t>
  </si>
  <si>
    <t>103.16</t>
  </si>
  <si>
    <t>5673326.0</t>
  </si>
  <si>
    <t>2698736.0</t>
  </si>
  <si>
    <t>2374475.0</t>
  </si>
  <si>
    <t>600115.0</t>
  </si>
  <si>
    <t>5696640.0</t>
  </si>
  <si>
    <t>2703855.0</t>
  </si>
  <si>
    <t>2380026.0</t>
  </si>
  <si>
    <t>612759.0</t>
  </si>
  <si>
    <t>5706300.0</t>
  </si>
  <si>
    <t>2705873.0</t>
  </si>
  <si>
    <t>2382431.0</t>
  </si>
  <si>
    <t>617996.0</t>
  </si>
  <si>
    <t>5714614.0</t>
  </si>
  <si>
    <t>2708007.0</t>
  </si>
  <si>
    <t>2384459.0</t>
  </si>
  <si>
    <t>622148.0</t>
  </si>
  <si>
    <t>5720506.0</t>
  </si>
  <si>
    <t>2709945.0</t>
  </si>
  <si>
    <t>2385832.0</t>
  </si>
  <si>
    <t>624729.0</t>
  </si>
  <si>
    <t>5728684.0</t>
  </si>
  <si>
    <t>2712342.0</t>
  </si>
  <si>
    <t>2387834.0</t>
  </si>
  <si>
    <t>628508.0</t>
  </si>
  <si>
    <t>5733532.0</t>
  </si>
  <si>
    <t>2714899.0</t>
  </si>
  <si>
    <t>2390125.0</t>
  </si>
  <si>
    <t>632236.0</t>
  </si>
  <si>
    <t>5746016.0</t>
  </si>
  <si>
    <t>2717582.0</t>
  </si>
  <si>
    <t>2392404.0</t>
  </si>
  <si>
    <t>636030.0</t>
  </si>
  <si>
    <t>5752986.0</t>
  </si>
  <si>
    <t>2719718.0</t>
  </si>
  <si>
    <t>2394370.0</t>
  </si>
  <si>
    <t>638898.0</t>
  </si>
  <si>
    <t>5766450.0</t>
  </si>
  <si>
    <t>2723692.0</t>
  </si>
  <si>
    <t>2399261.0</t>
  </si>
  <si>
    <t>643497.0</t>
  </si>
  <si>
    <t>5773446.0</t>
  </si>
  <si>
    <t>2725751.0</t>
  </si>
  <si>
    <t>2401471.0</t>
  </si>
  <si>
    <t>646224.0</t>
  </si>
  <si>
    <t>5778363.0</t>
  </si>
  <si>
    <t>2727295.0</t>
  </si>
  <si>
    <t>2402926.0</t>
  </si>
  <si>
    <t>648142.0</t>
  </si>
  <si>
    <t>105.26</t>
  </si>
  <si>
    <t>5786146.0</t>
  </si>
  <si>
    <t>2729651.0</t>
  </si>
  <si>
    <t>2405353.0</t>
  </si>
  <si>
    <t>651142.0</t>
  </si>
  <si>
    <t>5789338.0</t>
  </si>
  <si>
    <t>2730630.0</t>
  </si>
  <si>
    <t>2406354.0</t>
  </si>
  <si>
    <t>652354.0</t>
  </si>
  <si>
    <t>105.46</t>
  </si>
  <si>
    <t>5797147.0</t>
  </si>
  <si>
    <t>2733290.0</t>
  </si>
  <si>
    <t>2408849.0</t>
  </si>
  <si>
    <t>655008.0</t>
  </si>
  <si>
    <t>5809032.0</t>
  </si>
  <si>
    <t>2738210.0</t>
  </si>
  <si>
    <t>2412315.0</t>
  </si>
  <si>
    <t>658507.0</t>
  </si>
  <si>
    <t>105.82</t>
  </si>
  <si>
    <t>5812530.0</t>
  </si>
  <si>
    <t>2739102.0</t>
  </si>
  <si>
    <t>659256.0</t>
  </si>
  <si>
    <t>5813287.0</t>
  </si>
  <si>
    <t>2739752.0</t>
  </si>
  <si>
    <t>2413718.0</t>
  </si>
  <si>
    <t>659817.0</t>
  </si>
  <si>
    <t>5814699.0</t>
  </si>
  <si>
    <t>2740227.0</t>
  </si>
  <si>
    <t>2414223.0</t>
  </si>
  <si>
    <t>660249.0</t>
  </si>
  <si>
    <t>LSO</t>
  </si>
  <si>
    <t>Lesotho</t>
  </si>
  <si>
    <t>36759.0</t>
  </si>
  <si>
    <t>56322.0</t>
  </si>
  <si>
    <t>19685.0</t>
  </si>
  <si>
    <t>72948.0</t>
  </si>
  <si>
    <t>103778.0</t>
  </si>
  <si>
    <t>71597.0</t>
  </si>
  <si>
    <t>32181.0</t>
  </si>
  <si>
    <t>201795.0</t>
  </si>
  <si>
    <t>332954.0</t>
  </si>
  <si>
    <t>249173.0</t>
  </si>
  <si>
    <t>238727.0</t>
  </si>
  <si>
    <t>359980.0</t>
  </si>
  <si>
    <t>324686.0</t>
  </si>
  <si>
    <t>316384.0</t>
  </si>
  <si>
    <t>383341.0</t>
  </si>
  <si>
    <t>347836.0</t>
  </si>
  <si>
    <t>617671.0</t>
  </si>
  <si>
    <t>581857.0</t>
  </si>
  <si>
    <t>635881.0</t>
  </si>
  <si>
    <t>626669.0</t>
  </si>
  <si>
    <t>688097.0</t>
  </si>
  <si>
    <t>648817.0</t>
  </si>
  <si>
    <t>641007.0</t>
  </si>
  <si>
    <t>857925.0</t>
  </si>
  <si>
    <t>782175.0</t>
  </si>
  <si>
    <t>727528.0</t>
  </si>
  <si>
    <t>408742.0</t>
  </si>
  <si>
    <t>179.159</t>
  </si>
  <si>
    <t>409715.0</t>
  </si>
  <si>
    <t>179.585</t>
  </si>
  <si>
    <t>413245.0</t>
  </si>
  <si>
    <t>181.132</t>
  </si>
  <si>
    <t>417754.0</t>
  </si>
  <si>
    <t>183.109</t>
  </si>
  <si>
    <t>905438.0</t>
  </si>
  <si>
    <t>422165.0</t>
  </si>
  <si>
    <t>185.042</t>
  </si>
  <si>
    <t>187.324</t>
  </si>
  <si>
    <t>431221.0</t>
  </si>
  <si>
    <t>481.9</t>
  </si>
  <si>
    <t>435274.0</t>
  </si>
  <si>
    <t>190.788</t>
  </si>
  <si>
    <t>440602.0</t>
  </si>
  <si>
    <t>193.123</t>
  </si>
  <si>
    <t>442447.0</t>
  </si>
  <si>
    <t>193.932</t>
  </si>
  <si>
    <t>933825.0</t>
  </si>
  <si>
    <t>735610.0</t>
  </si>
  <si>
    <t>445262.0</t>
  </si>
  <si>
    <t>195.166</t>
  </si>
  <si>
    <t>445669.0</t>
  </si>
  <si>
    <t>195.344</t>
  </si>
  <si>
    <t>447797.0</t>
  </si>
  <si>
    <t>196.277</t>
  </si>
  <si>
    <t>448342.0</t>
  </si>
  <si>
    <t>196.516</t>
  </si>
  <si>
    <t>450086.0</t>
  </si>
  <si>
    <t>197.28</t>
  </si>
  <si>
    <t>450386.0</t>
  </si>
  <si>
    <t>197.412</t>
  </si>
  <si>
    <t>450939.0</t>
  </si>
  <si>
    <t>197.654</t>
  </si>
  <si>
    <t>453904.0</t>
  </si>
  <si>
    <t>198.954</t>
  </si>
  <si>
    <t>454444.0</t>
  </si>
  <si>
    <t>199.191</t>
  </si>
  <si>
    <t>455030.0</t>
  </si>
  <si>
    <t>199.447</t>
  </si>
  <si>
    <t>457228.0</t>
  </si>
  <si>
    <t>200.411</t>
  </si>
  <si>
    <t>458609.0</t>
  </si>
  <si>
    <t>201.016</t>
  </si>
  <si>
    <t>459732.0</t>
  </si>
  <si>
    <t>201.508</t>
  </si>
  <si>
    <t>1043380.0</t>
  </si>
  <si>
    <t>916484.0</t>
  </si>
  <si>
    <t>867653.0</t>
  </si>
  <si>
    <t>1071629.0</t>
  </si>
  <si>
    <t>1077116.0</t>
  </si>
  <si>
    <t>924248.0</t>
  </si>
  <si>
    <t>872661.0</t>
  </si>
  <si>
    <t>43417.0</t>
  </si>
  <si>
    <t>1237581.0</t>
  </si>
  <si>
    <t>995466.0</t>
  </si>
  <si>
    <t>923641.0</t>
  </si>
  <si>
    <t>126059.0</t>
  </si>
  <si>
    <t>1246552.0</t>
  </si>
  <si>
    <t>996684.0</t>
  </si>
  <si>
    <t>924649.0</t>
  </si>
  <si>
    <t>131029.0</t>
  </si>
  <si>
    <t>1253593.0</t>
  </si>
  <si>
    <t>996759.0</t>
  </si>
  <si>
    <t>925404.0</t>
  </si>
  <si>
    <t>134662.0</t>
  </si>
  <si>
    <t>1259488.0</t>
  </si>
  <si>
    <t>998183.0</t>
  </si>
  <si>
    <t>925976.0</t>
  </si>
  <si>
    <t>137883.0</t>
  </si>
  <si>
    <t>LBR</t>
  </si>
  <si>
    <t>Liberia</t>
  </si>
  <si>
    <t>36404.0</t>
  </si>
  <si>
    <t>52446.0</t>
  </si>
  <si>
    <t>55690.0</t>
  </si>
  <si>
    <t>56144.0</t>
  </si>
  <si>
    <t>63662.0</t>
  </si>
  <si>
    <t>65590.0</t>
  </si>
  <si>
    <t>65097.0</t>
  </si>
  <si>
    <t>67437.0</t>
  </si>
  <si>
    <t>68821.0</t>
  </si>
  <si>
    <t>68134.0</t>
  </si>
  <si>
    <t>76642.0</t>
  </si>
  <si>
    <t>74372.0</t>
  </si>
  <si>
    <t>82212.0</t>
  </si>
  <si>
    <t>79670.0</t>
  </si>
  <si>
    <t>93617.0</t>
  </si>
  <si>
    <t>349837.0</t>
  </si>
  <si>
    <t>262220.0</t>
  </si>
  <si>
    <t>242632.0</t>
  </si>
  <si>
    <t>358079.0</t>
  </si>
  <si>
    <t>249861.0</t>
  </si>
  <si>
    <t>15819.0</t>
  </si>
  <si>
    <t>409014.0</t>
  </si>
  <si>
    <t>327381.0</t>
  </si>
  <si>
    <t>313317.0</t>
  </si>
  <si>
    <t>438430.0</t>
  </si>
  <si>
    <t>365900.0</t>
  </si>
  <si>
    <t>344837.0</t>
  </si>
  <si>
    <t>438563.0</t>
  </si>
  <si>
    <t>393975.0</t>
  </si>
  <si>
    <t>371645.0</t>
  </si>
  <si>
    <t>589628.0</t>
  </si>
  <si>
    <t>494052.0</t>
  </si>
  <si>
    <t>456623.0</t>
  </si>
  <si>
    <t>597913.0</t>
  </si>
  <si>
    <t>506647.0</t>
  </si>
  <si>
    <t>476276.0</t>
  </si>
  <si>
    <t>605863.0</t>
  </si>
  <si>
    <t>605468.0</t>
  </si>
  <si>
    <t>575654.0</t>
  </si>
  <si>
    <t>14249.0</t>
  </si>
  <si>
    <t>19936.0</t>
  </si>
  <si>
    <t>28289.0</t>
  </si>
  <si>
    <t>33748.0</t>
  </si>
  <si>
    <t>23728.0</t>
  </si>
  <si>
    <t>880313.0</t>
  </si>
  <si>
    <t>784838.0</t>
  </si>
  <si>
    <t>755263.0</t>
  </si>
  <si>
    <t>39207.0</t>
  </si>
  <si>
    <t>33966.0</t>
  </si>
  <si>
    <t>28726.0</t>
  </si>
  <si>
    <t>1018979.0</t>
  </si>
  <si>
    <t>986975.0</t>
  </si>
  <si>
    <t>26.923</t>
  </si>
  <si>
    <t>1132502.0</t>
  </si>
  <si>
    <t>1047889.0</t>
  </si>
  <si>
    <t>1015633.0</t>
  </si>
  <si>
    <t>13666.0</t>
  </si>
  <si>
    <t>1837296.0</t>
  </si>
  <si>
    <t>1751520.0</t>
  </si>
  <si>
    <t>1438154.0</t>
  </si>
  <si>
    <t>1996703.0</t>
  </si>
  <si>
    <t>2088457.0</t>
  </si>
  <si>
    <t>65005.0</t>
  </si>
  <si>
    <t>72173.0</t>
  </si>
  <si>
    <t>86607.0</t>
  </si>
  <si>
    <t>2716330.0</t>
  </si>
  <si>
    <t>2458813.0</t>
  </si>
  <si>
    <t>2129565.0</t>
  </si>
  <si>
    <t>101042.0</t>
  </si>
  <si>
    <t>72445.0</t>
  </si>
  <si>
    <t>13662.0</t>
  </si>
  <si>
    <t>79811.0</t>
  </si>
  <si>
    <t>69195.0</t>
  </si>
  <si>
    <t>55194.0</t>
  </si>
  <si>
    <t>46569.0</t>
  </si>
  <si>
    <t>47964.0</t>
  </si>
  <si>
    <t>37943.0</t>
  </si>
  <si>
    <t>37349.0</t>
  </si>
  <si>
    <t>2921554.0</t>
  </si>
  <si>
    <t>2645947.0</t>
  </si>
  <si>
    <t>2328125.0</t>
  </si>
  <si>
    <t>26733.0</t>
  </si>
  <si>
    <t>21111.0</t>
  </si>
  <si>
    <t>13615.0</t>
  </si>
  <si>
    <t>3505634.0</t>
  </si>
  <si>
    <t>3503705.0</t>
  </si>
  <si>
    <t>2949694.0</t>
  </si>
  <si>
    <t>11670.0</t>
  </si>
  <si>
    <t>3549394.0</t>
  </si>
  <si>
    <t>2951983.0</t>
  </si>
  <si>
    <t>3634393.0</t>
  </si>
  <si>
    <t>3062225.0</t>
  </si>
  <si>
    <t>3912770.0</t>
  </si>
  <si>
    <t>3232569.0</t>
  </si>
  <si>
    <t>20800.0</t>
  </si>
  <si>
    <t>4061384.0</t>
  </si>
  <si>
    <t>3437215.0</t>
  </si>
  <si>
    <t>4179219.0</t>
  </si>
  <si>
    <t>3692705.0</t>
  </si>
  <si>
    <t>3511588.0</t>
  </si>
  <si>
    <t>4264190.0</t>
  </si>
  <si>
    <t>3596705.0</t>
  </si>
  <si>
    <t>4372595.0</t>
  </si>
  <si>
    <t>3825381.0</t>
  </si>
  <si>
    <t>3671160.0</t>
  </si>
  <si>
    <t>4460668.0</t>
  </si>
  <si>
    <t>3903802.0</t>
  </si>
  <si>
    <t>3730967.0</t>
  </si>
  <si>
    <t>LBY</t>
  </si>
  <si>
    <t>Libya</t>
  </si>
  <si>
    <t>339.2</t>
  </si>
  <si>
    <t>608.4</t>
  </si>
  <si>
    <t>346.2</t>
  </si>
  <si>
    <t>353.1</t>
  </si>
  <si>
    <t>874.1</t>
  </si>
  <si>
    <t>916.1</t>
  </si>
  <si>
    <t>846.2</t>
  </si>
  <si>
    <t>552.4</t>
  </si>
  <si>
    <t>650.3</t>
  </si>
  <si>
    <t>106559.0</t>
  </si>
  <si>
    <t>243891.0</t>
  </si>
  <si>
    <t>351408.0</t>
  </si>
  <si>
    <t>370066.0</t>
  </si>
  <si>
    <t>379404.0</t>
  </si>
  <si>
    <t>393688.0</t>
  </si>
  <si>
    <t>425119.0</t>
  </si>
  <si>
    <t>480116.0</t>
  </si>
  <si>
    <t>530808.0</t>
  </si>
  <si>
    <t>546745.0</t>
  </si>
  <si>
    <t>18402.0</t>
  </si>
  <si>
    <t>712213.0</t>
  </si>
  <si>
    <t>661010.0</t>
  </si>
  <si>
    <t>737417.0</t>
  </si>
  <si>
    <t>686214.0</t>
  </si>
  <si>
    <t>25204.0</t>
  </si>
  <si>
    <t>764233.0</t>
  </si>
  <si>
    <t>712033.0</t>
  </si>
  <si>
    <t>13986.0</t>
  </si>
  <si>
    <t>889957.0</t>
  </si>
  <si>
    <t>837907.0</t>
  </si>
  <si>
    <t>52050.0</t>
  </si>
  <si>
    <t>1022882.0</t>
  </si>
  <si>
    <t>1031060.0</t>
  </si>
  <si>
    <t>951010.0</t>
  </si>
  <si>
    <t>1130485.0</t>
  </si>
  <si>
    <t>1071946.0</t>
  </si>
  <si>
    <t>58539.0</t>
  </si>
  <si>
    <t>18903.0</t>
  </si>
  <si>
    <t>17161.0</t>
  </si>
  <si>
    <t>15143.0</t>
  </si>
  <si>
    <t>1274076.0</t>
  </si>
  <si>
    <t>111063.0</t>
  </si>
  <si>
    <t>1322307.0</t>
  </si>
  <si>
    <t>1201793.0</t>
  </si>
  <si>
    <t>120514.0</t>
  </si>
  <si>
    <t>48231.0</t>
  </si>
  <si>
    <t>19640.0</t>
  </si>
  <si>
    <t>1381309.0</t>
  </si>
  <si>
    <t>1246217.0</t>
  </si>
  <si>
    <t>135092.0</t>
  </si>
  <si>
    <t>18283.0</t>
  </si>
  <si>
    <t>1464304.0</t>
  </si>
  <si>
    <t>1305045.0</t>
  </si>
  <si>
    <t>159259.0</t>
  </si>
  <si>
    <t>1501622.0</t>
  </si>
  <si>
    <t>1334670.0</t>
  </si>
  <si>
    <t>166952.0</t>
  </si>
  <si>
    <t>1546967.0</t>
  </si>
  <si>
    <t>1359693.0</t>
  </si>
  <si>
    <t>187274.0</t>
  </si>
  <si>
    <t>1586055.0</t>
  </si>
  <si>
    <t>1381925.0</t>
  </si>
  <si>
    <t>204130.0</t>
  </si>
  <si>
    <t>1637401.0</t>
  </si>
  <si>
    <t>1401958.0</t>
  </si>
  <si>
    <t>1666086.0</t>
  </si>
  <si>
    <t>1413069.0</t>
  </si>
  <si>
    <t>253017.0</t>
  </si>
  <si>
    <t>1689252.0</t>
  </si>
  <si>
    <t>1424692.0</t>
  </si>
  <si>
    <t>264560.0</t>
  </si>
  <si>
    <t>1739046.0</t>
  </si>
  <si>
    <t>1442286.0</t>
  </si>
  <si>
    <t>296760.0</t>
  </si>
  <si>
    <t>1799014.0</t>
  </si>
  <si>
    <t>1467363.0</t>
  </si>
  <si>
    <t>331651.0</t>
  </si>
  <si>
    <t>1809365.0</t>
  </si>
  <si>
    <t>1471101.0</t>
  </si>
  <si>
    <t>338264.0</t>
  </si>
  <si>
    <t>1863974.0</t>
  </si>
  <si>
    <t>1493267.0</t>
  </si>
  <si>
    <t>370707.0</t>
  </si>
  <si>
    <t>1900831.0</t>
  </si>
  <si>
    <t>1510060.0</t>
  </si>
  <si>
    <t>390771.0</t>
  </si>
  <si>
    <t>1988280.0</t>
  </si>
  <si>
    <t>1545739.0</t>
  </si>
  <si>
    <t>442541.0</t>
  </si>
  <si>
    <t>2020518.0</t>
  </si>
  <si>
    <t>1560096.0</t>
  </si>
  <si>
    <t>460422.0</t>
  </si>
  <si>
    <t>2070595.0</t>
  </si>
  <si>
    <t>1581087.0</t>
  </si>
  <si>
    <t>2096601.0</t>
  </si>
  <si>
    <t>1587796.0</t>
  </si>
  <si>
    <t>508805.0</t>
  </si>
  <si>
    <t>2149880.0</t>
  </si>
  <si>
    <t>1605435.0</t>
  </si>
  <si>
    <t>544445.0</t>
  </si>
  <si>
    <t>2178584.0</t>
  </si>
  <si>
    <t>1621018.0</t>
  </si>
  <si>
    <t>557566.0</t>
  </si>
  <si>
    <t>2234121.0</t>
  </si>
  <si>
    <t>1638674.0</t>
  </si>
  <si>
    <t>595447.0</t>
  </si>
  <si>
    <t>13748.0</t>
  </si>
  <si>
    <t>2291638.0</t>
  </si>
  <si>
    <t>1661332.0</t>
  </si>
  <si>
    <t>630306.0</t>
  </si>
  <si>
    <t>2335862.0</t>
  </si>
  <si>
    <t>1683548.0</t>
  </si>
  <si>
    <t>652314.0</t>
  </si>
  <si>
    <t>2377003.0</t>
  </si>
  <si>
    <t>1710472.0</t>
  </si>
  <si>
    <t>666531.0</t>
  </si>
  <si>
    <t>2438246.0</t>
  </si>
  <si>
    <t>1737773.0</t>
  </si>
  <si>
    <t>700473.0</t>
  </si>
  <si>
    <t>2485598.0</t>
  </si>
  <si>
    <t>1759338.0</t>
  </si>
  <si>
    <t>726260.0</t>
  </si>
  <si>
    <t>2536160.0</t>
  </si>
  <si>
    <t>1785671.0</t>
  </si>
  <si>
    <t>750489.0</t>
  </si>
  <si>
    <t>12571.0</t>
  </si>
  <si>
    <t>2554207.0</t>
  </si>
  <si>
    <t>1796814.0</t>
  </si>
  <si>
    <t>757393.0</t>
  </si>
  <si>
    <t>2609405.0</t>
  </si>
  <si>
    <t>1823248.0</t>
  </si>
  <si>
    <t>786157.0</t>
  </si>
  <si>
    <t>2618692.0</t>
  </si>
  <si>
    <t>792527.0</t>
  </si>
  <si>
    <t>2664009.0</t>
  </si>
  <si>
    <t>1847082.0</t>
  </si>
  <si>
    <t>816927.0</t>
  </si>
  <si>
    <t>2679874.0</t>
  </si>
  <si>
    <t>1854197.0</t>
  </si>
  <si>
    <t>825677.0</t>
  </si>
  <si>
    <t>2752390.0</t>
  </si>
  <si>
    <t>1886754.0</t>
  </si>
  <si>
    <t>865636.0</t>
  </si>
  <si>
    <t>2847131.0</t>
  </si>
  <si>
    <t>1933677.0</t>
  </si>
  <si>
    <t>913454.0</t>
  </si>
  <si>
    <t>2875173.0</t>
  </si>
  <si>
    <t>1946622.0</t>
  </si>
  <si>
    <t>926296.0</t>
  </si>
  <si>
    <t>19020.0</t>
  </si>
  <si>
    <t>2910096.0</t>
  </si>
  <si>
    <t>1965713.0</t>
  </si>
  <si>
    <t>940217.0</t>
  </si>
  <si>
    <t>2929961.0</t>
  </si>
  <si>
    <t>1976109.0</t>
  </si>
  <si>
    <t>946736.0</t>
  </si>
  <si>
    <t>2963656.0</t>
  </si>
  <si>
    <t>1991961.0</t>
  </si>
  <si>
    <t>961143.0</t>
  </si>
  <si>
    <t>3003536.0</t>
  </si>
  <si>
    <t>2012448.0</t>
  </si>
  <si>
    <t>975651.0</t>
  </si>
  <si>
    <t>3051024.0</t>
  </si>
  <si>
    <t>2031276.0</t>
  </si>
  <si>
    <t>996091.0</t>
  </si>
  <si>
    <t>3082052.0</t>
  </si>
  <si>
    <t>2046913.0</t>
  </si>
  <si>
    <t>1008409.0</t>
  </si>
  <si>
    <t>11077.0</t>
  </si>
  <si>
    <t>11053.0</t>
  </si>
  <si>
    <t>3124669.0</t>
  </si>
  <si>
    <t>2067196.0</t>
  </si>
  <si>
    <t>1024442.0</t>
  </si>
  <si>
    <t>3198389.0</t>
  </si>
  <si>
    <t>2101417.0</t>
  </si>
  <si>
    <t>1049306.0</t>
  </si>
  <si>
    <t>3256672.0</t>
  </si>
  <si>
    <t>2128905.0</t>
  </si>
  <si>
    <t>1070244.0</t>
  </si>
  <si>
    <t>3261687.0</t>
  </si>
  <si>
    <t>2130349.0</t>
  </si>
  <si>
    <t>1072266.0</t>
  </si>
  <si>
    <t>3268714.0</t>
  </si>
  <si>
    <t>2133250.0</t>
  </si>
  <si>
    <t>1074873.0</t>
  </si>
  <si>
    <t>3283747.0</t>
  </si>
  <si>
    <t>2139394.0</t>
  </si>
  <si>
    <t>1079329.0</t>
  </si>
  <si>
    <t>65024.0</t>
  </si>
  <si>
    <t>3292723.0</t>
  </si>
  <si>
    <t>2142860.0</t>
  </si>
  <si>
    <t>1083376.0</t>
  </si>
  <si>
    <t>66487.0</t>
  </si>
  <si>
    <t>3300845.0</t>
  </si>
  <si>
    <t>2148257.0</t>
  </si>
  <si>
    <t>1084628.0</t>
  </si>
  <si>
    <t>3308719.0</t>
  </si>
  <si>
    <t>2151128.0</t>
  </si>
  <si>
    <t>1086612.0</t>
  </si>
  <si>
    <t>70979.0</t>
  </si>
  <si>
    <t>3317184.0</t>
  </si>
  <si>
    <t>2155965.0</t>
  </si>
  <si>
    <t>1089734.0</t>
  </si>
  <si>
    <t>3324621.0</t>
  </si>
  <si>
    <t>2159157.0</t>
  </si>
  <si>
    <t>1092052.0</t>
  </si>
  <si>
    <t>3337591.0</t>
  </si>
  <si>
    <t>2164967.0</t>
  </si>
  <si>
    <t>76314.0</t>
  </si>
  <si>
    <t>3343570.0</t>
  </si>
  <si>
    <t>2167407.0</t>
  </si>
  <si>
    <t>1098757.0</t>
  </si>
  <si>
    <t>77406.0</t>
  </si>
  <si>
    <t>3347763.0</t>
  </si>
  <si>
    <t>2168808.0</t>
  </si>
  <si>
    <t>1100438.0</t>
  </si>
  <si>
    <t>3353611.0</t>
  </si>
  <si>
    <t>2172442.0</t>
  </si>
  <si>
    <t>1101751.0</t>
  </si>
  <si>
    <t>3360306.0</t>
  </si>
  <si>
    <t>2175002.0</t>
  </si>
  <si>
    <t>1104501.0</t>
  </si>
  <si>
    <t>80803.0</t>
  </si>
  <si>
    <t>3362636.0</t>
  </si>
  <si>
    <t>2175660.0</t>
  </si>
  <si>
    <t>1105059.0</t>
  </si>
  <si>
    <t>3365544.0</t>
  </si>
  <si>
    <t>2176427.0</t>
  </si>
  <si>
    <t>1106731.0</t>
  </si>
  <si>
    <t>3369226.0</t>
  </si>
  <si>
    <t>2179222.0</t>
  </si>
  <si>
    <t>1107430.0</t>
  </si>
  <si>
    <t>82574.0</t>
  </si>
  <si>
    <t>3374740.0</t>
  </si>
  <si>
    <t>2181405.0</t>
  </si>
  <si>
    <t>1109227.0</t>
  </si>
  <si>
    <t>3382281.0</t>
  </si>
  <si>
    <t>2186971.0</t>
  </si>
  <si>
    <t>1111117.0</t>
  </si>
  <si>
    <t>84193.0</t>
  </si>
  <si>
    <t>3387399.0</t>
  </si>
  <si>
    <t>2189571.0</t>
  </si>
  <si>
    <t>1112795.0</t>
  </si>
  <si>
    <t>85033.0</t>
  </si>
  <si>
    <t>3390125.0</t>
  </si>
  <si>
    <t>2190237.0</t>
  </si>
  <si>
    <t>85388.0</t>
  </si>
  <si>
    <t>3392163.0</t>
  </si>
  <si>
    <t>2190556.0</t>
  </si>
  <si>
    <t>1116110.0</t>
  </si>
  <si>
    <t>3396869.0</t>
  </si>
  <si>
    <t>2194555.0</t>
  </si>
  <si>
    <t>1116387.0</t>
  </si>
  <si>
    <t>85927.0</t>
  </si>
  <si>
    <t>3400104.0</t>
  </si>
  <si>
    <t>2195123.0</t>
  </si>
  <si>
    <t>1118713.0</t>
  </si>
  <si>
    <t>3406343.0</t>
  </si>
  <si>
    <t>2199257.0</t>
  </si>
  <si>
    <t>1119747.0</t>
  </si>
  <si>
    <t>87339.0</t>
  </si>
  <si>
    <t>3408820.0</t>
  </si>
  <si>
    <t>2199686.0</t>
  </si>
  <si>
    <t>1121583.0</t>
  </si>
  <si>
    <t>87551.0</t>
  </si>
  <si>
    <t>3415232.0</t>
  </si>
  <si>
    <t>2200567.0</t>
  </si>
  <si>
    <t>1125383.0</t>
  </si>
  <si>
    <t>89282.0</t>
  </si>
  <si>
    <t>3415834.0</t>
  </si>
  <si>
    <t>2201314.0</t>
  </si>
  <si>
    <t>1125758.0</t>
  </si>
  <si>
    <t>89762.0</t>
  </si>
  <si>
    <t>3436348.0</t>
  </si>
  <si>
    <t>2206720.0</t>
  </si>
  <si>
    <t>1135980.0</t>
  </si>
  <si>
    <t>93648.0</t>
  </si>
  <si>
    <t>3444646.0</t>
  </si>
  <si>
    <t>2210577.0</t>
  </si>
  <si>
    <t>1138504.0</t>
  </si>
  <si>
    <t>95565.0</t>
  </si>
  <si>
    <t>3451352.0</t>
  </si>
  <si>
    <t>2214303.0</t>
  </si>
  <si>
    <t>1140236.0</t>
  </si>
  <si>
    <t>96813.0</t>
  </si>
  <si>
    <t>3456207.0</t>
  </si>
  <si>
    <t>2215855.0</t>
  </si>
  <si>
    <t>1141938.0</t>
  </si>
  <si>
    <t>3460229.0</t>
  </si>
  <si>
    <t>2216470.0</t>
  </si>
  <si>
    <t>1142804.0</t>
  </si>
  <si>
    <t>100955.0</t>
  </si>
  <si>
    <t>2246087.0</t>
  </si>
  <si>
    <t>1167540.0</t>
  </si>
  <si>
    <t>3514582.0</t>
  </si>
  <si>
    <t>3555695.0</t>
  </si>
  <si>
    <t>2260427.0</t>
  </si>
  <si>
    <t>1177469.0</t>
  </si>
  <si>
    <t>117799.0</t>
  </si>
  <si>
    <t>3560043.0</t>
  </si>
  <si>
    <t>2262210.0</t>
  </si>
  <si>
    <t>1179302.0</t>
  </si>
  <si>
    <t>118531.0</t>
  </si>
  <si>
    <t>3579762.0</t>
  </si>
  <si>
    <t>2269135.0</t>
  </si>
  <si>
    <t>1183940.0</t>
  </si>
  <si>
    <t>126687.0</t>
  </si>
  <si>
    <t>3616272.0</t>
  </si>
  <si>
    <t>2275934.0</t>
  </si>
  <si>
    <t>1200824.0</t>
  </si>
  <si>
    <t>139514.0</t>
  </si>
  <si>
    <t>3667090.0</t>
  </si>
  <si>
    <t>2287022.0</t>
  </si>
  <si>
    <t>1215576.0</t>
  </si>
  <si>
    <t>164492.0</t>
  </si>
  <si>
    <t>3677815.0</t>
  </si>
  <si>
    <t>2295317.0</t>
  </si>
  <si>
    <t>1217626.0</t>
  </si>
  <si>
    <t>164872.0</t>
  </si>
  <si>
    <t>3680943.0</t>
  </si>
  <si>
    <t>2295434.0</t>
  </si>
  <si>
    <t>1219637.0</t>
  </si>
  <si>
    <t>165872.0</t>
  </si>
  <si>
    <t>3693986.0</t>
  </si>
  <si>
    <t>2300374.0</t>
  </si>
  <si>
    <t>1223738.0</t>
  </si>
  <si>
    <t>169874.0</t>
  </si>
  <si>
    <t>3695810.0</t>
  </si>
  <si>
    <t>2300959.0</t>
  </si>
  <si>
    <t>1224414.0</t>
  </si>
  <si>
    <t>3704656.0</t>
  </si>
  <si>
    <t>2303333.0</t>
  </si>
  <si>
    <t>1226593.0</t>
  </si>
  <si>
    <t>3709205.0</t>
  </si>
  <si>
    <t>2304405.0</t>
  </si>
  <si>
    <t>1228692.0</t>
  </si>
  <si>
    <t>176108.0</t>
  </si>
  <si>
    <t>3710544.0</t>
  </si>
  <si>
    <t>2304757.0</t>
  </si>
  <si>
    <t>1229045.0</t>
  </si>
  <si>
    <t>176742.0</t>
  </si>
  <si>
    <t>3716080.0</t>
  </si>
  <si>
    <t>2308724.0</t>
  </si>
  <si>
    <t>1229888.0</t>
  </si>
  <si>
    <t>177468.0</t>
  </si>
  <si>
    <t>LIE</t>
  </si>
  <si>
    <t>Liechtenstein</t>
  </si>
  <si>
    <t>-17.86</t>
  </si>
  <si>
    <t>-60.9833566255876</t>
  </si>
  <si>
    <t>-30.4916783127938</t>
  </si>
  <si>
    <t>10.118</t>
  </si>
  <si>
    <t>10.938</t>
  </si>
  <si>
    <t>20.3277855418625</t>
  </si>
  <si>
    <t>11.553</t>
  </si>
  <si>
    <t>20.031</t>
  </si>
  <si>
    <t>20.697</t>
  </si>
  <si>
    <t>23.848</t>
  </si>
  <si>
    <t>25.948</t>
  </si>
  <si>
    <t>27.946</t>
  </si>
  <si>
    <t>28.561</t>
  </si>
  <si>
    <t>28.612</t>
  </si>
  <si>
    <t>28.792</t>
  </si>
  <si>
    <t>32.096</t>
  </si>
  <si>
    <t>35.067</t>
  </si>
  <si>
    <t>37.424</t>
  </si>
  <si>
    <t>38.193</t>
  </si>
  <si>
    <t>38.961</t>
  </si>
  <si>
    <t>40.063</t>
  </si>
  <si>
    <t>40.882</t>
  </si>
  <si>
    <t>41.753</t>
  </si>
  <si>
    <t>42.342</t>
  </si>
  <si>
    <t>42.983</t>
  </si>
  <si>
    <t>43.034</t>
  </si>
  <si>
    <t>-10.0</t>
  </si>
  <si>
    <t>52.025</t>
  </si>
  <si>
    <t>53.562</t>
  </si>
  <si>
    <t>54.535</t>
  </si>
  <si>
    <t>57.199</t>
  </si>
  <si>
    <t>58.019</t>
  </si>
  <si>
    <t>58.634</t>
  </si>
  <si>
    <t>59.402</t>
  </si>
  <si>
    <t>59.786</t>
  </si>
  <si>
    <t>63.501</t>
  </si>
  <si>
    <t>65.729</t>
  </si>
  <si>
    <t>67.599</t>
  </si>
  <si>
    <t>68.521</t>
  </si>
  <si>
    <t>69.495</t>
  </si>
  <si>
    <t>69.674</t>
  </si>
  <si>
    <t>69.981</t>
  </si>
  <si>
    <t>71.083</t>
  </si>
  <si>
    <t>71.877</t>
  </si>
  <si>
    <t>72.722</t>
  </si>
  <si>
    <t>73.414</t>
  </si>
  <si>
    <t>73.977</t>
  </si>
  <si>
    <t>74.029</t>
  </si>
  <si>
    <t>74.285</t>
  </si>
  <si>
    <t>77.154</t>
  </si>
  <si>
    <t>82.917</t>
  </si>
  <si>
    <t>-2.81</t>
  </si>
  <si>
    <t>-14.41</t>
  </si>
  <si>
    <t>-111.802820480244</t>
  </si>
  <si>
    <t>82.994</t>
  </si>
  <si>
    <t>84.454</t>
  </si>
  <si>
    <t>85.069</t>
  </si>
  <si>
    <t>85.786</t>
  </si>
  <si>
    <t>86.913</t>
  </si>
  <si>
    <t>88.066</t>
  </si>
  <si>
    <t>91.421</t>
  </si>
  <si>
    <t>93.906</t>
  </si>
  <si>
    <t>96.288</t>
  </si>
  <si>
    <t>98.389</t>
  </si>
  <si>
    <t>100.566</t>
  </si>
  <si>
    <t>101.924</t>
  </si>
  <si>
    <t>103.076</t>
  </si>
  <si>
    <t>105.664</t>
  </si>
  <si>
    <t>106.893</t>
  </si>
  <si>
    <t>107.021</t>
  </si>
  <si>
    <t>111.658</t>
  </si>
  <si>
    <t>114.398</t>
  </si>
  <si>
    <t>117.011</t>
  </si>
  <si>
    <t>119.009</t>
  </si>
  <si>
    <t>121.853</t>
  </si>
  <si>
    <t>121.981</t>
  </si>
  <si>
    <t>122.672</t>
  </si>
  <si>
    <t>126.515</t>
  </si>
  <si>
    <t>-4.6</t>
  </si>
  <si>
    <t>-116.88476686571</t>
  </si>
  <si>
    <t>133.994</t>
  </si>
  <si>
    <t>137.529</t>
  </si>
  <si>
    <t>139.963</t>
  </si>
  <si>
    <t>140.244</t>
  </si>
  <si>
    <t>140.501</t>
  </si>
  <si>
    <t>146.725</t>
  </si>
  <si>
    <t>151.746</t>
  </si>
  <si>
    <t>155.665</t>
  </si>
  <si>
    <t>160.327</t>
  </si>
  <si>
    <t>160.942</t>
  </si>
  <si>
    <t>164.579</t>
  </si>
  <si>
    <t>170.547</t>
  </si>
  <si>
    <t>173.775</t>
  </si>
  <si>
    <t>175.747</t>
  </si>
  <si>
    <t>176.362</t>
  </si>
  <si>
    <t>180.947</t>
  </si>
  <si>
    <t>184.969</t>
  </si>
  <si>
    <t>189.144</t>
  </si>
  <si>
    <t>191.68</t>
  </si>
  <si>
    <t>194.831</t>
  </si>
  <si>
    <t>194.985</t>
  </si>
  <si>
    <t>195.471</t>
  </si>
  <si>
    <t>198.545</t>
  </si>
  <si>
    <t>199.903</t>
  </si>
  <si>
    <t>202.515</t>
  </si>
  <si>
    <t>101.638927709313</t>
  </si>
  <si>
    <t>204.975</t>
  </si>
  <si>
    <t>206.665</t>
  </si>
  <si>
    <t>206.947</t>
  </si>
  <si>
    <t>207.613</t>
  </si>
  <si>
    <t>214.939</t>
  </si>
  <si>
    <t>218.064</t>
  </si>
  <si>
    <t>220.754</t>
  </si>
  <si>
    <t>221.983</t>
  </si>
  <si>
    <t>222.086</t>
  </si>
  <si>
    <t>223.008</t>
  </si>
  <si>
    <t>225.621</t>
  </si>
  <si>
    <t>228.105</t>
  </si>
  <si>
    <t>230.872</t>
  </si>
  <si>
    <t>233.587</t>
  </si>
  <si>
    <t>236.148</t>
  </si>
  <si>
    <t>237.865</t>
  </si>
  <si>
    <t>245.78</t>
  </si>
  <si>
    <t>251.338</t>
  </si>
  <si>
    <t>5.559</t>
  </si>
  <si>
    <t>257.102</t>
  </si>
  <si>
    <t>260.893</t>
  </si>
  <si>
    <t>265.734</t>
  </si>
  <si>
    <t>268.834</t>
  </si>
  <si>
    <t>271.626</t>
  </si>
  <si>
    <t>276.646</t>
  </si>
  <si>
    <t>281.846</t>
  </si>
  <si>
    <t>285.766</t>
  </si>
  <si>
    <t>289.352</t>
  </si>
  <si>
    <t>292.887</t>
  </si>
  <si>
    <t>294.91</t>
  </si>
  <si>
    <t>296.831</t>
  </si>
  <si>
    <t>304.644</t>
  </si>
  <si>
    <t>310.51</t>
  </si>
  <si>
    <t>316.171</t>
  </si>
  <si>
    <t>320.295</t>
  </si>
  <si>
    <t>323.574</t>
  </si>
  <si>
    <t>325.213</t>
  </si>
  <si>
    <t>326.801</t>
  </si>
  <si>
    <t>333.385</t>
  </si>
  <si>
    <t>337.585</t>
  </si>
  <si>
    <t>341.377</t>
  </si>
  <si>
    <t>344.297</t>
  </si>
  <si>
    <t>346.372</t>
  </si>
  <si>
    <t>348.523</t>
  </si>
  <si>
    <t>349.599</t>
  </si>
  <si>
    <t>355.311</t>
  </si>
  <si>
    <t>364.994</t>
  </si>
  <si>
    <t>368.068</t>
  </si>
  <si>
    <t>370.629</t>
  </si>
  <si>
    <t>372.192</t>
  </si>
  <si>
    <t>374.062</t>
  </si>
  <si>
    <t>380.389</t>
  </si>
  <si>
    <t>6.327</t>
  </si>
  <si>
    <t>15030.0</t>
  </si>
  <si>
    <t>389.047</t>
  </si>
  <si>
    <t>391.685</t>
  </si>
  <si>
    <t>393.939</t>
  </si>
  <si>
    <t>395.348</t>
  </si>
  <si>
    <t>396.475</t>
  </si>
  <si>
    <t>402.751</t>
  </si>
  <si>
    <t>518.358531317495</t>
  </si>
  <si>
    <t>406.978</t>
  </si>
  <si>
    <t>410.948</t>
  </si>
  <si>
    <t>413.228</t>
  </si>
  <si>
    <t>415.789</t>
  </si>
  <si>
    <t>417.941</t>
  </si>
  <si>
    <t>418.889</t>
  </si>
  <si>
    <t>423.576</t>
  </si>
  <si>
    <t>16614.0</t>
  </si>
  <si>
    <t>425.574</t>
  </si>
  <si>
    <t>430.749</t>
  </si>
  <si>
    <t>435.103</t>
  </si>
  <si>
    <t>439.125</t>
  </si>
  <si>
    <t>441.533</t>
  </si>
  <si>
    <t>443.71</t>
  </si>
  <si>
    <t>450.063</t>
  </si>
  <si>
    <t>456.108</t>
  </si>
  <si>
    <t>462.537</t>
  </si>
  <si>
    <t>468.608</t>
  </si>
  <si>
    <t>473.322</t>
  </si>
  <si>
    <t>476.831</t>
  </si>
  <si>
    <t>5.046</t>
  </si>
  <si>
    <t>479.649</t>
  </si>
  <si>
    <t>19019.0</t>
  </si>
  <si>
    <t>487.179</t>
  </si>
  <si>
    <t>494.557</t>
  </si>
  <si>
    <t>502.395</t>
  </si>
  <si>
    <t>507.364</t>
  </si>
  <si>
    <t>510.028</t>
  </si>
  <si>
    <t>512.385</t>
  </si>
  <si>
    <t>515.613</t>
  </si>
  <si>
    <t>522.862</t>
  </si>
  <si>
    <t>527.985</t>
  </si>
  <si>
    <t>532.877</t>
  </si>
  <si>
    <t>536.361</t>
  </si>
  <si>
    <t>1270.48659636641</t>
  </si>
  <si>
    <t>538.077</t>
  </si>
  <si>
    <t>539.87</t>
  </si>
  <si>
    <t>21136.0</t>
  </si>
  <si>
    <t>541.407</t>
  </si>
  <si>
    <t>548.477</t>
  </si>
  <si>
    <t>552.909</t>
  </si>
  <si>
    <t>21661.0</t>
  </si>
  <si>
    <t>554.855</t>
  </si>
  <si>
    <t>559.236</t>
  </si>
  <si>
    <t>21950.0</t>
  </si>
  <si>
    <t>562.258</t>
  </si>
  <si>
    <t>21989.0</t>
  </si>
  <si>
    <t>563.257</t>
  </si>
  <si>
    <t>564.564</t>
  </si>
  <si>
    <t>570.353</t>
  </si>
  <si>
    <t>22455.0</t>
  </si>
  <si>
    <t>575.194</t>
  </si>
  <si>
    <t>22598.0</t>
  </si>
  <si>
    <t>578.857</t>
  </si>
  <si>
    <t>22681.0</t>
  </si>
  <si>
    <t>580.983</t>
  </si>
  <si>
    <t>583.084</t>
  </si>
  <si>
    <t>22834.0</t>
  </si>
  <si>
    <t>584.902</t>
  </si>
  <si>
    <t>22867.0</t>
  </si>
  <si>
    <t>585.748</t>
  </si>
  <si>
    <t>590.615</t>
  </si>
  <si>
    <t>594.508</t>
  </si>
  <si>
    <t>23397.0</t>
  </si>
  <si>
    <t>599.324</t>
  </si>
  <si>
    <t>602.295</t>
  </si>
  <si>
    <t>605.215</t>
  </si>
  <si>
    <t>606.752</t>
  </si>
  <si>
    <t>607.777</t>
  </si>
  <si>
    <t>612.849</t>
  </si>
  <si>
    <t>618.587</t>
  </si>
  <si>
    <t>24356.0</t>
  </si>
  <si>
    <t>623.889</t>
  </si>
  <si>
    <t>24486.0</t>
  </si>
  <si>
    <t>627.219</t>
  </si>
  <si>
    <t>629.909</t>
  </si>
  <si>
    <t>24638.0</t>
  </si>
  <si>
    <t>631.112</t>
  </si>
  <si>
    <t>24689.0</t>
  </si>
  <si>
    <t>632.419</t>
  </si>
  <si>
    <t>1402.61720238851</t>
  </si>
  <si>
    <t>637.926</t>
  </si>
  <si>
    <t>639.514</t>
  </si>
  <si>
    <t>644.919</t>
  </si>
  <si>
    <t>648.557</t>
  </si>
  <si>
    <t>25459.0</t>
  </si>
  <si>
    <t>652.143</t>
  </si>
  <si>
    <t>653.321</t>
  </si>
  <si>
    <t>654.397</t>
  </si>
  <si>
    <t>25777.0</t>
  </si>
  <si>
    <t>660.288</t>
  </si>
  <si>
    <t>25994.0</t>
  </si>
  <si>
    <t>665.847</t>
  </si>
  <si>
    <t>670.509</t>
  </si>
  <si>
    <t>674.377</t>
  </si>
  <si>
    <t>677.451</t>
  </si>
  <si>
    <t>679.244</t>
  </si>
  <si>
    <t>680.294</t>
  </si>
  <si>
    <t>685.699</t>
  </si>
  <si>
    <t>26901.0</t>
  </si>
  <si>
    <t>689.08</t>
  </si>
  <si>
    <t>27186.0</t>
  </si>
  <si>
    <t>696.381</t>
  </si>
  <si>
    <t>27301.0</t>
  </si>
  <si>
    <t>699.326</t>
  </si>
  <si>
    <t>27345.0</t>
  </si>
  <si>
    <t>700.453</t>
  </si>
  <si>
    <t>27393.0</t>
  </si>
  <si>
    <t>701.683</t>
  </si>
  <si>
    <t>707.139</t>
  </si>
  <si>
    <t>27771.0</t>
  </si>
  <si>
    <t>711.366</t>
  </si>
  <si>
    <t>716.284</t>
  </si>
  <si>
    <t>28096.0</t>
  </si>
  <si>
    <t>719.691</t>
  </si>
  <si>
    <t>722.355</t>
  </si>
  <si>
    <t>724.429</t>
  </si>
  <si>
    <t>28326.0</t>
  </si>
  <si>
    <t>725.582</t>
  </si>
  <si>
    <t>1453.43666624317</t>
  </si>
  <si>
    <t>731.089</t>
  </si>
  <si>
    <t>735.495</t>
  </si>
  <si>
    <t>28878.0</t>
  </si>
  <si>
    <t>739.722</t>
  </si>
  <si>
    <t>29042.0</t>
  </si>
  <si>
    <t>743.923</t>
  </si>
  <si>
    <t>747.048</t>
  </si>
  <si>
    <t>748.072</t>
  </si>
  <si>
    <t>749.533</t>
  </si>
  <si>
    <t>755.347</t>
  </si>
  <si>
    <t>29679.0</t>
  </si>
  <si>
    <t>760.24</t>
  </si>
  <si>
    <t>764.133</t>
  </si>
  <si>
    <t>768.411</t>
  </si>
  <si>
    <t>771.792</t>
  </si>
  <si>
    <t>774.021</t>
  </si>
  <si>
    <t>775.993</t>
  </si>
  <si>
    <t>30512.0</t>
  </si>
  <si>
    <t>781.577</t>
  </si>
  <si>
    <t>788.161</t>
  </si>
  <si>
    <t>31023.0</t>
  </si>
  <si>
    <t>794.667</t>
  </si>
  <si>
    <t>31233.0</t>
  </si>
  <si>
    <t>800.046</t>
  </si>
  <si>
    <t>31344.0</t>
  </si>
  <si>
    <t>802.889</t>
  </si>
  <si>
    <t>804.554</t>
  </si>
  <si>
    <t>806.322</t>
  </si>
  <si>
    <t>812.675</t>
  </si>
  <si>
    <t>818.72</t>
  </si>
  <si>
    <t>32191.0</t>
  </si>
  <si>
    <t>824.586</t>
  </si>
  <si>
    <t>830.093</t>
  </si>
  <si>
    <t>833.474</t>
  </si>
  <si>
    <t>835.498</t>
  </si>
  <si>
    <t>32713.0</t>
  </si>
  <si>
    <t>837.957</t>
  </si>
  <si>
    <t>33023.0</t>
  </si>
  <si>
    <t>845.898</t>
  </si>
  <si>
    <t>855.145</t>
  </si>
  <si>
    <t>33766.0</t>
  </si>
  <si>
    <t>864.93</t>
  </si>
  <si>
    <t>-43.26</t>
  </si>
  <si>
    <t>1143.43793672977</t>
  </si>
  <si>
    <t>34038.0</t>
  </si>
  <si>
    <t>871.897</t>
  </si>
  <si>
    <t>877.02</t>
  </si>
  <si>
    <t>882.451</t>
  </si>
  <si>
    <t>885.73</t>
  </si>
  <si>
    <t>34692.0</t>
  </si>
  <si>
    <t>888.65</t>
  </si>
  <si>
    <t>897.257</t>
  </si>
  <si>
    <t>905.197</t>
  </si>
  <si>
    <t>913.036</t>
  </si>
  <si>
    <t>920.746</t>
  </si>
  <si>
    <t>36094.0</t>
  </si>
  <si>
    <t>924.563</t>
  </si>
  <si>
    <t>926.996</t>
  </si>
  <si>
    <t>934.783</t>
  </si>
  <si>
    <t>36738.0</t>
  </si>
  <si>
    <t>941.059</t>
  </si>
  <si>
    <t>948.154</t>
  </si>
  <si>
    <t>7.095</t>
  </si>
  <si>
    <t>37265.0</t>
  </si>
  <si>
    <t>954.558</t>
  </si>
  <si>
    <t>959.963</t>
  </si>
  <si>
    <t>37595.0</t>
  </si>
  <si>
    <t>963.011</t>
  </si>
  <si>
    <t>37729.0</t>
  </si>
  <si>
    <t>966.444</t>
  </si>
  <si>
    <t>38092.0</t>
  </si>
  <si>
    <t>975.742</t>
  </si>
  <si>
    <t>9.298</t>
  </si>
  <si>
    <t>981.121</t>
  </si>
  <si>
    <t>38589.0</t>
  </si>
  <si>
    <t>988.473</t>
  </si>
  <si>
    <t>994.954</t>
  </si>
  <si>
    <t>1000.359</t>
  </si>
  <si>
    <t>1003.125</t>
  </si>
  <si>
    <t>1006.148</t>
  </si>
  <si>
    <t>39587.0</t>
  </si>
  <si>
    <t>1014.037</t>
  </si>
  <si>
    <t>39847.0</t>
  </si>
  <si>
    <t>1020.697</t>
  </si>
  <si>
    <t>1028.254</t>
  </si>
  <si>
    <t>7.557</t>
  </si>
  <si>
    <t>1036.041</t>
  </si>
  <si>
    <t>1042.419</t>
  </si>
  <si>
    <t>1346.71579214839</t>
  </si>
  <si>
    <t>40804.0</t>
  </si>
  <si>
    <t>1045.211</t>
  </si>
  <si>
    <t>1047.722</t>
  </si>
  <si>
    <t>1054.663</t>
  </si>
  <si>
    <t>41367.0</t>
  </si>
  <si>
    <t>1059.633</t>
  </si>
  <si>
    <t>1065.575</t>
  </si>
  <si>
    <t>1072.492</t>
  </si>
  <si>
    <t>1079.024</t>
  </si>
  <si>
    <t>42226.0</t>
  </si>
  <si>
    <t>1081.636</t>
  </si>
  <si>
    <t>42310.0</t>
  </si>
  <si>
    <t>1083.788</t>
  </si>
  <si>
    <t>42576.0</t>
  </si>
  <si>
    <t>1090.602</t>
  </si>
  <si>
    <t>1098.491</t>
  </si>
  <si>
    <t>43174.0</t>
  </si>
  <si>
    <t>1105.92</t>
  </si>
  <si>
    <t>43294.0</t>
  </si>
  <si>
    <t>1108.994</t>
  </si>
  <si>
    <t>1113.835</t>
  </si>
  <si>
    <t>43591.0</t>
  </si>
  <si>
    <t>1116.601</t>
  </si>
  <si>
    <t>1119.137</t>
  </si>
  <si>
    <t>43921.0</t>
  </si>
  <si>
    <t>1125.054</t>
  </si>
  <si>
    <t>1131.202</t>
  </si>
  <si>
    <t>1138.195</t>
  </si>
  <si>
    <t>6.993</t>
  </si>
  <si>
    <t>44764.0</t>
  </si>
  <si>
    <t>1146.648</t>
  </si>
  <si>
    <t>45068.0</t>
  </si>
  <si>
    <t>1154.435</t>
  </si>
  <si>
    <t>1157.432</t>
  </si>
  <si>
    <t>1160.122</t>
  </si>
  <si>
    <t>1162.376</t>
  </si>
  <si>
    <t>1167.269</t>
  </si>
  <si>
    <t>1173.877</t>
  </si>
  <si>
    <t>1180.87</t>
  </si>
  <si>
    <t>8406.0</t>
  </si>
  <si>
    <t>1187.505</t>
  </si>
  <si>
    <t>46434.0</t>
  </si>
  <si>
    <t>1189.426</t>
  </si>
  <si>
    <t>46533.0</t>
  </si>
  <si>
    <t>1191.962</t>
  </si>
  <si>
    <t>46752.0</t>
  </si>
  <si>
    <t>1197.572</t>
  </si>
  <si>
    <t>1468.68250539957</t>
  </si>
  <si>
    <t>1206.768</t>
  </si>
  <si>
    <t>22394.0</t>
  </si>
  <si>
    <t>47394.0</t>
  </si>
  <si>
    <t>1214.017</t>
  </si>
  <si>
    <t>1220.779</t>
  </si>
  <si>
    <t>1225.595</t>
  </si>
  <si>
    <t>47955.0</t>
  </si>
  <si>
    <t>1228.387</t>
  </si>
  <si>
    <t>1231.205</t>
  </si>
  <si>
    <t>1234.381</t>
  </si>
  <si>
    <t>1237.019</t>
  </si>
  <si>
    <t>25223.0</t>
  </si>
  <si>
    <t>1241.861</t>
  </si>
  <si>
    <t>1247.957</t>
  </si>
  <si>
    <t>26361.0</t>
  </si>
  <si>
    <t>16186.0</t>
  </si>
  <si>
    <t>1254.028</t>
  </si>
  <si>
    <t>26939.0</t>
  </si>
  <si>
    <t>49025.0</t>
  </si>
  <si>
    <t>1255.795</t>
  </si>
  <si>
    <t>49089.0</t>
  </si>
  <si>
    <t>1257.435</t>
  </si>
  <si>
    <t>49204.0</t>
  </si>
  <si>
    <t>1260.381</t>
  </si>
  <si>
    <t>17286.0</t>
  </si>
  <si>
    <t>1263.659</t>
  </si>
  <si>
    <t>1267.553</t>
  </si>
  <si>
    <t>49671.0</t>
  </si>
  <si>
    <t>1272.343</t>
  </si>
  <si>
    <t>18418.0</t>
  </si>
  <si>
    <t>11215.0</t>
  </si>
  <si>
    <t>49843.0</t>
  </si>
  <si>
    <t>1276.749</t>
  </si>
  <si>
    <t>49928.0</t>
  </si>
  <si>
    <t>1278.926</t>
  </si>
  <si>
    <t>49995.0</t>
  </si>
  <si>
    <t>1280.642</t>
  </si>
  <si>
    <t>1284.869</t>
  </si>
  <si>
    <t>1287.559</t>
  </si>
  <si>
    <t>30275.0</t>
  </si>
  <si>
    <t>50471.0</t>
  </si>
  <si>
    <t>1292.835</t>
  </si>
  <si>
    <t>1298.343</t>
  </si>
  <si>
    <t>31089.0</t>
  </si>
  <si>
    <t>1304.439</t>
  </si>
  <si>
    <t>50999.0</t>
  </si>
  <si>
    <t>1306.36</t>
  </si>
  <si>
    <t>51066.0</t>
  </si>
  <si>
    <t>1308.077</t>
  </si>
  <si>
    <t>1310.382</t>
  </si>
  <si>
    <t>1313.353</t>
  </si>
  <si>
    <t>1317.938</t>
  </si>
  <si>
    <t>19513.0</t>
  </si>
  <si>
    <t>-45.54</t>
  </si>
  <si>
    <t>1234.91297166815</t>
  </si>
  <si>
    <t>51781.0</t>
  </si>
  <si>
    <t>1326.392</t>
  </si>
  <si>
    <t>52078.0</t>
  </si>
  <si>
    <t>1333.999</t>
  </si>
  <si>
    <t>52251.0</t>
  </si>
  <si>
    <t>1338.431</t>
  </si>
  <si>
    <t>52339.0</t>
  </si>
  <si>
    <t>1340.685</t>
  </si>
  <si>
    <t>52505.0</t>
  </si>
  <si>
    <t>1344.937</t>
  </si>
  <si>
    <t>33938.0</t>
  </si>
  <si>
    <t>1348.113</t>
  </si>
  <si>
    <t>52803.0</t>
  </si>
  <si>
    <t>1352.571</t>
  </si>
  <si>
    <t>35065.0</t>
  </si>
  <si>
    <t>53136.0</t>
  </si>
  <si>
    <t>1361.1</t>
  </si>
  <si>
    <t>35654.0</t>
  </si>
  <si>
    <t>1368.939</t>
  </si>
  <si>
    <t>36259.0</t>
  </si>
  <si>
    <t>53639.0</t>
  </si>
  <si>
    <t>1373.985</t>
  </si>
  <si>
    <t>53741.0</t>
  </si>
  <si>
    <t>1376.598</t>
  </si>
  <si>
    <t>53905.0</t>
  </si>
  <si>
    <t>1380.799</t>
  </si>
  <si>
    <t>54033.0</t>
  </si>
  <si>
    <t>1384.077</t>
  </si>
  <si>
    <t>1389.124</t>
  </si>
  <si>
    <t>37724.0</t>
  </si>
  <si>
    <t>1396.988</t>
  </si>
  <si>
    <t>1404.186</t>
  </si>
  <si>
    <t>20723.0</t>
  </si>
  <si>
    <t>1408.848</t>
  </si>
  <si>
    <t>1412.562</t>
  </si>
  <si>
    <t>55317.0</t>
  </si>
  <si>
    <t>1416.968</t>
  </si>
  <si>
    <t>1421.758</t>
  </si>
  <si>
    <t>55712.0</t>
  </si>
  <si>
    <t>1427.086</t>
  </si>
  <si>
    <t>56033.0</t>
  </si>
  <si>
    <t>1435.308</t>
  </si>
  <si>
    <t>56314.0</t>
  </si>
  <si>
    <t>1442.506</t>
  </si>
  <si>
    <t>56481.0</t>
  </si>
  <si>
    <t>1446.784</t>
  </si>
  <si>
    <t>56586.0</t>
  </si>
  <si>
    <t>1449.474</t>
  </si>
  <si>
    <t>1453.213</t>
  </si>
  <si>
    <t>56839.0</t>
  </si>
  <si>
    <t>1455.954</t>
  </si>
  <si>
    <t>57049.0</t>
  </si>
  <si>
    <t>1461.334</t>
  </si>
  <si>
    <t>57232.0</t>
  </si>
  <si>
    <t>1466.021</t>
  </si>
  <si>
    <t>1470.094</t>
  </si>
  <si>
    <t>57492.0</t>
  </si>
  <si>
    <t>1472.681</t>
  </si>
  <si>
    <t>20771.0</t>
  </si>
  <si>
    <t>1326.38800660653</t>
  </si>
  <si>
    <t>57620.0</t>
  </si>
  <si>
    <t>1475.96</t>
  </si>
  <si>
    <t>57777.0</t>
  </si>
  <si>
    <t>1479.982</t>
  </si>
  <si>
    <t>57876.0</t>
  </si>
  <si>
    <t>1482.517</t>
  </si>
  <si>
    <t>58023.0</t>
  </si>
  <si>
    <t>1486.283</t>
  </si>
  <si>
    <t>1490.253</t>
  </si>
  <si>
    <t>1494.121</t>
  </si>
  <si>
    <t>1496.401</t>
  </si>
  <si>
    <t>58490.0</t>
  </si>
  <si>
    <t>1498.245</t>
  </si>
  <si>
    <t>1502.882</t>
  </si>
  <si>
    <t>58784.0</t>
  </si>
  <si>
    <t>1505.776</t>
  </si>
  <si>
    <t>58943.0</t>
  </si>
  <si>
    <t>1509.849</t>
  </si>
  <si>
    <t>40410.0</t>
  </si>
  <si>
    <t>59095.0</t>
  </si>
  <si>
    <t>1513.743</t>
  </si>
  <si>
    <t>20168.0</t>
  </si>
  <si>
    <t>1517.79</t>
  </si>
  <si>
    <t>59352.0</t>
  </si>
  <si>
    <t>1520.326</t>
  </si>
  <si>
    <t>59430.0</t>
  </si>
  <si>
    <t>1522.324</t>
  </si>
  <si>
    <t>59586.0</t>
  </si>
  <si>
    <t>1526.32</t>
  </si>
  <si>
    <t>41231.0</t>
  </si>
  <si>
    <t>59670.0</t>
  </si>
  <si>
    <t>1528.472</t>
  </si>
  <si>
    <t>105.49</t>
  </si>
  <si>
    <t>59852.0</t>
  </si>
  <si>
    <t>1533.134</t>
  </si>
  <si>
    <t>60029.0</t>
  </si>
  <si>
    <t>1537.667</t>
  </si>
  <si>
    <t>60201.0</t>
  </si>
  <si>
    <t>1542.073</t>
  </si>
  <si>
    <t>60284.0</t>
  </si>
  <si>
    <t>1544.199</t>
  </si>
  <si>
    <t>42166.0</t>
  </si>
  <si>
    <t>60378.0</t>
  </si>
  <si>
    <t>1546.607</t>
  </si>
  <si>
    <t>60554.0</t>
  </si>
  <si>
    <t>1551.116</t>
  </si>
  <si>
    <t>60673.0</t>
  </si>
  <si>
    <t>1554.164</t>
  </si>
  <si>
    <t>22520.0</t>
  </si>
  <si>
    <t>60859.0</t>
  </si>
  <si>
    <t>1558.928</t>
  </si>
  <si>
    <t>22646.0</t>
  </si>
  <si>
    <t>61056.0</t>
  </si>
  <si>
    <t>1563.974</t>
  </si>
  <si>
    <t>22767.0</t>
  </si>
  <si>
    <t>1570.276</t>
  </si>
  <si>
    <t>61423.0</t>
  </si>
  <si>
    <t>1573.375</t>
  </si>
  <si>
    <t>61526.0</t>
  </si>
  <si>
    <t>1576.014</t>
  </si>
  <si>
    <t>61707.0</t>
  </si>
  <si>
    <t>1580.65</t>
  </si>
  <si>
    <t>20644.0</t>
  </si>
  <si>
    <t>1585.799</t>
  </si>
  <si>
    <t>-14.53</t>
  </si>
  <si>
    <t>1239.99491805361</t>
  </si>
  <si>
    <t>62149.0</t>
  </si>
  <si>
    <t>1591.972</t>
  </si>
  <si>
    <t>1597.377</t>
  </si>
  <si>
    <t>23059.0</t>
  </si>
  <si>
    <t>62654.0</t>
  </si>
  <si>
    <t>1604.908</t>
  </si>
  <si>
    <t>62781.0</t>
  </si>
  <si>
    <t>1608.161</t>
  </si>
  <si>
    <t>62873.0</t>
  </si>
  <si>
    <t>1610.518</t>
  </si>
  <si>
    <t>63099.0</t>
  </si>
  <si>
    <t>1616.307</t>
  </si>
  <si>
    <t>20646.0</t>
  </si>
  <si>
    <t>1621.225</t>
  </si>
  <si>
    <t>1624.324</t>
  </si>
  <si>
    <t>63751.0</t>
  </si>
  <si>
    <t>1633.008</t>
  </si>
  <si>
    <t>43316.0</t>
  </si>
  <si>
    <t>64027.0</t>
  </si>
  <si>
    <t>1640.078</t>
  </si>
  <si>
    <t>43626.0</t>
  </si>
  <si>
    <t>21102.0</t>
  </si>
  <si>
    <t>110.85</t>
  </si>
  <si>
    <t>1643.382</t>
  </si>
  <si>
    <t>1646.021</t>
  </si>
  <si>
    <t>64451.0</t>
  </si>
  <si>
    <t>1650.939</t>
  </si>
  <si>
    <t>1655.165</t>
  </si>
  <si>
    <t>64808.0</t>
  </si>
  <si>
    <t>1660.084</t>
  </si>
  <si>
    <t>23825.0</t>
  </si>
  <si>
    <t>1670.022</t>
  </si>
  <si>
    <t>44810.0</t>
  </si>
  <si>
    <t>23837.0</t>
  </si>
  <si>
    <t>113.86</t>
  </si>
  <si>
    <t>65568.0</t>
  </si>
  <si>
    <t>1679.551</t>
  </si>
  <si>
    <t>44998.0</t>
  </si>
  <si>
    <t>114.34</t>
  </si>
  <si>
    <t>1682.779</t>
  </si>
  <si>
    <t>24030.0</t>
  </si>
  <si>
    <t>65804.0</t>
  </si>
  <si>
    <t>1685.596</t>
  </si>
  <si>
    <t>1691.155</t>
  </si>
  <si>
    <t>1695.407</t>
  </si>
  <si>
    <t>117.18</t>
  </si>
  <si>
    <t>66422.0</t>
  </si>
  <si>
    <t>1701.427</t>
  </si>
  <si>
    <t>24349.0</t>
  </si>
  <si>
    <t>66785.0</t>
  </si>
  <si>
    <t>1710.725</t>
  </si>
  <si>
    <t>46401.0</t>
  </si>
  <si>
    <t>1719.306</t>
  </si>
  <si>
    <t>67203.0</t>
  </si>
  <si>
    <t>1721.432</t>
  </si>
  <si>
    <t>67310.0</t>
  </si>
  <si>
    <t>1724.173</t>
  </si>
  <si>
    <t>1728.323</t>
  </si>
  <si>
    <t>46762.0</t>
  </si>
  <si>
    <t>67605.0</t>
  </si>
  <si>
    <t>1731.73</t>
  </si>
  <si>
    <t>22975.0</t>
  </si>
  <si>
    <t>1736.93</t>
  </si>
  <si>
    <t>1746.203</t>
  </si>
  <si>
    <t>9.273</t>
  </si>
  <si>
    <t>24557.0</t>
  </si>
  <si>
    <t>119.13</t>
  </si>
  <si>
    <t>1148.51988311523</t>
  </si>
  <si>
    <t>1753.964</t>
  </si>
  <si>
    <t>24585.0</t>
  </si>
  <si>
    <t>1756.961</t>
  </si>
  <si>
    <t>68709.0</t>
  </si>
  <si>
    <t>1760.009</t>
  </si>
  <si>
    <t>1764.594</t>
  </si>
  <si>
    <t>46929.0</t>
  </si>
  <si>
    <t>23006.0</t>
  </si>
  <si>
    <t>69015.0</t>
  </si>
  <si>
    <t>1767.848</t>
  </si>
  <si>
    <t>69189.0</t>
  </si>
  <si>
    <t>1772.305</t>
  </si>
  <si>
    <t>46949.0</t>
  </si>
  <si>
    <t>23012.0</t>
  </si>
  <si>
    <t>69400.0</t>
  </si>
  <si>
    <t>1777.709</t>
  </si>
  <si>
    <t>47072.0</t>
  </si>
  <si>
    <t>24745.0</t>
  </si>
  <si>
    <t>1783.166</t>
  </si>
  <si>
    <t>1786.163</t>
  </si>
  <si>
    <t>1788.903</t>
  </si>
  <si>
    <t>70011.0</t>
  </si>
  <si>
    <t>1793.36</t>
  </si>
  <si>
    <t>70141.0</t>
  </si>
  <si>
    <t>1796.69</t>
  </si>
  <si>
    <t>119.87</t>
  </si>
  <si>
    <t>70315.0</t>
  </si>
  <si>
    <t>1801.148</t>
  </si>
  <si>
    <t>70492.0</t>
  </si>
  <si>
    <t>1805.681</t>
  </si>
  <si>
    <t>47223.0</t>
  </si>
  <si>
    <t>23133.0</t>
  </si>
  <si>
    <t>119.99</t>
  </si>
  <si>
    <t>70674.0</t>
  </si>
  <si>
    <t>1810.344</t>
  </si>
  <si>
    <t>47263.0</t>
  </si>
  <si>
    <t>24802.0</t>
  </si>
  <si>
    <t>1812.085</t>
  </si>
  <si>
    <t>24805.0</t>
  </si>
  <si>
    <t>70837.0</t>
  </si>
  <si>
    <t>1814.519</t>
  </si>
  <si>
    <t>1818.387</t>
  </si>
  <si>
    <t>23463.0</t>
  </si>
  <si>
    <t>120.82</t>
  </si>
  <si>
    <t>1821.614</t>
  </si>
  <si>
    <t>71239.0</t>
  </si>
  <si>
    <t>1824.816</t>
  </si>
  <si>
    <t>71426.0</t>
  </si>
  <si>
    <t>1829.606</t>
  </si>
  <si>
    <t>24848.0</t>
  </si>
  <si>
    <t>71957.0</t>
  </si>
  <si>
    <t>1843.208</t>
  </si>
  <si>
    <t>24167.0</t>
  </si>
  <si>
    <t>122.76</t>
  </si>
  <si>
    <t>72029.0</t>
  </si>
  <si>
    <t>1845.052</t>
  </si>
  <si>
    <t>24168.0</t>
  </si>
  <si>
    <t>72086.0</t>
  </si>
  <si>
    <t>1846.512</t>
  </si>
  <si>
    <t>72261.0</t>
  </si>
  <si>
    <t>1850.995</t>
  </si>
  <si>
    <t>24953.0</t>
  </si>
  <si>
    <t>72381.0</t>
  </si>
  <si>
    <t>1854.069</t>
  </si>
  <si>
    <t>48546.0</t>
  </si>
  <si>
    <t>123.35</t>
  </si>
  <si>
    <t>72522.0</t>
  </si>
  <si>
    <t>1857.681</t>
  </si>
  <si>
    <t>48630.0</t>
  </si>
  <si>
    <t>25024.0</t>
  </si>
  <si>
    <t>72701.0</t>
  </si>
  <si>
    <t>1862.266</t>
  </si>
  <si>
    <t>48712.0</t>
  </si>
  <si>
    <t>72942.0</t>
  </si>
  <si>
    <t>1868.439</t>
  </si>
  <si>
    <t>25087.0</t>
  </si>
  <si>
    <t>1870.924</t>
  </si>
  <si>
    <t>73193.0</t>
  </si>
  <si>
    <t>1874.869</t>
  </si>
  <si>
    <t>1067.20874094778</t>
  </si>
  <si>
    <t>1876.841</t>
  </si>
  <si>
    <t>73363.0</t>
  </si>
  <si>
    <t>1879.223</t>
  </si>
  <si>
    <t>1882.476</t>
  </si>
  <si>
    <t>48981.0</t>
  </si>
  <si>
    <t>73637.0</t>
  </si>
  <si>
    <t>1886.242</t>
  </si>
  <si>
    <t>73796.0</t>
  </si>
  <si>
    <t>1890.315</t>
  </si>
  <si>
    <t>49153.0</t>
  </si>
  <si>
    <t>73896.0</t>
  </si>
  <si>
    <t>1892.876</t>
  </si>
  <si>
    <t>74018.0</t>
  </si>
  <si>
    <t>1896.001</t>
  </si>
  <si>
    <t>1901.022</t>
  </si>
  <si>
    <t>24733.0</t>
  </si>
  <si>
    <t>74400.0</t>
  </si>
  <si>
    <t>1905.787</t>
  </si>
  <si>
    <t>25380.0</t>
  </si>
  <si>
    <t>24759.0</t>
  </si>
  <si>
    <t>74568.0</t>
  </si>
  <si>
    <t>1910.09</t>
  </si>
  <si>
    <t>49321.0</t>
  </si>
  <si>
    <t>1914.342</t>
  </si>
  <si>
    <t>25465.0</t>
  </si>
  <si>
    <t>24785.0</t>
  </si>
  <si>
    <t>1918.236</t>
  </si>
  <si>
    <t>49487.0</t>
  </si>
  <si>
    <t>24799.0</t>
  </si>
  <si>
    <t>1921.309</t>
  </si>
  <si>
    <t>75159.0</t>
  </si>
  <si>
    <t>1925.229</t>
  </si>
  <si>
    <t>1932.888</t>
  </si>
  <si>
    <t>7.659</t>
  </si>
  <si>
    <t>49508.0</t>
  </si>
  <si>
    <t>75728.0</t>
  </si>
  <si>
    <t>1939.804</t>
  </si>
  <si>
    <t>49574.0</t>
  </si>
  <si>
    <t>76075.0</t>
  </si>
  <si>
    <t>1948.692</t>
  </si>
  <si>
    <t>24838.0</t>
  </si>
  <si>
    <t>126.02</t>
  </si>
  <si>
    <t>1957.683</t>
  </si>
  <si>
    <t>49694.0</t>
  </si>
  <si>
    <t>25594.0</t>
  </si>
  <si>
    <t>126.27</t>
  </si>
  <si>
    <t>76698.0</t>
  </si>
  <si>
    <t>1964.651</t>
  </si>
  <si>
    <t>49858.0</t>
  </si>
  <si>
    <t>25602.0</t>
  </si>
  <si>
    <t>77067.0</t>
  </si>
  <si>
    <t>1974.103</t>
  </si>
  <si>
    <t>77309.0</t>
  </si>
  <si>
    <t>1980.302</t>
  </si>
  <si>
    <t>77684.0</t>
  </si>
  <si>
    <t>1989.908</t>
  </si>
  <si>
    <t>50060.0</t>
  </si>
  <si>
    <t>78029.0</t>
  </si>
  <si>
    <t>1998.745</t>
  </si>
  <si>
    <t>25657.0</t>
  </si>
  <si>
    <t>24927.0</t>
  </si>
  <si>
    <t>2007.582</t>
  </si>
  <si>
    <t>78697.0</t>
  </si>
  <si>
    <t>2015.856</t>
  </si>
  <si>
    <t>8.274</t>
  </si>
  <si>
    <t>50571.0</t>
  </si>
  <si>
    <t>79431.0</t>
  </si>
  <si>
    <t>2034.658</t>
  </si>
  <si>
    <t>2038.807</t>
  </si>
  <si>
    <t>50611.0</t>
  </si>
  <si>
    <t>25701.0</t>
  </si>
  <si>
    <t>79773.0</t>
  </si>
  <si>
    <t>2043.418</t>
  </si>
  <si>
    <t>80423.0</t>
  </si>
  <si>
    <t>2060.068</t>
  </si>
  <si>
    <t>51046.0</t>
  </si>
  <si>
    <t>25728.0</t>
  </si>
  <si>
    <t>25033.0</t>
  </si>
  <si>
    <t>2066.882</t>
  </si>
  <si>
    <t>1123.1101511879</t>
  </si>
  <si>
    <t>2074.003</t>
  </si>
  <si>
    <t>81232.0</t>
  </si>
  <si>
    <t>2080.791</t>
  </si>
  <si>
    <t>6.788</t>
  </si>
  <si>
    <t>81484.0</t>
  </si>
  <si>
    <t>2087.246</t>
  </si>
  <si>
    <t>51848.0</t>
  </si>
  <si>
    <t>25181.0</t>
  </si>
  <si>
    <t>2092.241</t>
  </si>
  <si>
    <t>2097.902</t>
  </si>
  <si>
    <t>82759.0</t>
  </si>
  <si>
    <t>2119.906</t>
  </si>
  <si>
    <t>52241.0</t>
  </si>
  <si>
    <t>2127.078</t>
  </si>
  <si>
    <t>53038.0</t>
  </si>
  <si>
    <t>25272.0</t>
  </si>
  <si>
    <t>2133.61</t>
  </si>
  <si>
    <t>25867.0</t>
  </si>
  <si>
    <t>84013.0</t>
  </si>
  <si>
    <t>2152.027</t>
  </si>
  <si>
    <t>18.417</t>
  </si>
  <si>
    <t>54674.0</t>
  </si>
  <si>
    <t>25286.0</t>
  </si>
  <si>
    <t>84230.0</t>
  </si>
  <si>
    <t>2157.586</t>
  </si>
  <si>
    <t>55324.0</t>
  </si>
  <si>
    <t>25352.0</t>
  </si>
  <si>
    <t>2162.094</t>
  </si>
  <si>
    <t>55924.0</t>
  </si>
  <si>
    <t>2164.886</t>
  </si>
  <si>
    <t>84777.0</t>
  </si>
  <si>
    <t>2171.598</t>
  </si>
  <si>
    <t>2178.078</t>
  </si>
  <si>
    <t>57812.0</t>
  </si>
  <si>
    <t>25968.0</t>
  </si>
  <si>
    <t>25454.0</t>
  </si>
  <si>
    <t>85319.0</t>
  </si>
  <si>
    <t>2185.481</t>
  </si>
  <si>
    <t>58647.0</t>
  </si>
  <si>
    <t>85529.0</t>
  </si>
  <si>
    <t>2190.86</t>
  </si>
  <si>
    <t>59464.0</t>
  </si>
  <si>
    <t>17380.0</t>
  </si>
  <si>
    <t>2196.393</t>
  </si>
  <si>
    <t>60373.0</t>
  </si>
  <si>
    <t>26037.0</t>
  </si>
  <si>
    <t>85918.0</t>
  </si>
  <si>
    <t>2200.825</t>
  </si>
  <si>
    <t>60965.0</t>
  </si>
  <si>
    <t>26053.0</t>
  </si>
  <si>
    <t>2205.589</t>
  </si>
  <si>
    <t>61211.0</t>
  </si>
  <si>
    <t>155.54</t>
  </si>
  <si>
    <t>2211.045</t>
  </si>
  <si>
    <t>61920.0</t>
  </si>
  <si>
    <t>2217.68</t>
  </si>
  <si>
    <t>62427.0</t>
  </si>
  <si>
    <t>16745.0</t>
  </si>
  <si>
    <t>86866.0</t>
  </si>
  <si>
    <t>2225.108</t>
  </si>
  <si>
    <t>62923.0</t>
  </si>
  <si>
    <t>26147.0</t>
  </si>
  <si>
    <t>25569.0</t>
  </si>
  <si>
    <t>2231.819</t>
  </si>
  <si>
    <t>159.95</t>
  </si>
  <si>
    <t>87277.0</t>
  </si>
  <si>
    <t>2235.636</t>
  </si>
  <si>
    <t>62954.0</t>
  </si>
  <si>
    <t>2239.043</t>
  </si>
  <si>
    <t>87539.0</t>
  </si>
  <si>
    <t>2242.347</t>
  </si>
  <si>
    <t>87741.0</t>
  </si>
  <si>
    <t>2247.522</t>
  </si>
  <si>
    <t>25582.0</t>
  </si>
  <si>
    <t>87958.0</t>
  </si>
  <si>
    <t>2253.08</t>
  </si>
  <si>
    <t>2259.151</t>
  </si>
  <si>
    <t>2264.402</t>
  </si>
  <si>
    <t>88562.0</t>
  </si>
  <si>
    <t>2268.552</t>
  </si>
  <si>
    <t>1184.09350781349</t>
  </si>
  <si>
    <t>2271.933</t>
  </si>
  <si>
    <t>2276.339</t>
  </si>
  <si>
    <t>89090.0</t>
  </si>
  <si>
    <t>2282.077</t>
  </si>
  <si>
    <t>63571.0</t>
  </si>
  <si>
    <t>25640.0</t>
  </si>
  <si>
    <t>161.53</t>
  </si>
  <si>
    <t>89344.0</t>
  </si>
  <si>
    <t>2288.583</t>
  </si>
  <si>
    <t>64105.0</t>
  </si>
  <si>
    <t>26224.0</t>
  </si>
  <si>
    <t>89599.0</t>
  </si>
  <si>
    <t>2295.115</t>
  </si>
  <si>
    <t>89816.0</t>
  </si>
  <si>
    <t>2300.674</t>
  </si>
  <si>
    <t>2305.643</t>
  </si>
  <si>
    <t>164.3</t>
  </si>
  <si>
    <t>90205.0</t>
  </si>
  <si>
    <t>2310.638</t>
  </si>
  <si>
    <t>64809.0</t>
  </si>
  <si>
    <t>128.025</t>
  </si>
  <si>
    <t>90384.0</t>
  </si>
  <si>
    <t>2315.223</t>
  </si>
  <si>
    <t>90632.0</t>
  </si>
  <si>
    <t>2321.576</t>
  </si>
  <si>
    <t>65323.0</t>
  </si>
  <si>
    <t>65854.0</t>
  </si>
  <si>
    <t>67040.0</t>
  </si>
  <si>
    <t>15667.0</t>
  </si>
  <si>
    <t>25.605</t>
  </si>
  <si>
    <t>26500.0</t>
  </si>
  <si>
    <t>25916.0</t>
  </si>
  <si>
    <t>67692.0</t>
  </si>
  <si>
    <t>67929.0</t>
  </si>
  <si>
    <t>68172.0</t>
  </si>
  <si>
    <t>25975.0</t>
  </si>
  <si>
    <t>173.22</t>
  </si>
  <si>
    <t>68528.0</t>
  </si>
  <si>
    <t>26591.0</t>
  </si>
  <si>
    <t>16927.0</t>
  </si>
  <si>
    <t>25995.0</t>
  </si>
  <si>
    <t>68545.0</t>
  </si>
  <si>
    <t>26594.0</t>
  </si>
  <si>
    <t>68579.0</t>
  </si>
  <si>
    <t>68765.0</t>
  </si>
  <si>
    <t>26004.0</t>
  </si>
  <si>
    <t>174.73</t>
  </si>
  <si>
    <t>26005.0</t>
  </si>
  <si>
    <t>68777.0</t>
  </si>
  <si>
    <t>26007.0</t>
  </si>
  <si>
    <t>69088.0</t>
  </si>
  <si>
    <t>175.55</t>
  </si>
  <si>
    <t>1412.78109515945</t>
  </si>
  <si>
    <t>69356.0</t>
  </si>
  <si>
    <t>26676.0</t>
  </si>
  <si>
    <t>26070.0</t>
  </si>
  <si>
    <t>69367.0</t>
  </si>
  <si>
    <t>69477.0</t>
  </si>
  <si>
    <t>26183.0</t>
  </si>
  <si>
    <t>176.54</t>
  </si>
  <si>
    <t>69579.0</t>
  </si>
  <si>
    <t>26229.0</t>
  </si>
  <si>
    <t>17823.0</t>
  </si>
  <si>
    <t>177.21</t>
  </si>
  <si>
    <t>177.73</t>
  </si>
  <si>
    <t>69957.0</t>
  </si>
  <si>
    <t>18014.0</t>
  </si>
  <si>
    <t>177.76</t>
  </si>
  <si>
    <t>69962.0</t>
  </si>
  <si>
    <t>177.77</t>
  </si>
  <si>
    <t>70111.0</t>
  </si>
  <si>
    <t>18106.0</t>
  </si>
  <si>
    <t>178.15</t>
  </si>
  <si>
    <t>18107.0</t>
  </si>
  <si>
    <t>70233.0</t>
  </si>
  <si>
    <t>26354.0</t>
  </si>
  <si>
    <t>178.46</t>
  </si>
  <si>
    <t>1585.56727226528</t>
  </si>
  <si>
    <t>70237.0</t>
  </si>
  <si>
    <t>26356.0</t>
  </si>
  <si>
    <t>70340.0</t>
  </si>
  <si>
    <t>26385.0</t>
  </si>
  <si>
    <t>26716.0</t>
  </si>
  <si>
    <t>26386.0</t>
  </si>
  <si>
    <t>26717.0</t>
  </si>
  <si>
    <t>26388.0</t>
  </si>
  <si>
    <t>70438.0</t>
  </si>
  <si>
    <t>26395.0</t>
  </si>
  <si>
    <t>178.98</t>
  </si>
  <si>
    <t>1575.40337949435</t>
  </si>
  <si>
    <t>26722.0</t>
  </si>
  <si>
    <t>26728.0</t>
  </si>
  <si>
    <t>179.18</t>
  </si>
  <si>
    <t>70572.0</t>
  </si>
  <si>
    <t>26730.0</t>
  </si>
  <si>
    <t>1519.50196925422</t>
  </si>
  <si>
    <t>26408.0</t>
  </si>
  <si>
    <t>70631.0</t>
  </si>
  <si>
    <t>70687.0</t>
  </si>
  <si>
    <t>179.61</t>
  </si>
  <si>
    <t>-12.37</t>
  </si>
  <si>
    <t>1458.51861262864</t>
  </si>
  <si>
    <t>18585.0</t>
  </si>
  <si>
    <t>179.86</t>
  </si>
  <si>
    <t>70835.0</t>
  </si>
  <si>
    <t>26433.0</t>
  </si>
  <si>
    <t>18680.0</t>
  </si>
  <si>
    <t>70958.0</t>
  </si>
  <si>
    <t>71045.0</t>
  </si>
  <si>
    <t>26434.0</t>
  </si>
  <si>
    <t>71105.0</t>
  </si>
  <si>
    <t>180.68</t>
  </si>
  <si>
    <t>71187.0</t>
  </si>
  <si>
    <t>180.88</t>
  </si>
  <si>
    <t>71213.0</t>
  </si>
  <si>
    <t>71269.0</t>
  </si>
  <si>
    <t>71297.0</t>
  </si>
  <si>
    <t>26751.0</t>
  </si>
  <si>
    <t>181.16</t>
  </si>
  <si>
    <t>71363.0</t>
  </si>
  <si>
    <t>71379.0</t>
  </si>
  <si>
    <t>19218.0</t>
  </si>
  <si>
    <t>19220.0</t>
  </si>
  <si>
    <t>71416.0</t>
  </si>
  <si>
    <t>19253.0</t>
  </si>
  <si>
    <t>71442.0</t>
  </si>
  <si>
    <t>71468.0</t>
  </si>
  <si>
    <t>26757.0</t>
  </si>
  <si>
    <t>26448.0</t>
  </si>
  <si>
    <t>71705.0</t>
  </si>
  <si>
    <t>19543.0</t>
  </si>
  <si>
    <t>71958.0</t>
  </si>
  <si>
    <t>182.84</t>
  </si>
  <si>
    <t>72195.0</t>
  </si>
  <si>
    <t>20032.0</t>
  </si>
  <si>
    <t>183.45</t>
  </si>
  <si>
    <t>20035.0</t>
  </si>
  <si>
    <t>72425.0</t>
  </si>
  <si>
    <t>184.03</t>
  </si>
  <si>
    <t>26761.0</t>
  </si>
  <si>
    <t>20258.0</t>
  </si>
  <si>
    <t>72652.0</t>
  </si>
  <si>
    <t>184.61</t>
  </si>
  <si>
    <t>185.26</t>
  </si>
  <si>
    <t>20739.0</t>
  </si>
  <si>
    <t>20745.0</t>
  </si>
  <si>
    <t>73030.0</t>
  </si>
  <si>
    <t>185.57</t>
  </si>
  <si>
    <t>73099.0</t>
  </si>
  <si>
    <t>20943.0</t>
  </si>
  <si>
    <t>185.74</t>
  </si>
  <si>
    <t>186.33</t>
  </si>
  <si>
    <t>73594.0</t>
  </si>
  <si>
    <t>21430.0</t>
  </si>
  <si>
    <t>21431.0</t>
  </si>
  <si>
    <t>73801.0</t>
  </si>
  <si>
    <t>21632.0</t>
  </si>
  <si>
    <t>187.53</t>
  </si>
  <si>
    <t>21739.0</t>
  </si>
  <si>
    <t>73947.0</t>
  </si>
  <si>
    <t>188.01</t>
  </si>
  <si>
    <t>74100.0</t>
  </si>
  <si>
    <t>188.29</t>
  </si>
  <si>
    <t>74154.0</t>
  </si>
  <si>
    <t>188.42</t>
  </si>
  <si>
    <t>26458.0</t>
  </si>
  <si>
    <t>LTU</t>
  </si>
  <si>
    <t>Lithuania</t>
  </si>
  <si>
    <t>-519.4</t>
  </si>
  <si>
    <t>-5.24</t>
  </si>
  <si>
    <t>-188.86874385922</t>
  </si>
  <si>
    <t>-441.9</t>
  </si>
  <si>
    <t>-160.687520045032</t>
  </si>
  <si>
    <t>-414.6</t>
  </si>
  <si>
    <t>-150.76045668855</t>
  </si>
  <si>
    <t>26162.0</t>
  </si>
  <si>
    <t>29365.0</t>
  </si>
  <si>
    <t>-352.7</t>
  </si>
  <si>
    <t>-128.251840506637</t>
  </si>
  <si>
    <t>13.153</t>
  </si>
  <si>
    <t>38095.0</t>
  </si>
  <si>
    <t>41165.0</t>
  </si>
  <si>
    <t>14.772</t>
  </si>
  <si>
    <t>50448.0</t>
  </si>
  <si>
    <t>18.103</t>
  </si>
  <si>
    <t>56023.0</t>
  </si>
  <si>
    <t>20.104</t>
  </si>
  <si>
    <t>21.206</t>
  </si>
  <si>
    <t>-306.0</t>
  </si>
  <si>
    <t>-111.270380479248</t>
  </si>
  <si>
    <t>62100.0</t>
  </si>
  <si>
    <t>22.285</t>
  </si>
  <si>
    <t>26.589</t>
  </si>
  <si>
    <t>81178.0</t>
  </si>
  <si>
    <t>29.131</t>
  </si>
  <si>
    <t>88641.0</t>
  </si>
  <si>
    <t>31.809</t>
  </si>
  <si>
    <t>95666.0</t>
  </si>
  <si>
    <t>35.634</t>
  </si>
  <si>
    <t>-235.3</t>
  </si>
  <si>
    <t>-85.5618317868205</t>
  </si>
  <si>
    <t>107699.0</t>
  </si>
  <si>
    <t>38.648</t>
  </si>
  <si>
    <t>114188.0</t>
  </si>
  <si>
    <t>40.977</t>
  </si>
  <si>
    <t>43.845</t>
  </si>
  <si>
    <t>128885.0</t>
  </si>
  <si>
    <t>46.251</t>
  </si>
  <si>
    <t>132295.0</t>
  </si>
  <si>
    <t>134796.0</t>
  </si>
  <si>
    <t>48.372</t>
  </si>
  <si>
    <t>-167.4</t>
  </si>
  <si>
    <t>-60.8714434386475</t>
  </si>
  <si>
    <t>138465.0</t>
  </si>
  <si>
    <t>49.689</t>
  </si>
  <si>
    <t>144809.0</t>
  </si>
  <si>
    <t>51.965</t>
  </si>
  <si>
    <t>151722.0</t>
  </si>
  <si>
    <t>54.446</t>
  </si>
  <si>
    <t>160040.0</t>
  </si>
  <si>
    <t>173920.0</t>
  </si>
  <si>
    <t>62.412</t>
  </si>
  <si>
    <t>176453.0</t>
  </si>
  <si>
    <t>63.321</t>
  </si>
  <si>
    <t>-165.3</t>
  </si>
  <si>
    <t>-60.1078231804566</t>
  </si>
  <si>
    <t>180250.0</t>
  </si>
  <si>
    <t>64.683</t>
  </si>
  <si>
    <t>186937.0</t>
  </si>
  <si>
    <t>67.083</t>
  </si>
  <si>
    <t>194527.0</t>
  </si>
  <si>
    <t>69.807</t>
  </si>
  <si>
    <t>202364.0</t>
  </si>
  <si>
    <t>72.619</t>
  </si>
  <si>
    <t>210504.0</t>
  </si>
  <si>
    <t>77.777</t>
  </si>
  <si>
    <t>219463.0</t>
  </si>
  <si>
    <t>78.755</t>
  </si>
  <si>
    <t>-120.6</t>
  </si>
  <si>
    <t>-43.8536205418213</t>
  </si>
  <si>
    <t>223689.0</t>
  </si>
  <si>
    <t>80.272</t>
  </si>
  <si>
    <t>231608.0</t>
  </si>
  <si>
    <t>83.113</t>
  </si>
  <si>
    <t>238850.0</t>
  </si>
  <si>
    <t>245311.0</t>
  </si>
  <si>
    <t>88.031</t>
  </si>
  <si>
    <t>250364.0</t>
  </si>
  <si>
    <t>89.844</t>
  </si>
  <si>
    <t>254520.0</t>
  </si>
  <si>
    <t>256619.0</t>
  </si>
  <si>
    <t>92.089</t>
  </si>
  <si>
    <t>-134.1</t>
  </si>
  <si>
    <t>-48.7626079159058</t>
  </si>
  <si>
    <t>260398.0</t>
  </si>
  <si>
    <t>93.445</t>
  </si>
  <si>
    <t>265536.0</t>
  </si>
  <si>
    <t>95.289</t>
  </si>
  <si>
    <t>272059.0</t>
  </si>
  <si>
    <t>278557.0</t>
  </si>
  <si>
    <t>99.961</t>
  </si>
  <si>
    <t>283945.0</t>
  </si>
  <si>
    <t>101.895</t>
  </si>
  <si>
    <t>288788.0</t>
  </si>
  <si>
    <t>103.633</t>
  </si>
  <si>
    <t>290945.0</t>
  </si>
  <si>
    <t>104.407</t>
  </si>
  <si>
    <t>-91.6000000000001</t>
  </si>
  <si>
    <t>-33.3083884048991</t>
  </si>
  <si>
    <t>294314.0</t>
  </si>
  <si>
    <t>105.616</t>
  </si>
  <si>
    <t>300366.0</t>
  </si>
  <si>
    <t>107.787</t>
  </si>
  <si>
    <t>306328.0</t>
  </si>
  <si>
    <t>109.927</t>
  </si>
  <si>
    <t>311229.0</t>
  </si>
  <si>
    <t>111.686</t>
  </si>
  <si>
    <t>315995.0</t>
  </si>
  <si>
    <t>113.396</t>
  </si>
  <si>
    <t>318934.0</t>
  </si>
  <si>
    <t>114.451</t>
  </si>
  <si>
    <t>321136.0</t>
  </si>
  <si>
    <t>115.241</t>
  </si>
  <si>
    <t>-50.7000000000001</t>
  </si>
  <si>
    <t>-18.4359748048951</t>
  </si>
  <si>
    <t>324452.0</t>
  </si>
  <si>
    <t>116.431</t>
  </si>
  <si>
    <t>329450.0</t>
  </si>
  <si>
    <t>118.224</t>
  </si>
  <si>
    <t>334733.0</t>
  </si>
  <si>
    <t>339564.0</t>
  </si>
  <si>
    <t>121.854</t>
  </si>
  <si>
    <t>123.429</t>
  </si>
  <si>
    <t>347361.0</t>
  </si>
  <si>
    <t>124.652</t>
  </si>
  <si>
    <t>349170.0</t>
  </si>
  <si>
    <t>38.3991901261718</t>
  </si>
  <si>
    <t>352180.0</t>
  </si>
  <si>
    <t>126.381</t>
  </si>
  <si>
    <t>357920.0</t>
  </si>
  <si>
    <t>363326.0</t>
  </si>
  <si>
    <t>130.381</t>
  </si>
  <si>
    <t>368418.0</t>
  </si>
  <si>
    <t>132.208</t>
  </si>
  <si>
    <t>133.713</t>
  </si>
  <si>
    <t>375554.0</t>
  </si>
  <si>
    <t>377284.0</t>
  </si>
  <si>
    <t>73.7075363501424</t>
  </si>
  <si>
    <t>380293.0</t>
  </si>
  <si>
    <t>136.47</t>
  </si>
  <si>
    <t>384586.0</t>
  </si>
  <si>
    <t>388766.0</t>
  </si>
  <si>
    <t>139.51</t>
  </si>
  <si>
    <t>391798.0</t>
  </si>
  <si>
    <t>140.598</t>
  </si>
  <si>
    <t>396176.0</t>
  </si>
  <si>
    <t>398766.0</t>
  </si>
  <si>
    <t>400430.0</t>
  </si>
  <si>
    <t>143.696</t>
  </si>
  <si>
    <t>120.942903749666</t>
  </si>
  <si>
    <t>403891.0</t>
  </si>
  <si>
    <t>144.938</t>
  </si>
  <si>
    <t>408854.0</t>
  </si>
  <si>
    <t>146.719</t>
  </si>
  <si>
    <t>413606.0</t>
  </si>
  <si>
    <t>417511.0</t>
  </si>
  <si>
    <t>149.825</t>
  </si>
  <si>
    <t>421177.0</t>
  </si>
  <si>
    <t>151.141</t>
  </si>
  <si>
    <t>423448.0</t>
  </si>
  <si>
    <t>151.956</t>
  </si>
  <si>
    <t>424534.0</t>
  </si>
  <si>
    <t>152.346</t>
  </si>
  <si>
    <t>135.597140133044</t>
  </si>
  <si>
    <t>425535.0</t>
  </si>
  <si>
    <t>152.705</t>
  </si>
  <si>
    <t>427869.0</t>
  </si>
  <si>
    <t>153.542</t>
  </si>
  <si>
    <t>431463.0</t>
  </si>
  <si>
    <t>154.832</t>
  </si>
  <si>
    <t>434961.0</t>
  </si>
  <si>
    <t>156.087</t>
  </si>
  <si>
    <t>438608.0</t>
  </si>
  <si>
    <t>157.396</t>
  </si>
  <si>
    <t>440394.0</t>
  </si>
  <si>
    <t>441424.0</t>
  </si>
  <si>
    <t>158.407</t>
  </si>
  <si>
    <t>153.378583288062</t>
  </si>
  <si>
    <t>443529.0</t>
  </si>
  <si>
    <t>159.162</t>
  </si>
  <si>
    <t>446610.0</t>
  </si>
  <si>
    <t>160.268</t>
  </si>
  <si>
    <t>449662.0</t>
  </si>
  <si>
    <t>161.363</t>
  </si>
  <si>
    <t>453148.0</t>
  </si>
  <si>
    <t>162.614</t>
  </si>
  <si>
    <t>456134.0</t>
  </si>
  <si>
    <t>163.685</t>
  </si>
  <si>
    <t>457802.0</t>
  </si>
  <si>
    <t>164.284</t>
  </si>
  <si>
    <t>458923.0</t>
  </si>
  <si>
    <t>164.686</t>
  </si>
  <si>
    <t>529.1</t>
  </si>
  <si>
    <t>192.395942194674</t>
  </si>
  <si>
    <t>460310.0</t>
  </si>
  <si>
    <t>165.184</t>
  </si>
  <si>
    <t>461274.0</t>
  </si>
  <si>
    <t>461973.0</t>
  </si>
  <si>
    <t>462564.0</t>
  </si>
  <si>
    <t>463155.0</t>
  </si>
  <si>
    <t>166.205</t>
  </si>
  <si>
    <t>463412.0</t>
  </si>
  <si>
    <t>166.297</t>
  </si>
  <si>
    <t>463682.0</t>
  </si>
  <si>
    <t>166.394</t>
  </si>
  <si>
    <t>216.359073154093</t>
  </si>
  <si>
    <t>464150.0</t>
  </si>
  <si>
    <t>465966.0</t>
  </si>
  <si>
    <t>167.214</t>
  </si>
  <si>
    <t>471575.0</t>
  </si>
  <si>
    <t>169.226</t>
  </si>
  <si>
    <t>476561.0</t>
  </si>
  <si>
    <t>171.016</t>
  </si>
  <si>
    <t>481428.0</t>
  </si>
  <si>
    <t>172.762</t>
  </si>
  <si>
    <t>483878.0</t>
  </si>
  <si>
    <t>173.641</t>
  </si>
  <si>
    <t>485449.0</t>
  </si>
  <si>
    <t>174.205</t>
  </si>
  <si>
    <t>669.5</t>
  </si>
  <si>
    <t>243.449410885152</t>
  </si>
  <si>
    <t>487970.0</t>
  </si>
  <si>
    <t>491482.0</t>
  </si>
  <si>
    <t>495734.0</t>
  </si>
  <si>
    <t>177.896</t>
  </si>
  <si>
    <t>499899.0</t>
  </si>
  <si>
    <t>179.391</t>
  </si>
  <si>
    <t>504011.0</t>
  </si>
  <si>
    <t>180.866</t>
  </si>
  <si>
    <t>506286.0</t>
  </si>
  <si>
    <t>181.683</t>
  </si>
  <si>
    <t>507859.0</t>
  </si>
  <si>
    <t>182.247</t>
  </si>
  <si>
    <t>724.4</t>
  </si>
  <si>
    <t>263.412626206429</t>
  </si>
  <si>
    <t>511255.0</t>
  </si>
  <si>
    <t>515065.0</t>
  </si>
  <si>
    <t>184.833</t>
  </si>
  <si>
    <t>518575.0</t>
  </si>
  <si>
    <t>186.093</t>
  </si>
  <si>
    <t>522621.0</t>
  </si>
  <si>
    <t>187.544</t>
  </si>
  <si>
    <t>527682.0</t>
  </si>
  <si>
    <t>189.361</t>
  </si>
  <si>
    <t>531135.0</t>
  </si>
  <si>
    <t>532505.0</t>
  </si>
  <si>
    <t>191.091</t>
  </si>
  <si>
    <t>820.9</t>
  </si>
  <si>
    <t>298.502795213774</t>
  </si>
  <si>
    <t>535378.0</t>
  </si>
  <si>
    <t>192.122</t>
  </si>
  <si>
    <t>539431.0</t>
  </si>
  <si>
    <t>193.577</t>
  </si>
  <si>
    <t>543489.0</t>
  </si>
  <si>
    <t>195.033</t>
  </si>
  <si>
    <t>547306.0</t>
  </si>
  <si>
    <t>196.403</t>
  </si>
  <si>
    <t>552142.0</t>
  </si>
  <si>
    <t>198.138</t>
  </si>
  <si>
    <t>555414.0</t>
  </si>
  <si>
    <t>199.312</t>
  </si>
  <si>
    <t>557178.0</t>
  </si>
  <si>
    <t>199.945</t>
  </si>
  <si>
    <t>954.6</t>
  </si>
  <si>
    <t>347.119951651929</t>
  </si>
  <si>
    <t>560150.0</t>
  </si>
  <si>
    <t>201.012</t>
  </si>
  <si>
    <t>564417.0</t>
  </si>
  <si>
    <t>202.543</t>
  </si>
  <si>
    <t>569513.0</t>
  </si>
  <si>
    <t>204.372</t>
  </si>
  <si>
    <t>574694.0</t>
  </si>
  <si>
    <t>206.231</t>
  </si>
  <si>
    <t>579831.0</t>
  </si>
  <si>
    <t>208.074</t>
  </si>
  <si>
    <t>583264.0</t>
  </si>
  <si>
    <t>209.306</t>
  </si>
  <si>
    <t>585030.0</t>
  </si>
  <si>
    <t>1022.5</t>
  </si>
  <si>
    <t>371.810340000102</t>
  </si>
  <si>
    <t>588634.0</t>
  </si>
  <si>
    <t>211.233</t>
  </si>
  <si>
    <t>593126.0</t>
  </si>
  <si>
    <t>212.845</t>
  </si>
  <si>
    <t>597723.0</t>
  </si>
  <si>
    <t>214.495</t>
  </si>
  <si>
    <t>601733.0</t>
  </si>
  <si>
    <t>215.934</t>
  </si>
  <si>
    <t>606895.0</t>
  </si>
  <si>
    <t>217.787</t>
  </si>
  <si>
    <t>609761.0</t>
  </si>
  <si>
    <t>218.815</t>
  </si>
  <si>
    <t>610935.0</t>
  </si>
  <si>
    <t>219.236</t>
  </si>
  <si>
    <t>1066.8</t>
  </si>
  <si>
    <t>387.919091160986</t>
  </si>
  <si>
    <t>614036.0</t>
  </si>
  <si>
    <t>220.349</t>
  </si>
  <si>
    <t>618674.0</t>
  </si>
  <si>
    <t>222.013</t>
  </si>
  <si>
    <t>624259.0</t>
  </si>
  <si>
    <t>224.018</t>
  </si>
  <si>
    <t>629250.0</t>
  </si>
  <si>
    <t>225.809</t>
  </si>
  <si>
    <t>634496.0</t>
  </si>
  <si>
    <t>227.691</t>
  </si>
  <si>
    <t>637399.0</t>
  </si>
  <si>
    <t>228.733</t>
  </si>
  <si>
    <t>638982.0</t>
  </si>
  <si>
    <t>229.301</t>
  </si>
  <si>
    <t>1190.5</t>
  </si>
  <si>
    <t>432.899960655375</t>
  </si>
  <si>
    <t>642073.0</t>
  </si>
  <si>
    <t>647444.0</t>
  </si>
  <si>
    <t>232.338</t>
  </si>
  <si>
    <t>652827.0</t>
  </si>
  <si>
    <t>234.269</t>
  </si>
  <si>
    <t>658277.0</t>
  </si>
  <si>
    <t>236.225</t>
  </si>
  <si>
    <t>663408.0</t>
  </si>
  <si>
    <t>238.066</t>
  </si>
  <si>
    <t>666895.0</t>
  </si>
  <si>
    <t>239.318</t>
  </si>
  <si>
    <t>668730.0</t>
  </si>
  <si>
    <t>239.976</t>
  </si>
  <si>
    <t>1263.8</t>
  </si>
  <si>
    <t>459.553943953182</t>
  </si>
  <si>
    <t>672329.0</t>
  </si>
  <si>
    <t>241.268</t>
  </si>
  <si>
    <t>677612.0</t>
  </si>
  <si>
    <t>243.164</t>
  </si>
  <si>
    <t>683843.0</t>
  </si>
  <si>
    <t>689866.0</t>
  </si>
  <si>
    <t>247.561</t>
  </si>
  <si>
    <t>696083.0</t>
  </si>
  <si>
    <t>249.792</t>
  </si>
  <si>
    <t>251.327</t>
  </si>
  <si>
    <t>702353.0</t>
  </si>
  <si>
    <t>252.042</t>
  </si>
  <si>
    <t>1379.3</t>
  </si>
  <si>
    <t>501.553058153683</t>
  </si>
  <si>
    <t>706191.0</t>
  </si>
  <si>
    <t>253.419</t>
  </si>
  <si>
    <t>712329.0</t>
  </si>
  <si>
    <t>255.622</t>
  </si>
  <si>
    <t>718954.0</t>
  </si>
  <si>
    <t>257.999</t>
  </si>
  <si>
    <t>725075.0</t>
  </si>
  <si>
    <t>260.196</t>
  </si>
  <si>
    <t>732443.0</t>
  </si>
  <si>
    <t>736842.0</t>
  </si>
  <si>
    <t>264.418</t>
  </si>
  <si>
    <t>740010.0</t>
  </si>
  <si>
    <t>265.555</t>
  </si>
  <si>
    <t>1434.4</t>
  </si>
  <si>
    <t>521.588999213835</t>
  </si>
  <si>
    <t>744422.0</t>
  </si>
  <si>
    <t>267.139</t>
  </si>
  <si>
    <t>750772.0</t>
  </si>
  <si>
    <t>269.417</t>
  </si>
  <si>
    <t>757632.0</t>
  </si>
  <si>
    <t>271.879</t>
  </si>
  <si>
    <t>765601.0</t>
  </si>
  <si>
    <t>274.739</t>
  </si>
  <si>
    <t>773145.0</t>
  </si>
  <si>
    <t>277.446</t>
  </si>
  <si>
    <t>778610.0</t>
  </si>
  <si>
    <t>279.407</t>
  </si>
  <si>
    <t>781834.0</t>
  </si>
  <si>
    <t>280.564</t>
  </si>
  <si>
    <t>1530.9</t>
  </si>
  <si>
    <t>556.679168221179</t>
  </si>
  <si>
    <t>787544.0</t>
  </si>
  <si>
    <t>282.613</t>
  </si>
  <si>
    <t>795290.0</t>
  </si>
  <si>
    <t>51.272</t>
  </si>
  <si>
    <t>803890.0</t>
  </si>
  <si>
    <t>288.479</t>
  </si>
  <si>
    <t>812361.0</t>
  </si>
  <si>
    <t>291.519</t>
  </si>
  <si>
    <t>72.362</t>
  </si>
  <si>
    <t>821154.0</t>
  </si>
  <si>
    <t>294.674</t>
  </si>
  <si>
    <t>826774.0</t>
  </si>
  <si>
    <t>296.691</t>
  </si>
  <si>
    <t>830349.0</t>
  </si>
  <si>
    <t>297.974</t>
  </si>
  <si>
    <t>595.260172694539</t>
  </si>
  <si>
    <t>835506.0</t>
  </si>
  <si>
    <t>299.824</t>
  </si>
  <si>
    <t>844650.0</t>
  </si>
  <si>
    <t>303.106</t>
  </si>
  <si>
    <t>89.089</t>
  </si>
  <si>
    <t>854617.0</t>
  </si>
  <si>
    <t>306.682</t>
  </si>
  <si>
    <t>863617.0</t>
  </si>
  <si>
    <t>309.912</t>
  </si>
  <si>
    <t>873806.0</t>
  </si>
  <si>
    <t>313.569</t>
  </si>
  <si>
    <t>881058.0</t>
  </si>
  <si>
    <t>885659.0</t>
  </si>
  <si>
    <t>317.822</t>
  </si>
  <si>
    <t>1758.3</t>
  </si>
  <si>
    <t>639.368333322424</t>
  </si>
  <si>
    <t>891764.0</t>
  </si>
  <si>
    <t>320.013</t>
  </si>
  <si>
    <t>902516.0</t>
  </si>
  <si>
    <t>323.871</t>
  </si>
  <si>
    <t>913635.0</t>
  </si>
  <si>
    <t>327.861</t>
  </si>
  <si>
    <t>925478.0</t>
  </si>
  <si>
    <t>332.111</t>
  </si>
  <si>
    <t>936133.0</t>
  </si>
  <si>
    <t>945391.0</t>
  </si>
  <si>
    <t>339.257</t>
  </si>
  <si>
    <t>949677.0</t>
  </si>
  <si>
    <t>340.795</t>
  </si>
  <si>
    <t>1906.2</t>
  </si>
  <si>
    <t>693.149017220728</t>
  </si>
  <si>
    <t>955220.0</t>
  </si>
  <si>
    <t>342.784</t>
  </si>
  <si>
    <t>962971.0</t>
  </si>
  <si>
    <t>345.566</t>
  </si>
  <si>
    <t>975476.0</t>
  </si>
  <si>
    <t>350.053</t>
  </si>
  <si>
    <t>987718.0</t>
  </si>
  <si>
    <t>354.446</t>
  </si>
  <si>
    <t>1001847.0</t>
  </si>
  <si>
    <t>359.516</t>
  </si>
  <si>
    <t>1012917.0</t>
  </si>
  <si>
    <t>363.489</t>
  </si>
  <si>
    <t>1019547.0</t>
  </si>
  <si>
    <t>365.868</t>
  </si>
  <si>
    <t>2091.3</t>
  </si>
  <si>
    <t>760.456688549841</t>
  </si>
  <si>
    <t>1027887.0</t>
  </si>
  <si>
    <t>368.861</t>
  </si>
  <si>
    <t>1040467.0</t>
  </si>
  <si>
    <t>373.375</t>
  </si>
  <si>
    <t>1053028.0</t>
  </si>
  <si>
    <t>377.883</t>
  </si>
  <si>
    <t>1067032.0</t>
  </si>
  <si>
    <t>382.908</t>
  </si>
  <si>
    <t>1081276.0</t>
  </si>
  <si>
    <t>388.02</t>
  </si>
  <si>
    <t>11347.0</t>
  </si>
  <si>
    <t>1090568.0</t>
  </si>
  <si>
    <t>391.354</t>
  </si>
  <si>
    <t>1097362.0</t>
  </si>
  <si>
    <t>393.792</t>
  </si>
  <si>
    <t>2343.4</t>
  </si>
  <si>
    <t>852.127482402189</t>
  </si>
  <si>
    <t>1105666.0</t>
  </si>
  <si>
    <t>396.772</t>
  </si>
  <si>
    <t>1118288.0</t>
  </si>
  <si>
    <t>401.302</t>
  </si>
  <si>
    <t>1130376.0</t>
  </si>
  <si>
    <t>405.64</t>
  </si>
  <si>
    <t>1144611.0</t>
  </si>
  <si>
    <t>410.748</t>
  </si>
  <si>
    <t>1159013.0</t>
  </si>
  <si>
    <t>415.916</t>
  </si>
  <si>
    <t>1171067.0</t>
  </si>
  <si>
    <t>420.242</t>
  </si>
  <si>
    <t>1176631.0</t>
  </si>
  <si>
    <t>422.238</t>
  </si>
  <si>
    <t>2743.9</t>
  </si>
  <si>
    <t>997.760774500029</t>
  </si>
  <si>
    <t>425.242</t>
  </si>
  <si>
    <t>1199843.0</t>
  </si>
  <si>
    <t>430.568</t>
  </si>
  <si>
    <t>1212932.0</t>
  </si>
  <si>
    <t>435.265</t>
  </si>
  <si>
    <t>4.697</t>
  </si>
  <si>
    <t>1227682.0</t>
  </si>
  <si>
    <t>440.558</t>
  </si>
  <si>
    <t>1242221.0</t>
  </si>
  <si>
    <t>445.776</t>
  </si>
  <si>
    <t>1252958.0</t>
  </si>
  <si>
    <t>449.629</t>
  </si>
  <si>
    <t>1258209.0</t>
  </si>
  <si>
    <t>451.513</t>
  </si>
  <si>
    <t>1145.79401598075</t>
  </si>
  <si>
    <t>1266137.0</t>
  </si>
  <si>
    <t>454.358</t>
  </si>
  <si>
    <t>4.159</t>
  </si>
  <si>
    <t>1278297.0</t>
  </si>
  <si>
    <t>458.722</t>
  </si>
  <si>
    <t>708.712</t>
  </si>
  <si>
    <t>1293117.0</t>
  </si>
  <si>
    <t>464.04</t>
  </si>
  <si>
    <t>1307354.0</t>
  </si>
  <si>
    <t>469.149</t>
  </si>
  <si>
    <t>1322070.0</t>
  </si>
  <si>
    <t>474.43</t>
  </si>
  <si>
    <t>1331859.0</t>
  </si>
  <si>
    <t>477.943</t>
  </si>
  <si>
    <t>1337845.0</t>
  </si>
  <si>
    <t>480.091</t>
  </si>
  <si>
    <t>3666.5</t>
  </si>
  <si>
    <t>1333.24460793191</t>
  </si>
  <si>
    <t>1345656.0</t>
  </si>
  <si>
    <t>482.894</t>
  </si>
  <si>
    <t>1360253.0</t>
  </si>
  <si>
    <t>488.132</t>
  </si>
  <si>
    <t>5.238</t>
  </si>
  <si>
    <t>1375637.0</t>
  </si>
  <si>
    <t>493.652</t>
  </si>
  <si>
    <t>1390402.0</t>
  </si>
  <si>
    <t>498.951</t>
  </si>
  <si>
    <t>1407453.0</t>
  </si>
  <si>
    <t>505.07</t>
  </si>
  <si>
    <t>6.119</t>
  </si>
  <si>
    <t>1419105.0</t>
  </si>
  <si>
    <t>509.251</t>
  </si>
  <si>
    <t>1424195.0</t>
  </si>
  <si>
    <t>511.078</t>
  </si>
  <si>
    <t>4189.6</t>
  </si>
  <si>
    <t>1523.45877796032</t>
  </si>
  <si>
    <t>1434015.0</t>
  </si>
  <si>
    <t>514.602</t>
  </si>
  <si>
    <t>1449341.0</t>
  </si>
  <si>
    <t>520.101</t>
  </si>
  <si>
    <t>1464762.0</t>
  </si>
  <si>
    <t>525.635</t>
  </si>
  <si>
    <t>1480869.0</t>
  </si>
  <si>
    <t>16107.0</t>
  </si>
  <si>
    <t>531.415</t>
  </si>
  <si>
    <t>1498407.0</t>
  </si>
  <si>
    <t>537.709</t>
  </si>
  <si>
    <t>1509055.0</t>
  </si>
  <si>
    <t>541.53</t>
  </si>
  <si>
    <t>1516120.0</t>
  </si>
  <si>
    <t>544.065</t>
  </si>
  <si>
    <t>4.712</t>
  </si>
  <si>
    <t>4825.9</t>
  </si>
  <si>
    <t>1754.83571619217</t>
  </si>
  <si>
    <t>1526291.0</t>
  </si>
  <si>
    <t>547.715</t>
  </si>
  <si>
    <t>1544558.0</t>
  </si>
  <si>
    <t>554.27</t>
  </si>
  <si>
    <t>1560451.0</t>
  </si>
  <si>
    <t>559.974</t>
  </si>
  <si>
    <t>1571513.0</t>
  </si>
  <si>
    <t>563.943</t>
  </si>
  <si>
    <t>1577384.0</t>
  </si>
  <si>
    <t>566.05</t>
  </si>
  <si>
    <t>1583129.0</t>
  </si>
  <si>
    <t>568.112</t>
  </si>
  <si>
    <t>1588611.0</t>
  </si>
  <si>
    <t>570.079</t>
  </si>
  <si>
    <t>5446.4</t>
  </si>
  <si>
    <t>1980.46732105286</t>
  </si>
  <si>
    <t>1599018.0</t>
  </si>
  <si>
    <t>573.814</t>
  </si>
  <si>
    <t>1614285.0</t>
  </si>
  <si>
    <t>579.292</t>
  </si>
  <si>
    <t>1628113.0</t>
  </si>
  <si>
    <t>584.254</t>
  </si>
  <si>
    <t>1641368.0</t>
  </si>
  <si>
    <t>589.011</t>
  </si>
  <si>
    <t>1646429.0</t>
  </si>
  <si>
    <t>590.827</t>
  </si>
  <si>
    <t>1653049.0</t>
  </si>
  <si>
    <t>593.203</t>
  </si>
  <si>
    <t>1658680.0</t>
  </si>
  <si>
    <t>595.223</t>
  </si>
  <si>
    <t>6014.9</t>
  </si>
  <si>
    <t>2187.19023380598</t>
  </si>
  <si>
    <t>1669586.0</t>
  </si>
  <si>
    <t>599.137</t>
  </si>
  <si>
    <t>1686818.0</t>
  </si>
  <si>
    <t>1702401.0</t>
  </si>
  <si>
    <t>610.913</t>
  </si>
  <si>
    <t>1716167.0</t>
  </si>
  <si>
    <t>615.853</t>
  </si>
  <si>
    <t>1729826.0</t>
  </si>
  <si>
    <t>620.754</t>
  </si>
  <si>
    <t>4.275</t>
  </si>
  <si>
    <t>23301.0</t>
  </si>
  <si>
    <t>1739319.0</t>
  </si>
  <si>
    <t>624.161</t>
  </si>
  <si>
    <t>1743958.0</t>
  </si>
  <si>
    <t>625.826</t>
  </si>
  <si>
    <t>6415.8</t>
  </si>
  <si>
    <t>2332.96897738157</t>
  </si>
  <si>
    <t>1753000.0</t>
  </si>
  <si>
    <t>629.071</t>
  </si>
  <si>
    <t>1766748.0</t>
  </si>
  <si>
    <t>634.004</t>
  </si>
  <si>
    <t>27930.0</t>
  </si>
  <si>
    <t>1778159.0</t>
  </si>
  <si>
    <t>638.099</t>
  </si>
  <si>
    <t>34140.0</t>
  </si>
  <si>
    <t>1789649.0</t>
  </si>
  <si>
    <t>642.222</t>
  </si>
  <si>
    <t>42830.0</t>
  </si>
  <si>
    <t>1800233.0</t>
  </si>
  <si>
    <t>646.02</t>
  </si>
  <si>
    <t>50212.0</t>
  </si>
  <si>
    <t>1806833.0</t>
  </si>
  <si>
    <t>648.389</t>
  </si>
  <si>
    <t>1810945.0</t>
  </si>
  <si>
    <t>649.864</t>
  </si>
  <si>
    <t>52460.0</t>
  </si>
  <si>
    <t>51366.0</t>
  </si>
  <si>
    <t>6801.1</t>
  </si>
  <si>
    <t>2473.07511332488</t>
  </si>
  <si>
    <t>1818340.0</t>
  </si>
  <si>
    <t>652.518</t>
  </si>
  <si>
    <t>56996.0</t>
  </si>
  <si>
    <t>1829139.0</t>
  </si>
  <si>
    <t>656.393</t>
  </si>
  <si>
    <t>56560.0</t>
  </si>
  <si>
    <t>1840238.0</t>
  </si>
  <si>
    <t>660.376</t>
  </si>
  <si>
    <t>66732.0</t>
  </si>
  <si>
    <t>1850936.0</t>
  </si>
  <si>
    <t>664.215</t>
  </si>
  <si>
    <t>68331.0</t>
  </si>
  <si>
    <t>59137.0</t>
  </si>
  <si>
    <t>1861010.0</t>
  </si>
  <si>
    <t>667.83</t>
  </si>
  <si>
    <t>68726.0</t>
  </si>
  <si>
    <t>59462.0</t>
  </si>
  <si>
    <t>1867735.0</t>
  </si>
  <si>
    <t>670.244</t>
  </si>
  <si>
    <t>68728.0</t>
  </si>
  <si>
    <t>1871605.0</t>
  </si>
  <si>
    <t>671.632</t>
  </si>
  <si>
    <t>2559.94600841146</t>
  </si>
  <si>
    <t>1879657.0</t>
  </si>
  <si>
    <t>674.522</t>
  </si>
  <si>
    <t>68837.0</t>
  </si>
  <si>
    <t>59570.0</t>
  </si>
  <si>
    <t>1891338.0</t>
  </si>
  <si>
    <t>678.714</t>
  </si>
  <si>
    <t>62070.0</t>
  </si>
  <si>
    <t>1902399.0</t>
  </si>
  <si>
    <t>682.683</t>
  </si>
  <si>
    <t>78932.0</t>
  </si>
  <si>
    <t>65913.0</t>
  </si>
  <si>
    <t>1912201.0</t>
  </si>
  <si>
    <t>686.2</t>
  </si>
  <si>
    <t>69295.0</t>
  </si>
  <si>
    <t>1921067.0</t>
  </si>
  <si>
    <t>689.382</t>
  </si>
  <si>
    <t>94190.0</t>
  </si>
  <si>
    <t>72280.0</t>
  </si>
  <si>
    <t>1927965.0</t>
  </si>
  <si>
    <t>691.857</t>
  </si>
  <si>
    <t>94834.0</t>
  </si>
  <si>
    <t>72475.0</t>
  </si>
  <si>
    <t>1930817.0</t>
  </si>
  <si>
    <t>692.881</t>
  </si>
  <si>
    <t>94843.0</t>
  </si>
  <si>
    <t>7281.7</t>
  </si>
  <si>
    <t>2647.83506384229</t>
  </si>
  <si>
    <t>1938940.0</t>
  </si>
  <si>
    <t>695.796</t>
  </si>
  <si>
    <t>97752.0</t>
  </si>
  <si>
    <t>1947766.0</t>
  </si>
  <si>
    <t>698.963</t>
  </si>
  <si>
    <t>101684.0</t>
  </si>
  <si>
    <t>75179.0</t>
  </si>
  <si>
    <t>1957308.0</t>
  </si>
  <si>
    <t>702.387</t>
  </si>
  <si>
    <t>108536.0</t>
  </si>
  <si>
    <t>76846.0</t>
  </si>
  <si>
    <t>31690.0</t>
  </si>
  <si>
    <t>1965488.0</t>
  </si>
  <si>
    <t>705.323</t>
  </si>
  <si>
    <t>118453.0</t>
  </si>
  <si>
    <t>78334.0</t>
  </si>
  <si>
    <t>1974239.0</t>
  </si>
  <si>
    <t>708.463</t>
  </si>
  <si>
    <t>125841.0</t>
  </si>
  <si>
    <t>46572.0</t>
  </si>
  <si>
    <t>1978747.0</t>
  </si>
  <si>
    <t>710.081</t>
  </si>
  <si>
    <t>126577.0</t>
  </si>
  <si>
    <t>47238.0</t>
  </si>
  <si>
    <t>1981651.0</t>
  </si>
  <si>
    <t>711.123</t>
  </si>
  <si>
    <t>79340.0</t>
  </si>
  <si>
    <t>47334.0</t>
  </si>
  <si>
    <t>2693.76136794206</t>
  </si>
  <si>
    <t>1988438.0</t>
  </si>
  <si>
    <t>713.558</t>
  </si>
  <si>
    <t>129364.0</t>
  </si>
  <si>
    <t>1996145.0</t>
  </si>
  <si>
    <t>716.324</t>
  </si>
  <si>
    <t>132245.0</t>
  </si>
  <si>
    <t>80634.0</t>
  </si>
  <si>
    <t>51611.0</t>
  </si>
  <si>
    <t>2004792.0</t>
  </si>
  <si>
    <t>719.427</t>
  </si>
  <si>
    <t>138437.0</t>
  </si>
  <si>
    <t>85153.0</t>
  </si>
  <si>
    <t>53284.0</t>
  </si>
  <si>
    <t>2013027.0</t>
  </si>
  <si>
    <t>722.382</t>
  </si>
  <si>
    <t>147550.0</t>
  </si>
  <si>
    <t>92944.0</t>
  </si>
  <si>
    <t>54606.0</t>
  </si>
  <si>
    <t>2021676.0</t>
  </si>
  <si>
    <t>725.486</t>
  </si>
  <si>
    <t>154892.0</t>
  </si>
  <si>
    <t>99288.0</t>
  </si>
  <si>
    <t>55604.0</t>
  </si>
  <si>
    <t>2027741.0</t>
  </si>
  <si>
    <t>727.662</t>
  </si>
  <si>
    <t>155342.0</t>
  </si>
  <si>
    <t>99738.0</t>
  </si>
  <si>
    <t>2030728.0</t>
  </si>
  <si>
    <t>728.734</t>
  </si>
  <si>
    <t>55605.0</t>
  </si>
  <si>
    <t>7556.3</t>
  </si>
  <si>
    <t>2747.68750331811</t>
  </si>
  <si>
    <t>2037659.0</t>
  </si>
  <si>
    <t>731.221</t>
  </si>
  <si>
    <t>103698.0</t>
  </si>
  <si>
    <t>2042755.0</t>
  </si>
  <si>
    <t>733.05</t>
  </si>
  <si>
    <t>160540.0</t>
  </si>
  <si>
    <t>104011.0</t>
  </si>
  <si>
    <t>56529.0</t>
  </si>
  <si>
    <t>2049843.0</t>
  </si>
  <si>
    <t>735.594</t>
  </si>
  <si>
    <t>168848.0</t>
  </si>
  <si>
    <t>2058479.0</t>
  </si>
  <si>
    <t>738.693</t>
  </si>
  <si>
    <t>180226.0</t>
  </si>
  <si>
    <t>114873.0</t>
  </si>
  <si>
    <t>65353.0</t>
  </si>
  <si>
    <t>2066240.0</t>
  </si>
  <si>
    <t>741.478</t>
  </si>
  <si>
    <t>190752.0</t>
  </si>
  <si>
    <t>122063.0</t>
  </si>
  <si>
    <t>68689.0</t>
  </si>
  <si>
    <t>2072786.0</t>
  </si>
  <si>
    <t>743.827</t>
  </si>
  <si>
    <t>123013.0</t>
  </si>
  <si>
    <t>2076499.0</t>
  </si>
  <si>
    <t>745.159</t>
  </si>
  <si>
    <t>123016.0</t>
  </si>
  <si>
    <t>2791.57748672937</t>
  </si>
  <si>
    <t>2083480.0</t>
  </si>
  <si>
    <t>747.664</t>
  </si>
  <si>
    <t>126910.0</t>
  </si>
  <si>
    <t>2092469.0</t>
  </si>
  <si>
    <t>750.89</t>
  </si>
  <si>
    <t>205932.0</t>
  </si>
  <si>
    <t>134483.0</t>
  </si>
  <si>
    <t>71447.0</t>
  </si>
  <si>
    <t>2100534.0</t>
  </si>
  <si>
    <t>753.784</t>
  </si>
  <si>
    <t>217705.0</t>
  </si>
  <si>
    <t>145323.0</t>
  </si>
  <si>
    <t>72380.0</t>
  </si>
  <si>
    <t>2109520.0</t>
  </si>
  <si>
    <t>757.009</t>
  </si>
  <si>
    <t>229599.0</t>
  </si>
  <si>
    <t>156265.0</t>
  </si>
  <si>
    <t>2118804.0</t>
  </si>
  <si>
    <t>760.341</t>
  </si>
  <si>
    <t>239670.0</t>
  </si>
  <si>
    <t>165282.0</t>
  </si>
  <si>
    <t>74384.0</t>
  </si>
  <si>
    <t>2124969.0</t>
  </si>
  <si>
    <t>762.553</t>
  </si>
  <si>
    <t>166063.0</t>
  </si>
  <si>
    <t>74415.0</t>
  </si>
  <si>
    <t>2128279.0</t>
  </si>
  <si>
    <t>763.741</t>
  </si>
  <si>
    <t>240938.0</t>
  </si>
  <si>
    <t>7628.7</t>
  </si>
  <si>
    <t>-5.8</t>
  </si>
  <si>
    <t>2774.01422079098</t>
  </si>
  <si>
    <t>2135957.0</t>
  </si>
  <si>
    <t>766.496</t>
  </si>
  <si>
    <t>248523.0</t>
  </si>
  <si>
    <t>173952.0</t>
  </si>
  <si>
    <t>74567.0</t>
  </si>
  <si>
    <t>2145441.0</t>
  </si>
  <si>
    <t>769.899</t>
  </si>
  <si>
    <t>257900.0</t>
  </si>
  <si>
    <t>182709.0</t>
  </si>
  <si>
    <t>75187.0</t>
  </si>
  <si>
    <t>2153738.0</t>
  </si>
  <si>
    <t>772.877</t>
  </si>
  <si>
    <t>269947.0</t>
  </si>
  <si>
    <t>192478.0</t>
  </si>
  <si>
    <t>77465.0</t>
  </si>
  <si>
    <t>2162134.0</t>
  </si>
  <si>
    <t>775.89</t>
  </si>
  <si>
    <t>285477.0</t>
  </si>
  <si>
    <t>2170596.0</t>
  </si>
  <si>
    <t>778.926</t>
  </si>
  <si>
    <t>299552.0</t>
  </si>
  <si>
    <t>212128.0</t>
  </si>
  <si>
    <t>2177170.0</t>
  </si>
  <si>
    <t>781.285</t>
  </si>
  <si>
    <t>300180.0</t>
  </si>
  <si>
    <t>212613.0</t>
  </si>
  <si>
    <t>2180359.0</t>
  </si>
  <si>
    <t>782.43</t>
  </si>
  <si>
    <t>300184.0</t>
  </si>
  <si>
    <t>212616.0</t>
  </si>
  <si>
    <t>2800.30457539441</t>
  </si>
  <si>
    <t>2187929.0</t>
  </si>
  <si>
    <t>785.146</t>
  </si>
  <si>
    <t>309144.0</t>
  </si>
  <si>
    <t>220610.0</t>
  </si>
  <si>
    <t>2196606.0</t>
  </si>
  <si>
    <t>788.26</t>
  </si>
  <si>
    <t>321080.0</t>
  </si>
  <si>
    <t>231164.0</t>
  </si>
  <si>
    <t>89910.0</t>
  </si>
  <si>
    <t>2205735.0</t>
  </si>
  <si>
    <t>791.536</t>
  </si>
  <si>
    <t>336778.0</t>
  </si>
  <si>
    <t>244284.0</t>
  </si>
  <si>
    <t>92488.0</t>
  </si>
  <si>
    <t>2211488.0</t>
  </si>
  <si>
    <t>793.601</t>
  </si>
  <si>
    <t>337926.0</t>
  </si>
  <si>
    <t>244744.0</t>
  </si>
  <si>
    <t>2220414.0</t>
  </si>
  <si>
    <t>796.804</t>
  </si>
  <si>
    <t>355922.0</t>
  </si>
  <si>
    <t>255397.0</t>
  </si>
  <si>
    <t>2227408.0</t>
  </si>
  <si>
    <t>799.314</t>
  </si>
  <si>
    <t>357672.0</t>
  </si>
  <si>
    <t>256433.0</t>
  </si>
  <si>
    <t>2231121.0</t>
  </si>
  <si>
    <t>800.646</t>
  </si>
  <si>
    <t>357703.0</t>
  </si>
  <si>
    <t>256462.0</t>
  </si>
  <si>
    <t>101235.0</t>
  </si>
  <si>
    <t>7821.5</t>
  </si>
  <si>
    <t>2844.12183306679</t>
  </si>
  <si>
    <t>2239214.0</t>
  </si>
  <si>
    <t>803.55</t>
  </si>
  <si>
    <t>365745.0</t>
  </si>
  <si>
    <t>263368.0</t>
  </si>
  <si>
    <t>102372.0</t>
  </si>
  <si>
    <t>281.085</t>
  </si>
  <si>
    <t>2247655.0</t>
  </si>
  <si>
    <t>806.579</t>
  </si>
  <si>
    <t>375981.0</t>
  </si>
  <si>
    <t>268929.0</t>
  </si>
  <si>
    <t>107048.0</t>
  </si>
  <si>
    <t>2255834.0</t>
  </si>
  <si>
    <t>809.514</t>
  </si>
  <si>
    <t>386561.0</t>
  </si>
  <si>
    <t>271552.0</t>
  </si>
  <si>
    <t>115005.0</t>
  </si>
  <si>
    <t>2264718.0</t>
  </si>
  <si>
    <t>812.702</t>
  </si>
  <si>
    <t>394997.0</t>
  </si>
  <si>
    <t>274320.0</t>
  </si>
  <si>
    <t>120672.0</t>
  </si>
  <si>
    <t>2275980.0</t>
  </si>
  <si>
    <t>816.744</t>
  </si>
  <si>
    <t>404319.0</t>
  </si>
  <si>
    <t>277470.0</t>
  </si>
  <si>
    <t>126844.0</t>
  </si>
  <si>
    <t>2282737.0</t>
  </si>
  <si>
    <t>819.169</t>
  </si>
  <si>
    <t>405060.0</t>
  </si>
  <si>
    <t>277957.0</t>
  </si>
  <si>
    <t>127098.0</t>
  </si>
  <si>
    <t>2286736.0</t>
  </si>
  <si>
    <t>820.604</t>
  </si>
  <si>
    <t>405098.0</t>
  </si>
  <si>
    <t>277973.0</t>
  </si>
  <si>
    <t>127120.0</t>
  </si>
  <si>
    <t>2869.39402732597</t>
  </si>
  <si>
    <t>2294993.0</t>
  </si>
  <si>
    <t>823.567</t>
  </si>
  <si>
    <t>413377.0</t>
  </si>
  <si>
    <t>284872.0</t>
  </si>
  <si>
    <t>128499.0</t>
  </si>
  <si>
    <t>2303980.0</t>
  </si>
  <si>
    <t>826.792</t>
  </si>
  <si>
    <t>426315.0</t>
  </si>
  <si>
    <t>292115.0</t>
  </si>
  <si>
    <t>134193.0</t>
  </si>
  <si>
    <t>2313128.0</t>
  </si>
  <si>
    <t>830.075</t>
  </si>
  <si>
    <t>443993.0</t>
  </si>
  <si>
    <t>304293.0</t>
  </si>
  <si>
    <t>2323504.0</t>
  </si>
  <si>
    <t>833.798</t>
  </si>
  <si>
    <t>461046.0</t>
  </si>
  <si>
    <t>314426.0</t>
  </si>
  <si>
    <t>146614.0</t>
  </si>
  <si>
    <t>2336808.0</t>
  </si>
  <si>
    <t>838.572</t>
  </si>
  <si>
    <t>477550.0</t>
  </si>
  <si>
    <t>324240.0</t>
  </si>
  <si>
    <t>153302.0</t>
  </si>
  <si>
    <t>2344353.0</t>
  </si>
  <si>
    <t>841.28</t>
  </si>
  <si>
    <t>480707.0</t>
  </si>
  <si>
    <t>327284.0</t>
  </si>
  <si>
    <t>153415.0</t>
  </si>
  <si>
    <t>2350425.0</t>
  </si>
  <si>
    <t>843.459</t>
  </si>
  <si>
    <t>480896.0</t>
  </si>
  <si>
    <t>327389.0</t>
  </si>
  <si>
    <t>7982.5</t>
  </si>
  <si>
    <t>2902.66605286143</t>
  </si>
  <si>
    <t>2361549.0</t>
  </si>
  <si>
    <t>847.451</t>
  </si>
  <si>
    <t>488779.0</t>
  </si>
  <si>
    <t>155556.0</t>
  </si>
  <si>
    <t>2375344.0</t>
  </si>
  <si>
    <t>852.401</t>
  </si>
  <si>
    <t>501734.0</t>
  </si>
  <si>
    <t>339972.0</t>
  </si>
  <si>
    <t>12955.0</t>
  </si>
  <si>
    <t>2389947.0</t>
  </si>
  <si>
    <t>857.641</t>
  </si>
  <si>
    <t>522597.0</t>
  </si>
  <si>
    <t>353434.0</t>
  </si>
  <si>
    <t>169154.0</t>
  </si>
  <si>
    <t>2403013.0</t>
  </si>
  <si>
    <t>862.33</t>
  </si>
  <si>
    <t>540977.0</t>
  </si>
  <si>
    <t>369105.0</t>
  </si>
  <si>
    <t>18380.0</t>
  </si>
  <si>
    <t>2419823.0</t>
  </si>
  <si>
    <t>868.362</t>
  </si>
  <si>
    <t>560877.0</t>
  </si>
  <si>
    <t>178887.0</t>
  </si>
  <si>
    <t>2429245.0</t>
  </si>
  <si>
    <t>871.744</t>
  </si>
  <si>
    <t>569546.0</t>
  </si>
  <si>
    <t>390040.0</t>
  </si>
  <si>
    <t>179497.0</t>
  </si>
  <si>
    <t>2434220.0</t>
  </si>
  <si>
    <t>873.529</t>
  </si>
  <si>
    <t>571958.0</t>
  </si>
  <si>
    <t>392450.0</t>
  </si>
  <si>
    <t>179500.0</t>
  </si>
  <si>
    <t>2920.3020445387</t>
  </si>
  <si>
    <t>2439724.0</t>
  </si>
  <si>
    <t>875.504</t>
  </si>
  <si>
    <t>575683.0</t>
  </si>
  <si>
    <t>396129.0</t>
  </si>
  <si>
    <t>179546.0</t>
  </si>
  <si>
    <t>2454382.0</t>
  </si>
  <si>
    <t>880.764</t>
  </si>
  <si>
    <t>590410.0</t>
  </si>
  <si>
    <t>407868.0</t>
  </si>
  <si>
    <t>182534.0</t>
  </si>
  <si>
    <t>2472278.0</t>
  </si>
  <si>
    <t>887.186</t>
  </si>
  <si>
    <t>603185.0</t>
  </si>
  <si>
    <t>419551.0</t>
  </si>
  <si>
    <t>183626.0</t>
  </si>
  <si>
    <t>2489933.0</t>
  </si>
  <si>
    <t>893.522</t>
  </si>
  <si>
    <t>630198.0</t>
  </si>
  <si>
    <t>441460.0</t>
  </si>
  <si>
    <t>188727.0</t>
  </si>
  <si>
    <t>2508616.0</t>
  </si>
  <si>
    <t>900.226</t>
  </si>
  <si>
    <t>663751.0</t>
  </si>
  <si>
    <t>471391.0</t>
  </si>
  <si>
    <t>192348.0</t>
  </si>
  <si>
    <t>2521023.0</t>
  </si>
  <si>
    <t>904.678</t>
  </si>
  <si>
    <t>679400.0</t>
  </si>
  <si>
    <t>486853.0</t>
  </si>
  <si>
    <t>192535.0</t>
  </si>
  <si>
    <t>2529230.0</t>
  </si>
  <si>
    <t>907.624</t>
  </si>
  <si>
    <t>681136.0</t>
  </si>
  <si>
    <t>488548.0</t>
  </si>
  <si>
    <t>192576.0</t>
  </si>
  <si>
    <t>8195.3</t>
  </si>
  <si>
    <t>2980.04623902478</t>
  </si>
  <si>
    <t>2547410.0</t>
  </si>
  <si>
    <t>914.147</t>
  </si>
  <si>
    <t>689921.0</t>
  </si>
  <si>
    <t>496845.0</t>
  </si>
  <si>
    <t>193066.0</t>
  </si>
  <si>
    <t>2568505.0</t>
  </si>
  <si>
    <t>921.718</t>
  </si>
  <si>
    <t>708801.0</t>
  </si>
  <si>
    <t>512761.0</t>
  </si>
  <si>
    <t>196028.0</t>
  </si>
  <si>
    <t>2586699.0</t>
  </si>
  <si>
    <t>928.246</t>
  </si>
  <si>
    <t>735663.0</t>
  </si>
  <si>
    <t>532973.0</t>
  </si>
  <si>
    <t>18925.0</t>
  </si>
  <si>
    <t>2606547.0</t>
  </si>
  <si>
    <t>935.369</t>
  </si>
  <si>
    <t>758910.0</t>
  </si>
  <si>
    <t>551045.0</t>
  </si>
  <si>
    <t>207852.0</t>
  </si>
  <si>
    <t>23247.0</t>
  </si>
  <si>
    <t>2627307.0</t>
  </si>
  <si>
    <t>942.819</t>
  </si>
  <si>
    <t>779405.0</t>
  </si>
  <si>
    <t>566637.0</t>
  </si>
  <si>
    <t>212754.0</t>
  </si>
  <si>
    <t>2642220.0</t>
  </si>
  <si>
    <t>948.17</t>
  </si>
  <si>
    <t>781925.0</t>
  </si>
  <si>
    <t>568957.0</t>
  </si>
  <si>
    <t>212954.0</t>
  </si>
  <si>
    <t>2651768.0</t>
  </si>
  <si>
    <t>951.597</t>
  </si>
  <si>
    <t>782011.0</t>
  </si>
  <si>
    <t>212957.0</t>
  </si>
  <si>
    <t>8312.2</t>
  </si>
  <si>
    <t>3022.5544333974</t>
  </si>
  <si>
    <t>2670715.0</t>
  </si>
  <si>
    <t>958.396</t>
  </si>
  <si>
    <t>787869.0</t>
  </si>
  <si>
    <t>573898.0</t>
  </si>
  <si>
    <t>213957.0</t>
  </si>
  <si>
    <t>2692591.0</t>
  </si>
  <si>
    <t>966.246</t>
  </si>
  <si>
    <t>803167.0</t>
  </si>
  <si>
    <t>584616.0</t>
  </si>
  <si>
    <t>218535.0</t>
  </si>
  <si>
    <t>2714115.0</t>
  </si>
  <si>
    <t>973.97</t>
  </si>
  <si>
    <t>829902.0</t>
  </si>
  <si>
    <t>598507.0</t>
  </si>
  <si>
    <t>231378.0</t>
  </si>
  <si>
    <t>26735.0</t>
  </si>
  <si>
    <t>2734164.0</t>
  </si>
  <si>
    <t>20049.0</t>
  </si>
  <si>
    <t>981.165</t>
  </si>
  <si>
    <t>18231.0</t>
  </si>
  <si>
    <t>856141.0</t>
  </si>
  <si>
    <t>614245.0</t>
  </si>
  <si>
    <t>241877.0</t>
  </si>
  <si>
    <t>2755466.0</t>
  </si>
  <si>
    <t>21302.0</t>
  </si>
  <si>
    <t>988.809</t>
  </si>
  <si>
    <t>7.644</t>
  </si>
  <si>
    <t>880842.0</t>
  </si>
  <si>
    <t>630841.0</t>
  </si>
  <si>
    <t>249976.0</t>
  </si>
  <si>
    <t>2769324.0</t>
  </si>
  <si>
    <t>993.782</t>
  </si>
  <si>
    <t>885414.0</t>
  </si>
  <si>
    <t>634819.0</t>
  </si>
  <si>
    <t>250570.0</t>
  </si>
  <si>
    <t>996.795</t>
  </si>
  <si>
    <t>17993.0</t>
  </si>
  <si>
    <t>885691.0</t>
  </si>
  <si>
    <t>635091.0</t>
  </si>
  <si>
    <t>250575.0</t>
  </si>
  <si>
    <t>8460.9</t>
  </si>
  <si>
    <t>3076.62602025121</t>
  </si>
  <si>
    <t>2797716.0</t>
  </si>
  <si>
    <t>1003.971</t>
  </si>
  <si>
    <t>6.511</t>
  </si>
  <si>
    <t>891874.0</t>
  </si>
  <si>
    <t>640016.0</t>
  </si>
  <si>
    <t>251838.0</t>
  </si>
  <si>
    <t>2819376.0</t>
  </si>
  <si>
    <t>1011.743</t>
  </si>
  <si>
    <t>904951.0</t>
  </si>
  <si>
    <t>651874.0</t>
  </si>
  <si>
    <t>253082.0</t>
  </si>
  <si>
    <t>14541.0</t>
  </si>
  <si>
    <t>2841696.0</t>
  </si>
  <si>
    <t>1019.753</t>
  </si>
  <si>
    <t>920278.0</t>
  </si>
  <si>
    <t>665743.0</t>
  </si>
  <si>
    <t>254619.0</t>
  </si>
  <si>
    <t>2865098.0</t>
  </si>
  <si>
    <t>23402.0</t>
  </si>
  <si>
    <t>1028.151</t>
  </si>
  <si>
    <t>8.398</t>
  </si>
  <si>
    <t>953018.0</t>
  </si>
  <si>
    <t>678690.0</t>
  </si>
  <si>
    <t>274460.0</t>
  </si>
  <si>
    <t>2889558.0</t>
  </si>
  <si>
    <t>1036.929</t>
  </si>
  <si>
    <t>990803.0</t>
  </si>
  <si>
    <t>690019.0</t>
  </si>
  <si>
    <t>300975.0</t>
  </si>
  <si>
    <t>2908739.0</t>
  </si>
  <si>
    <t>1043.812</t>
  </si>
  <si>
    <t>1006593.0</t>
  </si>
  <si>
    <t>696728.0</t>
  </si>
  <si>
    <t>310074.0</t>
  </si>
  <si>
    <t>17311.0</t>
  </si>
  <si>
    <t>2918992.0</t>
  </si>
  <si>
    <t>1047.491</t>
  </si>
  <si>
    <t>20182.0</t>
  </si>
  <si>
    <t>696758.0</t>
  </si>
  <si>
    <t>310794.0</t>
  </si>
  <si>
    <t>8584.6</t>
  </si>
  <si>
    <t>3121.6068897456</t>
  </si>
  <si>
    <t>2938704.0</t>
  </si>
  <si>
    <t>1054.565</t>
  </si>
  <si>
    <t>1020705.0</t>
  </si>
  <si>
    <t>706177.0</t>
  </si>
  <si>
    <t>314802.0</t>
  </si>
  <si>
    <t>411.628</t>
  </si>
  <si>
    <t>2964935.0</t>
  </si>
  <si>
    <t>1063.978</t>
  </si>
  <si>
    <t>9.413</t>
  </si>
  <si>
    <t>1048931.0</t>
  </si>
  <si>
    <t>717337.0</t>
  </si>
  <si>
    <t>332020.0</t>
  </si>
  <si>
    <t>28226.0</t>
  </si>
  <si>
    <t>2992037.0</t>
  </si>
  <si>
    <t>1073.704</t>
  </si>
  <si>
    <t>1083497.0</t>
  </si>
  <si>
    <t>729926.0</t>
  </si>
  <si>
    <t>354254.0</t>
  </si>
  <si>
    <t>34566.0</t>
  </si>
  <si>
    <t>3017954.0</t>
  </si>
  <si>
    <t>25917.0</t>
  </si>
  <si>
    <t>1083.004</t>
  </si>
  <si>
    <t>1118848.0</t>
  </si>
  <si>
    <t>744972.0</t>
  </si>
  <si>
    <t>374878.0</t>
  </si>
  <si>
    <t>3045119.0</t>
  </si>
  <si>
    <t>1092.752</t>
  </si>
  <si>
    <t>1151925.0</t>
  </si>
  <si>
    <t>764064.0</t>
  </si>
  <si>
    <t>389716.0</t>
  </si>
  <si>
    <t>23017.0</t>
  </si>
  <si>
    <t>3060619.0</t>
  </si>
  <si>
    <t>1098.314</t>
  </si>
  <si>
    <t>21697.0</t>
  </si>
  <si>
    <t>1167603.0</t>
  </si>
  <si>
    <t>778192.0</t>
  </si>
  <si>
    <t>391415.0</t>
  </si>
  <si>
    <t>3068387.0</t>
  </si>
  <si>
    <t>1101.102</t>
  </si>
  <si>
    <t>1174743.0</t>
  </si>
  <si>
    <t>785276.0</t>
  </si>
  <si>
    <t>391472.0</t>
  </si>
  <si>
    <t>8780.5</t>
  </si>
  <si>
    <t>3192.84175097398</t>
  </si>
  <si>
    <t>3089543.0</t>
  </si>
  <si>
    <t>1108.694</t>
  </si>
  <si>
    <t>7.733</t>
  </si>
  <si>
    <t>1194596.0</t>
  </si>
  <si>
    <t>800917.0</t>
  </si>
  <si>
    <t>396510.0</t>
  </si>
  <si>
    <t>24842.0</t>
  </si>
  <si>
    <t>3115097.0</t>
  </si>
  <si>
    <t>1117.864</t>
  </si>
  <si>
    <t>1220776.0</t>
  </si>
  <si>
    <t>816699.0</t>
  </si>
  <si>
    <t>407270.0</t>
  </si>
  <si>
    <t>26180.0</t>
  </si>
  <si>
    <t>3138926.0</t>
  </si>
  <si>
    <t>23829.0</t>
  </si>
  <si>
    <t>1126.415</t>
  </si>
  <si>
    <t>8.551</t>
  </si>
  <si>
    <t>1252347.0</t>
  </si>
  <si>
    <t>835230.0</t>
  </si>
  <si>
    <t>420526.0</t>
  </si>
  <si>
    <t>24121.0</t>
  </si>
  <si>
    <t>1135.828</t>
  </si>
  <si>
    <t>9.412</t>
  </si>
  <si>
    <t>21029.0</t>
  </si>
  <si>
    <t>1282188.0</t>
  </si>
  <si>
    <t>851837.0</t>
  </si>
  <si>
    <t>434219.0</t>
  </si>
  <si>
    <t>29841.0</t>
  </si>
  <si>
    <t>3188303.0</t>
  </si>
  <si>
    <t>23148.0</t>
  </si>
  <si>
    <t>1144.134</t>
  </si>
  <si>
    <t>1313518.0</t>
  </si>
  <si>
    <t>868408.0</t>
  </si>
  <si>
    <t>449301.0</t>
  </si>
  <si>
    <t>31330.0</t>
  </si>
  <si>
    <t>3201674.0</t>
  </si>
  <si>
    <t>1148.933</t>
  </si>
  <si>
    <t>1319662.0</t>
  </si>
  <si>
    <t>871518.0</t>
  </si>
  <si>
    <t>452351.0</t>
  </si>
  <si>
    <t>3207632.0</t>
  </si>
  <si>
    <t>1151.071</t>
  </si>
  <si>
    <t>1320167.0</t>
  </si>
  <si>
    <t>871811.0</t>
  </si>
  <si>
    <t>452563.0</t>
  </si>
  <si>
    <t>20775.0</t>
  </si>
  <si>
    <t>8947.6</t>
  </si>
  <si>
    <t>3253.60410580431</t>
  </si>
  <si>
    <t>3224776.0</t>
  </si>
  <si>
    <t>17144.0</t>
  </si>
  <si>
    <t>1157.223</t>
  </si>
  <si>
    <t>19319.0</t>
  </si>
  <si>
    <t>1335549.0</t>
  </si>
  <si>
    <t>882588.0</t>
  </si>
  <si>
    <t>457600.0</t>
  </si>
  <si>
    <t>3251924.0</t>
  </si>
  <si>
    <t>1166.965</t>
  </si>
  <si>
    <t>7.015</t>
  </si>
  <si>
    <t>1359649.0</t>
  </si>
  <si>
    <t>893360.0</t>
  </si>
  <si>
    <t>3277473.0</t>
  </si>
  <si>
    <t>1176.133</t>
  </si>
  <si>
    <t>1392271.0</t>
  </si>
  <si>
    <t>909692.0</t>
  </si>
  <si>
    <t>488488.0</t>
  </si>
  <si>
    <t>3303075.0</t>
  </si>
  <si>
    <t>1185.321</t>
  </si>
  <si>
    <t>1423943.0</t>
  </si>
  <si>
    <t>925516.0</t>
  </si>
  <si>
    <t>505509.0</t>
  </si>
  <si>
    <t>3325724.0</t>
  </si>
  <si>
    <t>1193.448</t>
  </si>
  <si>
    <t>1448944.0</t>
  </si>
  <si>
    <t>936097.0</t>
  </si>
  <si>
    <t>3337789.0</t>
  </si>
  <si>
    <t>1197.778</t>
  </si>
  <si>
    <t>1457838.0</t>
  </si>
  <si>
    <t>527611.0</t>
  </si>
  <si>
    <t>3343366.0</t>
  </si>
  <si>
    <t>1199.779</t>
  </si>
  <si>
    <t>1459358.0</t>
  </si>
  <si>
    <t>939996.0</t>
  </si>
  <si>
    <t>527964.0</t>
  </si>
  <si>
    <t>9112.3</t>
  </si>
  <si>
    <t>3313.49375176814</t>
  </si>
  <si>
    <t>3362200.0</t>
  </si>
  <si>
    <t>1206.538</t>
  </si>
  <si>
    <t>6.759</t>
  </si>
  <si>
    <t>1472880.0</t>
  </si>
  <si>
    <t>945410.0</t>
  </si>
  <si>
    <t>537145.0</t>
  </si>
  <si>
    <t>3387761.0</t>
  </si>
  <si>
    <t>1215.711</t>
  </si>
  <si>
    <t>1497792.0</t>
  </si>
  <si>
    <t>960337.0</t>
  </si>
  <si>
    <t>548031.0</t>
  </si>
  <si>
    <t>24912.0</t>
  </si>
  <si>
    <t>3412079.0</t>
  </si>
  <si>
    <t>1224.437</t>
  </si>
  <si>
    <t>1526356.0</t>
  </si>
  <si>
    <t>976666.0</t>
  </si>
  <si>
    <t>561073.0</t>
  </si>
  <si>
    <t>28564.0</t>
  </si>
  <si>
    <t>3438846.0</t>
  </si>
  <si>
    <t>1234.043</t>
  </si>
  <si>
    <t>1555771.0</t>
  </si>
  <si>
    <t>991868.0</t>
  </si>
  <si>
    <t>3463399.0</t>
  </si>
  <si>
    <t>1242.854</t>
  </si>
  <si>
    <t>1586915.0</t>
  </si>
  <si>
    <t>1008905.0</t>
  </si>
  <si>
    <t>591943.0</t>
  </si>
  <si>
    <t>3474729.0</t>
  </si>
  <si>
    <t>1246.919</t>
  </si>
  <si>
    <t>1595371.0</t>
  </si>
  <si>
    <t>1014388.0</t>
  </si>
  <si>
    <t>598023.0</t>
  </si>
  <si>
    <t>3480927.0</t>
  </si>
  <si>
    <t>1249.144</t>
  </si>
  <si>
    <t>1595966.0</t>
  </si>
  <si>
    <t>1014953.0</t>
  </si>
  <si>
    <t>598053.0</t>
  </si>
  <si>
    <t>10708.0</t>
  </si>
  <si>
    <t>9216.8</t>
  </si>
  <si>
    <t>3351.4929503305</t>
  </si>
  <si>
    <t>3501092.0</t>
  </si>
  <si>
    <t>1256.38</t>
  </si>
  <si>
    <t>1614092.0</t>
  </si>
  <si>
    <t>1020091.0</t>
  </si>
  <si>
    <t>611462.0</t>
  </si>
  <si>
    <t>3526849.0</t>
  </si>
  <si>
    <t>1265.623</t>
  </si>
  <si>
    <t>1646305.0</t>
  </si>
  <si>
    <t>1038061.0</t>
  </si>
  <si>
    <t>626418.0</t>
  </si>
  <si>
    <t>32213.0</t>
  </si>
  <si>
    <t>3551659.0</t>
  </si>
  <si>
    <t>24810.0</t>
  </si>
  <si>
    <t>1274.526</t>
  </si>
  <si>
    <t>8.903</t>
  </si>
  <si>
    <t>1686423.0</t>
  </si>
  <si>
    <t>1057185.0</t>
  </si>
  <si>
    <t>648114.0</t>
  </si>
  <si>
    <t>40118.0</t>
  </si>
  <si>
    <t>3575322.0</t>
  </si>
  <si>
    <t>23663.0</t>
  </si>
  <si>
    <t>1283.018</t>
  </si>
  <si>
    <t>1723040.0</t>
  </si>
  <si>
    <t>1077894.0</t>
  </si>
  <si>
    <t>665121.0</t>
  </si>
  <si>
    <t>3598500.0</t>
  </si>
  <si>
    <t>1291.335</t>
  </si>
  <si>
    <t>1764235.0</t>
  </si>
  <si>
    <t>1097712.0</t>
  </si>
  <si>
    <t>688037.0</t>
  </si>
  <si>
    <t>177.087</t>
  </si>
  <si>
    <t>3610459.0</t>
  </si>
  <si>
    <t>1295.627</t>
  </si>
  <si>
    <t>1780184.0</t>
  </si>
  <si>
    <t>1110053.0</t>
  </si>
  <si>
    <t>694033.0</t>
  </si>
  <si>
    <t>3615883.0</t>
  </si>
  <si>
    <t>1297.573</t>
  </si>
  <si>
    <t>1785803.0</t>
  </si>
  <si>
    <t>1115475.0</t>
  </si>
  <si>
    <t>694234.0</t>
  </si>
  <si>
    <t>27120.0</t>
  </si>
  <si>
    <t>9362.3</t>
  </si>
  <si>
    <t>3404.4009253623</t>
  </si>
  <si>
    <t>3632738.0</t>
  </si>
  <si>
    <t>1303.621</t>
  </si>
  <si>
    <t>1807381.0</t>
  </si>
  <si>
    <t>1122302.0</t>
  </si>
  <si>
    <t>710584.0</t>
  </si>
  <si>
    <t>3656504.0</t>
  </si>
  <si>
    <t>1312.15</t>
  </si>
  <si>
    <t>1833833.0</t>
  </si>
  <si>
    <t>1134259.0</t>
  </si>
  <si>
    <t>726638.0</t>
  </si>
  <si>
    <t>3676978.0</t>
  </si>
  <si>
    <t>1319.497</t>
  </si>
  <si>
    <t>1861619.0</t>
  </si>
  <si>
    <t>1145833.0</t>
  </si>
  <si>
    <t>744764.0</t>
  </si>
  <si>
    <t>3699686.0</t>
  </si>
  <si>
    <t>1327.646</t>
  </si>
  <si>
    <t>1886773.0</t>
  </si>
  <si>
    <t>1154800.0</t>
  </si>
  <si>
    <t>762735.0</t>
  </si>
  <si>
    <t>25154.0</t>
  </si>
  <si>
    <t>3721353.0</t>
  </si>
  <si>
    <t>21667.0</t>
  </si>
  <si>
    <t>1335.421</t>
  </si>
  <si>
    <t>6.298</t>
  </si>
  <si>
    <t>1909888.0</t>
  </si>
  <si>
    <t>1165673.0</t>
  </si>
  <si>
    <t>776753.0</t>
  </si>
  <si>
    <t>23115.0</t>
  </si>
  <si>
    <t>3730123.0</t>
  </si>
  <si>
    <t>1338.568</t>
  </si>
  <si>
    <t>1915831.0</t>
  </si>
  <si>
    <t>1169730.0</t>
  </si>
  <si>
    <t>779619.0</t>
  </si>
  <si>
    <t>3735022.0</t>
  </si>
  <si>
    <t>1340.326</t>
  </si>
  <si>
    <t>17020.0</t>
  </si>
  <si>
    <t>1920031.0</t>
  </si>
  <si>
    <t>1172878.0</t>
  </si>
  <si>
    <t>783697.0</t>
  </si>
  <si>
    <t>9500.2</t>
  </si>
  <si>
    <t>3454.54532231684</t>
  </si>
  <si>
    <t>3749531.0</t>
  </si>
  <si>
    <t>1345.533</t>
  </si>
  <si>
    <t>1176982.0</t>
  </si>
  <si>
    <t>799913.0</t>
  </si>
  <si>
    <t>3764126.0</t>
  </si>
  <si>
    <t>14595.0</t>
  </si>
  <si>
    <t>1350.771</t>
  </si>
  <si>
    <t>1964019.0</t>
  </si>
  <si>
    <t>1185099.0</t>
  </si>
  <si>
    <t>818078.0</t>
  </si>
  <si>
    <t>3776465.0</t>
  </si>
  <si>
    <t>1355.198</t>
  </si>
  <si>
    <t>1992901.0</t>
  </si>
  <si>
    <t>1192016.0</t>
  </si>
  <si>
    <t>841181.0</t>
  </si>
  <si>
    <t>3788149.0</t>
  </si>
  <si>
    <t>1359.391</t>
  </si>
  <si>
    <t>2021920.0</t>
  </si>
  <si>
    <t>1201828.0</t>
  </si>
  <si>
    <t>29019.0</t>
  </si>
  <si>
    <t>3802613.0</t>
  </si>
  <si>
    <t>1364.582</t>
  </si>
  <si>
    <t>2047565.0</t>
  </si>
  <si>
    <t>1207794.0</t>
  </si>
  <si>
    <t>881799.0</t>
  </si>
  <si>
    <t>25645.0</t>
  </si>
  <si>
    <t>3810314.0</t>
  </si>
  <si>
    <t>1367.345</t>
  </si>
  <si>
    <t>2054076.0</t>
  </si>
  <si>
    <t>1209041.0</t>
  </si>
  <si>
    <t>887632.0</t>
  </si>
  <si>
    <t>3814283.0</t>
  </si>
  <si>
    <t>1368.77</t>
  </si>
  <si>
    <t>2055135.0</t>
  </si>
  <si>
    <t>1209402.0</t>
  </si>
  <si>
    <t>888597.0</t>
  </si>
  <si>
    <t>9656.5</t>
  </si>
  <si>
    <t>3511.3804872479</t>
  </si>
  <si>
    <t>3825074.0</t>
  </si>
  <si>
    <t>1372.642</t>
  </si>
  <si>
    <t>2071207.0</t>
  </si>
  <si>
    <t>1214053.0</t>
  </si>
  <si>
    <t>901105.0</t>
  </si>
  <si>
    <t>3835389.0</t>
  </si>
  <si>
    <t>1376.344</t>
  </si>
  <si>
    <t>2096596.0</t>
  </si>
  <si>
    <t>1218098.0</t>
  </si>
  <si>
    <t>922936.0</t>
  </si>
  <si>
    <t>3846234.0</t>
  </si>
  <si>
    <t>1380.235</t>
  </si>
  <si>
    <t>2124151.0</t>
  </si>
  <si>
    <t>1221428.0</t>
  </si>
  <si>
    <t>947224.0</t>
  </si>
  <si>
    <t>54.544</t>
  </si>
  <si>
    <t>3851356.0</t>
  </si>
  <si>
    <t>1382.073</t>
  </si>
  <si>
    <t>2134397.0</t>
  </si>
  <si>
    <t>1223040.0</t>
  </si>
  <si>
    <t>955992.0</t>
  </si>
  <si>
    <t>3863461.0</t>
  </si>
  <si>
    <t>1386.417</t>
  </si>
  <si>
    <t>2163377.0</t>
  </si>
  <si>
    <t>1227268.0</t>
  </si>
  <si>
    <t>981172.0</t>
  </si>
  <si>
    <t>28980.0</t>
  </si>
  <si>
    <t>3869903.0</t>
  </si>
  <si>
    <t>1388.729</t>
  </si>
  <si>
    <t>2171811.0</t>
  </si>
  <si>
    <t>1228208.0</t>
  </si>
  <si>
    <t>988685.0</t>
  </si>
  <si>
    <t>3873899.0</t>
  </si>
  <si>
    <t>1390.163</t>
  </si>
  <si>
    <t>2178038.0</t>
  </si>
  <si>
    <t>1228851.0</t>
  </si>
  <si>
    <t>994342.0</t>
  </si>
  <si>
    <t>9926.6</t>
  </si>
  <si>
    <t>3609.59659759903</t>
  </si>
  <si>
    <t>3884874.0</t>
  </si>
  <si>
    <t>1394.101</t>
  </si>
  <si>
    <t>2197994.0</t>
  </si>
  <si>
    <t>1231973.0</t>
  </si>
  <si>
    <t>1011549.0</t>
  </si>
  <si>
    <t>3894979.0</t>
  </si>
  <si>
    <t>1397.728</t>
  </si>
  <si>
    <t>2222941.0</t>
  </si>
  <si>
    <t>1236333.0</t>
  </si>
  <si>
    <t>1033489.0</t>
  </si>
  <si>
    <t>3904592.0</t>
  </si>
  <si>
    <t>1401.177</t>
  </si>
  <si>
    <t>2246385.0</t>
  </si>
  <si>
    <t>1241859.0</t>
  </si>
  <si>
    <t>1053145.0</t>
  </si>
  <si>
    <t>3913406.0</t>
  </si>
  <si>
    <t>1404.34</t>
  </si>
  <si>
    <t>2263669.0</t>
  </si>
  <si>
    <t>1247323.0</t>
  </si>
  <si>
    <t>1066396.0</t>
  </si>
  <si>
    <t>3925234.0</t>
  </si>
  <si>
    <t>1408.585</t>
  </si>
  <si>
    <t>2283347.0</t>
  </si>
  <si>
    <t>1252118.0</t>
  </si>
  <si>
    <t>1082518.0</t>
  </si>
  <si>
    <t>19678.0</t>
  </si>
  <si>
    <t>3931982.0</t>
  </si>
  <si>
    <t>1411.006</t>
  </si>
  <si>
    <t>2289051.0</t>
  </si>
  <si>
    <t>1254106.0</t>
  </si>
  <si>
    <t>1086686.0</t>
  </si>
  <si>
    <t>3935262.0</t>
  </si>
  <si>
    <t>1412.183</t>
  </si>
  <si>
    <t>2289504.0</t>
  </si>
  <si>
    <t>1254391.0</t>
  </si>
  <si>
    <t>1087055.0</t>
  </si>
  <si>
    <t>9948.5</t>
  </si>
  <si>
    <t>3617.56006600588</t>
  </si>
  <si>
    <t>3945663.0</t>
  </si>
  <si>
    <t>1415.916</t>
  </si>
  <si>
    <t>2302571.0</t>
  </si>
  <si>
    <t>1258006.0</t>
  </si>
  <si>
    <t>1097306.0</t>
  </si>
  <si>
    <t>23.272</t>
  </si>
  <si>
    <t>3951233.0</t>
  </si>
  <si>
    <t>1417.915</t>
  </si>
  <si>
    <t>2307285.0</t>
  </si>
  <si>
    <t>1259460.0</t>
  </si>
  <si>
    <t>1100846.0</t>
  </si>
  <si>
    <t>3960418.0</t>
  </si>
  <si>
    <t>1421.211</t>
  </si>
  <si>
    <t>2323546.0</t>
  </si>
  <si>
    <t>1264816.0</t>
  </si>
  <si>
    <t>1113421.0</t>
  </si>
  <si>
    <t>3969579.0</t>
  </si>
  <si>
    <t>1424.498</t>
  </si>
  <si>
    <t>2340507.0</t>
  </si>
  <si>
    <t>1270479.0</t>
  </si>
  <si>
    <t>1126783.0</t>
  </si>
  <si>
    <t>3980572.0</t>
  </si>
  <si>
    <t>1428.443</t>
  </si>
  <si>
    <t>2354955.0</t>
  </si>
  <si>
    <t>1275669.0</t>
  </si>
  <si>
    <t>1137516.0</t>
  </si>
  <si>
    <t>3986543.0</t>
  </si>
  <si>
    <t>1430.586</t>
  </si>
  <si>
    <t>2359108.0</t>
  </si>
  <si>
    <t>1277673.0</t>
  </si>
  <si>
    <t>1141120.0</t>
  </si>
  <si>
    <t>3989885.0</t>
  </si>
  <si>
    <t>1431.785</t>
  </si>
  <si>
    <t>2359402.0</t>
  </si>
  <si>
    <t>1277890.0</t>
  </si>
  <si>
    <t>1141316.0</t>
  </si>
  <si>
    <t>10140.8</t>
  </si>
  <si>
    <t>3687.48586393451</t>
  </si>
  <si>
    <t>18.909</t>
  </si>
  <si>
    <t>3999641.0</t>
  </si>
  <si>
    <t>1435.286</t>
  </si>
  <si>
    <t>2370961.0</t>
  </si>
  <si>
    <t>1280946.0</t>
  </si>
  <si>
    <t>1150644.0</t>
  </si>
  <si>
    <t>11559.0</t>
  </si>
  <si>
    <t>4009057.0</t>
  </si>
  <si>
    <t>1438.665</t>
  </si>
  <si>
    <t>2380889.0</t>
  </si>
  <si>
    <t>1285241.0</t>
  </si>
  <si>
    <t>1157720.0</t>
  </si>
  <si>
    <t>4018155.0</t>
  </si>
  <si>
    <t>1441.93</t>
  </si>
  <si>
    <t>2389700.0</t>
  </si>
  <si>
    <t>1289557.0</t>
  </si>
  <si>
    <t>1163391.0</t>
  </si>
  <si>
    <t>4026627.0</t>
  </si>
  <si>
    <t>1444.97</t>
  </si>
  <si>
    <t>2400555.0</t>
  </si>
  <si>
    <t>1296238.0</t>
  </si>
  <si>
    <t>1170397.0</t>
  </si>
  <si>
    <t>4037429.0</t>
  </si>
  <si>
    <t>1448.846</t>
  </si>
  <si>
    <t>2413069.0</t>
  </si>
  <si>
    <t>1302588.0</t>
  </si>
  <si>
    <t>1178936.0</t>
  </si>
  <si>
    <t>4044455.0</t>
  </si>
  <si>
    <t>1451.368</t>
  </si>
  <si>
    <t>2416207.0</t>
  </si>
  <si>
    <t>1304453.0</t>
  </si>
  <si>
    <t>1180779.0</t>
  </si>
  <si>
    <t>4047920.0</t>
  </si>
  <si>
    <t>1452.611</t>
  </si>
  <si>
    <t>2417744.0</t>
  </si>
  <si>
    <t>1305370.0</t>
  </si>
  <si>
    <t>1181557.0</t>
  </si>
  <si>
    <t>10385.7</t>
  </si>
  <si>
    <t>3776.53853118734</t>
  </si>
  <si>
    <t>4058084.0</t>
  </si>
  <si>
    <t>1456.258</t>
  </si>
  <si>
    <t>2428641.0</t>
  </si>
  <si>
    <t>1309954.0</t>
  </si>
  <si>
    <t>1188678.0</t>
  </si>
  <si>
    <t>4067312.0</t>
  </si>
  <si>
    <t>1459.57</t>
  </si>
  <si>
    <t>2440199.0</t>
  </si>
  <si>
    <t>1317085.0</t>
  </si>
  <si>
    <t>1194856.0</t>
  </si>
  <si>
    <t>4076995.0</t>
  </si>
  <si>
    <t>1463.045</t>
  </si>
  <si>
    <t>2453253.0</t>
  </si>
  <si>
    <t>1325160.0</t>
  </si>
  <si>
    <t>1200589.0</t>
  </si>
  <si>
    <t>4087550.0</t>
  </si>
  <si>
    <t>1466.832</t>
  </si>
  <si>
    <t>2470222.0</t>
  </si>
  <si>
    <t>1337052.0</t>
  </si>
  <si>
    <t>1207211.0</t>
  </si>
  <si>
    <t>4100662.0</t>
  </si>
  <si>
    <t>1471.538</t>
  </si>
  <si>
    <t>2486200.0</t>
  </si>
  <si>
    <t>1348807.0</t>
  </si>
  <si>
    <t>1213202.0</t>
  </si>
  <si>
    <t>4108586.0</t>
  </si>
  <si>
    <t>1474.381</t>
  </si>
  <si>
    <t>2490094.0</t>
  </si>
  <si>
    <t>1351939.0</t>
  </si>
  <si>
    <t>1214590.0</t>
  </si>
  <si>
    <t>4113419.0</t>
  </si>
  <si>
    <t>1476.116</t>
  </si>
  <si>
    <t>2491551.0</t>
  </si>
  <si>
    <t>1353234.0</t>
  </si>
  <si>
    <t>1215365.0</t>
  </si>
  <si>
    <t>3798.10171276388</t>
  </si>
  <si>
    <t>4126882.0</t>
  </si>
  <si>
    <t>1480.947</t>
  </si>
  <si>
    <t>1363330.0</t>
  </si>
  <si>
    <t>1222767.0</t>
  </si>
  <si>
    <t>38.181</t>
  </si>
  <si>
    <t>4140556.0</t>
  </si>
  <si>
    <t>1485.854</t>
  </si>
  <si>
    <t>2522871.0</t>
  </si>
  <si>
    <t>1374242.0</t>
  </si>
  <si>
    <t>1227954.0</t>
  </si>
  <si>
    <t>4155610.0</t>
  </si>
  <si>
    <t>1491.256</t>
  </si>
  <si>
    <t>2539729.0</t>
  </si>
  <si>
    <t>1385873.0</t>
  </si>
  <si>
    <t>1233452.0</t>
  </si>
  <si>
    <t>92.35</t>
  </si>
  <si>
    <t>4169150.0</t>
  </si>
  <si>
    <t>1496.115</t>
  </si>
  <si>
    <t>2560783.0</t>
  </si>
  <si>
    <t>1401432.0</t>
  </si>
  <si>
    <t>1239408.0</t>
  </si>
  <si>
    <t>93.12</t>
  </si>
  <si>
    <t>4185311.0</t>
  </si>
  <si>
    <t>16161.0</t>
  </si>
  <si>
    <t>1501.914</t>
  </si>
  <si>
    <t>2577125.0</t>
  </si>
  <si>
    <t>1411830.0</t>
  </si>
  <si>
    <t>1246113.0</t>
  </si>
  <si>
    <t>93.71</t>
  </si>
  <si>
    <t>4194574.0</t>
  </si>
  <si>
    <t>1505.238</t>
  </si>
  <si>
    <t>2583413.0</t>
  </si>
  <si>
    <t>1415128.0</t>
  </si>
  <si>
    <t>1249996.0</t>
  </si>
  <si>
    <t>4201064.0</t>
  </si>
  <si>
    <t>1507.567</t>
  </si>
  <si>
    <t>2586264.0</t>
  </si>
  <si>
    <t>1415919.0</t>
  </si>
  <si>
    <t>1252412.0</t>
  </si>
  <si>
    <t>10521.9</t>
  </si>
  <si>
    <t>3826.06475936144</t>
  </si>
  <si>
    <t>4217368.0</t>
  </si>
  <si>
    <t>1513.418</t>
  </si>
  <si>
    <t>2602281.0</t>
  </si>
  <si>
    <t>1423253.0</t>
  </si>
  <si>
    <t>1262068.0</t>
  </si>
  <si>
    <t>4233455.0</t>
  </si>
  <si>
    <t>1519.191</t>
  </si>
  <si>
    <t>2615114.0</t>
  </si>
  <si>
    <t>1432227.0</t>
  </si>
  <si>
    <t>1266798.0</t>
  </si>
  <si>
    <t>4249822.0</t>
  </si>
  <si>
    <t>1525.064</t>
  </si>
  <si>
    <t>13459.0</t>
  </si>
  <si>
    <t>2630976.0</t>
  </si>
  <si>
    <t>1444229.0</t>
  </si>
  <si>
    <t>1274202.0</t>
  </si>
  <si>
    <t>13035.0</t>
  </si>
  <si>
    <t>95.67</t>
  </si>
  <si>
    <t>4265451.0</t>
  </si>
  <si>
    <t>1530.673</t>
  </si>
  <si>
    <t>2656365.0</t>
  </si>
  <si>
    <t>1465344.0</t>
  </si>
  <si>
    <t>1288848.0</t>
  </si>
  <si>
    <t>4283385.0</t>
  </si>
  <si>
    <t>1537.109</t>
  </si>
  <si>
    <t>2679514.0</t>
  </si>
  <si>
    <t>1483851.0</t>
  </si>
  <si>
    <t>1302020.0</t>
  </si>
  <si>
    <t>4293479.0</t>
  </si>
  <si>
    <t>1540.731</t>
  </si>
  <si>
    <t>2686041.0</t>
  </si>
  <si>
    <t>1489628.0</t>
  </si>
  <si>
    <t>1306886.0</t>
  </si>
  <si>
    <t>4300248.0</t>
  </si>
  <si>
    <t>1543.16</t>
  </si>
  <si>
    <t>2687254.0</t>
  </si>
  <si>
    <t>1490775.0</t>
  </si>
  <si>
    <t>1307800.0</t>
  </si>
  <si>
    <t>10611.4</t>
  </si>
  <si>
    <t>3858.60952750815</t>
  </si>
  <si>
    <t>4316735.0</t>
  </si>
  <si>
    <t>1549.076</t>
  </si>
  <si>
    <t>2705293.0</t>
  </si>
  <si>
    <t>1503853.0</t>
  </si>
  <si>
    <t>1318801.0</t>
  </si>
  <si>
    <t>98.37</t>
  </si>
  <si>
    <t>4332965.0</t>
  </si>
  <si>
    <t>1554.9</t>
  </si>
  <si>
    <t>2721813.0</t>
  </si>
  <si>
    <t>1515401.0</t>
  </si>
  <si>
    <t>1329146.0</t>
  </si>
  <si>
    <t>4349135.0</t>
  </si>
  <si>
    <t>1560.703</t>
  </si>
  <si>
    <t>2739994.0</t>
  </si>
  <si>
    <t>1526734.0</t>
  </si>
  <si>
    <t>1340636.0</t>
  </si>
  <si>
    <t>113.089</t>
  </si>
  <si>
    <t>4364686.0</t>
  </si>
  <si>
    <t>1566.284</t>
  </si>
  <si>
    <t>2762942.0</t>
  </si>
  <si>
    <t>1540975.0</t>
  </si>
  <si>
    <t>1355173.0</t>
  </si>
  <si>
    <t>22948.0</t>
  </si>
  <si>
    <t>4383079.0</t>
  </si>
  <si>
    <t>1572.884</t>
  </si>
  <si>
    <t>2782662.0</t>
  </si>
  <si>
    <t>1552437.0</t>
  </si>
  <si>
    <t>1367973.0</t>
  </si>
  <si>
    <t>4393636.0</t>
  </si>
  <si>
    <t>1576.673</t>
  </si>
  <si>
    <t>2786360.0</t>
  </si>
  <si>
    <t>1555139.0</t>
  </si>
  <si>
    <t>1370426.0</t>
  </si>
  <si>
    <t>101.32</t>
  </si>
  <si>
    <t>4400206.0</t>
  </si>
  <si>
    <t>1579.03</t>
  </si>
  <si>
    <t>2787227.0</t>
  </si>
  <si>
    <t>1555882.0</t>
  </si>
  <si>
    <t>1371038.0</t>
  </si>
  <si>
    <t>10744.3</t>
  </si>
  <si>
    <t>3906.9357809908</t>
  </si>
  <si>
    <t>4416354.0</t>
  </si>
  <si>
    <t>1584.825</t>
  </si>
  <si>
    <t>2807426.0</t>
  </si>
  <si>
    <t>1566400.0</t>
  </si>
  <si>
    <t>1385139.0</t>
  </si>
  <si>
    <t>4432613.0</t>
  </si>
  <si>
    <t>1590.66</t>
  </si>
  <si>
    <t>2824536.0</t>
  </si>
  <si>
    <t>1574941.0</t>
  </si>
  <si>
    <t>1396347.0</t>
  </si>
  <si>
    <t>4448283.0</t>
  </si>
  <si>
    <t>1596.283</t>
  </si>
  <si>
    <t>2846792.0</t>
  </si>
  <si>
    <t>1587099.0</t>
  </si>
  <si>
    <t>1411579.0</t>
  </si>
  <si>
    <t>22256.0</t>
  </si>
  <si>
    <t>4464472.0</t>
  </si>
  <si>
    <t>1602.092</t>
  </si>
  <si>
    <t>5.809</t>
  </si>
  <si>
    <t>2870511.0</t>
  </si>
  <si>
    <t>1597855.0</t>
  </si>
  <si>
    <t>1427999.0</t>
  </si>
  <si>
    <t>4481375.0</t>
  </si>
  <si>
    <t>1608.158</t>
  </si>
  <si>
    <t>2889289.0</t>
  </si>
  <si>
    <t>1607293.0</t>
  </si>
  <si>
    <t>1440418.0</t>
  </si>
  <si>
    <t>4490736.0</t>
  </si>
  <si>
    <t>1611.517</t>
  </si>
  <si>
    <t>2892515.0</t>
  </si>
  <si>
    <t>1609391.0</t>
  </si>
  <si>
    <t>1442366.0</t>
  </si>
  <si>
    <t>4497209.0</t>
  </si>
  <si>
    <t>1613.84</t>
  </si>
  <si>
    <t>2893079.0</t>
  </si>
  <si>
    <t>1609810.0</t>
  </si>
  <si>
    <t>1442766.0</t>
  </si>
  <si>
    <t>10914.8</t>
  </si>
  <si>
    <t>3968.93447338201</t>
  </si>
  <si>
    <t>4512739.0</t>
  </si>
  <si>
    <t>1619.413</t>
  </si>
  <si>
    <t>2908854.0</t>
  </si>
  <si>
    <t>1617771.0</t>
  </si>
  <si>
    <t>1453637.0</t>
  </si>
  <si>
    <t>4527349.0</t>
  </si>
  <si>
    <t>1624.656</t>
  </si>
  <si>
    <t>2922612.0</t>
  </si>
  <si>
    <t>1623938.0</t>
  </si>
  <si>
    <t>1462946.0</t>
  </si>
  <si>
    <t>4542030.0</t>
  </si>
  <si>
    <t>1629.924</t>
  </si>
  <si>
    <t>2938365.0</t>
  </si>
  <si>
    <t>1631690.0</t>
  </si>
  <si>
    <t>1473444.0</t>
  </si>
  <si>
    <t>15753.0</t>
  </si>
  <si>
    <t>4557084.0</t>
  </si>
  <si>
    <t>1635.326</t>
  </si>
  <si>
    <t>2956662.0</t>
  </si>
  <si>
    <t>1639775.0</t>
  </si>
  <si>
    <t>1485711.0</t>
  </si>
  <si>
    <t>4573470.0</t>
  </si>
  <si>
    <t>1641.207</t>
  </si>
  <si>
    <t>2973393.0</t>
  </si>
  <si>
    <t>1647467.0</t>
  </si>
  <si>
    <t>1497116.0</t>
  </si>
  <si>
    <t>16731.0</t>
  </si>
  <si>
    <t>4582533.0</t>
  </si>
  <si>
    <t>1644.459</t>
  </si>
  <si>
    <t>2975827.0</t>
  </si>
  <si>
    <t>1649044.0</t>
  </si>
  <si>
    <t>1498500.0</t>
  </si>
  <si>
    <t>4588431.0</t>
  </si>
  <si>
    <t>1646.575</t>
  </si>
  <si>
    <t>2976287.0</t>
  </si>
  <si>
    <t>1649389.0</t>
  </si>
  <si>
    <t>1498730.0</t>
  </si>
  <si>
    <t>11090.5</t>
  </si>
  <si>
    <t>4032.82403498399</t>
  </si>
  <si>
    <t>4604228.0</t>
  </si>
  <si>
    <t>1652.244</t>
  </si>
  <si>
    <t>2989793.0</t>
  </si>
  <si>
    <t>1654878.0</t>
  </si>
  <si>
    <t>1508199.0</t>
  </si>
  <si>
    <t>4619750.0</t>
  </si>
  <si>
    <t>1657.814</t>
  </si>
  <si>
    <t>3000699.0</t>
  </si>
  <si>
    <t>1659947.0</t>
  </si>
  <si>
    <t>1515379.0</t>
  </si>
  <si>
    <t>109.11</t>
  </si>
  <si>
    <t>4634257.0</t>
  </si>
  <si>
    <t>1663.02</t>
  </si>
  <si>
    <t>3011143.0</t>
  </si>
  <si>
    <t>1664788.0</t>
  </si>
  <si>
    <t>1522045.0</t>
  </si>
  <si>
    <t>4648551.0</t>
  </si>
  <si>
    <t>1668.15</t>
  </si>
  <si>
    <t>3024882.0</t>
  </si>
  <si>
    <t>1670562.0</t>
  </si>
  <si>
    <t>1531240.0</t>
  </si>
  <si>
    <t>4665242.0</t>
  </si>
  <si>
    <t>16691.0</t>
  </si>
  <si>
    <t>1674.139</t>
  </si>
  <si>
    <t>3037019.0</t>
  </si>
  <si>
    <t>1675453.0</t>
  </si>
  <si>
    <t>1539034.0</t>
  </si>
  <si>
    <t>4675118.0</t>
  </si>
  <si>
    <t>1677.683</t>
  </si>
  <si>
    <t>4.746</t>
  </si>
  <si>
    <t>3039329.0</t>
  </si>
  <si>
    <t>1676967.0</t>
  </si>
  <si>
    <t>1540301.0</t>
  </si>
  <si>
    <t>110.52</t>
  </si>
  <si>
    <t>4682448.0</t>
  </si>
  <si>
    <t>1680.314</t>
  </si>
  <si>
    <t>3039572.0</t>
  </si>
  <si>
    <t>1677080.0</t>
  </si>
  <si>
    <t>1540434.0</t>
  </si>
  <si>
    <t>11224.4</t>
  </si>
  <si>
    <t>4081.51391716102</t>
  </si>
  <si>
    <t>4698166.0</t>
  </si>
  <si>
    <t>1685.954</t>
  </si>
  <si>
    <t>3049700.0</t>
  </si>
  <si>
    <t>1680980.0</t>
  </si>
  <si>
    <t>1547411.0</t>
  </si>
  <si>
    <t>4712284.0</t>
  </si>
  <si>
    <t>1691.021</t>
  </si>
  <si>
    <t>3059135.0</t>
  </si>
  <si>
    <t>1684936.0</t>
  </si>
  <si>
    <t>1553483.0</t>
  </si>
  <si>
    <t>4728309.0</t>
  </si>
  <si>
    <t>1696.771</t>
  </si>
  <si>
    <t>3069618.0</t>
  </si>
  <si>
    <t>1688740.0</t>
  </si>
  <si>
    <t>1559561.0</t>
  </si>
  <si>
    <t>4745889.0</t>
  </si>
  <si>
    <t>1703.08</t>
  </si>
  <si>
    <t>3082553.0</t>
  </si>
  <si>
    <t>1693299.0</t>
  </si>
  <si>
    <t>1566838.0</t>
  </si>
  <si>
    <t>4767373.0</t>
  </si>
  <si>
    <t>21484.0</t>
  </si>
  <si>
    <t>1710.789</t>
  </si>
  <si>
    <t>3094718.0</t>
  </si>
  <si>
    <t>1698080.0</t>
  </si>
  <si>
    <t>1573150.0</t>
  </si>
  <si>
    <t>262.54</t>
  </si>
  <si>
    <t>4780392.0</t>
  </si>
  <si>
    <t>1715.461</t>
  </si>
  <si>
    <t>3096735.0</t>
  </si>
  <si>
    <t>1699328.0</t>
  </si>
  <si>
    <t>1574157.0</t>
  </si>
  <si>
    <t>4788871.0</t>
  </si>
  <si>
    <t>1718.504</t>
  </si>
  <si>
    <t>3096971.0</t>
  </si>
  <si>
    <t>1699459.0</t>
  </si>
  <si>
    <t>1574214.0</t>
  </si>
  <si>
    <t>11477.7</t>
  </si>
  <si>
    <t>4173.62106544662</t>
  </si>
  <si>
    <t>4811055.0</t>
  </si>
  <si>
    <t>1726.465</t>
  </si>
  <si>
    <t>16127.0</t>
  </si>
  <si>
    <t>3107723.0</t>
  </si>
  <si>
    <t>1703724.0</t>
  </si>
  <si>
    <t>1580177.0</t>
  </si>
  <si>
    <t>4836655.0</t>
  </si>
  <si>
    <t>25600.0</t>
  </si>
  <si>
    <t>1735.652</t>
  </si>
  <si>
    <t>3117724.0</t>
  </si>
  <si>
    <t>1707769.0</t>
  </si>
  <si>
    <t>1585056.0</t>
  </si>
  <si>
    <t>4861564.0</t>
  </si>
  <si>
    <t>1744.59</t>
  </si>
  <si>
    <t>6.831</t>
  </si>
  <si>
    <t>3127674.0</t>
  </si>
  <si>
    <t>1711469.0</t>
  </si>
  <si>
    <t>1590165.0</t>
  </si>
  <si>
    <t>113.73</t>
  </si>
  <si>
    <t>4886277.0</t>
  </si>
  <si>
    <t>24713.0</t>
  </si>
  <si>
    <t>1753.459</t>
  </si>
  <si>
    <t>20055.0</t>
  </si>
  <si>
    <t>3138576.0</t>
  </si>
  <si>
    <t>1715451.0</t>
  </si>
  <si>
    <t>1595659.0</t>
  </si>
  <si>
    <t>4912437.0</t>
  </si>
  <si>
    <t>26160.0</t>
  </si>
  <si>
    <t>1762.846</t>
  </si>
  <si>
    <t>3149564.0</t>
  </si>
  <si>
    <t>1719111.0</t>
  </si>
  <si>
    <t>1601167.0</t>
  </si>
  <si>
    <t>4925811.0</t>
  </si>
  <si>
    <t>1767.645</t>
  </si>
  <si>
    <t>3151135.0</t>
  </si>
  <si>
    <t>1719915.0</t>
  </si>
  <si>
    <t>15245.0</t>
  </si>
  <si>
    <t>4935673.0</t>
  </si>
  <si>
    <t>1771.184</t>
  </si>
  <si>
    <t>3151359.0</t>
  </si>
  <si>
    <t>1720021.0</t>
  </si>
  <si>
    <t>1601933.0</t>
  </si>
  <si>
    <t>11804.4</t>
  </si>
  <si>
    <t>4292.41855989946</t>
  </si>
  <si>
    <t>4958802.0</t>
  </si>
  <si>
    <t>1779.484</t>
  </si>
  <si>
    <t>7.574</t>
  </si>
  <si>
    <t>3159550.0</t>
  </si>
  <si>
    <t>1722851.0</t>
  </si>
  <si>
    <t>1606508.0</t>
  </si>
  <si>
    <t>114.89</t>
  </si>
  <si>
    <t>4986341.0</t>
  </si>
  <si>
    <t>1789.367</t>
  </si>
  <si>
    <t>3167543.0</t>
  </si>
  <si>
    <t>1725844.0</t>
  </si>
  <si>
    <t>1610923.0</t>
  </si>
  <si>
    <t>5012706.0</t>
  </si>
  <si>
    <t>1798.828</t>
  </si>
  <si>
    <t>21592.0</t>
  </si>
  <si>
    <t>3175692.0</t>
  </si>
  <si>
    <t>1729422.0</t>
  </si>
  <si>
    <t>1615849.0</t>
  </si>
  <si>
    <t>5040894.0</t>
  </si>
  <si>
    <t>1808.943</t>
  </si>
  <si>
    <t>3185170.0</t>
  </si>
  <si>
    <t>1733028.0</t>
  </si>
  <si>
    <t>1621111.0</t>
  </si>
  <si>
    <t>5068392.0</t>
  </si>
  <si>
    <t>27498.0</t>
  </si>
  <si>
    <t>1818.811</t>
  </si>
  <si>
    <t>9.868</t>
  </si>
  <si>
    <t>3194351.0</t>
  </si>
  <si>
    <t>1626092.0</t>
  </si>
  <si>
    <t>5082984.0</t>
  </si>
  <si>
    <t>1824.048</t>
  </si>
  <si>
    <t>8.057</t>
  </si>
  <si>
    <t>3195705.0</t>
  </si>
  <si>
    <t>1737199.0</t>
  </si>
  <si>
    <t>1626850.0</t>
  </si>
  <si>
    <t>116.21</t>
  </si>
  <si>
    <t>5093615.0</t>
  </si>
  <si>
    <t>1827.863</t>
  </si>
  <si>
    <t>8.097</t>
  </si>
  <si>
    <t>3195948.0</t>
  </si>
  <si>
    <t>1737320.0</t>
  </si>
  <si>
    <t>1626926.0</t>
  </si>
  <si>
    <t>12145.7</t>
  </si>
  <si>
    <t>4416.52503329021</t>
  </si>
  <si>
    <t>5117492.0</t>
  </si>
  <si>
    <t>1836.431</t>
  </si>
  <si>
    <t>3203311.0</t>
  </si>
  <si>
    <t>1740220.0</t>
  </si>
  <si>
    <t>1631705.0</t>
  </si>
  <si>
    <t>116.48</t>
  </si>
  <si>
    <t>5144853.0</t>
  </si>
  <si>
    <t>27361.0</t>
  </si>
  <si>
    <t>1846.249</t>
  </si>
  <si>
    <t>3210548.0</t>
  </si>
  <si>
    <t>1743126.0</t>
  </si>
  <si>
    <t>1636216.0</t>
  </si>
  <si>
    <t>5170530.0</t>
  </si>
  <si>
    <t>1855.464</t>
  </si>
  <si>
    <t>3218023.0</t>
  </si>
  <si>
    <t>1745837.0</t>
  </si>
  <si>
    <t>1640731.0</t>
  </si>
  <si>
    <t>5198001.0</t>
  </si>
  <si>
    <t>1865.322</t>
  </si>
  <si>
    <t>9.858</t>
  </si>
  <si>
    <t>3227107.0</t>
  </si>
  <si>
    <t>1749247.0</t>
  </si>
  <si>
    <t>1646409.0</t>
  </si>
  <si>
    <t>5225762.0</t>
  </si>
  <si>
    <t>1875.284</t>
  </si>
  <si>
    <t>9.962</t>
  </si>
  <si>
    <t>8.067</t>
  </si>
  <si>
    <t>3235896.0</t>
  </si>
  <si>
    <t>1752237.0</t>
  </si>
  <si>
    <t>1651784.0</t>
  </si>
  <si>
    <t>5238876.0</t>
  </si>
  <si>
    <t>1879.99</t>
  </si>
  <si>
    <t>3237043.0</t>
  </si>
  <si>
    <t>1752918.0</t>
  </si>
  <si>
    <t>1652573.0</t>
  </si>
  <si>
    <t>30376.0</t>
  </si>
  <si>
    <t>5249066.0</t>
  </si>
  <si>
    <t>1883.647</t>
  </si>
  <si>
    <t>22207.0</t>
  </si>
  <si>
    <t>7.969</t>
  </si>
  <si>
    <t>3237480.0</t>
  </si>
  <si>
    <t>1753174.0</t>
  </si>
  <si>
    <t>1652808.0</t>
  </si>
  <si>
    <t>12507.2</t>
  </si>
  <si>
    <t>4547.97680630736</t>
  </si>
  <si>
    <t>5272074.0</t>
  </si>
  <si>
    <t>1891.903</t>
  </si>
  <si>
    <t>8.257</t>
  </si>
  <si>
    <t>7.925</t>
  </si>
  <si>
    <t>3244708.0</t>
  </si>
  <si>
    <t>1755602.0</t>
  </si>
  <si>
    <t>1657489.0</t>
  </si>
  <si>
    <t>31794.0</t>
  </si>
  <si>
    <t>5299728.0</t>
  </si>
  <si>
    <t>1901.827</t>
  </si>
  <si>
    <t>3251252.0</t>
  </si>
  <si>
    <t>1757810.0</t>
  </si>
  <si>
    <t>1661464.0</t>
  </si>
  <si>
    <t>33282.0</t>
  </si>
  <si>
    <t>118.22</t>
  </si>
  <si>
    <t>5325227.0</t>
  </si>
  <si>
    <t>1910.977</t>
  </si>
  <si>
    <t>7.931</t>
  </si>
  <si>
    <t>3258081.0</t>
  </si>
  <si>
    <t>1760056.0</t>
  </si>
  <si>
    <t>1665475.0</t>
  </si>
  <si>
    <t>118.47</t>
  </si>
  <si>
    <t>5352300.0</t>
  </si>
  <si>
    <t>1920.693</t>
  </si>
  <si>
    <t>3265981.0</t>
  </si>
  <si>
    <t>1762740.0</t>
  </si>
  <si>
    <t>1669945.0</t>
  </si>
  <si>
    <t>5378584.0</t>
  </si>
  <si>
    <t>26284.0</t>
  </si>
  <si>
    <t>1930.125</t>
  </si>
  <si>
    <t>3274415.0</t>
  </si>
  <si>
    <t>1765985.0</t>
  </si>
  <si>
    <t>1674685.0</t>
  </si>
  <si>
    <t>5392739.0</t>
  </si>
  <si>
    <t>1935.204</t>
  </si>
  <si>
    <t>3275607.0</t>
  </si>
  <si>
    <t>1766617.0</t>
  </si>
  <si>
    <t>1675478.0</t>
  </si>
  <si>
    <t>5402492.0</t>
  </si>
  <si>
    <t>1938.704</t>
  </si>
  <si>
    <t>7.865</t>
  </si>
  <si>
    <t>3276067.0</t>
  </si>
  <si>
    <t>1766869.0</t>
  </si>
  <si>
    <t>1675692.0</t>
  </si>
  <si>
    <t>12843.3</t>
  </si>
  <si>
    <t>4670.19241048734</t>
  </si>
  <si>
    <t>5426293.0</t>
  </si>
  <si>
    <t>1947.245</t>
  </si>
  <si>
    <t>3282327.0</t>
  </si>
  <si>
    <t>1769283.0</t>
  </si>
  <si>
    <t>1679606.0</t>
  </si>
  <si>
    <t>5453114.0</t>
  </si>
  <si>
    <t>1956.87</t>
  </si>
  <si>
    <t>21912.0</t>
  </si>
  <si>
    <t>3288110.0</t>
  </si>
  <si>
    <t>1771488.0</t>
  </si>
  <si>
    <t>1682676.0</t>
  </si>
  <si>
    <t>5477998.0</t>
  </si>
  <si>
    <t>1965.8</t>
  </si>
  <si>
    <t>21824.0</t>
  </si>
  <si>
    <t>3294118.0</t>
  </si>
  <si>
    <t>1773689.0</t>
  </si>
  <si>
    <t>1685783.0</t>
  </si>
  <si>
    <t>5506245.0</t>
  </si>
  <si>
    <t>1975.936</t>
  </si>
  <si>
    <t>3301415.0</t>
  </si>
  <si>
    <t>1776383.0</t>
  </si>
  <si>
    <t>1689359.0</t>
  </si>
  <si>
    <t>46148.0</t>
  </si>
  <si>
    <t>5532308.0</t>
  </si>
  <si>
    <t>1985.289</t>
  </si>
  <si>
    <t>9.353</t>
  </si>
  <si>
    <t>3309649.0</t>
  </si>
  <si>
    <t>1779615.0</t>
  </si>
  <si>
    <t>1693580.0</t>
  </si>
  <si>
    <t>48511.0</t>
  </si>
  <si>
    <t>5545974.0</t>
  </si>
  <si>
    <t>1990.193</t>
  </si>
  <si>
    <t>3310864.0</t>
  </si>
  <si>
    <t>1780207.0</t>
  </si>
  <si>
    <t>1694185.0</t>
  </si>
  <si>
    <t>5556141.0</t>
  </si>
  <si>
    <t>1993.842</t>
  </si>
  <si>
    <t>3311317.0</t>
  </si>
  <si>
    <t>1780435.0</t>
  </si>
  <si>
    <t>1694376.0</t>
  </si>
  <si>
    <t>48929.0</t>
  </si>
  <si>
    <t>13251.8</t>
  </si>
  <si>
    <t>4818.73473214019</t>
  </si>
  <si>
    <t>5579598.0</t>
  </si>
  <si>
    <t>2002.259</t>
  </si>
  <si>
    <t>3317955.0</t>
  </si>
  <si>
    <t>1783088.0</t>
  </si>
  <si>
    <t>1697857.0</t>
  </si>
  <si>
    <t>5606650.0</t>
  </si>
  <si>
    <t>2011.967</t>
  </si>
  <si>
    <t>3323759.0</t>
  </si>
  <si>
    <t>1785177.0</t>
  </si>
  <si>
    <t>1700322.0</t>
  </si>
  <si>
    <t>5632840.0</t>
  </si>
  <si>
    <t>2021.365</t>
  </si>
  <si>
    <t>22120.0</t>
  </si>
  <si>
    <t>7.938</t>
  </si>
  <si>
    <t>3330926.0</t>
  </si>
  <si>
    <t>1787612.0</t>
  </si>
  <si>
    <t>1702830.0</t>
  </si>
  <si>
    <t>121.12</t>
  </si>
  <si>
    <t>5659958.0</t>
  </si>
  <si>
    <t>2031.097</t>
  </si>
  <si>
    <t>9.731</t>
  </si>
  <si>
    <t>1790808.0</t>
  </si>
  <si>
    <t>1706013.0</t>
  </si>
  <si>
    <t>5686049.0</t>
  </si>
  <si>
    <t>2040.46</t>
  </si>
  <si>
    <t>9.363</t>
  </si>
  <si>
    <t>3349926.0</t>
  </si>
  <si>
    <t>1794583.0</t>
  </si>
  <si>
    <t>1709593.0</t>
  </si>
  <si>
    <t>5700975.0</t>
  </si>
  <si>
    <t>2045.816</t>
  </si>
  <si>
    <t>22143.0</t>
  </si>
  <si>
    <t>3351187.0</t>
  </si>
  <si>
    <t>1795233.0</t>
  </si>
  <si>
    <t>1710112.0</t>
  </si>
  <si>
    <t>65205.0</t>
  </si>
  <si>
    <t>5710985.0</t>
  </si>
  <si>
    <t>2049.408</t>
  </si>
  <si>
    <t>3351898.0</t>
  </si>
  <si>
    <t>1795653.0</t>
  </si>
  <si>
    <t>1710423.0</t>
  </si>
  <si>
    <t>65408.0</t>
  </si>
  <si>
    <t>13624.9</t>
  </si>
  <si>
    <t>4954.40459801211</t>
  </si>
  <si>
    <t>5735389.0</t>
  </si>
  <si>
    <t>2058.166</t>
  </si>
  <si>
    <t>8.757</t>
  </si>
  <si>
    <t>3359973.0</t>
  </si>
  <si>
    <t>1798880.0</t>
  </si>
  <si>
    <t>1713649.0</t>
  </si>
  <si>
    <t>68556.0</t>
  </si>
  <si>
    <t>5762569.0</t>
  </si>
  <si>
    <t>2067.919</t>
  </si>
  <si>
    <t>3367821.0</t>
  </si>
  <si>
    <t>1801993.0</t>
  </si>
  <si>
    <t>1716392.0</t>
  </si>
  <si>
    <t>72096.0</t>
  </si>
  <si>
    <t>5788187.0</t>
  </si>
  <si>
    <t>25618.0</t>
  </si>
  <si>
    <t>2077.112</t>
  </si>
  <si>
    <t>9.193</t>
  </si>
  <si>
    <t>7.964</t>
  </si>
  <si>
    <t>3375898.0</t>
  </si>
  <si>
    <t>1804729.0</t>
  </si>
  <si>
    <t>1718931.0</t>
  </si>
  <si>
    <t>76080.0</t>
  </si>
  <si>
    <t>5814449.0</t>
  </si>
  <si>
    <t>2086.536</t>
  </si>
  <si>
    <t>9.424</t>
  </si>
  <si>
    <t>3385070.0</t>
  </si>
  <si>
    <t>1807814.0</t>
  </si>
  <si>
    <t>1721791.0</t>
  </si>
  <si>
    <t>80595.0</t>
  </si>
  <si>
    <t>5839804.0</t>
  </si>
  <si>
    <t>2095.635</t>
  </si>
  <si>
    <t>3395092.0</t>
  </si>
  <si>
    <t>1811542.0</t>
  </si>
  <si>
    <t>1725227.0</t>
  </si>
  <si>
    <t>85100.0</t>
  </si>
  <si>
    <t>123.46</t>
  </si>
  <si>
    <t>5854254.0</t>
  </si>
  <si>
    <t>2100.821</t>
  </si>
  <si>
    <t>3396076.0</t>
  </si>
  <si>
    <t>1811993.0</t>
  </si>
  <si>
    <t>1725591.0</t>
  </si>
  <si>
    <t>85468.0</t>
  </si>
  <si>
    <t>5863932.0</t>
  </si>
  <si>
    <t>2104.294</t>
  </si>
  <si>
    <t>3396665.0</t>
  </si>
  <si>
    <t>1812249.0</t>
  </si>
  <si>
    <t>1725787.0</t>
  </si>
  <si>
    <t>85718.0</t>
  </si>
  <si>
    <t>14027.2</t>
  </si>
  <si>
    <t>5100.69242175983</t>
  </si>
  <si>
    <t>5873116.0</t>
  </si>
  <si>
    <t>2107.589</t>
  </si>
  <si>
    <t>3396853.0</t>
  </si>
  <si>
    <t>1812329.0</t>
  </si>
  <si>
    <t>1725815.0</t>
  </si>
  <si>
    <t>5885197.0</t>
  </si>
  <si>
    <t>2111.925</t>
  </si>
  <si>
    <t>3397060.0</t>
  </si>
  <si>
    <t>1812409.0</t>
  </si>
  <si>
    <t>1725908.0</t>
  </si>
  <si>
    <t>85861.0</t>
  </si>
  <si>
    <t>5907275.0</t>
  </si>
  <si>
    <t>22078.0</t>
  </si>
  <si>
    <t>2119.847</t>
  </si>
  <si>
    <t>3408085.0</t>
  </si>
  <si>
    <t>1815753.0</t>
  </si>
  <si>
    <t>1729933.0</t>
  </si>
  <si>
    <t>91031.0</t>
  </si>
  <si>
    <t>11025.0</t>
  </si>
  <si>
    <t>5930661.0</t>
  </si>
  <si>
    <t>23386.0</t>
  </si>
  <si>
    <t>2128.24</t>
  </si>
  <si>
    <t>16602.0</t>
  </si>
  <si>
    <t>3421121.0</t>
  </si>
  <si>
    <t>1819417.0</t>
  </si>
  <si>
    <t>1733059.0</t>
  </si>
  <si>
    <t>98716.0</t>
  </si>
  <si>
    <t>5954683.0</t>
  </si>
  <si>
    <t>2136.86</t>
  </si>
  <si>
    <t>3433393.0</t>
  </si>
  <si>
    <t>1823031.0</t>
  </si>
  <si>
    <t>1736183.0</t>
  </si>
  <si>
    <t>105696.0</t>
  </si>
  <si>
    <t>5967771.0</t>
  </si>
  <si>
    <t>2141.557</t>
  </si>
  <si>
    <t>3435052.0</t>
  </si>
  <si>
    <t>1823624.0</t>
  </si>
  <si>
    <t>1736637.0</t>
  </si>
  <si>
    <t>124.91</t>
  </si>
  <si>
    <t>5976965.0</t>
  </si>
  <si>
    <t>2144.856</t>
  </si>
  <si>
    <t>3436129.0</t>
  </si>
  <si>
    <t>1824002.0</t>
  </si>
  <si>
    <t>1736896.0</t>
  </si>
  <si>
    <t>107133.0</t>
  </si>
  <si>
    <t>14387.1</t>
  </si>
  <si>
    <t>5231.56238886598</t>
  </si>
  <si>
    <t>5997717.0</t>
  </si>
  <si>
    <t>2152.303</t>
  </si>
  <si>
    <t>3445467.0</t>
  </si>
  <si>
    <t>1826827.0</t>
  </si>
  <si>
    <t>1739284.0</t>
  </si>
  <si>
    <t>112383.0</t>
  </si>
  <si>
    <t>125.29</t>
  </si>
  <si>
    <t>6019028.0</t>
  </si>
  <si>
    <t>2159.95</t>
  </si>
  <si>
    <t>19119.0</t>
  </si>
  <si>
    <t>3456993.0</t>
  </si>
  <si>
    <t>1829768.0</t>
  </si>
  <si>
    <t>1741495.0</t>
  </si>
  <si>
    <t>6041657.0</t>
  </si>
  <si>
    <t>2168.071</t>
  </si>
  <si>
    <t>8.121</t>
  </si>
  <si>
    <t>6.889</t>
  </si>
  <si>
    <t>3467498.0</t>
  </si>
  <si>
    <t>1832004.0</t>
  </si>
  <si>
    <t>1743617.0</t>
  </si>
  <si>
    <t>126876.0</t>
  </si>
  <si>
    <t>6066252.0</t>
  </si>
  <si>
    <t>24595.0</t>
  </si>
  <si>
    <t>2176.897</t>
  </si>
  <si>
    <t>3481897.0</t>
  </si>
  <si>
    <t>1834794.0</t>
  </si>
  <si>
    <t>1746455.0</t>
  </si>
  <si>
    <t>136804.0</t>
  </si>
  <si>
    <t>6090335.0</t>
  </si>
  <si>
    <t>2185.539</t>
  </si>
  <si>
    <t>3496504.0</t>
  </si>
  <si>
    <t>1838041.0</t>
  </si>
  <si>
    <t>1749621.0</t>
  </si>
  <si>
    <t>6102948.0</t>
  </si>
  <si>
    <t>2190.065</t>
  </si>
  <si>
    <t>1838675.0</t>
  </si>
  <si>
    <t>1750072.0</t>
  </si>
  <si>
    <t>147397.0</t>
  </si>
  <si>
    <t>6111124.0</t>
  </si>
  <si>
    <t>2192.999</t>
  </si>
  <si>
    <t>19166.0</t>
  </si>
  <si>
    <t>3499444.0</t>
  </si>
  <si>
    <t>1838971.0</t>
  </si>
  <si>
    <t>1750308.0</t>
  </si>
  <si>
    <t>14743.2</t>
  </si>
  <si>
    <t>5361.0505669335</t>
  </si>
  <si>
    <t>6134761.0</t>
  </si>
  <si>
    <t>2201.482</t>
  </si>
  <si>
    <t>3509534.0</t>
  </si>
  <si>
    <t>1841421.0</t>
  </si>
  <si>
    <t>1753238.0</t>
  </si>
  <si>
    <t>6158480.0</t>
  </si>
  <si>
    <t>2209.993</t>
  </si>
  <si>
    <t>3520817.0</t>
  </si>
  <si>
    <t>1843940.0</t>
  </si>
  <si>
    <t>1755772.0</t>
  </si>
  <si>
    <t>161165.0</t>
  </si>
  <si>
    <t>6181278.0</t>
  </si>
  <si>
    <t>2218.174</t>
  </si>
  <si>
    <t>19946.0</t>
  </si>
  <si>
    <t>3535393.0</t>
  </si>
  <si>
    <t>1846303.0</t>
  </si>
  <si>
    <t>1758151.0</t>
  </si>
  <si>
    <t>6206052.0</t>
  </si>
  <si>
    <t>2227.065</t>
  </si>
  <si>
    <t>3555033.0</t>
  </si>
  <si>
    <t>1849093.0</t>
  </si>
  <si>
    <t>1760983.0</t>
  </si>
  <si>
    <t>187030.0</t>
  </si>
  <si>
    <t>6228693.0</t>
  </si>
  <si>
    <t>22641.0</t>
  </si>
  <si>
    <t>2235.189</t>
  </si>
  <si>
    <t>7.093</t>
  </si>
  <si>
    <t>3574842.0</t>
  </si>
  <si>
    <t>1852153.0</t>
  </si>
  <si>
    <t>1764186.0</t>
  </si>
  <si>
    <t>201843.0</t>
  </si>
  <si>
    <t>6240557.0</t>
  </si>
  <si>
    <t>2239.447</t>
  </si>
  <si>
    <t>7.054</t>
  </si>
  <si>
    <t>3577935.0</t>
  </si>
  <si>
    <t>1852743.0</t>
  </si>
  <si>
    <t>1764662.0</t>
  </si>
  <si>
    <t>204164.0</t>
  </si>
  <si>
    <t>6248433.0</t>
  </si>
  <si>
    <t>2242.273</t>
  </si>
  <si>
    <t>19616.0</t>
  </si>
  <si>
    <t>3579164.0</t>
  </si>
  <si>
    <t>1852921.0</t>
  </si>
  <si>
    <t>1764824.0</t>
  </si>
  <si>
    <t>205167.0</t>
  </si>
  <si>
    <t>15032.3</t>
  </si>
  <si>
    <t>5466.17562247778</t>
  </si>
  <si>
    <t>6270753.0</t>
  </si>
  <si>
    <t>2250.283</t>
  </si>
  <si>
    <t>1855184.0</t>
  </si>
  <si>
    <t>1766532.0</t>
  </si>
  <si>
    <t>216766.0</t>
  </si>
  <si>
    <t>14482.0</t>
  </si>
  <si>
    <t>6293963.0</t>
  </si>
  <si>
    <t>2258.612</t>
  </si>
  <si>
    <t>3609325.0</t>
  </si>
  <si>
    <t>1857379.0</t>
  </si>
  <si>
    <t>1767955.0</t>
  </si>
  <si>
    <t>229831.0</t>
  </si>
  <si>
    <t>6316173.0</t>
  </si>
  <si>
    <t>22210.0</t>
  </si>
  <si>
    <t>2266.582</t>
  </si>
  <si>
    <t>3627403.0</t>
  </si>
  <si>
    <t>1859535.0</t>
  </si>
  <si>
    <t>1770394.0</t>
  </si>
  <si>
    <t>6340024.0</t>
  </si>
  <si>
    <t>23851.0</t>
  </si>
  <si>
    <t>2275.141</t>
  </si>
  <si>
    <t>19139.0</t>
  </si>
  <si>
    <t>3647683.0</t>
  </si>
  <si>
    <t>1862093.0</t>
  </si>
  <si>
    <t>1773341.0</t>
  </si>
  <si>
    <t>260010.0</t>
  </si>
  <si>
    <t>20280.0</t>
  </si>
  <si>
    <t>6362734.0</t>
  </si>
  <si>
    <t>22710.0</t>
  </si>
  <si>
    <t>2283.291</t>
  </si>
  <si>
    <t>3668414.0</t>
  </si>
  <si>
    <t>1864950.0</t>
  </si>
  <si>
    <t>1776582.0</t>
  </si>
  <si>
    <t>6374530.0</t>
  </si>
  <si>
    <t>2287.524</t>
  </si>
  <si>
    <t>3673202.0</t>
  </si>
  <si>
    <t>1865797.0</t>
  </si>
  <si>
    <t>1777256.0</t>
  </si>
  <si>
    <t>279605.0</t>
  </si>
  <si>
    <t>133.57</t>
  </si>
  <si>
    <t>6382292.0</t>
  </si>
  <si>
    <t>2290.309</t>
  </si>
  <si>
    <t>3675395.0</t>
  </si>
  <si>
    <t>1866099.0</t>
  </si>
  <si>
    <t>1777508.0</t>
  </si>
  <si>
    <t>281395.0</t>
  </si>
  <si>
    <t>15342.8</t>
  </si>
  <si>
    <t>5579.08233208172</t>
  </si>
  <si>
    <t>6408297.0</t>
  </si>
  <si>
    <t>2299.641</t>
  </si>
  <si>
    <t>3689816.0</t>
  </si>
  <si>
    <t>1868414.0</t>
  </si>
  <si>
    <t>1780324.0</t>
  </si>
  <si>
    <t>291820.0</t>
  </si>
  <si>
    <t>6435001.0</t>
  </si>
  <si>
    <t>2309.224</t>
  </si>
  <si>
    <t>3705177.0</t>
  </si>
  <si>
    <t>1783131.0</t>
  </si>
  <si>
    <t>303148.0</t>
  </si>
  <si>
    <t>6454141.0</t>
  </si>
  <si>
    <t>2316.092</t>
  </si>
  <si>
    <t>3723838.0</t>
  </si>
  <si>
    <t>1785540.0</t>
  </si>
  <si>
    <t>317898.0</t>
  </si>
  <si>
    <t>6472078.0</t>
  </si>
  <si>
    <t>2322.529</t>
  </si>
  <si>
    <t>3745121.0</t>
  </si>
  <si>
    <t>1875690.0</t>
  </si>
  <si>
    <t>1788297.0</t>
  </si>
  <si>
    <t>334991.0</t>
  </si>
  <si>
    <t>136.18</t>
  </si>
  <si>
    <t>6488444.0</t>
  </si>
  <si>
    <t>2328.402</t>
  </si>
  <si>
    <t>17959.0</t>
  </si>
  <si>
    <t>3766827.0</t>
  </si>
  <si>
    <t>1878441.0</t>
  </si>
  <si>
    <t>1791450.0</t>
  </si>
  <si>
    <t>352068.0</t>
  </si>
  <si>
    <t>6496976.0</t>
  </si>
  <si>
    <t>2331.464</t>
  </si>
  <si>
    <t>17492.0</t>
  </si>
  <si>
    <t>3771504.0</t>
  </si>
  <si>
    <t>1879060.0</t>
  </si>
  <si>
    <t>1791987.0</t>
  </si>
  <si>
    <t>355879.0</t>
  </si>
  <si>
    <t>6502115.0</t>
  </si>
  <si>
    <t>2333.308</t>
  </si>
  <si>
    <t>3773825.0</t>
  </si>
  <si>
    <t>1879295.0</t>
  </si>
  <si>
    <t>1792184.0</t>
  </si>
  <si>
    <t>357878.0</t>
  </si>
  <si>
    <t>15620.9</t>
  </si>
  <si>
    <t>5680.20747198786</t>
  </si>
  <si>
    <t>6520006.0</t>
  </si>
  <si>
    <t>2339.728</t>
  </si>
  <si>
    <t>3789580.0</t>
  </si>
  <si>
    <t>1881610.0</t>
  </si>
  <si>
    <t>1794834.0</t>
  </si>
  <si>
    <t>369851.0</t>
  </si>
  <si>
    <t>6542654.0</t>
  </si>
  <si>
    <t>2347.856</t>
  </si>
  <si>
    <t>3807452.0</t>
  </si>
  <si>
    <t>1883634.0</t>
  </si>
  <si>
    <t>1797176.0</t>
  </si>
  <si>
    <t>384358.0</t>
  </si>
  <si>
    <t>6562838.0</t>
  </si>
  <si>
    <t>2355.099</t>
  </si>
  <si>
    <t>3826640.0</t>
  </si>
  <si>
    <t>1885721.0</t>
  </si>
  <si>
    <t>1799390.0</t>
  </si>
  <si>
    <t>400086.0</t>
  </si>
  <si>
    <t>6583737.0</t>
  </si>
  <si>
    <t>2362.598</t>
  </si>
  <si>
    <t>3846954.0</t>
  </si>
  <si>
    <t>1887730.0</t>
  </si>
  <si>
    <t>1801811.0</t>
  </si>
  <si>
    <t>416860.0</t>
  </si>
  <si>
    <t>6602725.0</t>
  </si>
  <si>
    <t>2369.412</t>
  </si>
  <si>
    <t>3869091.0</t>
  </si>
  <si>
    <t>1889941.0</t>
  </si>
  <si>
    <t>1804514.0</t>
  </si>
  <si>
    <t>435111.0</t>
  </si>
  <si>
    <t>14609.0</t>
  </si>
  <si>
    <t>6611902.0</t>
  </si>
  <si>
    <t>2372.705</t>
  </si>
  <si>
    <t>16418.0</t>
  </si>
  <si>
    <t>3873555.0</t>
  </si>
  <si>
    <t>1890402.0</t>
  </si>
  <si>
    <t>1804915.0</t>
  </si>
  <si>
    <t>438908.0</t>
  </si>
  <si>
    <t>6617470.0</t>
  </si>
  <si>
    <t>2374.704</t>
  </si>
  <si>
    <t>3875878.0</t>
  </si>
  <si>
    <t>1890595.0</t>
  </si>
  <si>
    <t>1805053.0</t>
  </si>
  <si>
    <t>15879.4</t>
  </si>
  <si>
    <t>5774.20548948422</t>
  </si>
  <si>
    <t>6635435.0</t>
  </si>
  <si>
    <t>2381.15</t>
  </si>
  <si>
    <t>3891488.0</t>
  </si>
  <si>
    <t>1892454.0</t>
  </si>
  <si>
    <t>1807259.0</t>
  </si>
  <si>
    <t>453492.0</t>
  </si>
  <si>
    <t>141.51</t>
  </si>
  <si>
    <t>6657429.0</t>
  </si>
  <si>
    <t>2389.043</t>
  </si>
  <si>
    <t>3907856.0</t>
  </si>
  <si>
    <t>1894038.0</t>
  </si>
  <si>
    <t>1809106.0</t>
  </si>
  <si>
    <t>467180.0</t>
  </si>
  <si>
    <t>6677571.0</t>
  </si>
  <si>
    <t>2396.271</t>
  </si>
  <si>
    <t>3925722.0</t>
  </si>
  <si>
    <t>1895855.0</t>
  </si>
  <si>
    <t>1810979.0</t>
  </si>
  <si>
    <t>481987.0</t>
  </si>
  <si>
    <t>6697057.0</t>
  </si>
  <si>
    <t>2403.264</t>
  </si>
  <si>
    <t>3946103.0</t>
  </si>
  <si>
    <t>1898037.0</t>
  </si>
  <si>
    <t>1813241.0</t>
  </si>
  <si>
    <t>498661.0</t>
  </si>
  <si>
    <t>6715444.0</t>
  </si>
  <si>
    <t>2409.862</t>
  </si>
  <si>
    <t>6.598</t>
  </si>
  <si>
    <t>3967375.0</t>
  </si>
  <si>
    <t>1900848.0</t>
  </si>
  <si>
    <t>1815736.0</t>
  </si>
  <si>
    <t>515609.0</t>
  </si>
  <si>
    <t>6724942.0</t>
  </si>
  <si>
    <t>2413.27</t>
  </si>
  <si>
    <t>3972101.0</t>
  </si>
  <si>
    <t>1901733.0</t>
  </si>
  <si>
    <t>1816128.0</t>
  </si>
  <si>
    <t>519229.0</t>
  </si>
  <si>
    <t>6730112.0</t>
  </si>
  <si>
    <t>2415.126</t>
  </si>
  <si>
    <t>3974641.0</t>
  </si>
  <si>
    <t>1902114.0</t>
  </si>
  <si>
    <t>1816280.0</t>
  </si>
  <si>
    <t>521309.0</t>
  </si>
  <si>
    <t>144.53</t>
  </si>
  <si>
    <t>16196.5</t>
  </si>
  <si>
    <t>5889.51214847105</t>
  </si>
  <si>
    <t>6749415.0</t>
  </si>
  <si>
    <t>2422.052</t>
  </si>
  <si>
    <t>6.927</t>
  </si>
  <si>
    <t>3990914.0</t>
  </si>
  <si>
    <t>1904309.0</t>
  </si>
  <si>
    <t>1818594.0</t>
  </si>
  <si>
    <t>534078.0</t>
  </si>
  <si>
    <t>16273.0</t>
  </si>
  <si>
    <t>145.12</t>
  </si>
  <si>
    <t>6769916.0</t>
  </si>
  <si>
    <t>2429.409</t>
  </si>
  <si>
    <t>4007502.0</t>
  </si>
  <si>
    <t>1906286.0</t>
  </si>
  <si>
    <t>1820542.0</t>
  </si>
  <si>
    <t>547462.0</t>
  </si>
  <si>
    <t>145.72</t>
  </si>
  <si>
    <t>6791728.0</t>
  </si>
  <si>
    <t>2437.237</t>
  </si>
  <si>
    <t>4024703.0</t>
  </si>
  <si>
    <t>1908065.0</t>
  </si>
  <si>
    <t>1822435.0</t>
  </si>
  <si>
    <t>561597.0</t>
  </si>
  <si>
    <t>146.35</t>
  </si>
  <si>
    <t>6809288.0</t>
  </si>
  <si>
    <t>2443.538</t>
  </si>
  <si>
    <t>4041287.0</t>
  </si>
  <si>
    <t>1909675.0</t>
  </si>
  <si>
    <t>1824221.0</t>
  </si>
  <si>
    <t>575383.0</t>
  </si>
  <si>
    <t>16584.0</t>
  </si>
  <si>
    <t>146.95</t>
  </si>
  <si>
    <t>6818042.0</t>
  </si>
  <si>
    <t>2446.68</t>
  </si>
  <si>
    <t>4041577.0</t>
  </si>
  <si>
    <t>1909710.0</t>
  </si>
  <si>
    <t>1824233.0</t>
  </si>
  <si>
    <t>575627.0</t>
  </si>
  <si>
    <t>6822785.0</t>
  </si>
  <si>
    <t>2448.382</t>
  </si>
  <si>
    <t>6827993.0</t>
  </si>
  <si>
    <t>2450.25</t>
  </si>
  <si>
    <t>4041916.0</t>
  </si>
  <si>
    <t>1909749.0</t>
  </si>
  <si>
    <t>1824271.0</t>
  </si>
  <si>
    <t>575889.0</t>
  </si>
  <si>
    <t>16552.8</t>
  </si>
  <si>
    <t>6019.07305227744</t>
  </si>
  <si>
    <t>6844105.0</t>
  </si>
  <si>
    <t>2456.032</t>
  </si>
  <si>
    <t>4063097.0</t>
  </si>
  <si>
    <t>1911616.0</t>
  </si>
  <si>
    <t>1826759.0</t>
  </si>
  <si>
    <t>593292.0</t>
  </si>
  <si>
    <t>147.75</t>
  </si>
  <si>
    <t>6860217.0</t>
  </si>
  <si>
    <t>2461.814</t>
  </si>
  <si>
    <t>4085616.0</t>
  </si>
  <si>
    <t>1913464.0</t>
  </si>
  <si>
    <t>1828317.0</t>
  </si>
  <si>
    <t>612856.0</t>
  </si>
  <si>
    <t>11159.0</t>
  </si>
  <si>
    <t>6874561.0</t>
  </si>
  <si>
    <t>2466.962</t>
  </si>
  <si>
    <t>4107152.0</t>
  </si>
  <si>
    <t>1915406.0</t>
  </si>
  <si>
    <t>1830033.0</t>
  </si>
  <si>
    <t>6890351.0</t>
  </si>
  <si>
    <t>2472.628</t>
  </si>
  <si>
    <t>4124924.0</t>
  </si>
  <si>
    <t>1917085.0</t>
  </si>
  <si>
    <t>1831444.0</t>
  </si>
  <si>
    <t>646314.0</t>
  </si>
  <si>
    <t>6905982.0</t>
  </si>
  <si>
    <t>2478.237</t>
  </si>
  <si>
    <t>4131875.0</t>
  </si>
  <si>
    <t>1917809.0</t>
  </si>
  <si>
    <t>1832178.0</t>
  </si>
  <si>
    <t>652045.0</t>
  </si>
  <si>
    <t>6911741.0</t>
  </si>
  <si>
    <t>2480.304</t>
  </si>
  <si>
    <t>6919020.0</t>
  </si>
  <si>
    <t>2482.916</t>
  </si>
  <si>
    <t>4131993.0</t>
  </si>
  <si>
    <t>1917813.0</t>
  </si>
  <si>
    <t>1832182.0</t>
  </si>
  <si>
    <t>652155.0</t>
  </si>
  <si>
    <t>16777.3</t>
  </si>
  <si>
    <t>6100.707694165</t>
  </si>
  <si>
    <t>6938237.0</t>
  </si>
  <si>
    <t>2489.812</t>
  </si>
  <si>
    <t>4149554.0</t>
  </si>
  <si>
    <t>1919451.0</t>
  </si>
  <si>
    <t>1833817.0</t>
  </si>
  <si>
    <t>666903.0</t>
  </si>
  <si>
    <t>150.89</t>
  </si>
  <si>
    <t>6959043.0</t>
  </si>
  <si>
    <t>2497.278</t>
  </si>
  <si>
    <t>4169638.0</t>
  </si>
  <si>
    <t>1921191.0</t>
  </si>
  <si>
    <t>1835250.0</t>
  </si>
  <si>
    <t>684228.0</t>
  </si>
  <si>
    <t>20084.0</t>
  </si>
  <si>
    <t>6978626.0</t>
  </si>
  <si>
    <t>19583.0</t>
  </si>
  <si>
    <t>2504.306</t>
  </si>
  <si>
    <t>4191634.0</t>
  </si>
  <si>
    <t>1923048.0</t>
  </si>
  <si>
    <t>1837002.0</t>
  </si>
  <si>
    <t>703041.0</t>
  </si>
  <si>
    <t>6999439.0</t>
  </si>
  <si>
    <t>2511.775</t>
  </si>
  <si>
    <t>15584.0</t>
  </si>
  <si>
    <t>4214195.0</t>
  </si>
  <si>
    <t>1925104.0</t>
  </si>
  <si>
    <t>1839074.0</t>
  </si>
  <si>
    <t>721939.0</t>
  </si>
  <si>
    <t>7022783.0</t>
  </si>
  <si>
    <t>23344.0</t>
  </si>
  <si>
    <t>2520.152</t>
  </si>
  <si>
    <t>4237523.0</t>
  </si>
  <si>
    <t>1927224.0</t>
  </si>
  <si>
    <t>1841499.0</t>
  </si>
  <si>
    <t>741259.0</t>
  </si>
  <si>
    <t>7037635.0</t>
  </si>
  <si>
    <t>2525.481</t>
  </si>
  <si>
    <t>4242179.0</t>
  </si>
  <si>
    <t>1927693.0</t>
  </si>
  <si>
    <t>1842213.0</t>
  </si>
  <si>
    <t>744847.0</t>
  </si>
  <si>
    <t>154.26</t>
  </si>
  <si>
    <t>7047143.0</t>
  </si>
  <si>
    <t>2528.893</t>
  </si>
  <si>
    <t>4244581.0</t>
  </si>
  <si>
    <t>1927900.0</t>
  </si>
  <si>
    <t>1842538.0</t>
  </si>
  <si>
    <t>746740.0</t>
  </si>
  <si>
    <t>16950.1</t>
  </si>
  <si>
    <t>6163.54273255328</t>
  </si>
  <si>
    <t>7071087.0</t>
  </si>
  <si>
    <t>23944.0</t>
  </si>
  <si>
    <t>2537.486</t>
  </si>
  <si>
    <t>4261155.0</t>
  </si>
  <si>
    <t>1929427.0</t>
  </si>
  <si>
    <t>1844250.0</t>
  </si>
  <si>
    <t>7099449.0</t>
  </si>
  <si>
    <t>28362.0</t>
  </si>
  <si>
    <t>2547.663</t>
  </si>
  <si>
    <t>4276091.0</t>
  </si>
  <si>
    <t>1930556.0</t>
  </si>
  <si>
    <t>1845617.0</t>
  </si>
  <si>
    <t>773174.0</t>
  </si>
  <si>
    <t>155.49</t>
  </si>
  <si>
    <t>7125897.0</t>
  </si>
  <si>
    <t>2557.154</t>
  </si>
  <si>
    <t>9.491</t>
  </si>
  <si>
    <t>4290641.0</t>
  </si>
  <si>
    <t>1931726.0</t>
  </si>
  <si>
    <t>1846977.0</t>
  </si>
  <si>
    <t>785406.0</t>
  </si>
  <si>
    <t>14144.0</t>
  </si>
  <si>
    <t>7152389.0</t>
  </si>
  <si>
    <t>2566.661</t>
  </si>
  <si>
    <t>4304747.0</t>
  </si>
  <si>
    <t>1933038.0</t>
  </si>
  <si>
    <t>1848297.0</t>
  </si>
  <si>
    <t>797190.0</t>
  </si>
  <si>
    <t>7177338.0</t>
  </si>
  <si>
    <t>24949.0</t>
  </si>
  <si>
    <t>2575.614</t>
  </si>
  <si>
    <t>8.953</t>
  </si>
  <si>
    <t>22079.0</t>
  </si>
  <si>
    <t>4319767.0</t>
  </si>
  <si>
    <t>1934463.0</t>
  </si>
  <si>
    <t>1849227.0</t>
  </si>
  <si>
    <t>810075.0</t>
  </si>
  <si>
    <t>157.08</t>
  </si>
  <si>
    <t>7192628.0</t>
  </si>
  <si>
    <t>2581.101</t>
  </si>
  <si>
    <t>22142.0</t>
  </si>
  <si>
    <t>4322934.0</t>
  </si>
  <si>
    <t>1934853.0</t>
  </si>
  <si>
    <t>1849416.0</t>
  </si>
  <si>
    <t>812703.0</t>
  </si>
  <si>
    <t>157.19</t>
  </si>
  <si>
    <t>7202757.0</t>
  </si>
  <si>
    <t>2584.736</t>
  </si>
  <si>
    <t>4323822.0</t>
  </si>
  <si>
    <t>1934932.0</t>
  </si>
  <si>
    <t>1849471.0</t>
  </si>
  <si>
    <t>813473.0</t>
  </si>
  <si>
    <t>17097.3</t>
  </si>
  <si>
    <t>6217.06887636552</t>
  </si>
  <si>
    <t>7228087.0</t>
  </si>
  <si>
    <t>2593.826</t>
  </si>
  <si>
    <t>4333427.0</t>
  </si>
  <si>
    <t>1935744.0</t>
  </si>
  <si>
    <t>1850584.0</t>
  </si>
  <si>
    <t>821309.0</t>
  </si>
  <si>
    <t>7256275.0</t>
  </si>
  <si>
    <t>2603.941</t>
  </si>
  <si>
    <t>4343068.0</t>
  </si>
  <si>
    <t>1936474.0</t>
  </si>
  <si>
    <t>1851780.0</t>
  </si>
  <si>
    <t>829116.0</t>
  </si>
  <si>
    <t>7285151.0</t>
  </si>
  <si>
    <t>2614.303</t>
  </si>
  <si>
    <t>4352456.0</t>
  </si>
  <si>
    <t>1937176.0</t>
  </si>
  <si>
    <t>1852931.0</t>
  </si>
  <si>
    <t>836661.0</t>
  </si>
  <si>
    <t>7313626.0</t>
  </si>
  <si>
    <t>2624.522</t>
  </si>
  <si>
    <t>4362030.0</t>
  </si>
  <si>
    <t>1937948.0</t>
  </si>
  <si>
    <t>1853993.0</t>
  </si>
  <si>
    <t>844458.0</t>
  </si>
  <si>
    <t>158.62</t>
  </si>
  <si>
    <t>7341113.0</t>
  </si>
  <si>
    <t>27487.0</t>
  </si>
  <si>
    <t>2634.386</t>
  </si>
  <si>
    <t>9.864</t>
  </si>
  <si>
    <t>4372607.0</t>
  </si>
  <si>
    <t>1938859.0</t>
  </si>
  <si>
    <t>1854991.0</t>
  </si>
  <si>
    <t>853158.0</t>
  </si>
  <si>
    <t>7357457.0</t>
  </si>
  <si>
    <t>2640.251</t>
  </si>
  <si>
    <t>4373886.0</t>
  </si>
  <si>
    <t>1938987.0</t>
  </si>
  <si>
    <t>1855120.0</t>
  </si>
  <si>
    <t>854185.0</t>
  </si>
  <si>
    <t>7370172.0</t>
  </si>
  <si>
    <t>2644.813</t>
  </si>
  <si>
    <t>23916.0</t>
  </si>
  <si>
    <t>4374039.0</t>
  </si>
  <si>
    <t>1938991.0</t>
  </si>
  <si>
    <t>1855134.0</t>
  </si>
  <si>
    <t>854320.0</t>
  </si>
  <si>
    <t>17229.1</t>
  </si>
  <si>
    <t>6264.99513828436</t>
  </si>
  <si>
    <t>7394546.0</t>
  </si>
  <si>
    <t>2653.56</t>
  </si>
  <si>
    <t>8.747</t>
  </si>
  <si>
    <t>4380826.0</t>
  </si>
  <si>
    <t>1939585.0</t>
  </si>
  <si>
    <t>1855994.0</t>
  </si>
  <si>
    <t>859675.0</t>
  </si>
  <si>
    <t>7427518.0</t>
  </si>
  <si>
    <t>2665.392</t>
  </si>
  <si>
    <t>4387534.0</t>
  </si>
  <si>
    <t>1940125.0</t>
  </si>
  <si>
    <t>1856890.0</t>
  </si>
  <si>
    <t>7460158.0</t>
  </si>
  <si>
    <t>2677.105</t>
  </si>
  <si>
    <t>4394611.0</t>
  </si>
  <si>
    <t>1940691.0</t>
  </si>
  <si>
    <t>1857972.0</t>
  </si>
  <si>
    <t>870422.0</t>
  </si>
  <si>
    <t>7495225.0</t>
  </si>
  <si>
    <t>2689.689</t>
  </si>
  <si>
    <t>12.584</t>
  </si>
  <si>
    <t>25943.0</t>
  </si>
  <si>
    <t>4401998.0</t>
  </si>
  <si>
    <t>1941266.0</t>
  </si>
  <si>
    <t>1859066.0</t>
  </si>
  <si>
    <t>7528996.0</t>
  </si>
  <si>
    <t>2701.808</t>
  </si>
  <si>
    <t>26840.0</t>
  </si>
  <si>
    <t>4410483.0</t>
  </si>
  <si>
    <t>1941951.0</t>
  </si>
  <si>
    <t>1860468.0</t>
  </si>
  <si>
    <t>882581.0</t>
  </si>
  <si>
    <t>7553183.0</t>
  </si>
  <si>
    <t>2710.488</t>
  </si>
  <si>
    <t>27961.0</t>
  </si>
  <si>
    <t>4411518.0</t>
  </si>
  <si>
    <t>1942070.0</t>
  </si>
  <si>
    <t>1860694.0</t>
  </si>
  <si>
    <t>883271.0</t>
  </si>
  <si>
    <t>7569243.0</t>
  </si>
  <si>
    <t>2716.251</t>
  </si>
  <si>
    <t>28439.0</t>
  </si>
  <si>
    <t>4411661.0</t>
  </si>
  <si>
    <t>1942078.0</t>
  </si>
  <si>
    <t>1860709.0</t>
  </si>
  <si>
    <t>883391.0</t>
  </si>
  <si>
    <t>17314.7</t>
  </si>
  <si>
    <t>6296.12175452299</t>
  </si>
  <si>
    <t>7598002.0</t>
  </si>
  <si>
    <t>2726.571</t>
  </si>
  <si>
    <t>4415212.0</t>
  </si>
  <si>
    <t>1942427.0</t>
  </si>
  <si>
    <t>1861435.0</t>
  </si>
  <si>
    <t>885871.0</t>
  </si>
  <si>
    <t>7632213.0</t>
  </si>
  <si>
    <t>2738.848</t>
  </si>
  <si>
    <t>29242.0</t>
  </si>
  <si>
    <t>4418435.0</t>
  </si>
  <si>
    <t>1942797.0</t>
  </si>
  <si>
    <t>1862115.0</t>
  </si>
  <si>
    <t>888054.0</t>
  </si>
  <si>
    <t>7666878.0</t>
  </si>
  <si>
    <t>2751.287</t>
  </si>
  <si>
    <t>10.597</t>
  </si>
  <si>
    <t>4421755.0</t>
  </si>
  <si>
    <t>1943175.0</t>
  </si>
  <si>
    <t>1862830.0</t>
  </si>
  <si>
    <t>890296.0</t>
  </si>
  <si>
    <t>160.79</t>
  </si>
  <si>
    <t>7699769.0</t>
  </si>
  <si>
    <t>32891.0</t>
  </si>
  <si>
    <t>2763.091</t>
  </si>
  <si>
    <t>11.803</t>
  </si>
  <si>
    <t>10.486</t>
  </si>
  <si>
    <t>4424979.0</t>
  </si>
  <si>
    <t>1943465.0</t>
  </si>
  <si>
    <t>1863575.0</t>
  </si>
  <si>
    <t>892495.0</t>
  </si>
  <si>
    <t>7731695.0</t>
  </si>
  <si>
    <t>11.457</t>
  </si>
  <si>
    <t>4428736.0</t>
  </si>
  <si>
    <t>1943849.0</t>
  </si>
  <si>
    <t>1864448.0</t>
  </si>
  <si>
    <t>894997.0</t>
  </si>
  <si>
    <t>7752575.0</t>
  </si>
  <si>
    <t>2782.04</t>
  </si>
  <si>
    <t>28485.0</t>
  </si>
  <si>
    <t>4429188.0</t>
  </si>
  <si>
    <t>1943904.0</t>
  </si>
  <si>
    <t>1864591.0</t>
  </si>
  <si>
    <t>895252.0</t>
  </si>
  <si>
    <t>7768784.0</t>
  </si>
  <si>
    <t>2787.857</t>
  </si>
  <si>
    <t>28506.0</t>
  </si>
  <si>
    <t>10.229</t>
  </si>
  <si>
    <t>4429291.0</t>
  </si>
  <si>
    <t>1943912.0</t>
  </si>
  <si>
    <t>1864602.0</t>
  </si>
  <si>
    <t>895336.0</t>
  </si>
  <si>
    <t>17368.9</t>
  </si>
  <si>
    <t>6315.83042975821</t>
  </si>
  <si>
    <t>7792189.0</t>
  </si>
  <si>
    <t>2796.256</t>
  </si>
  <si>
    <t>9.955</t>
  </si>
  <si>
    <t>4431004.0</t>
  </si>
  <si>
    <t>1944098.0</t>
  </si>
  <si>
    <t>1865010.0</t>
  </si>
  <si>
    <t>896458.0</t>
  </si>
  <si>
    <t>7820778.0</t>
  </si>
  <si>
    <t>28589.0</t>
  </si>
  <si>
    <t>2806.515</t>
  </si>
  <si>
    <t>4432693.0</t>
  </si>
  <si>
    <t>1944245.0</t>
  </si>
  <si>
    <t>1865390.0</t>
  </si>
  <si>
    <t>897628.0</t>
  </si>
  <si>
    <t>7845745.0</t>
  </si>
  <si>
    <t>24967.0</t>
  </si>
  <si>
    <t>2815.475</t>
  </si>
  <si>
    <t>4434530.0</t>
  </si>
  <si>
    <t>1944417.0</t>
  </si>
  <si>
    <t>1865820.0</t>
  </si>
  <si>
    <t>898861.0</t>
  </si>
  <si>
    <t>161.25</t>
  </si>
  <si>
    <t>7871149.0</t>
  </si>
  <si>
    <t>25404.0</t>
  </si>
  <si>
    <t>2824.591</t>
  </si>
  <si>
    <t>4436284.0</t>
  </si>
  <si>
    <t>1944588.0</t>
  </si>
  <si>
    <t>1866260.0</t>
  </si>
  <si>
    <t>899998.0</t>
  </si>
  <si>
    <t>161.32</t>
  </si>
  <si>
    <t>7895681.0</t>
  </si>
  <si>
    <t>2833.394</t>
  </si>
  <si>
    <t>8.803</t>
  </si>
  <si>
    <t>23427.0</t>
  </si>
  <si>
    <t>4438632.0</t>
  </si>
  <si>
    <t>1944848.0</t>
  </si>
  <si>
    <t>1866860.0</t>
  </si>
  <si>
    <t>901487.0</t>
  </si>
  <si>
    <t>7913396.0</t>
  </si>
  <si>
    <t>2839.751</t>
  </si>
  <si>
    <t>4438841.0</t>
  </si>
  <si>
    <t>1944869.0</t>
  </si>
  <si>
    <t>1866922.0</t>
  </si>
  <si>
    <t>901613.0</t>
  </si>
  <si>
    <t>7924206.0</t>
  </si>
  <si>
    <t>2843.631</t>
  </si>
  <si>
    <t>7.968</t>
  </si>
  <si>
    <t>4438917.0</t>
  </si>
  <si>
    <t>1944878.0</t>
  </si>
  <si>
    <t>1866936.0</t>
  </si>
  <si>
    <t>901666.0</t>
  </si>
  <si>
    <t>17585.1</t>
  </si>
  <si>
    <t>6394.44695348243</t>
  </si>
  <si>
    <t>7941520.0</t>
  </si>
  <si>
    <t>2849.844</t>
  </si>
  <si>
    <t>4440128.0</t>
  </si>
  <si>
    <t>1945034.0</t>
  </si>
  <si>
    <t>1867285.0</t>
  </si>
  <si>
    <t>902376.0</t>
  </si>
  <si>
    <t>7962584.0</t>
  </si>
  <si>
    <t>2857.403</t>
  </si>
  <si>
    <t>4441563.0</t>
  </si>
  <si>
    <t>1945174.0</t>
  </si>
  <si>
    <t>1867643.0</t>
  </si>
  <si>
    <t>903317.0</t>
  </si>
  <si>
    <t>161.51</t>
  </si>
  <si>
    <t>7976752.0</t>
  </si>
  <si>
    <t>2862.487</t>
  </si>
  <si>
    <t>4441565.0</t>
  </si>
  <si>
    <t>903318.0</t>
  </si>
  <si>
    <t>7992504.0</t>
  </si>
  <si>
    <t>2868.14</t>
  </si>
  <si>
    <t>6.221</t>
  </si>
  <si>
    <t>4443207.0</t>
  </si>
  <si>
    <t>1945359.0</t>
  </si>
  <si>
    <t>1868155.0</t>
  </si>
  <si>
    <t>904265.0</t>
  </si>
  <si>
    <t>8011867.0</t>
  </si>
  <si>
    <t>2875.088</t>
  </si>
  <si>
    <t>4445009.0</t>
  </si>
  <si>
    <t>1945565.0</t>
  </si>
  <si>
    <t>1868702.0</t>
  </si>
  <si>
    <t>905320.0</t>
  </si>
  <si>
    <t>8024903.0</t>
  </si>
  <si>
    <t>2879.766</t>
  </si>
  <si>
    <t>4445162.0</t>
  </si>
  <si>
    <t>1945585.0</t>
  </si>
  <si>
    <t>1868754.0</t>
  </si>
  <si>
    <t>905402.0</t>
  </si>
  <si>
    <t>8033526.0</t>
  </si>
  <si>
    <t>2882.86</t>
  </si>
  <si>
    <t>4445217.0</t>
  </si>
  <si>
    <t>1945589.0</t>
  </si>
  <si>
    <t>1868765.0</t>
  </si>
  <si>
    <t>905442.0</t>
  </si>
  <si>
    <t>17769.7</t>
  </si>
  <si>
    <t>6461.57281046436</t>
  </si>
  <si>
    <t>8049427.0</t>
  </si>
  <si>
    <t>2888.567</t>
  </si>
  <si>
    <t>4446259.0</t>
  </si>
  <si>
    <t>1945732.0</t>
  </si>
  <si>
    <t>1869008.0</t>
  </si>
  <si>
    <t>906097.0</t>
  </si>
  <si>
    <t>8068562.0</t>
  </si>
  <si>
    <t>2895.433</t>
  </si>
  <si>
    <t>4447206.0</t>
  </si>
  <si>
    <t>1945862.0</t>
  </si>
  <si>
    <t>1869218.0</t>
  </si>
  <si>
    <t>906706.0</t>
  </si>
  <si>
    <t>8085785.0</t>
  </si>
  <si>
    <t>2901.614</t>
  </si>
  <si>
    <t>4448154.0</t>
  </si>
  <si>
    <t>1945958.0</t>
  </si>
  <si>
    <t>1869440.0</t>
  </si>
  <si>
    <t>907346.0</t>
  </si>
  <si>
    <t>8100172.0</t>
  </si>
  <si>
    <t>2906.777</t>
  </si>
  <si>
    <t>4449170.0</t>
  </si>
  <si>
    <t>1946074.0</t>
  </si>
  <si>
    <t>1869697.0</t>
  </si>
  <si>
    <t>907989.0</t>
  </si>
  <si>
    <t>8113952.0</t>
  </si>
  <si>
    <t>2911.722</t>
  </si>
  <si>
    <t>4450484.0</t>
  </si>
  <si>
    <t>1946221.0</t>
  </si>
  <si>
    <t>1870021.0</t>
  </si>
  <si>
    <t>908834.0</t>
  </si>
  <si>
    <t>161.83</t>
  </si>
  <si>
    <t>8123219.0</t>
  </si>
  <si>
    <t>2915.047</t>
  </si>
  <si>
    <t>4450573.0</t>
  </si>
  <si>
    <t>1946231.0</t>
  </si>
  <si>
    <t>1870050.0</t>
  </si>
  <si>
    <t>908884.0</t>
  </si>
  <si>
    <t>161.84</t>
  </si>
  <si>
    <t>8128937.0</t>
  </si>
  <si>
    <t>2917.099</t>
  </si>
  <si>
    <t>4450649.0</t>
  </si>
  <si>
    <t>1946238.0</t>
  </si>
  <si>
    <t>1870059.0</t>
  </si>
  <si>
    <t>908944.0</t>
  </si>
  <si>
    <t>17900.3</t>
  </si>
  <si>
    <t>6509.06271794995</t>
  </si>
  <si>
    <t>8142154.0</t>
  </si>
  <si>
    <t>2921.842</t>
  </si>
  <si>
    <t>4451332.0</t>
  </si>
  <si>
    <t>1946324.0</t>
  </si>
  <si>
    <t>1870213.0</t>
  </si>
  <si>
    <t>909387.0</t>
  </si>
  <si>
    <t>161.86</t>
  </si>
  <si>
    <t>8157109.0</t>
  </si>
  <si>
    <t>2927.209</t>
  </si>
  <si>
    <t>4451959.0</t>
  </si>
  <si>
    <t>1946405.0</t>
  </si>
  <si>
    <t>1870340.0</t>
  </si>
  <si>
    <t>909800.0</t>
  </si>
  <si>
    <t>8170731.0</t>
  </si>
  <si>
    <t>2932.097</t>
  </si>
  <si>
    <t>4452578.0</t>
  </si>
  <si>
    <t>1946487.0</t>
  </si>
  <si>
    <t>1870468.0</t>
  </si>
  <si>
    <t>910207.0</t>
  </si>
  <si>
    <t>8183430.0</t>
  </si>
  <si>
    <t>2936.654</t>
  </si>
  <si>
    <t>4453282.0</t>
  </si>
  <si>
    <t>1946579.0</t>
  </si>
  <si>
    <t>1870598.0</t>
  </si>
  <si>
    <t>910689.0</t>
  </si>
  <si>
    <t>8196098.0</t>
  </si>
  <si>
    <t>2941.2</t>
  </si>
  <si>
    <t>4454423.0</t>
  </si>
  <si>
    <t>1946791.0</t>
  </si>
  <si>
    <t>1870818.0</t>
  </si>
  <si>
    <t>911397.0</t>
  </si>
  <si>
    <t>161.98</t>
  </si>
  <si>
    <t>8204327.0</t>
  </si>
  <si>
    <t>2944.153</t>
  </si>
  <si>
    <t>4454508.0</t>
  </si>
  <si>
    <t>1946804.0</t>
  </si>
  <si>
    <t>1870833.0</t>
  </si>
  <si>
    <t>911454.0</t>
  </si>
  <si>
    <t>8209981.0</t>
  </si>
  <si>
    <t>2946.182</t>
  </si>
  <si>
    <t>4454587.0</t>
  </si>
  <si>
    <t>1946812.0</t>
  </si>
  <si>
    <t>1870840.0</t>
  </si>
  <si>
    <t>911518.0</t>
  </si>
  <si>
    <t>18006.5</t>
  </si>
  <si>
    <t>6547.68008529275</t>
  </si>
  <si>
    <t>8223338.0</t>
  </si>
  <si>
    <t>2950.975</t>
  </si>
  <si>
    <t>4.793</t>
  </si>
  <si>
    <t>4455249.0</t>
  </si>
  <si>
    <t>1946884.0</t>
  </si>
  <si>
    <t>1870965.0</t>
  </si>
  <si>
    <t>911980.0</t>
  </si>
  <si>
    <t>8238459.0</t>
  </si>
  <si>
    <t>2956.401</t>
  </si>
  <si>
    <t>4455894.0</t>
  </si>
  <si>
    <t>1946974.0</t>
  </si>
  <si>
    <t>1871060.0</t>
  </si>
  <si>
    <t>912437.0</t>
  </si>
  <si>
    <t>8252169.0</t>
  </si>
  <si>
    <t>2961.321</t>
  </si>
  <si>
    <t>4456600.0</t>
  </si>
  <si>
    <t>1947083.0</t>
  </si>
  <si>
    <t>1871155.0</t>
  </si>
  <si>
    <t>912943.0</t>
  </si>
  <si>
    <t>8264977.0</t>
  </si>
  <si>
    <t>2965.918</t>
  </si>
  <si>
    <t>4457614.0</t>
  </si>
  <si>
    <t>1947222.0</t>
  </si>
  <si>
    <t>1871338.0</t>
  </si>
  <si>
    <t>913639.0</t>
  </si>
  <si>
    <t>8271657.0</t>
  </si>
  <si>
    <t>2968.315</t>
  </si>
  <si>
    <t>4457618.0</t>
  </si>
  <si>
    <t>1947223.0</t>
  </si>
  <si>
    <t>1871339.0</t>
  </si>
  <si>
    <t>913641.0</t>
  </si>
  <si>
    <t>8278721.0</t>
  </si>
  <si>
    <t>2970.85</t>
  </si>
  <si>
    <t>4457684.0</t>
  </si>
  <si>
    <t>1947232.0</t>
  </si>
  <si>
    <t>1871347.0</t>
  </si>
  <si>
    <t>913690.0</t>
  </si>
  <si>
    <t>8284958.0</t>
  </si>
  <si>
    <t>2973.088</t>
  </si>
  <si>
    <t>4457781.0</t>
  </si>
  <si>
    <t>1947242.0</t>
  </si>
  <si>
    <t>1871355.0</t>
  </si>
  <si>
    <t>913769.0</t>
  </si>
  <si>
    <t>18141.9</t>
  </si>
  <si>
    <t>6596.91541051134</t>
  </si>
  <si>
    <t>8298718.0</t>
  </si>
  <si>
    <t>2978.026</t>
  </si>
  <si>
    <t>1947386.0</t>
  </si>
  <si>
    <t>1871510.0</t>
  </si>
  <si>
    <t>914232.0</t>
  </si>
  <si>
    <t>162.13</t>
  </si>
  <si>
    <t>8313952.0</t>
  </si>
  <si>
    <t>2983.492</t>
  </si>
  <si>
    <t>4459295.0</t>
  </si>
  <si>
    <t>1947531.0</t>
  </si>
  <si>
    <t>1871611.0</t>
  </si>
  <si>
    <t>914744.0</t>
  </si>
  <si>
    <t>8327956.0</t>
  </si>
  <si>
    <t>2988.518</t>
  </si>
  <si>
    <t>4459975.0</t>
  </si>
  <si>
    <t>1947619.0</t>
  </si>
  <si>
    <t>1871701.0</t>
  </si>
  <si>
    <t>915244.0</t>
  </si>
  <si>
    <t>8339998.0</t>
  </si>
  <si>
    <t>2992.839</t>
  </si>
  <si>
    <t>4460662.0</t>
  </si>
  <si>
    <t>1947722.0</t>
  </si>
  <si>
    <t>1871805.0</t>
  </si>
  <si>
    <t>915723.0</t>
  </si>
  <si>
    <t>8352406.0</t>
  </si>
  <si>
    <t>2997.292</t>
  </si>
  <si>
    <t>4461600.0</t>
  </si>
  <si>
    <t>1947859.0</t>
  </si>
  <si>
    <t>1871950.0</t>
  </si>
  <si>
    <t>916381.0</t>
  </si>
  <si>
    <t>8360095.0</t>
  </si>
  <si>
    <t>3000.051</t>
  </si>
  <si>
    <t>4461663.0</t>
  </si>
  <si>
    <t>1947876.0</t>
  </si>
  <si>
    <t>1871959.0</t>
  </si>
  <si>
    <t>916418.0</t>
  </si>
  <si>
    <t>8365651.0</t>
  </si>
  <si>
    <t>3002.045</t>
  </si>
  <si>
    <t>4461732.0</t>
  </si>
  <si>
    <t>1947880.0</t>
  </si>
  <si>
    <t>1871967.0</t>
  </si>
  <si>
    <t>916475.0</t>
  </si>
  <si>
    <t>18293.3</t>
  </si>
  <si>
    <t>6651.96879483996</t>
  </si>
  <si>
    <t>8377700.0</t>
  </si>
  <si>
    <t>3006.369</t>
  </si>
  <si>
    <t>4462268.0</t>
  </si>
  <si>
    <t>1947960.0</t>
  </si>
  <si>
    <t>1872044.0</t>
  </si>
  <si>
    <t>916855.0</t>
  </si>
  <si>
    <t>8391355.0</t>
  </si>
  <si>
    <t>3011.269</t>
  </si>
  <si>
    <t>4462801.0</t>
  </si>
  <si>
    <t>1948033.0</t>
  </si>
  <si>
    <t>1872123.0</t>
  </si>
  <si>
    <t>917237.0</t>
  </si>
  <si>
    <t>8402835.0</t>
  </si>
  <si>
    <t>11480.0</t>
  </si>
  <si>
    <t>3015.388</t>
  </si>
  <si>
    <t>4463381.0</t>
  </si>
  <si>
    <t>1948111.0</t>
  </si>
  <si>
    <t>1872201.0</t>
  </si>
  <si>
    <t>917662.0</t>
  </si>
  <si>
    <t>8413616.0</t>
  </si>
  <si>
    <t>3019.257</t>
  </si>
  <si>
    <t>4464051.0</t>
  </si>
  <si>
    <t>1948197.0</t>
  </si>
  <si>
    <t>1872275.0</t>
  </si>
  <si>
    <t>918173.0</t>
  </si>
  <si>
    <t>162.33</t>
  </si>
  <si>
    <t>8423451.0</t>
  </si>
  <si>
    <t>3022.786</t>
  </si>
  <si>
    <t>4464954.0</t>
  </si>
  <si>
    <t>1948359.0</t>
  </si>
  <si>
    <t>1872408.0</t>
  </si>
  <si>
    <t>918783.0</t>
  </si>
  <si>
    <t>8430357.0</t>
  </si>
  <si>
    <t>3025.265</t>
  </si>
  <si>
    <t>4465015.0</t>
  </si>
  <si>
    <t>1948371.0</t>
  </si>
  <si>
    <t>1872417.0</t>
  </si>
  <si>
    <t>918823.0</t>
  </si>
  <si>
    <t>8434238.0</t>
  </si>
  <si>
    <t>3026.657</t>
  </si>
  <si>
    <t>4465086.0</t>
  </si>
  <si>
    <t>1948382.0</t>
  </si>
  <si>
    <t>1872423.0</t>
  </si>
  <si>
    <t>918877.0</t>
  </si>
  <si>
    <t>18455.7</t>
  </si>
  <si>
    <t>6711.02209480673</t>
  </si>
  <si>
    <t>8444301.0</t>
  </si>
  <si>
    <t>3030.269</t>
  </si>
  <si>
    <t>4465673.0</t>
  </si>
  <si>
    <t>1948480.0</t>
  </si>
  <si>
    <t>1872514.0</t>
  </si>
  <si>
    <t>919273.0</t>
  </si>
  <si>
    <t>8455551.0</t>
  </si>
  <si>
    <t>3034.306</t>
  </si>
  <si>
    <t>4466302.0</t>
  </si>
  <si>
    <t>1948568.0</t>
  </si>
  <si>
    <t>1872592.0</t>
  </si>
  <si>
    <t>919736.0</t>
  </si>
  <si>
    <t>162.41</t>
  </si>
  <si>
    <t>8465920.0</t>
  </si>
  <si>
    <t>3038.027</t>
  </si>
  <si>
    <t>4467019.0</t>
  </si>
  <si>
    <t>1948653.0</t>
  </si>
  <si>
    <t>1872690.0</t>
  </si>
  <si>
    <t>920267.0</t>
  </si>
  <si>
    <t>8475472.0</t>
  </si>
  <si>
    <t>3041.454</t>
  </si>
  <si>
    <t>4467775.0</t>
  </si>
  <si>
    <t>1948774.0</t>
  </si>
  <si>
    <t>1872800.0</t>
  </si>
  <si>
    <t>920792.0</t>
  </si>
  <si>
    <t>162.46</t>
  </si>
  <si>
    <t>8483696.0</t>
  </si>
  <si>
    <t>3044.406</t>
  </si>
  <si>
    <t>4468511.0</t>
  </si>
  <si>
    <t>1948913.0</t>
  </si>
  <si>
    <t>1872882.0</t>
  </si>
  <si>
    <t>921311.0</t>
  </si>
  <si>
    <t>8489572.0</t>
  </si>
  <si>
    <t>3046.514</t>
  </si>
  <si>
    <t>4468522.0</t>
  </si>
  <si>
    <t>1872885.0</t>
  </si>
  <si>
    <t>921319.0</t>
  </si>
  <si>
    <t>8493314.0</t>
  </si>
  <si>
    <t>3047.857</t>
  </si>
  <si>
    <t>4468576.0</t>
  </si>
  <si>
    <t>1948915.0</t>
  </si>
  <si>
    <t>1872891.0</t>
  </si>
  <si>
    <t>921365.0</t>
  </si>
  <si>
    <t>18589.1</t>
  </si>
  <si>
    <t>6759.53016263657</t>
  </si>
  <si>
    <t>8502416.0</t>
  </si>
  <si>
    <t>3051.123</t>
  </si>
  <si>
    <t>4469148.0</t>
  </si>
  <si>
    <t>1948991.0</t>
  </si>
  <si>
    <t>1872994.0</t>
  </si>
  <si>
    <t>921756.0</t>
  </si>
  <si>
    <t>8512272.0</t>
  </si>
  <si>
    <t>3054.66</t>
  </si>
  <si>
    <t>4469736.0</t>
  </si>
  <si>
    <t>1949082.0</t>
  </si>
  <si>
    <t>1873090.0</t>
  </si>
  <si>
    <t>922156.0</t>
  </si>
  <si>
    <t>8520737.0</t>
  </si>
  <si>
    <t>3057.698</t>
  </si>
  <si>
    <t>4470310.0</t>
  </si>
  <si>
    <t>1949174.0</t>
  </si>
  <si>
    <t>1873165.0</t>
  </si>
  <si>
    <t>922563.0</t>
  </si>
  <si>
    <t>162.55</t>
  </si>
  <si>
    <t>8528324.0</t>
  </si>
  <si>
    <t>3060.421</t>
  </si>
  <si>
    <t>4470912.0</t>
  </si>
  <si>
    <t>1949274.0</t>
  </si>
  <si>
    <t>1873239.0</t>
  </si>
  <si>
    <t>8535632.0</t>
  </si>
  <si>
    <t>3063.043</t>
  </si>
  <si>
    <t>4471633.0</t>
  </si>
  <si>
    <t>1949388.0</t>
  </si>
  <si>
    <t>1873331.0</t>
  </si>
  <si>
    <t>923510.0</t>
  </si>
  <si>
    <t>8540317.0</t>
  </si>
  <si>
    <t>3064.724</t>
  </si>
  <si>
    <t>4471698.0</t>
  </si>
  <si>
    <t>1949405.0</t>
  </si>
  <si>
    <t>1873348.0</t>
  </si>
  <si>
    <t>923541.0</t>
  </si>
  <si>
    <t>8543950.0</t>
  </si>
  <si>
    <t>3066.028</t>
  </si>
  <si>
    <t>4471778.0</t>
  </si>
  <si>
    <t>1949410.0</t>
  </si>
  <si>
    <t>1873359.0</t>
  </si>
  <si>
    <t>923605.0</t>
  </si>
  <si>
    <t>18687.3</t>
  </si>
  <si>
    <t>6795.23850042436</t>
  </si>
  <si>
    <t>8552016.0</t>
  </si>
  <si>
    <t>3068.923</t>
  </si>
  <si>
    <t>4472225.0</t>
  </si>
  <si>
    <t>1949487.0</t>
  </si>
  <si>
    <t>1873419.0</t>
  </si>
  <si>
    <t>923916.0</t>
  </si>
  <si>
    <t>8560634.0</t>
  </si>
  <si>
    <t>3072.015</t>
  </si>
  <si>
    <t>4472672.0</t>
  </si>
  <si>
    <t>1949561.0</t>
  </si>
  <si>
    <t>1873504.0</t>
  </si>
  <si>
    <t>924206.0</t>
  </si>
  <si>
    <t>8568277.0</t>
  </si>
  <si>
    <t>3074.758</t>
  </si>
  <si>
    <t>4473186.0</t>
  </si>
  <si>
    <t>1949643.0</t>
  </si>
  <si>
    <t>1873576.0</t>
  </si>
  <si>
    <t>924566.0</t>
  </si>
  <si>
    <t>8574981.0</t>
  </si>
  <si>
    <t>3077.164</t>
  </si>
  <si>
    <t>4473740.0</t>
  </si>
  <si>
    <t>1949742.0</t>
  </si>
  <si>
    <t>1873660.0</t>
  </si>
  <si>
    <t>924937.0</t>
  </si>
  <si>
    <t>8581482.0</t>
  </si>
  <si>
    <t>3079.496</t>
  </si>
  <si>
    <t>4474356.0</t>
  </si>
  <si>
    <t>1949846.0</t>
  </si>
  <si>
    <t>925352.0</t>
  </si>
  <si>
    <t>8585269.0</t>
  </si>
  <si>
    <t>3080.855</t>
  </si>
  <si>
    <t>4474362.0</t>
  </si>
  <si>
    <t>925358.0</t>
  </si>
  <si>
    <t>8588204.0</t>
  </si>
  <si>
    <t>3081.909</t>
  </si>
  <si>
    <t>4474378.0</t>
  </si>
  <si>
    <t>1949848.0</t>
  </si>
  <si>
    <t>1873763.0</t>
  </si>
  <si>
    <t>925370.0</t>
  </si>
  <si>
    <t>18770.1</t>
  </si>
  <si>
    <t>6825.34695631874</t>
  </si>
  <si>
    <t>8591537.0</t>
  </si>
  <si>
    <t>3083.105</t>
  </si>
  <si>
    <t>4474391.0</t>
  </si>
  <si>
    <t>1873768.0</t>
  </si>
  <si>
    <t>925378.0</t>
  </si>
  <si>
    <t>8599559.0</t>
  </si>
  <si>
    <t>3085.983</t>
  </si>
  <si>
    <t>4474986.0</t>
  </si>
  <si>
    <t>1949943.0</t>
  </si>
  <si>
    <t>1873872.0</t>
  </si>
  <si>
    <t>925771.0</t>
  </si>
  <si>
    <t>8607371.0</t>
  </si>
  <si>
    <t>3088.787</t>
  </si>
  <si>
    <t>4475538.0</t>
  </si>
  <si>
    <t>1950032.0</t>
  </si>
  <si>
    <t>1873956.0</t>
  </si>
  <si>
    <t>926152.0</t>
  </si>
  <si>
    <t>8614142.0</t>
  </si>
  <si>
    <t>3091.217</t>
  </si>
  <si>
    <t>4476073.0</t>
  </si>
  <si>
    <t>1950115.0</t>
  </si>
  <si>
    <t>1874039.0</t>
  </si>
  <si>
    <t>926522.0</t>
  </si>
  <si>
    <t>8619660.0</t>
  </si>
  <si>
    <t>3093.197</t>
  </si>
  <si>
    <t>4476785.0</t>
  </si>
  <si>
    <t>1950237.0</t>
  </si>
  <si>
    <t>1874157.0</t>
  </si>
  <si>
    <t>926989.0</t>
  </si>
  <si>
    <t>8623529.0</t>
  </si>
  <si>
    <t>3094.585</t>
  </si>
  <si>
    <t>4476839.0</t>
  </si>
  <si>
    <t>1950252.0</t>
  </si>
  <si>
    <t>1874166.0</t>
  </si>
  <si>
    <t>927019.0</t>
  </si>
  <si>
    <t>8626176.0</t>
  </si>
  <si>
    <t>3095.535</t>
  </si>
  <si>
    <t>4476884.0</t>
  </si>
  <si>
    <t>1950260.0</t>
  </si>
  <si>
    <t>1874172.0</t>
  </si>
  <si>
    <t>927050.0</t>
  </si>
  <si>
    <t>18948.7</t>
  </si>
  <si>
    <t>6890.2910411344</t>
  </si>
  <si>
    <t>8633169.0</t>
  </si>
  <si>
    <t>3098.045</t>
  </si>
  <si>
    <t>4477277.0</t>
  </si>
  <si>
    <t>1950322.0</t>
  </si>
  <si>
    <t>1874231.0</t>
  </si>
  <si>
    <t>927322.0</t>
  </si>
  <si>
    <t>8640162.0</t>
  </si>
  <si>
    <t>3100.554</t>
  </si>
  <si>
    <t>4477700.0</t>
  </si>
  <si>
    <t>1950391.0</t>
  </si>
  <si>
    <t>1874302.0</t>
  </si>
  <si>
    <t>927604.0</t>
  </si>
  <si>
    <t>8645949.0</t>
  </si>
  <si>
    <t>3102.631</t>
  </si>
  <si>
    <t>4478113.0</t>
  </si>
  <si>
    <t>1950473.0</t>
  </si>
  <si>
    <t>1874373.0</t>
  </si>
  <si>
    <t>927867.0</t>
  </si>
  <si>
    <t>8650866.0</t>
  </si>
  <si>
    <t>3104.395</t>
  </si>
  <si>
    <t>4478509.0</t>
  </si>
  <si>
    <t>1950545.0</t>
  </si>
  <si>
    <t>1874445.0</t>
  </si>
  <si>
    <t>928118.0</t>
  </si>
  <si>
    <t>8655763.0</t>
  </si>
  <si>
    <t>3106.153</t>
  </si>
  <si>
    <t>4479078.0</t>
  </si>
  <si>
    <t>1950634.0</t>
  </si>
  <si>
    <t>1874553.0</t>
  </si>
  <si>
    <t>928489.0</t>
  </si>
  <si>
    <t>8658749.0</t>
  </si>
  <si>
    <t>3107.224</t>
  </si>
  <si>
    <t>4479135.0</t>
  </si>
  <si>
    <t>1950641.0</t>
  </si>
  <si>
    <t>1874569.0</t>
  </si>
  <si>
    <t>928523.0</t>
  </si>
  <si>
    <t>8660519.0</t>
  </si>
  <si>
    <t>3107.859</t>
  </si>
  <si>
    <t>4479161.0</t>
  </si>
  <si>
    <t>1950643.0</t>
  </si>
  <si>
    <t>1874574.0</t>
  </si>
  <si>
    <t>928542.0</t>
  </si>
  <si>
    <t>19067.3</t>
  </si>
  <si>
    <t>6933.41740428747</t>
  </si>
  <si>
    <t>8663501.0</t>
  </si>
  <si>
    <t>3108.929</t>
  </si>
  <si>
    <t>4479474.0</t>
  </si>
  <si>
    <t>1950694.0</t>
  </si>
  <si>
    <t>928729.0</t>
  </si>
  <si>
    <t>8665485.0</t>
  </si>
  <si>
    <t>3109.641</t>
  </si>
  <si>
    <t>4479846.0</t>
  </si>
  <si>
    <t>1950759.0</t>
  </si>
  <si>
    <t>1874726.0</t>
  </si>
  <si>
    <t>928961.0</t>
  </si>
  <si>
    <t>8667338.0</t>
  </si>
  <si>
    <t>3110.306</t>
  </si>
  <si>
    <t>4480184.0</t>
  </si>
  <si>
    <t>1950814.0</t>
  </si>
  <si>
    <t>1874804.0</t>
  </si>
  <si>
    <t>929164.0</t>
  </si>
  <si>
    <t>8669185.0</t>
  </si>
  <si>
    <t>3110.969</t>
  </si>
  <si>
    <t>4480579.0</t>
  </si>
  <si>
    <t>1950895.0</t>
  </si>
  <si>
    <t>1874881.0</t>
  </si>
  <si>
    <t>929401.0</t>
  </si>
  <si>
    <t>8671109.0</t>
  </si>
  <si>
    <t>3111.659</t>
  </si>
  <si>
    <t>4480965.0</t>
  </si>
  <si>
    <t>1950952.0</t>
  </si>
  <si>
    <t>1874970.0</t>
  </si>
  <si>
    <t>929644.0</t>
  </si>
  <si>
    <t>8671834.0</t>
  </si>
  <si>
    <t>3111.92</t>
  </si>
  <si>
    <t>4480984.0</t>
  </si>
  <si>
    <t>1950955.0</t>
  </si>
  <si>
    <t>1874973.0</t>
  </si>
  <si>
    <t>929656.0</t>
  </si>
  <si>
    <t>8672342.0</t>
  </si>
  <si>
    <t>3112.102</t>
  </si>
  <si>
    <t>4481005.0</t>
  </si>
  <si>
    <t>1874977.0</t>
  </si>
  <si>
    <t>929673.0</t>
  </si>
  <si>
    <t>19169.1</t>
  </si>
  <si>
    <t>6970.43480537501</t>
  </si>
  <si>
    <t>8674781.0</t>
  </si>
  <si>
    <t>3112.977</t>
  </si>
  <si>
    <t>4481254.0</t>
  </si>
  <si>
    <t>1951007.0</t>
  </si>
  <si>
    <t>1875001.0</t>
  </si>
  <si>
    <t>929845.0</t>
  </si>
  <si>
    <t>8676488.0</t>
  </si>
  <si>
    <t>3113.59</t>
  </si>
  <si>
    <t>4481518.0</t>
  </si>
  <si>
    <t>1951058.0</t>
  </si>
  <si>
    <t>1875052.0</t>
  </si>
  <si>
    <t>930008.0</t>
  </si>
  <si>
    <t>8678178.0</t>
  </si>
  <si>
    <t>3114.196</t>
  </si>
  <si>
    <t>4481774.0</t>
  </si>
  <si>
    <t>1951100.0</t>
  </si>
  <si>
    <t>1875111.0</t>
  </si>
  <si>
    <t>930163.0</t>
  </si>
  <si>
    <t>8679687.0</t>
  </si>
  <si>
    <t>3114.738</t>
  </si>
  <si>
    <t>4482092.0</t>
  </si>
  <si>
    <t>1951151.0</t>
  </si>
  <si>
    <t>1875177.0</t>
  </si>
  <si>
    <t>930364.0</t>
  </si>
  <si>
    <t>8681414.0</t>
  </si>
  <si>
    <t>3115.357</t>
  </si>
  <si>
    <t>4482419.0</t>
  </si>
  <si>
    <t>1951217.0</t>
  </si>
  <si>
    <t>1875233.0</t>
  </si>
  <si>
    <t>930568.0</t>
  </si>
  <si>
    <t>8682186.0</t>
  </si>
  <si>
    <t>3115.635</t>
  </si>
  <si>
    <t>4482461.0</t>
  </si>
  <si>
    <t>1951231.0</t>
  </si>
  <si>
    <t>1875248.0</t>
  </si>
  <si>
    <t>930581.0</t>
  </si>
  <si>
    <t>8682692.0</t>
  </si>
  <si>
    <t>3115.816</t>
  </si>
  <si>
    <t>4482487.0</t>
  </si>
  <si>
    <t>1951232.0</t>
  </si>
  <si>
    <t>1875256.0</t>
  </si>
  <si>
    <t>930597.0</t>
  </si>
  <si>
    <t>19203.1</t>
  </si>
  <si>
    <t>6982.79818098382</t>
  </si>
  <si>
    <t>8684753.0</t>
  </si>
  <si>
    <t>3116.556</t>
  </si>
  <si>
    <t>4482704.0</t>
  </si>
  <si>
    <t>1951263.0</t>
  </si>
  <si>
    <t>1875305.0</t>
  </si>
  <si>
    <t>930736.0</t>
  </si>
  <si>
    <t>8686330.0</t>
  </si>
  <si>
    <t>3117.122</t>
  </si>
  <si>
    <t>4483011.0</t>
  </si>
  <si>
    <t>1951321.0</t>
  </si>
  <si>
    <t>1875358.0</t>
  </si>
  <si>
    <t>930935.0</t>
  </si>
  <si>
    <t>8687730.0</t>
  </si>
  <si>
    <t>3117.624</t>
  </si>
  <si>
    <t>4483270.0</t>
  </si>
  <si>
    <t>1951358.0</t>
  </si>
  <si>
    <t>1875415.0</t>
  </si>
  <si>
    <t>931100.0</t>
  </si>
  <si>
    <t>8689068.0</t>
  </si>
  <si>
    <t>3118.104</t>
  </si>
  <si>
    <t>4483533.0</t>
  </si>
  <si>
    <t>1951395.0</t>
  </si>
  <si>
    <t>1875469.0</t>
  </si>
  <si>
    <t>931271.0</t>
  </si>
  <si>
    <t>8690513.0</t>
  </si>
  <si>
    <t>3118.623</t>
  </si>
  <si>
    <t>4483865.0</t>
  </si>
  <si>
    <t>1951462.0</t>
  </si>
  <si>
    <t>1875539.0</t>
  </si>
  <si>
    <t>931467.0</t>
  </si>
  <si>
    <t>8691179.0</t>
  </si>
  <si>
    <t>3118.862</t>
  </si>
  <si>
    <t>4483906.0</t>
  </si>
  <si>
    <t>1951473.0</t>
  </si>
  <si>
    <t>1875547.0</t>
  </si>
  <si>
    <t>931489.0</t>
  </si>
  <si>
    <t>8691695.0</t>
  </si>
  <si>
    <t>3119.047</t>
  </si>
  <si>
    <t>4483923.0</t>
  </si>
  <si>
    <t>1875549.0</t>
  </si>
  <si>
    <t>931504.0</t>
  </si>
  <si>
    <t>19283.7</t>
  </si>
  <si>
    <t>7012.10665375057</t>
  </si>
  <si>
    <t>8693337.0</t>
  </si>
  <si>
    <t>3119.636</t>
  </si>
  <si>
    <t>4484157.0</t>
  </si>
  <si>
    <t>1951530.0</t>
  </si>
  <si>
    <t>1875598.0</t>
  </si>
  <si>
    <t>931632.0</t>
  </si>
  <si>
    <t>8694677.0</t>
  </si>
  <si>
    <t>3120.117</t>
  </si>
  <si>
    <t>4484391.0</t>
  </si>
  <si>
    <t>1951572.0</t>
  </si>
  <si>
    <t>1875640.0</t>
  </si>
  <si>
    <t>931782.0</t>
  </si>
  <si>
    <t>8695934.0</t>
  </si>
  <si>
    <t>3120.568</t>
  </si>
  <si>
    <t>4484569.0</t>
  </si>
  <si>
    <t>1951603.0</t>
  </si>
  <si>
    <t>1875683.0</t>
  </si>
  <si>
    <t>931894.0</t>
  </si>
  <si>
    <t>8697240.0</t>
  </si>
  <si>
    <t>3121.037</t>
  </si>
  <si>
    <t>4484784.0</t>
  </si>
  <si>
    <t>1951650.0</t>
  </si>
  <si>
    <t>1875733.0</t>
  </si>
  <si>
    <t>932013.0</t>
  </si>
  <si>
    <t>8698749.0</t>
  </si>
  <si>
    <t>3121.578</t>
  </si>
  <si>
    <t>4485115.0</t>
  </si>
  <si>
    <t>1951709.0</t>
  </si>
  <si>
    <t>1875806.0</t>
  </si>
  <si>
    <t>932211.0</t>
  </si>
  <si>
    <t>8699428.0</t>
  </si>
  <si>
    <t>3121.822</t>
  </si>
  <si>
    <t>4485156.0</t>
  </si>
  <si>
    <t>1951715.0</t>
  </si>
  <si>
    <t>1875816.0</t>
  </si>
  <si>
    <t>932235.0</t>
  </si>
  <si>
    <t>8699796.0</t>
  </si>
  <si>
    <t>3121.954</t>
  </si>
  <si>
    <t>4485171.0</t>
  </si>
  <si>
    <t>1951719.0</t>
  </si>
  <si>
    <t>1875818.0</t>
  </si>
  <si>
    <t>932244.0</t>
  </si>
  <si>
    <t>19320.1</t>
  </si>
  <si>
    <t>7025.34273822588</t>
  </si>
  <si>
    <t>8701446.0</t>
  </si>
  <si>
    <t>3122.546</t>
  </si>
  <si>
    <t>4485408.0</t>
  </si>
  <si>
    <t>1951756.0</t>
  </si>
  <si>
    <t>1875881.0</t>
  </si>
  <si>
    <t>932379.0</t>
  </si>
  <si>
    <t>8702712.0</t>
  </si>
  <si>
    <t>4485623.0</t>
  </si>
  <si>
    <t>1951802.0</t>
  </si>
  <si>
    <t>1875928.0</t>
  </si>
  <si>
    <t>932500.0</t>
  </si>
  <si>
    <t>8703850.0</t>
  </si>
  <si>
    <t>3123.409</t>
  </si>
  <si>
    <t>4485828.0</t>
  </si>
  <si>
    <t>1951838.0</t>
  </si>
  <si>
    <t>1875972.0</t>
  </si>
  <si>
    <t>932615.0</t>
  </si>
  <si>
    <t>163.12</t>
  </si>
  <si>
    <t>8705002.0</t>
  </si>
  <si>
    <t>3123.822</t>
  </si>
  <si>
    <t>4486011.0</t>
  </si>
  <si>
    <t>1951874.0</t>
  </si>
  <si>
    <t>1876005.0</t>
  </si>
  <si>
    <t>932728.0</t>
  </si>
  <si>
    <t>8706023.0</t>
  </si>
  <si>
    <t>3124.188</t>
  </si>
  <si>
    <t>4486283.0</t>
  </si>
  <si>
    <t>1951920.0</t>
  </si>
  <si>
    <t>1876053.0</t>
  </si>
  <si>
    <t>932895.0</t>
  </si>
  <si>
    <t>8706440.0</t>
  </si>
  <si>
    <t>3124.338</t>
  </si>
  <si>
    <t>4486290.0</t>
  </si>
  <si>
    <t>1951922.0</t>
  </si>
  <si>
    <t>1876054.0</t>
  </si>
  <si>
    <t>932899.0</t>
  </si>
  <si>
    <t>8706773.0</t>
  </si>
  <si>
    <t>3124.458</t>
  </si>
  <si>
    <t>4486303.0</t>
  </si>
  <si>
    <t>1951923.0</t>
  </si>
  <si>
    <t>1876055.0</t>
  </si>
  <si>
    <t>932910.0</t>
  </si>
  <si>
    <t>19277.5</t>
  </si>
  <si>
    <t>7009.85215584544</t>
  </si>
  <si>
    <t>8708037.0</t>
  </si>
  <si>
    <t>3124.911</t>
  </si>
  <si>
    <t>4486482.0</t>
  </si>
  <si>
    <t>1951967.0</t>
  </si>
  <si>
    <t>1876102.0</t>
  </si>
  <si>
    <t>8709109.0</t>
  </si>
  <si>
    <t>3125.296</t>
  </si>
  <si>
    <t>4486635.0</t>
  </si>
  <si>
    <t>1951989.0</t>
  </si>
  <si>
    <t>1876144.0</t>
  </si>
  <si>
    <t>933082.0</t>
  </si>
  <si>
    <t>8710161.0</t>
  </si>
  <si>
    <t>3125.673</t>
  </si>
  <si>
    <t>4486806.0</t>
  </si>
  <si>
    <t>1952010.0</t>
  </si>
  <si>
    <t>1876175.0</t>
  </si>
  <si>
    <t>933195.0</t>
  </si>
  <si>
    <t>25.818</t>
  </si>
  <si>
    <t>8711213.0</t>
  </si>
  <si>
    <t>3126.051</t>
  </si>
  <si>
    <t>4487013.0</t>
  </si>
  <si>
    <t>1952040.0</t>
  </si>
  <si>
    <t>1876236.0</t>
  </si>
  <si>
    <t>933306.0</t>
  </si>
  <si>
    <t>163.16</t>
  </si>
  <si>
    <t>8712189.0</t>
  </si>
  <si>
    <t>3126.401</t>
  </si>
  <si>
    <t>4487242.0</t>
  </si>
  <si>
    <t>1952082.0</t>
  </si>
  <si>
    <t>1876287.0</t>
  </si>
  <si>
    <t>933422.0</t>
  </si>
  <si>
    <t>8712685.0</t>
  </si>
  <si>
    <t>3126.579</t>
  </si>
  <si>
    <t>4487268.0</t>
  </si>
  <si>
    <t>1952084.0</t>
  </si>
  <si>
    <t>1876295.0</t>
  </si>
  <si>
    <t>933438.0</t>
  </si>
  <si>
    <t>8712927.0</t>
  </si>
  <si>
    <t>3126.666</t>
  </si>
  <si>
    <t>4487275.0</t>
  </si>
  <si>
    <t>1952085.0</t>
  </si>
  <si>
    <t>1876296.0</t>
  </si>
  <si>
    <t>933443.0</t>
  </si>
  <si>
    <t>19372.3</t>
  </si>
  <si>
    <t>7044.32415607234</t>
  </si>
  <si>
    <t>8714191.0</t>
  </si>
  <si>
    <t>3127.12</t>
  </si>
  <si>
    <t>4487415.0</t>
  </si>
  <si>
    <t>1952107.0</t>
  </si>
  <si>
    <t>1876334.0</t>
  </si>
  <si>
    <t>933521.0</t>
  </si>
  <si>
    <t>8715137.0</t>
  </si>
  <si>
    <t>3127.459</t>
  </si>
  <si>
    <t>4487529.0</t>
  </si>
  <si>
    <t>1952124.0</t>
  </si>
  <si>
    <t>1876356.0</t>
  </si>
  <si>
    <t>933596.0</t>
  </si>
  <si>
    <t>8716100.0</t>
  </si>
  <si>
    <t>3127.805</t>
  </si>
  <si>
    <t>4487636.0</t>
  </si>
  <si>
    <t>1952141.0</t>
  </si>
  <si>
    <t>1876378.0</t>
  </si>
  <si>
    <t>933658.0</t>
  </si>
  <si>
    <t>8716939.0</t>
  </si>
  <si>
    <t>3128.106</t>
  </si>
  <si>
    <t>4487796.0</t>
  </si>
  <si>
    <t>1952184.0</t>
  </si>
  <si>
    <t>1876413.0</t>
  </si>
  <si>
    <t>933731.0</t>
  </si>
  <si>
    <t>163.19</t>
  </si>
  <si>
    <t>8717835.0</t>
  </si>
  <si>
    <t>3128.427</t>
  </si>
  <si>
    <t>4487969.0</t>
  </si>
  <si>
    <t>1952216.0</t>
  </si>
  <si>
    <t>1876449.0</t>
  </si>
  <si>
    <t>933829.0</t>
  </si>
  <si>
    <t>8718050.0</t>
  </si>
  <si>
    <t>3128.504</t>
  </si>
  <si>
    <t>4487982.0</t>
  </si>
  <si>
    <t>1952219.0</t>
  </si>
  <si>
    <t>1876454.0</t>
  </si>
  <si>
    <t>933834.0</t>
  </si>
  <si>
    <t>8718186.0</t>
  </si>
  <si>
    <t>3128.553</t>
  </si>
  <si>
    <t>4487992.0</t>
  </si>
  <si>
    <t>1876455.0</t>
  </si>
  <si>
    <t>933843.0</t>
  </si>
  <si>
    <t>19475.5</t>
  </si>
  <si>
    <t>7081.85063733201</t>
  </si>
  <si>
    <t>4488115.0</t>
  </si>
  <si>
    <t>1952234.0</t>
  </si>
  <si>
    <t>1876490.0</t>
  </si>
  <si>
    <t>933913.0</t>
  </si>
  <si>
    <t>4488278.0</t>
  </si>
  <si>
    <t>1952273.0</t>
  </si>
  <si>
    <t>1876540.0</t>
  </si>
  <si>
    <t>933985.0</t>
  </si>
  <si>
    <t>4488405.0</t>
  </si>
  <si>
    <t>1952301.0</t>
  </si>
  <si>
    <t>1876563.0</t>
  </si>
  <si>
    <t>934056.0</t>
  </si>
  <si>
    <t>4488562.0</t>
  </si>
  <si>
    <t>1952333.0</t>
  </si>
  <si>
    <t>1876590.0</t>
  </si>
  <si>
    <t>934148.0</t>
  </si>
  <si>
    <t>163.22</t>
  </si>
  <si>
    <t>4488564.0</t>
  </si>
  <si>
    <t>1952334.0</t>
  </si>
  <si>
    <t>934149.0</t>
  </si>
  <si>
    <t>4488568.0</t>
  </si>
  <si>
    <t>1952335.0</t>
  </si>
  <si>
    <t>934152.0</t>
  </si>
  <si>
    <t>19589.5</t>
  </si>
  <si>
    <t>7123.30430849095</t>
  </si>
  <si>
    <t>4488674.0</t>
  </si>
  <si>
    <t>1952350.0</t>
  </si>
  <si>
    <t>1876619.0</t>
  </si>
  <si>
    <t>934211.0</t>
  </si>
  <si>
    <t>4488760.0</t>
  </si>
  <si>
    <t>1952365.0</t>
  </si>
  <si>
    <t>1876633.0</t>
  </si>
  <si>
    <t>934259.0</t>
  </si>
  <si>
    <t>4488861.0</t>
  </si>
  <si>
    <t>1952387.0</t>
  </si>
  <si>
    <t>1876653.0</t>
  </si>
  <si>
    <t>934312.0</t>
  </si>
  <si>
    <t>4488984.0</t>
  </si>
  <si>
    <t>1952412.0</t>
  </si>
  <si>
    <t>1876677.0</t>
  </si>
  <si>
    <t>934382.0</t>
  </si>
  <si>
    <t>4489130.0</t>
  </si>
  <si>
    <t>1952440.0</t>
  </si>
  <si>
    <t>1876714.0</t>
  </si>
  <si>
    <t>934459.0</t>
  </si>
  <si>
    <t>4489131.0</t>
  </si>
  <si>
    <t>1876715.0</t>
  </si>
  <si>
    <t>19824.3</t>
  </si>
  <si>
    <t>7208.68432593058</t>
  </si>
  <si>
    <t>31.999</t>
  </si>
  <si>
    <t>4489230.0</t>
  </si>
  <si>
    <t>1952461.0</t>
  </si>
  <si>
    <t>1876731.0</t>
  </si>
  <si>
    <t>934515.0</t>
  </si>
  <si>
    <t>4489379.0</t>
  </si>
  <si>
    <t>1952481.0</t>
  </si>
  <si>
    <t>1876754.0</t>
  </si>
  <si>
    <t>934620.0</t>
  </si>
  <si>
    <t>4489582.0</t>
  </si>
  <si>
    <t>1952517.0</t>
  </si>
  <si>
    <t>1876793.0</t>
  </si>
  <si>
    <t>934737.0</t>
  </si>
  <si>
    <t>4489785.0</t>
  </si>
  <si>
    <t>1952559.0</t>
  </si>
  <si>
    <t>1876820.0</t>
  </si>
  <si>
    <t>934859.0</t>
  </si>
  <si>
    <t>19895.5</t>
  </si>
  <si>
    <t>7234.5746889702</t>
  </si>
  <si>
    <t>4489982.0</t>
  </si>
  <si>
    <t>1952602.0</t>
  </si>
  <si>
    <t>1876855.0</t>
  </si>
  <si>
    <t>934967.0</t>
  </si>
  <si>
    <t>4490191.0</t>
  </si>
  <si>
    <t>1952642.0</t>
  </si>
  <si>
    <t>1876888.0</t>
  </si>
  <si>
    <t>935099.0</t>
  </si>
  <si>
    <t>4490382.0</t>
  </si>
  <si>
    <t>1952682.0</t>
  </si>
  <si>
    <t>1876911.0</t>
  </si>
  <si>
    <t>935210.0</t>
  </si>
  <si>
    <t>4490623.0</t>
  </si>
  <si>
    <t>1952736.0</t>
  </si>
  <si>
    <t>935334.0</t>
  </si>
  <si>
    <t>4490969.0</t>
  </si>
  <si>
    <t>1952825.0</t>
  </si>
  <si>
    <t>935519.0</t>
  </si>
  <si>
    <t>19926.3</t>
  </si>
  <si>
    <t>7245.774452757</t>
  </si>
  <si>
    <t>4491139.0</t>
  </si>
  <si>
    <t>1952868.0</t>
  </si>
  <si>
    <t>935621.0</t>
  </si>
  <si>
    <t>163.31</t>
  </si>
  <si>
    <t>4491346.0</t>
  </si>
  <si>
    <t>1952915.0</t>
  </si>
  <si>
    <t>1877031.0</t>
  </si>
  <si>
    <t>935743.0</t>
  </si>
  <si>
    <t>4491539.0</t>
  </si>
  <si>
    <t>1952963.0</t>
  </si>
  <si>
    <t>1877059.0</t>
  </si>
  <si>
    <t>935847.0</t>
  </si>
  <si>
    <t>4491737.0</t>
  </si>
  <si>
    <t>1953011.0</t>
  </si>
  <si>
    <t>1877084.0</t>
  </si>
  <si>
    <t>935950.0</t>
  </si>
  <si>
    <t>4491991.0</t>
  </si>
  <si>
    <t>1953086.0</t>
  </si>
  <si>
    <t>1877107.0</t>
  </si>
  <si>
    <t>936079.0</t>
  </si>
  <si>
    <t>4491994.0</t>
  </si>
  <si>
    <t>1953088.0</t>
  </si>
  <si>
    <t>1877108.0</t>
  </si>
  <si>
    <t>19993.5</t>
  </si>
  <si>
    <t>7270.21030101911</t>
  </si>
  <si>
    <t>4492145.0</t>
  </si>
  <si>
    <t>1953127.0</t>
  </si>
  <si>
    <t>1877124.0</t>
  </si>
  <si>
    <t>936167.0</t>
  </si>
  <si>
    <t>4492362.0</t>
  </si>
  <si>
    <t>1953193.0</t>
  </si>
  <si>
    <t>1877144.0</t>
  </si>
  <si>
    <t>936285.0</t>
  </si>
  <si>
    <t>4492526.0</t>
  </si>
  <si>
    <t>1953244.0</t>
  </si>
  <si>
    <t>1877164.0</t>
  </si>
  <si>
    <t>936372.0</t>
  </si>
  <si>
    <t>4492722.0</t>
  </si>
  <si>
    <t>1953283.0</t>
  </si>
  <si>
    <t>1877192.0</t>
  </si>
  <si>
    <t>936470.0</t>
  </si>
  <si>
    <t>163.37</t>
  </si>
  <si>
    <t>4492961.0</t>
  </si>
  <si>
    <t>1953362.0</t>
  </si>
  <si>
    <t>1877210.0</t>
  </si>
  <si>
    <t>936584.0</t>
  </si>
  <si>
    <t>20056.3</t>
  </si>
  <si>
    <t>7293.04618302596</t>
  </si>
  <si>
    <t>4493130.0</t>
  </si>
  <si>
    <t>1953394.0</t>
  </si>
  <si>
    <t>1877239.0</t>
  </si>
  <si>
    <t>936676.0</t>
  </si>
  <si>
    <t>4493386.0</t>
  </si>
  <si>
    <t>1953464.0</t>
  </si>
  <si>
    <t>1877266.0</t>
  </si>
  <si>
    <t>936772.0</t>
  </si>
  <si>
    <t>4493650.0</t>
  </si>
  <si>
    <t>1953527.0</t>
  </si>
  <si>
    <t>1877301.0</t>
  </si>
  <si>
    <t>936875.0</t>
  </si>
  <si>
    <t>4493957.0</t>
  </si>
  <si>
    <t>1953595.0</t>
  </si>
  <si>
    <t>1877363.0</t>
  </si>
  <si>
    <t>936973.0</t>
  </si>
  <si>
    <t>4494290.0</t>
  </si>
  <si>
    <t>1953661.0</t>
  </si>
  <si>
    <t>1877419.0</t>
  </si>
  <si>
    <t>937081.0</t>
  </si>
  <si>
    <t>4494291.0</t>
  </si>
  <si>
    <t>1877420.0</t>
  </si>
  <si>
    <t>937082.0</t>
  </si>
  <si>
    <t>20209.7</t>
  </si>
  <si>
    <t>7348.82682474333</t>
  </si>
  <si>
    <t>4494452.0</t>
  </si>
  <si>
    <t>1953709.0</t>
  </si>
  <si>
    <t>1877444.0</t>
  </si>
  <si>
    <t>937147.0</t>
  </si>
  <si>
    <t>4494735.0</t>
  </si>
  <si>
    <t>1953789.0</t>
  </si>
  <si>
    <t>1877491.0</t>
  </si>
  <si>
    <t>937248.0</t>
  </si>
  <si>
    <t>4494884.0</t>
  </si>
  <si>
    <t>1953820.0</t>
  </si>
  <si>
    <t>1877521.0</t>
  </si>
  <si>
    <t>937309.0</t>
  </si>
  <si>
    <t>4495080.0</t>
  </si>
  <si>
    <t>1953852.0</t>
  </si>
  <si>
    <t>1877568.0</t>
  </si>
  <si>
    <t>4495395.0</t>
  </si>
  <si>
    <t>1953923.0</t>
  </si>
  <si>
    <t>1877610.0</t>
  </si>
  <si>
    <t>937457.0</t>
  </si>
  <si>
    <t>4495400.0</t>
  </si>
  <si>
    <t>1953927.0</t>
  </si>
  <si>
    <t>937458.0</t>
  </si>
  <si>
    <t>20259.5</t>
  </si>
  <si>
    <t>7366.93553372329</t>
  </si>
  <si>
    <t>4495406.0</t>
  </si>
  <si>
    <t>1953928.0</t>
  </si>
  <si>
    <t>937463.0</t>
  </si>
  <si>
    <t>4495604.0</t>
  </si>
  <si>
    <t>1953975.0</t>
  </si>
  <si>
    <t>1877660.0</t>
  </si>
  <si>
    <t>937536.0</t>
  </si>
  <si>
    <t>4495809.0</t>
  </si>
  <si>
    <t>1954031.0</t>
  </si>
  <si>
    <t>1877700.0</t>
  </si>
  <si>
    <t>937621.0</t>
  </si>
  <si>
    <t>4496077.0</t>
  </si>
  <si>
    <t>1954097.0</t>
  </si>
  <si>
    <t>1877748.0</t>
  </si>
  <si>
    <t>937726.0</t>
  </si>
  <si>
    <t>4496420.0</t>
  </si>
  <si>
    <t>1954177.0</t>
  </si>
  <si>
    <t>1877830.0</t>
  </si>
  <si>
    <t>937813.0</t>
  </si>
  <si>
    <t>4496428.0</t>
  </si>
  <si>
    <t>1954181.0</t>
  </si>
  <si>
    <t>937816.0</t>
  </si>
  <si>
    <t>4496432.0</t>
  </si>
  <si>
    <t>1954183.0</t>
  </si>
  <si>
    <t>937818.0</t>
  </si>
  <si>
    <t>20516.9</t>
  </si>
  <si>
    <t>7460.53355965583</t>
  </si>
  <si>
    <t>4496566.0</t>
  </si>
  <si>
    <t>1954210.0</t>
  </si>
  <si>
    <t>1877864.0</t>
  </si>
  <si>
    <t>937871.0</t>
  </si>
  <si>
    <t>4496771.0</t>
  </si>
  <si>
    <t>1954261.0</t>
  </si>
  <si>
    <t>1877915.0</t>
  </si>
  <si>
    <t>937939.0</t>
  </si>
  <si>
    <t>4496926.0</t>
  </si>
  <si>
    <t>1954293.0</t>
  </si>
  <si>
    <t>1877952.0</t>
  </si>
  <si>
    <t>4497085.0</t>
  </si>
  <si>
    <t>1954335.0</t>
  </si>
  <si>
    <t>1877991.0</t>
  </si>
  <si>
    <t>938056.0</t>
  </si>
  <si>
    <t>4497327.0</t>
  </si>
  <si>
    <t>1954381.0</t>
  </si>
  <si>
    <t>1878032.0</t>
  </si>
  <si>
    <t>938131.0</t>
  </si>
  <si>
    <t>45.454</t>
  </si>
  <si>
    <t>20703.5</t>
  </si>
  <si>
    <t>7528.38667402651</t>
  </si>
  <si>
    <t>4497476.0</t>
  </si>
  <si>
    <t>1954412.0</t>
  </si>
  <si>
    <t>1878080.0</t>
  </si>
  <si>
    <t>938184.0</t>
  </si>
  <si>
    <t>4497690.0</t>
  </si>
  <si>
    <t>1954458.0</t>
  </si>
  <si>
    <t>1878120.0</t>
  </si>
  <si>
    <t>938272.0</t>
  </si>
  <si>
    <t>4497842.0</t>
  </si>
  <si>
    <t>1954493.0</t>
  </si>
  <si>
    <t>1878151.0</t>
  </si>
  <si>
    <t>938323.0</t>
  </si>
  <si>
    <t>4497969.0</t>
  </si>
  <si>
    <t>1954525.0</t>
  </si>
  <si>
    <t>1878181.0</t>
  </si>
  <si>
    <t>938367.0</t>
  </si>
  <si>
    <t>163.56</t>
  </si>
  <si>
    <t>4498200.0</t>
  </si>
  <si>
    <t>1954582.0</t>
  </si>
  <si>
    <t>1878230.0</t>
  </si>
  <si>
    <t>4498208.0</t>
  </si>
  <si>
    <t>1878232.0</t>
  </si>
  <si>
    <t>938441.0</t>
  </si>
  <si>
    <t>20752.3</t>
  </si>
  <si>
    <t>7546.13175431209</t>
  </si>
  <si>
    <t>4498309.0</t>
  </si>
  <si>
    <t>1954615.0</t>
  </si>
  <si>
    <t>1878245.0</t>
  </si>
  <si>
    <t>938484.0</t>
  </si>
  <si>
    <t>35.999</t>
  </si>
  <si>
    <t>4498511.0</t>
  </si>
  <si>
    <t>1954671.0</t>
  </si>
  <si>
    <t>1878282.0</t>
  </si>
  <si>
    <t>938565.0</t>
  </si>
  <si>
    <t>4498645.0</t>
  </si>
  <si>
    <t>1954693.0</t>
  </si>
  <si>
    <t>1878314.0</t>
  </si>
  <si>
    <t>938622.0</t>
  </si>
  <si>
    <t>4498861.0</t>
  </si>
  <si>
    <t>1954735.0</t>
  </si>
  <si>
    <t>1878347.0</t>
  </si>
  <si>
    <t>938706.0</t>
  </si>
  <si>
    <t>4499209.0</t>
  </si>
  <si>
    <t>1954800.0</t>
  </si>
  <si>
    <t>1878406.0</t>
  </si>
  <si>
    <t>938799.0</t>
  </si>
  <si>
    <t>4499214.0</t>
  </si>
  <si>
    <t>1954801.0</t>
  </si>
  <si>
    <t>1878408.0</t>
  </si>
  <si>
    <t>938801.0</t>
  </si>
  <si>
    <t>20834.5</t>
  </si>
  <si>
    <t>7576.02203298985</t>
  </si>
  <si>
    <t>4499352.0</t>
  </si>
  <si>
    <t>1954836.0</t>
  </si>
  <si>
    <t>938846.0</t>
  </si>
  <si>
    <t>4499547.0</t>
  </si>
  <si>
    <t>1954877.0</t>
  </si>
  <si>
    <t>1878479.0</t>
  </si>
  <si>
    <t>938918.0</t>
  </si>
  <si>
    <t>50.181</t>
  </si>
  <si>
    <t>4499710.0</t>
  </si>
  <si>
    <t>1954910.0</t>
  </si>
  <si>
    <t>1878504.0</t>
  </si>
  <si>
    <t>938967.0</t>
  </si>
  <si>
    <t>4499859.0</t>
  </si>
  <si>
    <t>1954947.0</t>
  </si>
  <si>
    <t>1878528.0</t>
  </si>
  <si>
    <t>939022.0</t>
  </si>
  <si>
    <t>163.63</t>
  </si>
  <si>
    <t>4500070.0</t>
  </si>
  <si>
    <t>1954993.0</t>
  </si>
  <si>
    <t>1878561.0</t>
  </si>
  <si>
    <t>939091.0</t>
  </si>
  <si>
    <t>4500074.0</t>
  </si>
  <si>
    <t>1954994.0</t>
  </si>
  <si>
    <t>1878562.0</t>
  </si>
  <si>
    <t>939093.0</t>
  </si>
  <si>
    <t>4500076.0</t>
  </si>
  <si>
    <t>1954995.0</t>
  </si>
  <si>
    <t>1878563.0</t>
  </si>
  <si>
    <t>21044.1</t>
  </si>
  <si>
    <t>7652.23860733119</t>
  </si>
  <si>
    <t>4500186.0</t>
  </si>
  <si>
    <t>1955010.0</t>
  </si>
  <si>
    <t>1878574.0</t>
  </si>
  <si>
    <t>939141.0</t>
  </si>
  <si>
    <t>4500370.0</t>
  </si>
  <si>
    <t>1955045.0</t>
  </si>
  <si>
    <t>1878590.0</t>
  </si>
  <si>
    <t>939206.0</t>
  </si>
  <si>
    <t>163.65</t>
  </si>
  <si>
    <t>4500631.0</t>
  </si>
  <si>
    <t>1955080.0</t>
  </si>
  <si>
    <t>1878612.0</t>
  </si>
  <si>
    <t>939267.0</t>
  </si>
  <si>
    <t>163.66</t>
  </si>
  <si>
    <t>4500798.0</t>
  </si>
  <si>
    <t>1955111.0</t>
  </si>
  <si>
    <t>1878639.0</t>
  </si>
  <si>
    <t>939320.0</t>
  </si>
  <si>
    <t>4501070.0</t>
  </si>
  <si>
    <t>1955167.0</t>
  </si>
  <si>
    <t>1878685.0</t>
  </si>
  <si>
    <t>939375.0</t>
  </si>
  <si>
    <t>4501074.0</t>
  </si>
  <si>
    <t>1955169.0</t>
  </si>
  <si>
    <t>939377.0</t>
  </si>
  <si>
    <t>21136.3</t>
  </si>
  <si>
    <t>7685.76517295272</t>
  </si>
  <si>
    <t>4501270.0</t>
  </si>
  <si>
    <t>1955197.0</t>
  </si>
  <si>
    <t>1878703.0</t>
  </si>
  <si>
    <t>939426.0</t>
  </si>
  <si>
    <t>4501508.0</t>
  </si>
  <si>
    <t>1955232.0</t>
  </si>
  <si>
    <t>1878722.0</t>
  </si>
  <si>
    <t>939480.0</t>
  </si>
  <si>
    <t>163.69</t>
  </si>
  <si>
    <t>4501836.0</t>
  </si>
  <si>
    <t>1955257.0</t>
  </si>
  <si>
    <t>1878757.0</t>
  </si>
  <si>
    <t>939542.0</t>
  </si>
  <si>
    <t>4502164.0</t>
  </si>
  <si>
    <t>1955295.0</t>
  </si>
  <si>
    <t>1878795.0</t>
  </si>
  <si>
    <t>939599.0</t>
  </si>
  <si>
    <t>4502559.0</t>
  </si>
  <si>
    <t>1955338.0</t>
  </si>
  <si>
    <t>1878828.0</t>
  </si>
  <si>
    <t>939674.0</t>
  </si>
  <si>
    <t>4502565.0</t>
  </si>
  <si>
    <t>1878831.0</t>
  </si>
  <si>
    <t>939676.0</t>
  </si>
  <si>
    <t>4502569.0</t>
  </si>
  <si>
    <t>1955339.0</t>
  </si>
  <si>
    <t>1878832.0</t>
  </si>
  <si>
    <t>939678.0</t>
  </si>
  <si>
    <t>21325.7</t>
  </si>
  <si>
    <t>7754.63644766765</t>
  </si>
  <si>
    <t>4502825.0</t>
  </si>
  <si>
    <t>1955348.0</t>
  </si>
  <si>
    <t>1878856.0</t>
  </si>
  <si>
    <t>939723.0</t>
  </si>
  <si>
    <t>4503257.0</t>
  </si>
  <si>
    <t>1955356.0</t>
  </si>
  <si>
    <t>1878881.0</t>
  </si>
  <si>
    <t>939783.0</t>
  </si>
  <si>
    <t>4503668.0</t>
  </si>
  <si>
    <t>1955383.0</t>
  </si>
  <si>
    <t>1878895.0</t>
  </si>
  <si>
    <t>939844.0</t>
  </si>
  <si>
    <t>163.77</t>
  </si>
  <si>
    <t>1955411.0</t>
  </si>
  <si>
    <t>1878914.0</t>
  </si>
  <si>
    <t>939926.0</t>
  </si>
  <si>
    <t>4505170.0</t>
  </si>
  <si>
    <t>1955436.0</t>
  </si>
  <si>
    <t>1878969.0</t>
  </si>
  <si>
    <t>940036.0</t>
  </si>
  <si>
    <t>4505171.0</t>
  </si>
  <si>
    <t>940037.0</t>
  </si>
  <si>
    <t>4505179.0</t>
  </si>
  <si>
    <t>1878970.0</t>
  </si>
  <si>
    <t>940041.0</t>
  </si>
  <si>
    <t>21507.7</t>
  </si>
  <si>
    <t>7820.8168700442</t>
  </si>
  <si>
    <t>4505718.0</t>
  </si>
  <si>
    <t>1955452.0</t>
  </si>
  <si>
    <t>1878987.0</t>
  </si>
  <si>
    <t>940102.0</t>
  </si>
  <si>
    <t>163.84</t>
  </si>
  <si>
    <t>4506394.0</t>
  </si>
  <si>
    <t>1955474.0</t>
  </si>
  <si>
    <t>1879015.0</t>
  </si>
  <si>
    <t>940174.0</t>
  </si>
  <si>
    <t>4506969.0</t>
  </si>
  <si>
    <t>1955504.0</t>
  </si>
  <si>
    <t>1879045.0</t>
  </si>
  <si>
    <t>940228.0</t>
  </si>
  <si>
    <t>163.89</t>
  </si>
  <si>
    <t>4507874.0</t>
  </si>
  <si>
    <t>1955538.0</t>
  </si>
  <si>
    <t>1879076.0</t>
  </si>
  <si>
    <t>940333.0</t>
  </si>
  <si>
    <t>4508873.0</t>
  </si>
  <si>
    <t>1955559.0</t>
  </si>
  <si>
    <t>1879100.0</t>
  </si>
  <si>
    <t>163.96</t>
  </si>
  <si>
    <t>4508881.0</t>
  </si>
  <si>
    <t>1955560.0</t>
  </si>
  <si>
    <t>1879101.0</t>
  </si>
  <si>
    <t>940458.0</t>
  </si>
  <si>
    <t>21635.1</t>
  </si>
  <si>
    <t>7867.14316570778</t>
  </si>
  <si>
    <t>4509425.0</t>
  </si>
  <si>
    <t>1955577.0</t>
  </si>
  <si>
    <t>1879126.0</t>
  </si>
  <si>
    <t>940516.0</t>
  </si>
  <si>
    <t>4510228.0</t>
  </si>
  <si>
    <t>1955604.0</t>
  </si>
  <si>
    <t>1879157.0</t>
  </si>
  <si>
    <t>940600.0</t>
  </si>
  <si>
    <t>4511055.0</t>
  </si>
  <si>
    <t>1955638.0</t>
  </si>
  <si>
    <t>1879185.0</t>
  </si>
  <si>
    <t>940702.0</t>
  </si>
  <si>
    <t>4511926.0</t>
  </si>
  <si>
    <t>1955657.0</t>
  </si>
  <si>
    <t>1879198.0</t>
  </si>
  <si>
    <t>940786.0</t>
  </si>
  <si>
    <t>164.07</t>
  </si>
  <si>
    <t>4512996.0</t>
  </si>
  <si>
    <t>1955686.0</t>
  </si>
  <si>
    <t>1879227.0</t>
  </si>
  <si>
    <t>940879.0</t>
  </si>
  <si>
    <t>4512999.0</t>
  </si>
  <si>
    <t>4513001.0</t>
  </si>
  <si>
    <t>940880.0</t>
  </si>
  <si>
    <t>21789.1</t>
  </si>
  <si>
    <t>7923.14198464178</t>
  </si>
  <si>
    <t>4513534.0</t>
  </si>
  <si>
    <t>1955705.0</t>
  </si>
  <si>
    <t>1879238.0</t>
  </si>
  <si>
    <t>940943.0</t>
  </si>
  <si>
    <t>4514408.0</t>
  </si>
  <si>
    <t>1955736.0</t>
  </si>
  <si>
    <t>1879257.0</t>
  </si>
  <si>
    <t>941041.0</t>
  </si>
  <si>
    <t>4515341.0</t>
  </si>
  <si>
    <t>1955748.0</t>
  </si>
  <si>
    <t>1879275.0</t>
  </si>
  <si>
    <t>941124.0</t>
  </si>
  <si>
    <t>164.19</t>
  </si>
  <si>
    <t>4516358.0</t>
  </si>
  <si>
    <t>1955761.0</t>
  </si>
  <si>
    <t>1879292.0</t>
  </si>
  <si>
    <t>941196.0</t>
  </si>
  <si>
    <t>164.23</t>
  </si>
  <si>
    <t>4517446.0</t>
  </si>
  <si>
    <t>1955788.0</t>
  </si>
  <si>
    <t>1879307.0</t>
  </si>
  <si>
    <t>941302.0</t>
  </si>
  <si>
    <t>4517447.0</t>
  </si>
  <si>
    <t>21839.3</t>
  </si>
  <si>
    <t>7941.39614509949</t>
  </si>
  <si>
    <t>4517906.0</t>
  </si>
  <si>
    <t>1955803.0</t>
  </si>
  <si>
    <t>1879320.0</t>
  </si>
  <si>
    <t>941364.0</t>
  </si>
  <si>
    <t>4518628.0</t>
  </si>
  <si>
    <t>1955822.0</t>
  </si>
  <si>
    <t>1879340.0</t>
  </si>
  <si>
    <t>941440.0</t>
  </si>
  <si>
    <t>4519664.0</t>
  </si>
  <si>
    <t>1955856.0</t>
  </si>
  <si>
    <t>1879379.0</t>
  </si>
  <si>
    <t>4519670.0</t>
  </si>
  <si>
    <t>21865.1</t>
  </si>
  <si>
    <t>7950.7777654144</t>
  </si>
  <si>
    <t>4520349.0</t>
  </si>
  <si>
    <t>1955874.0</t>
  </si>
  <si>
    <t>1879399.0</t>
  </si>
  <si>
    <t>941585.0</t>
  </si>
  <si>
    <t>164.37</t>
  </si>
  <si>
    <t>4521087.0</t>
  </si>
  <si>
    <t>1955892.0</t>
  </si>
  <si>
    <t>1879414.0</t>
  </si>
  <si>
    <t>4521889.0</t>
  </si>
  <si>
    <t>1955910.0</t>
  </si>
  <si>
    <t>1879429.0</t>
  </si>
  <si>
    <t>941709.0</t>
  </si>
  <si>
    <t>4522917.0</t>
  </si>
  <si>
    <t>1955921.0</t>
  </si>
  <si>
    <t>1879455.0</t>
  </si>
  <si>
    <t>941812.0</t>
  </si>
  <si>
    <t>164.47</t>
  </si>
  <si>
    <t>4524044.0</t>
  </si>
  <si>
    <t>1955958.0</t>
  </si>
  <si>
    <t>1879480.0</t>
  </si>
  <si>
    <t>941908.0</t>
  </si>
  <si>
    <t>164.51</t>
  </si>
  <si>
    <t>4524744.0</t>
  </si>
  <si>
    <t>1955979.0</t>
  </si>
  <si>
    <t>1879492.0</t>
  </si>
  <si>
    <t>941962.0</t>
  </si>
  <si>
    <t>164.53</t>
  </si>
  <si>
    <t>4525509.0</t>
  </si>
  <si>
    <t>1955996.0</t>
  </si>
  <si>
    <t>1879510.0</t>
  </si>
  <si>
    <t>942034.0</t>
  </si>
  <si>
    <t>164.56</t>
  </si>
  <si>
    <t>4526327.0</t>
  </si>
  <si>
    <t>1956011.0</t>
  </si>
  <si>
    <t>1879518.0</t>
  </si>
  <si>
    <t>942116.0</t>
  </si>
  <si>
    <t>4527319.0</t>
  </si>
  <si>
    <t>1956030.0</t>
  </si>
  <si>
    <t>1879533.0</t>
  </si>
  <si>
    <t>942191.0</t>
  </si>
  <si>
    <t>4528218.0</t>
  </si>
  <si>
    <t>1956050.0</t>
  </si>
  <si>
    <t>1879546.0</t>
  </si>
  <si>
    <t>942252.0</t>
  </si>
  <si>
    <t>4528219.0</t>
  </si>
  <si>
    <t>4528755.0</t>
  </si>
  <si>
    <t>1956062.0</t>
  </si>
  <si>
    <t>1879554.0</t>
  </si>
  <si>
    <t>942298.0</t>
  </si>
  <si>
    <t>4529334.0</t>
  </si>
  <si>
    <t>1956077.0</t>
  </si>
  <si>
    <t>1879563.0</t>
  </si>
  <si>
    <t>942364.0</t>
  </si>
  <si>
    <t>29.454</t>
  </si>
  <si>
    <t>4530025.0</t>
  </si>
  <si>
    <t>1956093.0</t>
  </si>
  <si>
    <t>1879578.0</t>
  </si>
  <si>
    <t>942423.0</t>
  </si>
  <si>
    <t>164.72</t>
  </si>
  <si>
    <t>4530913.0</t>
  </si>
  <si>
    <t>1956117.0</t>
  </si>
  <si>
    <t>1879603.0</t>
  </si>
  <si>
    <t>942494.0</t>
  </si>
  <si>
    <t>164.76</t>
  </si>
  <si>
    <t>4531704.0</t>
  </si>
  <si>
    <t>1956148.0</t>
  </si>
  <si>
    <t>1879629.0</t>
  </si>
  <si>
    <t>942568.0</t>
  </si>
  <si>
    <t>164.79</t>
  </si>
  <si>
    <t>4531710.0</t>
  </si>
  <si>
    <t>4532210.0</t>
  </si>
  <si>
    <t>1956152.0</t>
  </si>
  <si>
    <t>1879638.0</t>
  </si>
  <si>
    <t>942607.0</t>
  </si>
  <si>
    <t>4532800.0</t>
  </si>
  <si>
    <t>1956162.0</t>
  </si>
  <si>
    <t>1879656.0</t>
  </si>
  <si>
    <t>942666.0</t>
  </si>
  <si>
    <t>4533430.0</t>
  </si>
  <si>
    <t>1956182.0</t>
  </si>
  <si>
    <t>1879669.0</t>
  </si>
  <si>
    <t>942720.0</t>
  </si>
  <si>
    <t>164.85</t>
  </si>
  <si>
    <t>4534085.0</t>
  </si>
  <si>
    <t>1956189.0</t>
  </si>
  <si>
    <t>1879674.0</t>
  </si>
  <si>
    <t>942808.0</t>
  </si>
  <si>
    <t>4534674.0</t>
  </si>
  <si>
    <t>1956204.0</t>
  </si>
  <si>
    <t>1879689.0</t>
  </si>
  <si>
    <t>942875.0</t>
  </si>
  <si>
    <t>164.89</t>
  </si>
  <si>
    <t>4534686.0</t>
  </si>
  <si>
    <t>942878.0</t>
  </si>
  <si>
    <t>4534702.0</t>
  </si>
  <si>
    <t>1956206.0</t>
  </si>
  <si>
    <t>942881.0</t>
  </si>
  <si>
    <t>4535013.0</t>
  </si>
  <si>
    <t>1956219.0</t>
  </si>
  <si>
    <t>1879701.0</t>
  </si>
  <si>
    <t>942916.0</t>
  </si>
  <si>
    <t>4535385.0</t>
  </si>
  <si>
    <t>1956228.0</t>
  </si>
  <si>
    <t>942959.0</t>
  </si>
  <si>
    <t>164.92</t>
  </si>
  <si>
    <t>4535846.0</t>
  </si>
  <si>
    <t>1956243.0</t>
  </si>
  <si>
    <t>1879722.0</t>
  </si>
  <si>
    <t>943014.0</t>
  </si>
  <si>
    <t>4536458.0</t>
  </si>
  <si>
    <t>1956265.0</t>
  </si>
  <si>
    <t>1879735.0</t>
  </si>
  <si>
    <t>943059.0</t>
  </si>
  <si>
    <t>4536960.0</t>
  </si>
  <si>
    <t>1956291.0</t>
  </si>
  <si>
    <t>1879747.0</t>
  </si>
  <si>
    <t>943102.0</t>
  </si>
  <si>
    <t>4536966.0</t>
  </si>
  <si>
    <t>943103.0</t>
  </si>
  <si>
    <t>4536972.0</t>
  </si>
  <si>
    <t>943104.0</t>
  </si>
  <si>
    <t>4537223.0</t>
  </si>
  <si>
    <t>1956298.0</t>
  </si>
  <si>
    <t>1879753.0</t>
  </si>
  <si>
    <t>943125.0</t>
  </si>
  <si>
    <t>4537433.0</t>
  </si>
  <si>
    <t>1956307.0</t>
  </si>
  <si>
    <t>1879757.0</t>
  </si>
  <si>
    <t>943147.0</t>
  </si>
  <si>
    <t>4537717.0</t>
  </si>
  <si>
    <t>1956325.0</t>
  </si>
  <si>
    <t>1879769.0</t>
  </si>
  <si>
    <t>943182.0</t>
  </si>
  <si>
    <t>4538093.0</t>
  </si>
  <si>
    <t>1956335.0</t>
  </si>
  <si>
    <t>1879787.0</t>
  </si>
  <si>
    <t>943207.0</t>
  </si>
  <si>
    <t>4538493.0</t>
  </si>
  <si>
    <t>1956349.0</t>
  </si>
  <si>
    <t>1879802.0</t>
  </si>
  <si>
    <t>943255.0</t>
  </si>
  <si>
    <t>165.03</t>
  </si>
  <si>
    <t>4538498.0</t>
  </si>
  <si>
    <t>1879803.0</t>
  </si>
  <si>
    <t>4538709.0</t>
  </si>
  <si>
    <t>1956357.0</t>
  </si>
  <si>
    <t>943280.0</t>
  </si>
  <si>
    <t>4538862.0</t>
  </si>
  <si>
    <t>1956367.0</t>
  </si>
  <si>
    <t>1879816.0</t>
  </si>
  <si>
    <t>943293.0</t>
  </si>
  <si>
    <t>4539022.0</t>
  </si>
  <si>
    <t>1956378.0</t>
  </si>
  <si>
    <t>1879823.0</t>
  </si>
  <si>
    <t>943311.0</t>
  </si>
  <si>
    <t>4539232.0</t>
  </si>
  <si>
    <t>1956394.0</t>
  </si>
  <si>
    <t>1879833.0</t>
  </si>
  <si>
    <t>943335.0</t>
  </si>
  <si>
    <t>165.06</t>
  </si>
  <si>
    <t>4539342.0</t>
  </si>
  <si>
    <t>1956404.0</t>
  </si>
  <si>
    <t>1879847.0</t>
  </si>
  <si>
    <t>943353.0</t>
  </si>
  <si>
    <t>4539458.0</t>
  </si>
  <si>
    <t>1956407.0</t>
  </si>
  <si>
    <t>1879854.0</t>
  </si>
  <si>
    <t>943365.0</t>
  </si>
  <si>
    <t>165.07</t>
  </si>
  <si>
    <t>4539596.0</t>
  </si>
  <si>
    <t>1956416.0</t>
  </si>
  <si>
    <t>1879864.0</t>
  </si>
  <si>
    <t>943382.0</t>
  </si>
  <si>
    <t>4539745.0</t>
  </si>
  <si>
    <t>1956420.0</t>
  </si>
  <si>
    <t>1879877.0</t>
  </si>
  <si>
    <t>943393.0</t>
  </si>
  <si>
    <t>4539865.0</t>
  </si>
  <si>
    <t>1956428.0</t>
  </si>
  <si>
    <t>1879896.0</t>
  </si>
  <si>
    <t>943406.0</t>
  </si>
  <si>
    <t>4539948.0</t>
  </si>
  <si>
    <t>1956432.0</t>
  </si>
  <si>
    <t>1879898.0</t>
  </si>
  <si>
    <t>943416.0</t>
  </si>
  <si>
    <t>4540082.0</t>
  </si>
  <si>
    <t>1956439.0</t>
  </si>
  <si>
    <t>1879905.0</t>
  </si>
  <si>
    <t>943431.0</t>
  </si>
  <si>
    <t>4540261.0</t>
  </si>
  <si>
    <t>1956452.0</t>
  </si>
  <si>
    <t>1879917.0</t>
  </si>
  <si>
    <t>943448.0</t>
  </si>
  <si>
    <t>OWID_LIC</t>
  </si>
  <si>
    <t>Low income</t>
  </si>
  <si>
    <t>83256.0</t>
  </si>
  <si>
    <t>167098.0</t>
  </si>
  <si>
    <t>86770.0</t>
  </si>
  <si>
    <t>206653.0</t>
  </si>
  <si>
    <t>42483.0</t>
  </si>
  <si>
    <t>216877.0</t>
  </si>
  <si>
    <t>228248.0</t>
  </si>
  <si>
    <t>237154.0</t>
  </si>
  <si>
    <t>22999.0</t>
  </si>
  <si>
    <t>37270.0</t>
  </si>
  <si>
    <t>247142.0</t>
  </si>
  <si>
    <t>258289.0</t>
  </si>
  <si>
    <t>40612.0</t>
  </si>
  <si>
    <t>309392.0</t>
  </si>
  <si>
    <t>313303.0</t>
  </si>
  <si>
    <t>23297.0</t>
  </si>
  <si>
    <t>371495.0</t>
  </si>
  <si>
    <t>422831.0</t>
  </si>
  <si>
    <t>435474.0</t>
  </si>
  <si>
    <t>446301.0</t>
  </si>
  <si>
    <t>462718.0</t>
  </si>
  <si>
    <t>487981.0</t>
  </si>
  <si>
    <t>26286.0</t>
  </si>
  <si>
    <t>29532.0</t>
  </si>
  <si>
    <t>468128.0</t>
  </si>
  <si>
    <t>493391.0</t>
  </si>
  <si>
    <t>30823.0</t>
  </si>
  <si>
    <t>483054.0</t>
  </si>
  <si>
    <t>508317.0</t>
  </si>
  <si>
    <t>30926.0</t>
  </si>
  <si>
    <t>490432.0</t>
  </si>
  <si>
    <t>515695.0</t>
  </si>
  <si>
    <t>20675.0</t>
  </si>
  <si>
    <t>22904.0</t>
  </si>
  <si>
    <t>526358.0</t>
  </si>
  <si>
    <t>34929.0</t>
  </si>
  <si>
    <t>603107.0</t>
  </si>
  <si>
    <t>637285.0</t>
  </si>
  <si>
    <t>26948.0</t>
  </si>
  <si>
    <t>614297.0</t>
  </si>
  <si>
    <t>648475.0</t>
  </si>
  <si>
    <t>32913.0</t>
  </si>
  <si>
    <t>649767.0</t>
  </si>
  <si>
    <t>683945.0</t>
  </si>
  <si>
    <t>32979.0</t>
  </si>
  <si>
    <t>682661.0</t>
  </si>
  <si>
    <t>716839.0</t>
  </si>
  <si>
    <t>42905.0</t>
  </si>
  <si>
    <t>34115.0</t>
  </si>
  <si>
    <t>699634.0</t>
  </si>
  <si>
    <t>733812.0</t>
  </si>
  <si>
    <t>35286.0</t>
  </si>
  <si>
    <t>37385.0</t>
  </si>
  <si>
    <t>710769.0</t>
  </si>
  <si>
    <t>34236.0</t>
  </si>
  <si>
    <t>746797.0</t>
  </si>
  <si>
    <t>780975.0</t>
  </si>
  <si>
    <t>37409.0</t>
  </si>
  <si>
    <t>39456.0</t>
  </si>
  <si>
    <t>826687.0</t>
  </si>
  <si>
    <t>824035.0</t>
  </si>
  <si>
    <t>39663.0</t>
  </si>
  <si>
    <t>38237.0</t>
  </si>
  <si>
    <t>837377.0</t>
  </si>
  <si>
    <t>834725.0</t>
  </si>
  <si>
    <t>36471.0</t>
  </si>
  <si>
    <t>39044.0</t>
  </si>
  <si>
    <t>845190.0</t>
  </si>
  <si>
    <t>892053.0</t>
  </si>
  <si>
    <t>895847.0</t>
  </si>
  <si>
    <t>35731.0</t>
  </si>
  <si>
    <t>34064.0</t>
  </si>
  <si>
    <t>944476.0</t>
  </si>
  <si>
    <t>949517.0</t>
  </si>
  <si>
    <t>32578.0</t>
  </si>
  <si>
    <t>982769.0</t>
  </si>
  <si>
    <t>987987.0</t>
  </si>
  <si>
    <t>49637.0</t>
  </si>
  <si>
    <t>36470.0</t>
  </si>
  <si>
    <t>34081.0</t>
  </si>
  <si>
    <t>1087725.0</t>
  </si>
  <si>
    <t>1078166.0</t>
  </si>
  <si>
    <t>1573864.0</t>
  </si>
  <si>
    <t>1566489.0</t>
  </si>
  <si>
    <t>56067.0</t>
  </si>
  <si>
    <t>41371.0</t>
  </si>
  <si>
    <t>1606819.0</t>
  </si>
  <si>
    <t>1601399.0</t>
  </si>
  <si>
    <t>74984.0</t>
  </si>
  <si>
    <t>72878.0</t>
  </si>
  <si>
    <t>1663914.0</t>
  </si>
  <si>
    <t>1659090.0</t>
  </si>
  <si>
    <t>78465.0</t>
  </si>
  <si>
    <t>77239.0</t>
  </si>
  <si>
    <t>74977.0</t>
  </si>
  <si>
    <t>1677449.0</t>
  </si>
  <si>
    <t>1672625.0</t>
  </si>
  <si>
    <t>73776.0</t>
  </si>
  <si>
    <t>78824.0</t>
  </si>
  <si>
    <t>1714184.0</t>
  </si>
  <si>
    <t>1711377.0</t>
  </si>
  <si>
    <t>80207.0</t>
  </si>
  <si>
    <t>77718.0</t>
  </si>
  <si>
    <t>1757445.0</t>
  </si>
  <si>
    <t>1754638.0</t>
  </si>
  <si>
    <t>78198.0</t>
  </si>
  <si>
    <t>1787893.0</t>
  </si>
  <si>
    <t>1815264.0</t>
  </si>
  <si>
    <t>1788451.0</t>
  </si>
  <si>
    <t>80615.0</t>
  </si>
  <si>
    <t>80817.0</t>
  </si>
  <si>
    <t>1836233.0</t>
  </si>
  <si>
    <t>1806585.0</t>
  </si>
  <si>
    <t>29648.0</t>
  </si>
  <si>
    <t>80895.0</t>
  </si>
  <si>
    <t>81244.0</t>
  </si>
  <si>
    <t>77421.0</t>
  </si>
  <si>
    <t>2019989.0</t>
  </si>
  <si>
    <t>1990341.0</t>
  </si>
  <si>
    <t>81130.0</t>
  </si>
  <si>
    <t>2034688.0</t>
  </si>
  <si>
    <t>2005040.0</t>
  </si>
  <si>
    <t>71710.0</t>
  </si>
  <si>
    <t>81146.0</t>
  </si>
  <si>
    <t>77510.0</t>
  </si>
  <si>
    <t>2045371.0</t>
  </si>
  <si>
    <t>2013822.0</t>
  </si>
  <si>
    <t>80897.0</t>
  </si>
  <si>
    <t>77262.0</t>
  </si>
  <si>
    <t>2058569.0</t>
  </si>
  <si>
    <t>2025526.0</t>
  </si>
  <si>
    <t>73382.0</t>
  </si>
  <si>
    <t>2084072.0</t>
  </si>
  <si>
    <t>2049502.0</t>
  </si>
  <si>
    <t>34570.0</t>
  </si>
  <si>
    <t>85687.0</t>
  </si>
  <si>
    <t>77275.0</t>
  </si>
  <si>
    <t>73649.0</t>
  </si>
  <si>
    <t>2219359.0</t>
  </si>
  <si>
    <t>2180365.0</t>
  </si>
  <si>
    <t>38994.0</t>
  </si>
  <si>
    <t>78134.0</t>
  </si>
  <si>
    <t>76830.0</t>
  </si>
  <si>
    <t>72720.0</t>
  </si>
  <si>
    <t>2259576.0</t>
  </si>
  <si>
    <t>2220582.0</t>
  </si>
  <si>
    <t>74217.0</t>
  </si>
  <si>
    <t>2276596.0</t>
  </si>
  <si>
    <t>2235297.0</t>
  </si>
  <si>
    <t>75587.0</t>
  </si>
  <si>
    <t>2316538.0</t>
  </si>
  <si>
    <t>2271700.0</t>
  </si>
  <si>
    <t>44838.0</t>
  </si>
  <si>
    <t>2357327.0</t>
  </si>
  <si>
    <t>2310737.0</t>
  </si>
  <si>
    <t>46590.0</t>
  </si>
  <si>
    <t>90731.0</t>
  </si>
  <si>
    <t>74194.0</t>
  </si>
  <si>
    <t>2383320.0</t>
  </si>
  <si>
    <t>2333963.0</t>
  </si>
  <si>
    <t>95457.0</t>
  </si>
  <si>
    <t>83881.0</t>
  </si>
  <si>
    <t>3049370.0</t>
  </si>
  <si>
    <t>2998343.0</t>
  </si>
  <si>
    <t>87333.0</t>
  </si>
  <si>
    <t>3089834.0</t>
  </si>
  <si>
    <t>3037255.0</t>
  </si>
  <si>
    <t>79136.0</t>
  </si>
  <si>
    <t>84259.0</t>
  </si>
  <si>
    <t>3118366.0</t>
  </si>
  <si>
    <t>3064442.0</t>
  </si>
  <si>
    <t>83362.0</t>
  </si>
  <si>
    <t>74976.0</t>
  </si>
  <si>
    <t>3149734.0</t>
  </si>
  <si>
    <t>3095488.0</t>
  </si>
  <si>
    <t>54246.0</t>
  </si>
  <si>
    <t>68975.0</t>
  </si>
  <si>
    <t>82213.0</t>
  </si>
  <si>
    <t>3175269.0</t>
  </si>
  <si>
    <t>3121023.0</t>
  </si>
  <si>
    <t>3230030.0</t>
  </si>
  <si>
    <t>3174154.0</t>
  </si>
  <si>
    <t>98968.0</t>
  </si>
  <si>
    <t>79792.0</t>
  </si>
  <si>
    <t>3274538.0</t>
  </si>
  <si>
    <t>3217968.0</t>
  </si>
  <si>
    <t>56570.0</t>
  </si>
  <si>
    <t>79042.0</t>
  </si>
  <si>
    <t>67922.0</t>
  </si>
  <si>
    <t>3322153.0</t>
  </si>
  <si>
    <t>3264532.0</t>
  </si>
  <si>
    <t>89571.0</t>
  </si>
  <si>
    <t>79362.0</t>
  </si>
  <si>
    <t>67063.0</t>
  </si>
  <si>
    <t>3388550.0</t>
  </si>
  <si>
    <t>3329308.0</t>
  </si>
  <si>
    <t>81816.0</t>
  </si>
  <si>
    <t>3446278.0</t>
  </si>
  <si>
    <t>3384758.0</t>
  </si>
  <si>
    <t>63211.0</t>
  </si>
  <si>
    <t>110535.0</t>
  </si>
  <si>
    <t>87903.0</t>
  </si>
  <si>
    <t>73432.0</t>
  </si>
  <si>
    <t>3526922.0</t>
  </si>
  <si>
    <t>3413323.0</t>
  </si>
  <si>
    <t>67065.0</t>
  </si>
  <si>
    <t>87630.0</t>
  </si>
  <si>
    <t>72147.0</t>
  </si>
  <si>
    <t>3557569.0</t>
  </si>
  <si>
    <t>3443970.0</t>
  </si>
  <si>
    <t>62687.0</t>
  </si>
  <si>
    <t>87908.0</t>
  </si>
  <si>
    <t>3567709.0</t>
  </si>
  <si>
    <t>3454110.0</t>
  </si>
  <si>
    <t>71949.0</t>
  </si>
  <si>
    <t>3935062.0</t>
  </si>
  <si>
    <t>3763340.0</t>
  </si>
  <si>
    <t>128316.0</t>
  </si>
  <si>
    <t>92033.0</t>
  </si>
  <si>
    <t>4414342.0</t>
  </si>
  <si>
    <t>4176537.0</t>
  </si>
  <si>
    <t>237805.0</t>
  </si>
  <si>
    <t>91317.0</t>
  </si>
  <si>
    <t>76631.0</t>
  </si>
  <si>
    <t>4446994.0</t>
  </si>
  <si>
    <t>4209189.0</t>
  </si>
  <si>
    <t>84485.0</t>
  </si>
  <si>
    <t>92218.0</t>
  </si>
  <si>
    <t>4514451.0</t>
  </si>
  <si>
    <t>4263582.0</t>
  </si>
  <si>
    <t>250869.0</t>
  </si>
  <si>
    <t>86174.0</t>
  </si>
  <si>
    <t>4542313.0</t>
  </si>
  <si>
    <t>4291444.0</t>
  </si>
  <si>
    <t>86974.0</t>
  </si>
  <si>
    <t>87874.0</t>
  </si>
  <si>
    <t>73392.0</t>
  </si>
  <si>
    <t>4571853.0</t>
  </si>
  <si>
    <t>4320984.0</t>
  </si>
  <si>
    <t>4623753.0</t>
  </si>
  <si>
    <t>4366827.0</t>
  </si>
  <si>
    <t>256926.0</t>
  </si>
  <si>
    <t>76534.0</t>
  </si>
  <si>
    <t>4730927.0</t>
  </si>
  <si>
    <t>4457890.0</t>
  </si>
  <si>
    <t>273037.0</t>
  </si>
  <si>
    <t>80896.0</t>
  </si>
  <si>
    <t>65798.0</t>
  </si>
  <si>
    <t>4787113.0</t>
  </si>
  <si>
    <t>4508800.0</t>
  </si>
  <si>
    <t>278313.0</t>
  </si>
  <si>
    <t>78641.0</t>
  </si>
  <si>
    <t>63575.0</t>
  </si>
  <si>
    <t>4873666.0</t>
  </si>
  <si>
    <t>4572944.0</t>
  </si>
  <si>
    <t>300722.0</t>
  </si>
  <si>
    <t>91504.0</t>
  </si>
  <si>
    <t>79644.0</t>
  </si>
  <si>
    <t>4981524.0</t>
  </si>
  <si>
    <t>4677674.0</t>
  </si>
  <si>
    <t>113835.0</t>
  </si>
  <si>
    <t>70370.0</t>
  </si>
  <si>
    <t>5026623.0</t>
  </si>
  <si>
    <t>4718407.0</t>
  </si>
  <si>
    <t>308216.0</t>
  </si>
  <si>
    <t>94274.0</t>
  </si>
  <si>
    <t>86056.0</t>
  </si>
  <si>
    <t>5112348.0</t>
  </si>
  <si>
    <t>4797259.0</t>
  </si>
  <si>
    <t>315089.0</t>
  </si>
  <si>
    <t>110239.0</t>
  </si>
  <si>
    <t>91786.0</t>
  </si>
  <si>
    <t>5199269.0</t>
  </si>
  <si>
    <t>4861392.0</t>
  </si>
  <si>
    <t>337877.0</t>
  </si>
  <si>
    <t>94731.0</t>
  </si>
  <si>
    <t>5251720.0</t>
  </si>
  <si>
    <t>4913234.0</t>
  </si>
  <si>
    <t>338486.0</t>
  </si>
  <si>
    <t>105489.0</t>
  </si>
  <si>
    <t>5402192.0</t>
  </si>
  <si>
    <t>5009953.0</t>
  </si>
  <si>
    <t>368645.0</t>
  </si>
  <si>
    <t>98945.0</t>
  </si>
  <si>
    <t>81160.0</t>
  </si>
  <si>
    <t>5490187.0</t>
  </si>
  <si>
    <t>5082476.0</t>
  </si>
  <si>
    <t>372244.0</t>
  </si>
  <si>
    <t>110093.0</t>
  </si>
  <si>
    <t>5509090.0</t>
  </si>
  <si>
    <t>5101379.0</t>
  </si>
  <si>
    <t>76651.0</t>
  </si>
  <si>
    <t>5655907.0</t>
  </si>
  <si>
    <t>5225874.0</t>
  </si>
  <si>
    <t>375678.0</t>
  </si>
  <si>
    <t>95114.0</t>
  </si>
  <si>
    <t>72973.0</t>
  </si>
  <si>
    <t>5936335.0</t>
  </si>
  <si>
    <t>5410751.0</t>
  </si>
  <si>
    <t>419796.0</t>
  </si>
  <si>
    <t>94733.0</t>
  </si>
  <si>
    <t>66700.0</t>
  </si>
  <si>
    <t>6214202.0</t>
  </si>
  <si>
    <t>5606704.0</t>
  </si>
  <si>
    <t>476672.0</t>
  </si>
  <si>
    <t>100936.0</t>
  </si>
  <si>
    <t>95274.0</t>
  </si>
  <si>
    <t>64185.0</t>
  </si>
  <si>
    <t>6228511.0</t>
  </si>
  <si>
    <t>5616324.0</t>
  </si>
  <si>
    <t>83656.0</t>
  </si>
  <si>
    <t>92155.0</t>
  </si>
  <si>
    <t>61496.0</t>
  </si>
  <si>
    <t>6361504.0</t>
  </si>
  <si>
    <t>5685342.0</t>
  </si>
  <si>
    <t>511105.0</t>
  </si>
  <si>
    <t>115996.0</t>
  </si>
  <si>
    <t>6385442.0</t>
  </si>
  <si>
    <t>5705257.0</t>
  </si>
  <si>
    <t>515128.0</t>
  </si>
  <si>
    <t>92589.0</t>
  </si>
  <si>
    <t>58469.0</t>
  </si>
  <si>
    <t>6398141.0</t>
  </si>
  <si>
    <t>5717956.0</t>
  </si>
  <si>
    <t>83185.0</t>
  </si>
  <si>
    <t>93281.0</t>
  </si>
  <si>
    <t>58089.0</t>
  </si>
  <si>
    <t>6452600.0</t>
  </si>
  <si>
    <t>5730365.0</t>
  </si>
  <si>
    <t>82895.0</t>
  </si>
  <si>
    <t>95484.0</t>
  </si>
  <si>
    <t>59218.0</t>
  </si>
  <si>
    <t>6683521.0</t>
  </si>
  <si>
    <t>5782794.0</t>
  </si>
  <si>
    <t>693620.0</t>
  </si>
  <si>
    <t>63817.0</t>
  </si>
  <si>
    <t>89098.0</t>
  </si>
  <si>
    <t>6850244.0</t>
  </si>
  <si>
    <t>5927884.0</t>
  </si>
  <si>
    <t>715253.0</t>
  </si>
  <si>
    <t>58485.0</t>
  </si>
  <si>
    <t>57240.0</t>
  </si>
  <si>
    <t>7050362.0</t>
  </si>
  <si>
    <t>6067647.0</t>
  </si>
  <si>
    <t>766620.0</t>
  </si>
  <si>
    <t>75110.0</t>
  </si>
  <si>
    <t>81539.0</t>
  </si>
  <si>
    <t>56901.0</t>
  </si>
  <si>
    <t>7066541.0</t>
  </si>
  <si>
    <t>6080698.0</t>
  </si>
  <si>
    <t>769748.0</t>
  </si>
  <si>
    <t>90211.0</t>
  </si>
  <si>
    <t>7221075.0</t>
  </si>
  <si>
    <t>6180527.0</t>
  </si>
  <si>
    <t>804312.0</t>
  </si>
  <si>
    <t>103618.0</t>
  </si>
  <si>
    <t>79617.0</t>
  </si>
  <si>
    <t>56129.0</t>
  </si>
  <si>
    <t>7239238.0</t>
  </si>
  <si>
    <t>6195430.0</t>
  </si>
  <si>
    <t>807572.0</t>
  </si>
  <si>
    <t>71446.0</t>
  </si>
  <si>
    <t>78180.0</t>
  </si>
  <si>
    <t>7266590.0</t>
  </si>
  <si>
    <t>6206386.0</t>
  </si>
  <si>
    <t>815613.0</t>
  </si>
  <si>
    <t>70216.0</t>
  </si>
  <si>
    <t>76330.0</t>
  </si>
  <si>
    <t>55222.0</t>
  </si>
  <si>
    <t>7287631.0</t>
  </si>
  <si>
    <t>6209790.0</t>
  </si>
  <si>
    <t>78376.0</t>
  </si>
  <si>
    <t>55168.0</t>
  </si>
  <si>
    <t>7455907.0</t>
  </si>
  <si>
    <t>6327854.0</t>
  </si>
  <si>
    <t>863493.0</t>
  </si>
  <si>
    <t>7542191.0</t>
  </si>
  <si>
    <t>6391154.0</t>
  </si>
  <si>
    <t>880488.0</t>
  </si>
  <si>
    <t>112259.0</t>
  </si>
  <si>
    <t>84935.0</t>
  </si>
  <si>
    <t>7580020.0</t>
  </si>
  <si>
    <t>6415493.0</t>
  </si>
  <si>
    <t>884437.0</t>
  </si>
  <si>
    <t>97135.0</t>
  </si>
  <si>
    <t>61829.0</t>
  </si>
  <si>
    <t>7607759.0</t>
  </si>
  <si>
    <t>6425441.0</t>
  </si>
  <si>
    <t>902228.0</t>
  </si>
  <si>
    <t>84299.0</t>
  </si>
  <si>
    <t>7627238.0</t>
  </si>
  <si>
    <t>6437915.0</t>
  </si>
  <si>
    <t>909233.0</t>
  </si>
  <si>
    <t>97093.0</t>
  </si>
  <si>
    <t>87961.0</t>
  </si>
  <si>
    <t>63944.0</t>
  </si>
  <si>
    <t>7644700.0</t>
  </si>
  <si>
    <t>6441742.0</t>
  </si>
  <si>
    <t>913381.0</t>
  </si>
  <si>
    <t>87617.0</t>
  </si>
  <si>
    <t>65850.0</t>
  </si>
  <si>
    <t>7826189.0</t>
  </si>
  <si>
    <t>6588085.0</t>
  </si>
  <si>
    <t>945402.0</t>
  </si>
  <si>
    <t>80747.0</t>
  </si>
  <si>
    <t>90779.0</t>
  </si>
  <si>
    <t>67711.0</t>
  </si>
  <si>
    <t>7886861.0</t>
  </si>
  <si>
    <t>6631241.0</t>
  </si>
  <si>
    <t>962918.0</t>
  </si>
  <si>
    <t>91444.0</t>
  </si>
  <si>
    <t>8071320.0</t>
  </si>
  <si>
    <t>6768203.0</t>
  </si>
  <si>
    <t>1003057.0</t>
  </si>
  <si>
    <t>117426.0</t>
  </si>
  <si>
    <t>92183.0</t>
  </si>
  <si>
    <t>8136945.0</t>
  </si>
  <si>
    <t>6779586.0</t>
  </si>
  <si>
    <t>1020396.0</t>
  </si>
  <si>
    <t>78040.0</t>
  </si>
  <si>
    <t>89454.0</t>
  </si>
  <si>
    <t>62945.0</t>
  </si>
  <si>
    <t>8276116.0</t>
  </si>
  <si>
    <t>6874799.0</t>
  </si>
  <si>
    <t>1064354.0</t>
  </si>
  <si>
    <t>84374.0</t>
  </si>
  <si>
    <t>60138.0</t>
  </si>
  <si>
    <t>8277511.0</t>
  </si>
  <si>
    <t>6875274.0</t>
  </si>
  <si>
    <t>1065274.0</t>
  </si>
  <si>
    <t>78794.0</t>
  </si>
  <si>
    <t>8290639.0</t>
  </si>
  <si>
    <t>6875946.0</t>
  </si>
  <si>
    <t>1066537.0</t>
  </si>
  <si>
    <t>58563.0</t>
  </si>
  <si>
    <t>74643.0</t>
  </si>
  <si>
    <t>8387346.0</t>
  </si>
  <si>
    <t>6962194.0</t>
  </si>
  <si>
    <t>1076785.0</t>
  </si>
  <si>
    <t>54302.0</t>
  </si>
  <si>
    <t>8528301.0</t>
  </si>
  <si>
    <t>7037731.0</t>
  </si>
  <si>
    <t>1104375.0</t>
  </si>
  <si>
    <t>71565.0</t>
  </si>
  <si>
    <t>51376.0</t>
  </si>
  <si>
    <t>8581040.0</t>
  </si>
  <si>
    <t>7064945.0</t>
  </si>
  <si>
    <t>1124280.0</t>
  </si>
  <si>
    <t>94515.0</t>
  </si>
  <si>
    <t>49164.0</t>
  </si>
  <si>
    <t>8647628.0</t>
  </si>
  <si>
    <t>7124836.0</t>
  </si>
  <si>
    <t>1130429.0</t>
  </si>
  <si>
    <t>131023.0</t>
  </si>
  <si>
    <t>75033.0</t>
  </si>
  <si>
    <t>49168.0</t>
  </si>
  <si>
    <t>8781603.0</t>
  </si>
  <si>
    <t>7127789.0</t>
  </si>
  <si>
    <t>1132194.0</t>
  </si>
  <si>
    <t>113723.0</t>
  </si>
  <si>
    <t>83105.0</t>
  </si>
  <si>
    <t>47539.0</t>
  </si>
  <si>
    <t>8791450.0</t>
  </si>
  <si>
    <t>7135434.0</t>
  </si>
  <si>
    <t>1134396.0</t>
  </si>
  <si>
    <t>72291.0</t>
  </si>
  <si>
    <t>8841766.0</t>
  </si>
  <si>
    <t>7143601.0</t>
  </si>
  <si>
    <t>1140411.0</t>
  </si>
  <si>
    <t>71044.0</t>
  </si>
  <si>
    <t>86924.0</t>
  </si>
  <si>
    <t>45965.0</t>
  </si>
  <si>
    <t>9005751.0</t>
  </si>
  <si>
    <t>7210242.0</t>
  </si>
  <si>
    <t>1206697.0</t>
  </si>
  <si>
    <t>206501.0</t>
  </si>
  <si>
    <t>108667.0</t>
  </si>
  <si>
    <t>9153981.0</t>
  </si>
  <si>
    <t>7276656.0</t>
  </si>
  <si>
    <t>1282389.0</t>
  </si>
  <si>
    <t>71979.0</t>
  </si>
  <si>
    <t>51608.0</t>
  </si>
  <si>
    <t>9247148.0</t>
  </si>
  <si>
    <t>7330814.0</t>
  </si>
  <si>
    <t>1321398.0</t>
  </si>
  <si>
    <t>68339.0</t>
  </si>
  <si>
    <t>9295145.0</t>
  </si>
  <si>
    <t>7352200.0</t>
  </si>
  <si>
    <t>1348009.0</t>
  </si>
  <si>
    <t>95649.0</t>
  </si>
  <si>
    <t>9299808.0</t>
  </si>
  <si>
    <t>7354688.0</t>
  </si>
  <si>
    <t>1350184.0</t>
  </si>
  <si>
    <t>58452.0</t>
  </si>
  <si>
    <t>44818.0</t>
  </si>
  <si>
    <t>9328934.0</t>
  </si>
  <si>
    <t>7375574.0</t>
  </si>
  <si>
    <t>1358424.0</t>
  </si>
  <si>
    <t>63657.0</t>
  </si>
  <si>
    <t>86521.0</t>
  </si>
  <si>
    <t>9357502.0</t>
  </si>
  <si>
    <t>7381597.0</t>
  </si>
  <si>
    <t>1362140.0</t>
  </si>
  <si>
    <t>9409304.0</t>
  </si>
  <si>
    <t>7407892.0</t>
  </si>
  <si>
    <t>1387647.0</t>
  </si>
  <si>
    <t>86116.0</t>
  </si>
  <si>
    <t>36186.0</t>
  </si>
  <si>
    <t>9517479.0</t>
  </si>
  <si>
    <t>7459747.0</t>
  </si>
  <si>
    <t>1417370.0</t>
  </si>
  <si>
    <t>96962.0</t>
  </si>
  <si>
    <t>73359.0</t>
  </si>
  <si>
    <t>35377.0</t>
  </si>
  <si>
    <t>9544188.0</t>
  </si>
  <si>
    <t>7483935.0</t>
  </si>
  <si>
    <t>1425694.0</t>
  </si>
  <si>
    <t>78037.0</t>
  </si>
  <si>
    <t>9628161.0</t>
  </si>
  <si>
    <t>7502523.0</t>
  </si>
  <si>
    <t>1429004.0</t>
  </si>
  <si>
    <t>96821.0</t>
  </si>
  <si>
    <t>82486.0</t>
  </si>
  <si>
    <t>37042.0</t>
  </si>
  <si>
    <t>9674206.0</t>
  </si>
  <si>
    <t>7540185.0</t>
  </si>
  <si>
    <t>1437387.0</t>
  </si>
  <si>
    <t>115059.0</t>
  </si>
  <si>
    <t>90574.0</t>
  </si>
  <si>
    <t>9715764.0</t>
  </si>
  <si>
    <t>7576647.0</t>
  </si>
  <si>
    <t>1442483.0</t>
  </si>
  <si>
    <t>115289.0</t>
  </si>
  <si>
    <t>9748061.0</t>
  </si>
  <si>
    <t>7605120.0</t>
  </si>
  <si>
    <t>1446307.0</t>
  </si>
  <si>
    <t>108297.0</t>
  </si>
  <si>
    <t>48606.0</t>
  </si>
  <si>
    <t>9961775.0</t>
  </si>
  <si>
    <t>7685638.0</t>
  </si>
  <si>
    <t>1507644.0</t>
  </si>
  <si>
    <t>48662.0</t>
  </si>
  <si>
    <t>10274744.0</t>
  </si>
  <si>
    <t>7797925.0</t>
  </si>
  <si>
    <t>1731258.0</t>
  </si>
  <si>
    <t>91762.0</t>
  </si>
  <si>
    <t>102519.0</t>
  </si>
  <si>
    <t>48423.0</t>
  </si>
  <si>
    <t>10300798.0</t>
  </si>
  <si>
    <t>7820670.0</t>
  </si>
  <si>
    <t>1734567.0</t>
  </si>
  <si>
    <t>71374.0</t>
  </si>
  <si>
    <t>48402.0</t>
  </si>
  <si>
    <t>10321739.0</t>
  </si>
  <si>
    <t>7835026.0</t>
  </si>
  <si>
    <t>1735821.0</t>
  </si>
  <si>
    <t>71988.0</t>
  </si>
  <si>
    <t>94723.0</t>
  </si>
  <si>
    <t>10346830.0</t>
  </si>
  <si>
    <t>1742789.0</t>
  </si>
  <si>
    <t>88496.0</t>
  </si>
  <si>
    <t>44241.0</t>
  </si>
  <si>
    <t>10351880.0</t>
  </si>
  <si>
    <t>7879220.0</t>
  </si>
  <si>
    <t>71440.0</t>
  </si>
  <si>
    <t>82232.0</t>
  </si>
  <si>
    <t>10464835.0</t>
  </si>
  <si>
    <t>7901997.0</t>
  </si>
  <si>
    <t>1754411.0</t>
  </si>
  <si>
    <t>77514.0</t>
  </si>
  <si>
    <t>77834.0</t>
  </si>
  <si>
    <t>39490.0</t>
  </si>
  <si>
    <t>10482943.0</t>
  </si>
  <si>
    <t>7916240.0</t>
  </si>
  <si>
    <t>1758276.0</t>
  </si>
  <si>
    <t>66083.0</t>
  </si>
  <si>
    <t>74518.0</t>
  </si>
  <si>
    <t>10525370.0</t>
  </si>
  <si>
    <t>7931319.0</t>
  </si>
  <si>
    <t>1785624.0</t>
  </si>
  <si>
    <t>67677.0</t>
  </si>
  <si>
    <t>10587717.0</t>
  </si>
  <si>
    <t>7957332.0</t>
  </si>
  <si>
    <t>1821958.0</t>
  </si>
  <si>
    <t>71023.0</t>
  </si>
  <si>
    <t>71027.0</t>
  </si>
  <si>
    <t>10702090.0</t>
  </si>
  <si>
    <t>8004719.0</t>
  </si>
  <si>
    <t>1864775.0</t>
  </si>
  <si>
    <t>79843.0</t>
  </si>
  <si>
    <t>48240.0</t>
  </si>
  <si>
    <t>10722999.0</t>
  </si>
  <si>
    <t>8013112.0</t>
  </si>
  <si>
    <t>1877291.0</t>
  </si>
  <si>
    <t>55383.0</t>
  </si>
  <si>
    <t>8105479.0</t>
  </si>
  <si>
    <t>1977769.0</t>
  </si>
  <si>
    <t>102423.0</t>
  </si>
  <si>
    <t>10945833.0</t>
  </si>
  <si>
    <t>8113032.0</t>
  </si>
  <si>
    <t>1991478.0</t>
  </si>
  <si>
    <t>65984.0</t>
  </si>
  <si>
    <t>100776.0</t>
  </si>
  <si>
    <t>62065.0</t>
  </si>
  <si>
    <t>10967535.0</t>
  </si>
  <si>
    <t>8127280.0</t>
  </si>
  <si>
    <t>1998932.0</t>
  </si>
  <si>
    <t>54415.0</t>
  </si>
  <si>
    <t>61841.0</t>
  </si>
  <si>
    <t>11005153.0</t>
  </si>
  <si>
    <t>8156475.0</t>
  </si>
  <si>
    <t>2001216.0</t>
  </si>
  <si>
    <t>96609.0</t>
  </si>
  <si>
    <t>11084272.0</t>
  </si>
  <si>
    <t>8212222.0</t>
  </si>
  <si>
    <t>2016654.0</t>
  </si>
  <si>
    <t>55865.0</t>
  </si>
  <si>
    <t>94446.0</t>
  </si>
  <si>
    <t>11117730.0</t>
  </si>
  <si>
    <t>8238180.0</t>
  </si>
  <si>
    <t>2024154.0</t>
  </si>
  <si>
    <t>195390.0</t>
  </si>
  <si>
    <t>103258.0</t>
  </si>
  <si>
    <t>71004.0</t>
  </si>
  <si>
    <t>11164662.0</t>
  </si>
  <si>
    <t>8256173.0</t>
  </si>
  <si>
    <t>2050895.0</t>
  </si>
  <si>
    <t>110661.0</t>
  </si>
  <si>
    <t>11203857.0</t>
  </si>
  <si>
    <t>8285573.0</t>
  </si>
  <si>
    <t>2060690.0</t>
  </si>
  <si>
    <t>187265.0</t>
  </si>
  <si>
    <t>86602.0</t>
  </si>
  <si>
    <t>11216169.0</t>
  </si>
  <si>
    <t>8290622.0</t>
  </si>
  <si>
    <t>2067953.0</t>
  </si>
  <si>
    <t>176780.0</t>
  </si>
  <si>
    <t>131481.0</t>
  </si>
  <si>
    <t>98982.0</t>
  </si>
  <si>
    <t>11228677.0</t>
  </si>
  <si>
    <t>8301735.0</t>
  </si>
  <si>
    <t>2069348.0</t>
  </si>
  <si>
    <t>167544.0</t>
  </si>
  <si>
    <t>147644.0</t>
  </si>
  <si>
    <t>111251.0</t>
  </si>
  <si>
    <t>12390355.0</t>
  </si>
  <si>
    <t>9050939.0</t>
  </si>
  <si>
    <t>2266170.0</t>
  </si>
  <si>
    <t>200026.0</t>
  </si>
  <si>
    <t>169052.0</t>
  </si>
  <si>
    <t>128206.0</t>
  </si>
  <si>
    <t>12440010.0</t>
  </si>
  <si>
    <t>9094055.0</t>
  </si>
  <si>
    <t>2305497.0</t>
  </si>
  <si>
    <t>94049.0</t>
  </si>
  <si>
    <t>174505.0</t>
  </si>
  <si>
    <t>130611.0</t>
  </si>
  <si>
    <t>12466362.0</t>
  </si>
  <si>
    <t>9109672.0</t>
  </si>
  <si>
    <t>2312152.0</t>
  </si>
  <si>
    <t>96176.0</t>
  </si>
  <si>
    <t>160329.0</t>
  </si>
  <si>
    <t>118330.0</t>
  </si>
  <si>
    <t>12935412.0</t>
  </si>
  <si>
    <t>9408007.0</t>
  </si>
  <si>
    <t>2480984.0</t>
  </si>
  <si>
    <t>114618.0</t>
  </si>
  <si>
    <t>148066.0</t>
  </si>
  <si>
    <t>12952858.0</t>
  </si>
  <si>
    <t>9418749.0</t>
  </si>
  <si>
    <t>2487688.0</t>
  </si>
  <si>
    <t>147913.0</t>
  </si>
  <si>
    <t>142443.0</t>
  </si>
  <si>
    <t>100323.0</t>
  </si>
  <si>
    <t>12994958.0</t>
  </si>
  <si>
    <t>9460849.0</t>
  </si>
  <si>
    <t>2529788.0</t>
  </si>
  <si>
    <t>136940.0</t>
  </si>
  <si>
    <t>136753.0</t>
  </si>
  <si>
    <t>13007433.0</t>
  </si>
  <si>
    <t>9471034.0</t>
  </si>
  <si>
    <t>2535629.0</t>
  </si>
  <si>
    <t>119441.0</t>
  </si>
  <si>
    <t>129880.0</t>
  </si>
  <si>
    <t>13209820.0</t>
  </si>
  <si>
    <t>9493560.0</t>
  </si>
  <si>
    <t>2681925.0</t>
  </si>
  <si>
    <t>118340.0</t>
  </si>
  <si>
    <t>118211.0</t>
  </si>
  <si>
    <t>71591.0</t>
  </si>
  <si>
    <t>13256179.0</t>
  </si>
  <si>
    <t>9529114.0</t>
  </si>
  <si>
    <t>2707427.0</t>
  </si>
  <si>
    <t>227570.0</t>
  </si>
  <si>
    <t>137284.0</t>
  </si>
  <si>
    <t>87731.0</t>
  </si>
  <si>
    <t>13288073.0</t>
  </si>
  <si>
    <t>2730771.0</t>
  </si>
  <si>
    <t>219424.0</t>
  </si>
  <si>
    <t>13644353.0</t>
  </si>
  <si>
    <t>9887869.0</t>
  </si>
  <si>
    <t>2762174.0</t>
  </si>
  <si>
    <t>176767.0</t>
  </si>
  <si>
    <t>121949.0</t>
  </si>
  <si>
    <t>14196343.0</t>
  </si>
  <si>
    <t>10354440.0</t>
  </si>
  <si>
    <t>3281788.0</t>
  </si>
  <si>
    <t>234982.0</t>
  </si>
  <si>
    <t>189207.0</t>
  </si>
  <si>
    <t>129448.0</t>
  </si>
  <si>
    <t>14345059.0</t>
  </si>
  <si>
    <t>10357121.0</t>
  </si>
  <si>
    <t>3299687.0</t>
  </si>
  <si>
    <t>409070.0</t>
  </si>
  <si>
    <t>228083.0</t>
  </si>
  <si>
    <t>139558.0</t>
  </si>
  <si>
    <t>14796138.0</t>
  </si>
  <si>
    <t>10462061.0</t>
  </si>
  <si>
    <t>3386805.0</t>
  </si>
  <si>
    <t>284313.0</t>
  </si>
  <si>
    <t>251634.0</t>
  </si>
  <si>
    <t>152224.0</t>
  </si>
  <si>
    <t>15004136.0</t>
  </si>
  <si>
    <t>10649409.0</t>
  </si>
  <si>
    <t>3532093.0</t>
  </si>
  <si>
    <t>299229.0</t>
  </si>
  <si>
    <t>277476.0</t>
  </si>
  <si>
    <t>15049840.0</t>
  </si>
  <si>
    <t>10658119.0</t>
  </si>
  <si>
    <t>3548007.0</t>
  </si>
  <si>
    <t>346722.0</t>
  </si>
  <si>
    <t>294499.0</t>
  </si>
  <si>
    <t>171289.0</t>
  </si>
  <si>
    <t>15807814.0</t>
  </si>
  <si>
    <t>11612629.0</t>
  </si>
  <si>
    <t>3710937.0</t>
  </si>
  <si>
    <t>327014.0</t>
  </si>
  <si>
    <t>309867.0</t>
  </si>
  <si>
    <t>175883.0</t>
  </si>
  <si>
    <t>15815977.0</t>
  </si>
  <si>
    <t>11612957.0</t>
  </si>
  <si>
    <t>3714932.0</t>
  </si>
  <si>
    <t>260670.0</t>
  </si>
  <si>
    <t>308859.0</t>
  </si>
  <si>
    <t>162554.0</t>
  </si>
  <si>
    <t>15972675.0</t>
  </si>
  <si>
    <t>11702687.0</t>
  </si>
  <si>
    <t>3758609.0</t>
  </si>
  <si>
    <t>290568.0</t>
  </si>
  <si>
    <t>157262.0</t>
  </si>
  <si>
    <t>16027629.0</t>
  </si>
  <si>
    <t>11744295.0</t>
  </si>
  <si>
    <t>3767478.0</t>
  </si>
  <si>
    <t>258315.0</t>
  </si>
  <si>
    <t>295261.0</t>
  </si>
  <si>
    <t>150229.0</t>
  </si>
  <si>
    <t>16527409.0</t>
  </si>
  <si>
    <t>12053448.0</t>
  </si>
  <si>
    <t>3962141.0</t>
  </si>
  <si>
    <t>256208.0</t>
  </si>
  <si>
    <t>291246.0</t>
  </si>
  <si>
    <t>143757.0</t>
  </si>
  <si>
    <t>16644426.0</t>
  </si>
  <si>
    <t>12204811.0</t>
  </si>
  <si>
    <t>4180700.0</t>
  </si>
  <si>
    <t>264559.0</t>
  </si>
  <si>
    <t>286293.0</t>
  </si>
  <si>
    <t>134402.0</t>
  </si>
  <si>
    <t>17470666.0</t>
  </si>
  <si>
    <t>12264155.0</t>
  </si>
  <si>
    <t>4208666.0</t>
  </si>
  <si>
    <t>222295.0</t>
  </si>
  <si>
    <t>268518.0</t>
  </si>
  <si>
    <t>118138.0</t>
  </si>
  <si>
    <t>17647299.0</t>
  </si>
  <si>
    <t>12420440.0</t>
  </si>
  <si>
    <t>4342033.0</t>
  </si>
  <si>
    <t>161564.0</t>
  </si>
  <si>
    <t>244883.0</t>
  </si>
  <si>
    <t>100740.0</t>
  </si>
  <si>
    <t>17712453.0</t>
  </si>
  <si>
    <t>12420841.0</t>
  </si>
  <si>
    <t>4355457.0</t>
  </si>
  <si>
    <t>207591.0</t>
  </si>
  <si>
    <t>237296.0</t>
  </si>
  <si>
    <t>97595.0</t>
  </si>
  <si>
    <t>17768015.0</t>
  </si>
  <si>
    <t>12447940.0</t>
  </si>
  <si>
    <t>4370246.0</t>
  </si>
  <si>
    <t>181783.0</t>
  </si>
  <si>
    <t>221758.0</t>
  </si>
  <si>
    <t>94491.0</t>
  </si>
  <si>
    <t>17786071.0</t>
  </si>
  <si>
    <t>12454402.0</t>
  </si>
  <si>
    <t>4378314.0</t>
  </si>
  <si>
    <t>181430.0</t>
  </si>
  <si>
    <t>92787.0</t>
  </si>
  <si>
    <t>17921998.0</t>
  </si>
  <si>
    <t>12512922.0</t>
  </si>
  <si>
    <t>4441466.0</t>
  </si>
  <si>
    <t>169554.0</t>
  </si>
  <si>
    <t>198397.0</t>
  </si>
  <si>
    <t>89623.0</t>
  </si>
  <si>
    <t>18536899.0</t>
  </si>
  <si>
    <t>12729605.0</t>
  </si>
  <si>
    <t>4701247.0</t>
  </si>
  <si>
    <t>223546.0</t>
  </si>
  <si>
    <t>192537.0</t>
  </si>
  <si>
    <t>18561735.0</t>
  </si>
  <si>
    <t>12734495.0</t>
  </si>
  <si>
    <t>4716671.0</t>
  </si>
  <si>
    <t>164227.0</t>
  </si>
  <si>
    <t>184242.0</t>
  </si>
  <si>
    <t>86450.0</t>
  </si>
  <si>
    <t>18902420.0</t>
  </si>
  <si>
    <t>12755597.0</t>
  </si>
  <si>
    <t>4936739.0</t>
  </si>
  <si>
    <t>230167.0</t>
  </si>
  <si>
    <t>194044.0</t>
  </si>
  <si>
    <t>89232.0</t>
  </si>
  <si>
    <t>19025976.0</t>
  </si>
  <si>
    <t>12790340.0</t>
  </si>
  <si>
    <t>4942936.0</t>
  </si>
  <si>
    <t>478439.0</t>
  </si>
  <si>
    <t>232735.0</t>
  </si>
  <si>
    <t>96746.0</t>
  </si>
  <si>
    <t>19117283.0</t>
  </si>
  <si>
    <t>12846046.0</t>
  </si>
  <si>
    <t>4980484.0</t>
  </si>
  <si>
    <t>384519.0</t>
  </si>
  <si>
    <t>261697.0</t>
  </si>
  <si>
    <t>103851.0</t>
  </si>
  <si>
    <t>19163879.0</t>
  </si>
  <si>
    <t>12866931.0</t>
  </si>
  <si>
    <t>5003590.0</t>
  </si>
  <si>
    <t>423958.0</t>
  </si>
  <si>
    <t>296346.0</t>
  </si>
  <si>
    <t>113529.0</t>
  </si>
  <si>
    <t>19298643.0</t>
  </si>
  <si>
    <t>12964252.0</t>
  </si>
  <si>
    <t>5109034.0</t>
  </si>
  <si>
    <t>454029.0</t>
  </si>
  <si>
    <t>336981.0</t>
  </si>
  <si>
    <t>123783.0</t>
  </si>
  <si>
    <t>19739797.0</t>
  </si>
  <si>
    <t>13219037.0</t>
  </si>
  <si>
    <t>5235467.0</t>
  </si>
  <si>
    <t>452961.0</t>
  </si>
  <si>
    <t>369758.0</t>
  </si>
  <si>
    <t>134204.0</t>
  </si>
  <si>
    <t>21188492.0</t>
  </si>
  <si>
    <t>13501973.0</t>
  </si>
  <si>
    <t>6388461.0</t>
  </si>
  <si>
    <t>417151.0</t>
  </si>
  <si>
    <t>405890.0</t>
  </si>
  <si>
    <t>143143.0</t>
  </si>
  <si>
    <t>21299486.0</t>
  </si>
  <si>
    <t>13568390.0</t>
  </si>
  <si>
    <t>6448876.0</t>
  </si>
  <si>
    <t>214811.0</t>
  </si>
  <si>
    <t>403696.0</t>
  </si>
  <si>
    <t>148460.0</t>
  </si>
  <si>
    <t>21383310.0</t>
  </si>
  <si>
    <t>13612861.0</t>
  </si>
  <si>
    <t>6453682.0</t>
  </si>
  <si>
    <t>298827.0</t>
  </si>
  <si>
    <t>378037.0</t>
  </si>
  <si>
    <t>147346.0</t>
  </si>
  <si>
    <t>21665601.0</t>
  </si>
  <si>
    <t>13712992.0</t>
  </si>
  <si>
    <t>6610957.0</t>
  </si>
  <si>
    <t>366814.0</t>
  </si>
  <si>
    <t>144135.0</t>
  </si>
  <si>
    <t>21994660.0</t>
  </si>
  <si>
    <t>13726360.0</t>
  </si>
  <si>
    <t>6909967.0</t>
  </si>
  <si>
    <t>277479.0</t>
  </si>
  <si>
    <t>345891.0</t>
  </si>
  <si>
    <t>137780.0</t>
  </si>
  <si>
    <t>22383497.0</t>
  </si>
  <si>
    <t>13820890.0</t>
  </si>
  <si>
    <t>7045010.0</t>
  </si>
  <si>
    <t>370107.0</t>
  </si>
  <si>
    <t>333902.0</t>
  </si>
  <si>
    <t>22750395.0</t>
  </si>
  <si>
    <t>13989658.0</t>
  </si>
  <si>
    <t>7275039.0</t>
  </si>
  <si>
    <t>354399.0</t>
  </si>
  <si>
    <t>319821.0</t>
  </si>
  <si>
    <t>153887.0</t>
  </si>
  <si>
    <t>22887941.0</t>
  </si>
  <si>
    <t>14086990.0</t>
  </si>
  <si>
    <t>7309172.0</t>
  </si>
  <si>
    <t>296172.0</t>
  </si>
  <si>
    <t>302537.0</t>
  </si>
  <si>
    <t>169912.0</t>
  </si>
  <si>
    <t>23819049.0</t>
  </si>
  <si>
    <t>15064795.0</t>
  </si>
  <si>
    <t>7530660.0</t>
  </si>
  <si>
    <t>313685.0</t>
  </si>
  <si>
    <t>188263.0</t>
  </si>
  <si>
    <t>24198090.0</t>
  </si>
  <si>
    <t>15270093.0</t>
  </si>
  <si>
    <t>7682489.0</t>
  </si>
  <si>
    <t>481836.0</t>
  </si>
  <si>
    <t>339831.0</t>
  </si>
  <si>
    <t>214710.0</t>
  </si>
  <si>
    <t>24424457.0</t>
  </si>
  <si>
    <t>15460860.0</t>
  </si>
  <si>
    <t>7707586.0</t>
  </si>
  <si>
    <t>293708.0</t>
  </si>
  <si>
    <t>338079.0</t>
  </si>
  <si>
    <t>226953.0</t>
  </si>
  <si>
    <t>24445541.0</t>
  </si>
  <si>
    <t>15477534.0</t>
  </si>
  <si>
    <t>7709897.0</t>
  </si>
  <si>
    <t>264567.0</t>
  </si>
  <si>
    <t>336235.0</t>
  </si>
  <si>
    <t>236278.0</t>
  </si>
  <si>
    <t>24922171.0</t>
  </si>
  <si>
    <t>15662982.0</t>
  </si>
  <si>
    <t>7978431.0</t>
  </si>
  <si>
    <t>274662.0</t>
  </si>
  <si>
    <t>322600.0</t>
  </si>
  <si>
    <t>242737.0</t>
  </si>
  <si>
    <t>24969171.0</t>
  </si>
  <si>
    <t>15686022.0</t>
  </si>
  <si>
    <t>8129782.0</t>
  </si>
  <si>
    <t>189669.0</t>
  </si>
  <si>
    <t>299069.0</t>
  </si>
  <si>
    <t>25102289.0</t>
  </si>
  <si>
    <t>15732020.0</t>
  </si>
  <si>
    <t>8176832.0</t>
  </si>
  <si>
    <t>231420.0</t>
  </si>
  <si>
    <t>289817.0</t>
  </si>
  <si>
    <t>208336.0</t>
  </si>
  <si>
    <t>25511506.0</t>
  </si>
  <si>
    <t>16125847.0</t>
  </si>
  <si>
    <t>8298866.0</t>
  </si>
  <si>
    <t>237889.0</t>
  </si>
  <si>
    <t>281964.0</t>
  </si>
  <si>
    <t>197843.0</t>
  </si>
  <si>
    <t>26067187.0</t>
  </si>
  <si>
    <t>16306117.0</t>
  </si>
  <si>
    <t>8336206.0</t>
  </si>
  <si>
    <t>231733.0</t>
  </si>
  <si>
    <t>246235.0</t>
  </si>
  <si>
    <t>177286.0</t>
  </si>
  <si>
    <t>26269864.0</t>
  </si>
  <si>
    <t>16464894.0</t>
  </si>
  <si>
    <t>8381607.0</t>
  </si>
  <si>
    <t>236433.0</t>
  </si>
  <si>
    <t>178102.0</t>
  </si>
  <si>
    <t>26286334.0</t>
  </si>
  <si>
    <t>16467901.0</t>
  </si>
  <si>
    <t>8392218.0</t>
  </si>
  <si>
    <t>209034.0</t>
  </si>
  <si>
    <t>228501.0</t>
  </si>
  <si>
    <t>26338560.0</t>
  </si>
  <si>
    <t>16495712.0</t>
  </si>
  <si>
    <t>8404703.0</t>
  </si>
  <si>
    <t>198194.0</t>
  </si>
  <si>
    <t>217576.0</t>
  </si>
  <si>
    <t>179624.0</t>
  </si>
  <si>
    <t>26368076.0</t>
  </si>
  <si>
    <t>16518372.0</t>
  </si>
  <si>
    <t>8404777.0</t>
  </si>
  <si>
    <t>217665.0</t>
  </si>
  <si>
    <t>221575.0</t>
  </si>
  <si>
    <t>187520.0</t>
  </si>
  <si>
    <t>26433772.0</t>
  </si>
  <si>
    <t>16558199.0</t>
  </si>
  <si>
    <t>8416859.0</t>
  </si>
  <si>
    <t>211638.0</t>
  </si>
  <si>
    <t>218749.0</t>
  </si>
  <si>
    <t>193257.0</t>
  </si>
  <si>
    <t>26581076.0</t>
  </si>
  <si>
    <t>16670776.0</t>
  </si>
  <si>
    <t>8438303.0</t>
  </si>
  <si>
    <t>239912.0</t>
  </si>
  <si>
    <t>219038.0</t>
  </si>
  <si>
    <t>199062.0</t>
  </si>
  <si>
    <t>27193242.0</t>
  </si>
  <si>
    <t>17255066.0</t>
  </si>
  <si>
    <t>8460379.0</t>
  </si>
  <si>
    <t>245282.0</t>
  </si>
  <si>
    <t>220973.0</t>
  </si>
  <si>
    <t>206968.0</t>
  </si>
  <si>
    <t>27366696.0</t>
  </si>
  <si>
    <t>17363500.0</t>
  </si>
  <si>
    <t>8505840.0</t>
  </si>
  <si>
    <t>236530.0</t>
  </si>
  <si>
    <t>222609.0</t>
  </si>
  <si>
    <t>207138.0</t>
  </si>
  <si>
    <t>27429706.0</t>
  </si>
  <si>
    <t>17414139.0</t>
  </si>
  <si>
    <t>8552997.0</t>
  </si>
  <si>
    <t>224931.0</t>
  </si>
  <si>
    <t>209774.0</t>
  </si>
  <si>
    <t>27663632.0</t>
  </si>
  <si>
    <t>17532240.0</t>
  </si>
  <si>
    <t>8666831.0</t>
  </si>
  <si>
    <t>221362.0</t>
  </si>
  <si>
    <t>228241.0</t>
  </si>
  <si>
    <t>211971.0</t>
  </si>
  <si>
    <t>27843416.0</t>
  </si>
  <si>
    <t>17568593.0</t>
  </si>
  <si>
    <t>8806666.0</t>
  </si>
  <si>
    <t>383572.0</t>
  </si>
  <si>
    <t>251943.0</t>
  </si>
  <si>
    <t>28176053.0</t>
  </si>
  <si>
    <t>17808190.0</t>
  </si>
  <si>
    <t>8934198.0</t>
  </si>
  <si>
    <t>391913.0</t>
  </si>
  <si>
    <t>277696.0</t>
  </si>
  <si>
    <t>253847.0</t>
  </si>
  <si>
    <t>28262190.0</t>
  </si>
  <si>
    <t>17863566.0</t>
  </si>
  <si>
    <t>8962185.0</t>
  </si>
  <si>
    <t>417818.0</t>
  </si>
  <si>
    <t>303110.0</t>
  </si>
  <si>
    <t>274819.0</t>
  </si>
  <si>
    <t>29176115.0</t>
  </si>
  <si>
    <t>18720854.0</t>
  </si>
  <si>
    <t>9007603.0</t>
  </si>
  <si>
    <t>398427.0</t>
  </si>
  <si>
    <t>324991.0</t>
  </si>
  <si>
    <t>291977.0</t>
  </si>
  <si>
    <t>29919432.0</t>
  </si>
  <si>
    <t>19115301.0</t>
  </si>
  <si>
    <t>9196379.0</t>
  </si>
  <si>
    <t>463921.0</t>
  </si>
  <si>
    <t>357474.0</t>
  </si>
  <si>
    <t>320378.0</t>
  </si>
  <si>
    <t>29938713.0</t>
  </si>
  <si>
    <t>19123078.0</t>
  </si>
  <si>
    <t>9202608.0</t>
  </si>
  <si>
    <t>365584.0</t>
  </si>
  <si>
    <t>328071.0</t>
  </si>
  <si>
    <t>30023764.0</t>
  </si>
  <si>
    <t>19154703.0</t>
  </si>
  <si>
    <t>9236338.0</t>
  </si>
  <si>
    <t>290390.0</t>
  </si>
  <si>
    <t>375444.0</t>
  </si>
  <si>
    <t>335977.0</t>
  </si>
  <si>
    <t>30124715.0</t>
  </si>
  <si>
    <t>19199052.0</t>
  </si>
  <si>
    <t>9296740.0</t>
  </si>
  <si>
    <t>283202.0</t>
  </si>
  <si>
    <t>361105.0</t>
  </si>
  <si>
    <t>322425.0</t>
  </si>
  <si>
    <t>30183686.0</t>
  </si>
  <si>
    <t>19242341.0</t>
  </si>
  <si>
    <t>9333044.0</t>
  </si>
  <si>
    <t>296512.0</t>
  </si>
  <si>
    <t>347476.0</t>
  </si>
  <si>
    <t>311306.0</t>
  </si>
  <si>
    <t>30599726.0</t>
  </si>
  <si>
    <t>19969972.0</t>
  </si>
  <si>
    <t>9343745.0</t>
  </si>
  <si>
    <t>350362.0</t>
  </si>
  <si>
    <t>337924.0</t>
  </si>
  <si>
    <t>303009.0</t>
  </si>
  <si>
    <t>31888504.0</t>
  </si>
  <si>
    <t>21032392.0</t>
  </si>
  <si>
    <t>9925383.0</t>
  </si>
  <si>
    <t>383593.0</t>
  </si>
  <si>
    <t>335774.0</t>
  </si>
  <si>
    <t>300510.0</t>
  </si>
  <si>
    <t>32031618.0</t>
  </si>
  <si>
    <t>21147723.0</t>
  </si>
  <si>
    <t>9953824.0</t>
  </si>
  <si>
    <t>547429.0</t>
  </si>
  <si>
    <t>347693.0</t>
  </si>
  <si>
    <t>313099.0</t>
  </si>
  <si>
    <t>32252308.0</t>
  </si>
  <si>
    <t>21349924.0</t>
  </si>
  <si>
    <t>9973862.0</t>
  </si>
  <si>
    <t>455902.0</t>
  </si>
  <si>
    <t>333885.0</t>
  </si>
  <si>
    <t>32445807.0</t>
  </si>
  <si>
    <t>21415494.0</t>
  </si>
  <si>
    <t>10076142.0</t>
  </si>
  <si>
    <t>425395.0</t>
  </si>
  <si>
    <t>391788.0</t>
  </si>
  <si>
    <t>344787.0</t>
  </si>
  <si>
    <t>32526762.0</t>
  </si>
  <si>
    <t>21473104.0</t>
  </si>
  <si>
    <t>10092787.0</t>
  </si>
  <si>
    <t>509672.0</t>
  </si>
  <si>
    <t>424132.0</t>
  </si>
  <si>
    <t>361347.0</t>
  </si>
  <si>
    <t>32821291.0</t>
  </si>
  <si>
    <t>21598469.0</t>
  </si>
  <si>
    <t>10260373.0</t>
  </si>
  <si>
    <t>511195.0</t>
  </si>
  <si>
    <t>454791.0</t>
  </si>
  <si>
    <t>373610.0</t>
  </si>
  <si>
    <t>33061920.0</t>
  </si>
  <si>
    <t>21718050.0</t>
  </si>
  <si>
    <t>10348292.0</t>
  </si>
  <si>
    <t>577936.0</t>
  </si>
  <si>
    <t>389264.0</t>
  </si>
  <si>
    <t>34741589.0</t>
  </si>
  <si>
    <t>22887160.0</t>
  </si>
  <si>
    <t>10639349.0</t>
  </si>
  <si>
    <t>544271.0</t>
  </si>
  <si>
    <t>399001.0</t>
  </si>
  <si>
    <t>34984728.0</t>
  </si>
  <si>
    <t>23069429.0</t>
  </si>
  <si>
    <t>10738754.0</t>
  </si>
  <si>
    <t>715214.0</t>
  </si>
  <si>
    <t>534225.0</t>
  </si>
  <si>
    <t>413815.0</t>
  </si>
  <si>
    <t>35068584.0</t>
  </si>
  <si>
    <t>23112040.0</t>
  </si>
  <si>
    <t>10741216.0</t>
  </si>
  <si>
    <t>706221.0</t>
  </si>
  <si>
    <t>569988.0</t>
  </si>
  <si>
    <t>440702.0</t>
  </si>
  <si>
    <t>36438511.0</t>
  </si>
  <si>
    <t>24227401.0</t>
  </si>
  <si>
    <t>11081259.0</t>
  </si>
  <si>
    <t>650619.0</t>
  </si>
  <si>
    <t>602160.0</t>
  </si>
  <si>
    <t>474486.0</t>
  </si>
  <si>
    <t>36505115.0</t>
  </si>
  <si>
    <t>24272148.0</t>
  </si>
  <si>
    <t>11152848.0</t>
  </si>
  <si>
    <t>505099.0</t>
  </si>
  <si>
    <t>601508.0</t>
  </si>
  <si>
    <t>478811.0</t>
  </si>
  <si>
    <t>36649011.0</t>
  </si>
  <si>
    <t>24366215.0</t>
  </si>
  <si>
    <t>11188857.0</t>
  </si>
  <si>
    <t>495270.0</t>
  </si>
  <si>
    <t>36770601.0</t>
  </si>
  <si>
    <t>24455133.0</t>
  </si>
  <si>
    <t>11211181.0</t>
  </si>
  <si>
    <t>474291.0</t>
  </si>
  <si>
    <t>584425.0</t>
  </si>
  <si>
    <t>479641.0</t>
  </si>
  <si>
    <t>38500040.0</t>
  </si>
  <si>
    <t>25769355.0</t>
  </si>
  <si>
    <t>11724432.0</t>
  </si>
  <si>
    <t>495052.0</t>
  </si>
  <si>
    <t>577396.0</t>
  </si>
  <si>
    <t>481442.0</t>
  </si>
  <si>
    <t>38592526.0</t>
  </si>
  <si>
    <t>25812765.0</t>
  </si>
  <si>
    <t>11777798.0</t>
  </si>
  <si>
    <t>548098.0</t>
  </si>
  <si>
    <t>553521.0</t>
  </si>
  <si>
    <t>461714.0</t>
  </si>
  <si>
    <t>38607179.0</t>
  </si>
  <si>
    <t>25822978.0</t>
  </si>
  <si>
    <t>11784277.0</t>
  </si>
  <si>
    <t>550848.0</t>
  </si>
  <si>
    <t>531327.0</t>
  </si>
  <si>
    <t>444567.0</t>
  </si>
  <si>
    <t>38697654.0</t>
  </si>
  <si>
    <t>25885467.0</t>
  </si>
  <si>
    <t>11811943.0</t>
  </si>
  <si>
    <t>552045.0</t>
  </si>
  <si>
    <t>517245.0</t>
  </si>
  <si>
    <t>431239.0</t>
  </si>
  <si>
    <t>38808479.0</t>
  </si>
  <si>
    <t>25983082.0</t>
  </si>
  <si>
    <t>11816728.0</t>
  </si>
  <si>
    <t>542617.0</t>
  </si>
  <si>
    <t>522605.0</t>
  </si>
  <si>
    <t>440870.0</t>
  </si>
  <si>
    <t>38832685.0</t>
  </si>
  <si>
    <t>25989635.0</t>
  </si>
  <si>
    <t>11827093.0</t>
  </si>
  <si>
    <t>533014.0</t>
  </si>
  <si>
    <t>448921.0</t>
  </si>
  <si>
    <t>40916545.0</t>
  </si>
  <si>
    <t>27657386.0</t>
  </si>
  <si>
    <t>12266323.0</t>
  </si>
  <si>
    <t>531444.0</t>
  </si>
  <si>
    <t>536160.0</t>
  </si>
  <si>
    <t>459718.0</t>
  </si>
  <si>
    <t>41291053.0</t>
  </si>
  <si>
    <t>28476288.0</t>
  </si>
  <si>
    <t>12587069.0</t>
  </si>
  <si>
    <t>759780.0</t>
  </si>
  <si>
    <t>573979.0</t>
  </si>
  <si>
    <t>498401.0</t>
  </si>
  <si>
    <t>41337017.0</t>
  </si>
  <si>
    <t>28501704.0</t>
  </si>
  <si>
    <t>12607206.0</t>
  </si>
  <si>
    <t>660232.0</t>
  </si>
  <si>
    <t>589997.0</t>
  </si>
  <si>
    <t>499773.0</t>
  </si>
  <si>
    <t>41624437.0</t>
  </si>
  <si>
    <t>28732967.0</t>
  </si>
  <si>
    <t>12854054.0</t>
  </si>
  <si>
    <t>659132.0</t>
  </si>
  <si>
    <t>605467.0</t>
  </si>
  <si>
    <t>498482.0</t>
  </si>
  <si>
    <t>43347988.0</t>
  </si>
  <si>
    <t>31447869.0</t>
  </si>
  <si>
    <t>15674603.0</t>
  </si>
  <si>
    <t>626866.0</t>
  </si>
  <si>
    <t>616154.0</t>
  </si>
  <si>
    <t>493925.0</t>
  </si>
  <si>
    <t>44514016.0</t>
  </si>
  <si>
    <t>31909406.0</t>
  </si>
  <si>
    <t>16401204.0</t>
  </si>
  <si>
    <t>607894.0</t>
  </si>
  <si>
    <t>625479.0</t>
  </si>
  <si>
    <t>485398.0</t>
  </si>
  <si>
    <t>44571959.0</t>
  </si>
  <si>
    <t>31945829.0</t>
  </si>
  <si>
    <t>16409063.0</t>
  </si>
  <si>
    <t>560384.0</t>
  </si>
  <si>
    <t>629390.0</t>
  </si>
  <si>
    <t>485277.0</t>
  </si>
  <si>
    <t>44630319.0</t>
  </si>
  <si>
    <t>31994357.0</t>
  </si>
  <si>
    <t>16410198.0</t>
  </si>
  <si>
    <t>591279.0</t>
  </si>
  <si>
    <t>637939.0</t>
  </si>
  <si>
    <t>487424.0</t>
  </si>
  <si>
    <t>46273029.0</t>
  </si>
  <si>
    <t>33246860.0</t>
  </si>
  <si>
    <t>17088227.0</t>
  </si>
  <si>
    <t>569140.0</t>
  </si>
  <si>
    <t>610706.0</t>
  </si>
  <si>
    <t>455413.0</t>
  </si>
  <si>
    <t>46396520.0</t>
  </si>
  <si>
    <t>33321368.0</t>
  </si>
  <si>
    <t>17128910.0</t>
  </si>
  <si>
    <t>536410.0</t>
  </si>
  <si>
    <t>593015.0</t>
  </si>
  <si>
    <t>444456.0</t>
  </si>
  <si>
    <t>46533038.0</t>
  </si>
  <si>
    <t>33457170.0</t>
  </si>
  <si>
    <t>17130546.0</t>
  </si>
  <si>
    <t>638328.0</t>
  </si>
  <si>
    <t>590042.0</t>
  </si>
  <si>
    <t>46785346.0</t>
  </si>
  <si>
    <t>33827500.0</t>
  </si>
  <si>
    <t>17158771.0</t>
  </si>
  <si>
    <t>646390.0</t>
  </si>
  <si>
    <t>592832.0</t>
  </si>
  <si>
    <t>457999.0</t>
  </si>
  <si>
    <t>47172492.0</t>
  </si>
  <si>
    <t>34198674.0</t>
  </si>
  <si>
    <t>17184148.0</t>
  </si>
  <si>
    <t>863693.0</t>
  </si>
  <si>
    <t>629377.0</t>
  </si>
  <si>
    <t>501056.0</t>
  </si>
  <si>
    <t>47760946.0</t>
  </si>
  <si>
    <t>34880356.0</t>
  </si>
  <si>
    <t>17293268.0</t>
  </si>
  <si>
    <t>1053606.0</t>
  </si>
  <si>
    <t>699838.0</t>
  </si>
  <si>
    <t>563553.0</t>
  </si>
  <si>
    <t>49351737.0</t>
  </si>
  <si>
    <t>35962711.0</t>
  </si>
  <si>
    <t>17829439.0</t>
  </si>
  <si>
    <t>1184765.0</t>
  </si>
  <si>
    <t>784619.0</t>
  </si>
  <si>
    <t>638870.0</t>
  </si>
  <si>
    <t>49962214.0</t>
  </si>
  <si>
    <t>36564520.0</t>
  </si>
  <si>
    <t>17835462.0</t>
  </si>
  <si>
    <t>1081688.0</t>
  </si>
  <si>
    <t>708577.0</t>
  </si>
  <si>
    <t>50779709.0</t>
  </si>
  <si>
    <t>37293235.0</t>
  </si>
  <si>
    <t>17955483.0</t>
  </si>
  <si>
    <t>1009633.0</t>
  </si>
  <si>
    <t>925445.0</t>
  </si>
  <si>
    <t>777873.0</t>
  </si>
  <si>
    <t>51266583.0</t>
  </si>
  <si>
    <t>37770537.0</t>
  </si>
  <si>
    <t>17961359.0</t>
  </si>
  <si>
    <t>960859.0</t>
  </si>
  <si>
    <t>971520.0</t>
  </si>
  <si>
    <t>824891.0</t>
  </si>
  <si>
    <t>51710781.0</t>
  </si>
  <si>
    <t>38192902.0</t>
  </si>
  <si>
    <t>17986909.0</t>
  </si>
  <si>
    <t>800512.0</t>
  </si>
  <si>
    <t>993536.0</t>
  </si>
  <si>
    <t>846100.0</t>
  </si>
  <si>
    <t>52476041.0</t>
  </si>
  <si>
    <t>38652736.0</t>
  </si>
  <si>
    <t>18344712.0</t>
  </si>
  <si>
    <t>831598.0</t>
  </si>
  <si>
    <t>52785398.0</t>
  </si>
  <si>
    <t>38963796.0</t>
  </si>
  <si>
    <t>18366034.0</t>
  </si>
  <si>
    <t>946618.0</t>
  </si>
  <si>
    <t>802715.0</t>
  </si>
  <si>
    <t>53051748.0</t>
  </si>
  <si>
    <t>39224681.0</t>
  </si>
  <si>
    <t>18370666.0</t>
  </si>
  <si>
    <t>802870.0</t>
  </si>
  <si>
    <t>892062.0</t>
  </si>
  <si>
    <t>753072.0</t>
  </si>
  <si>
    <t>53666747.0</t>
  </si>
  <si>
    <t>39608146.0</t>
  </si>
  <si>
    <t>18604351.0</t>
  </si>
  <si>
    <t>773088.0</t>
  </si>
  <si>
    <t>847977.0</t>
  </si>
  <si>
    <t>708399.0</t>
  </si>
  <si>
    <t>54377230.0</t>
  </si>
  <si>
    <t>40028774.0</t>
  </si>
  <si>
    <t>18889011.0</t>
  </si>
  <si>
    <t>869882.0</t>
  </si>
  <si>
    <t>828013.0</t>
  </si>
  <si>
    <t>668334.0</t>
  </si>
  <si>
    <t>54548283.0</t>
  </si>
  <si>
    <t>40177570.0</t>
  </si>
  <si>
    <t>18922989.0</t>
  </si>
  <si>
    <t>575484.0</t>
  </si>
  <si>
    <t>772959.0</t>
  </si>
  <si>
    <t>616127.0</t>
  </si>
  <si>
    <t>54749393.0</t>
  </si>
  <si>
    <t>40370246.0</t>
  </si>
  <si>
    <t>18928972.0</t>
  </si>
  <si>
    <t>532950.0</t>
  </si>
  <si>
    <t>734738.0</t>
  </si>
  <si>
    <t>54932840.0</t>
  </si>
  <si>
    <t>40536899.0</t>
  </si>
  <si>
    <t>19034478.0</t>
  </si>
  <si>
    <t>531863.0</t>
  </si>
  <si>
    <t>703826.0</t>
  </si>
  <si>
    <t>557744.0</t>
  </si>
  <si>
    <t>55071493.0</t>
  </si>
  <si>
    <t>40660939.0</t>
  </si>
  <si>
    <t>19054311.0</t>
  </si>
  <si>
    <t>564603.0</t>
  </si>
  <si>
    <t>664391.0</t>
  </si>
  <si>
    <t>524094.0</t>
  </si>
  <si>
    <t>56836546.0</t>
  </si>
  <si>
    <t>42480474.0</t>
  </si>
  <si>
    <t>19848725.0</t>
  </si>
  <si>
    <t>570303.0</t>
  </si>
  <si>
    <t>631167.0</t>
  </si>
  <si>
    <t>60434804.0</t>
  </si>
  <si>
    <t>45639590.0</t>
  </si>
  <si>
    <t>20509304.0</t>
  </si>
  <si>
    <t>530407.0</t>
  </si>
  <si>
    <t>596496.0</t>
  </si>
  <si>
    <t>454817.0</t>
  </si>
  <si>
    <t>60741641.0</t>
  </si>
  <si>
    <t>45781774.0</t>
  </si>
  <si>
    <t>20682083.0</t>
  </si>
  <si>
    <t>699604.0</t>
  </si>
  <si>
    <t>572173.0</t>
  </si>
  <si>
    <t>441554.0</t>
  </si>
  <si>
    <t>60848473.0</t>
  </si>
  <si>
    <t>45843372.0</t>
  </si>
  <si>
    <t>20724279.0</t>
  </si>
  <si>
    <t>682535.0</t>
  </si>
  <si>
    <t>587465.0</t>
  </si>
  <si>
    <t>445925.0</t>
  </si>
  <si>
    <t>61042113.0</t>
  </si>
  <si>
    <t>46004660.0</t>
  </si>
  <si>
    <t>20770367.0</t>
  </si>
  <si>
    <t>663908.0</t>
  </si>
  <si>
    <t>453147.0</t>
  </si>
  <si>
    <t>61739241.0</t>
  </si>
  <si>
    <t>46361998.0</t>
  </si>
  <si>
    <t>21109305.0</t>
  </si>
  <si>
    <t>688619.0</t>
  </si>
  <si>
    <t>628571.0</t>
  </si>
  <si>
    <t>463774.0</t>
  </si>
  <si>
    <t>61822294.0</t>
  </si>
  <si>
    <t>46425242.0</t>
  </si>
  <si>
    <t>21136506.0</t>
  </si>
  <si>
    <t>698888.0</t>
  </si>
  <si>
    <t>647753.0</t>
  </si>
  <si>
    <t>471120.0</t>
  </si>
  <si>
    <t>62569219.0</t>
  </si>
  <si>
    <t>46772364.0</t>
  </si>
  <si>
    <t>21515117.0</t>
  </si>
  <si>
    <t>686189.0</t>
  </si>
  <si>
    <t>664308.0</t>
  </si>
  <si>
    <t>479895.0</t>
  </si>
  <si>
    <t>62679061.0</t>
  </si>
  <si>
    <t>46844659.0</t>
  </si>
  <si>
    <t>21568704.0</t>
  </si>
  <si>
    <t>802980.0</t>
  </si>
  <si>
    <t>703246.0</t>
  </si>
  <si>
    <t>511925.0</t>
  </si>
  <si>
    <t>62896299.0</t>
  </si>
  <si>
    <t>46943474.0</t>
  </si>
  <si>
    <t>21692988.0</t>
  </si>
  <si>
    <t>840463.0</t>
  </si>
  <si>
    <t>723369.0</t>
  </si>
  <si>
    <t>532484.0</t>
  </si>
  <si>
    <t>62992873.0</t>
  </si>
  <si>
    <t>46975493.0</t>
  </si>
  <si>
    <t>21747470.0</t>
  </si>
  <si>
    <t>783784.0</t>
  </si>
  <si>
    <t>737834.0</t>
  </si>
  <si>
    <t>547329.0</t>
  </si>
  <si>
    <t>63215597.0</t>
  </si>
  <si>
    <t>47174247.0</t>
  </si>
  <si>
    <t>21776311.0</t>
  </si>
  <si>
    <t>752561.0</t>
  </si>
  <si>
    <t>750498.0</t>
  </si>
  <si>
    <t>562169.0</t>
  </si>
  <si>
    <t>66731146.0</t>
  </si>
  <si>
    <t>49887638.0</t>
  </si>
  <si>
    <t>22636872.0</t>
  </si>
  <si>
    <t>745456.0</t>
  </si>
  <si>
    <t>758617.0</t>
  </si>
  <si>
    <t>573563.0</t>
  </si>
  <si>
    <t>66850073.0</t>
  </si>
  <si>
    <t>49959534.0</t>
  </si>
  <si>
    <t>22678606.0</t>
  </si>
  <si>
    <t>717069.0</t>
  </si>
  <si>
    <t>761215.0</t>
  </si>
  <si>
    <t>577044.0</t>
  </si>
  <si>
    <t>67204116.0</t>
  </si>
  <si>
    <t>50525331.0</t>
  </si>
  <si>
    <t>23039004.0</t>
  </si>
  <si>
    <t>799787.0</t>
  </si>
  <si>
    <t>777445.0</t>
  </si>
  <si>
    <t>584236.0</t>
  </si>
  <si>
    <t>67496390.0</t>
  </si>
  <si>
    <t>50768811.0</t>
  </si>
  <si>
    <t>23116607.0</t>
  </si>
  <si>
    <t>832231.0</t>
  </si>
  <si>
    <t>781623.0</t>
  </si>
  <si>
    <t>573043.0</t>
  </si>
  <si>
    <t>67749984.0</t>
  </si>
  <si>
    <t>50877105.0</t>
  </si>
  <si>
    <t>23256393.0</t>
  </si>
  <si>
    <t>787071.0</t>
  </si>
  <si>
    <t>773995.0</t>
  </si>
  <si>
    <t>550963.0</t>
  </si>
  <si>
    <t>67842547.0</t>
  </si>
  <si>
    <t>50909002.0</t>
  </si>
  <si>
    <t>23265329.0</t>
  </si>
  <si>
    <t>735498.0</t>
  </si>
  <si>
    <t>767095.0</t>
  </si>
  <si>
    <t>526996.0</t>
  </si>
  <si>
    <t>69112386.0</t>
  </si>
  <si>
    <t>51619791.0</t>
  </si>
  <si>
    <t>23831520.0</t>
  </si>
  <si>
    <t>721602.0</t>
  </si>
  <si>
    <t>762673.0</t>
  </si>
  <si>
    <t>505643.0</t>
  </si>
  <si>
    <t>69786490.0</t>
  </si>
  <si>
    <t>52233469.0</t>
  </si>
  <si>
    <t>24396409.0</t>
  </si>
  <si>
    <t>592754.0</t>
  </si>
  <si>
    <t>740859.0</t>
  </si>
  <si>
    <t>473564.0</t>
  </si>
  <si>
    <t>75576869.0</t>
  </si>
  <si>
    <t>55207834.0</t>
  </si>
  <si>
    <t>27382682.0</t>
  </si>
  <si>
    <t>621267.0</t>
  </si>
  <si>
    <t>727172.0</t>
  </si>
  <si>
    <t>450903.0</t>
  </si>
  <si>
    <t>75755199.0</t>
  </si>
  <si>
    <t>55280151.0</t>
  </si>
  <si>
    <t>27485166.0</t>
  </si>
  <si>
    <t>651066.0</t>
  </si>
  <si>
    <t>705927.0</t>
  </si>
  <si>
    <t>426222.0</t>
  </si>
  <si>
    <t>76110963.0</t>
  </si>
  <si>
    <t>55457505.0</t>
  </si>
  <si>
    <t>27653015.0</t>
  </si>
  <si>
    <t>615413.0</t>
  </si>
  <si>
    <t>674953.0</t>
  </si>
  <si>
    <t>395817.0</t>
  </si>
  <si>
    <t>76255328.0</t>
  </si>
  <si>
    <t>55492415.0</t>
  </si>
  <si>
    <t>27747461.0</t>
  </si>
  <si>
    <t>625487.0</t>
  </si>
  <si>
    <t>651869.0</t>
  </si>
  <si>
    <t>371535.0</t>
  </si>
  <si>
    <t>76562658.0</t>
  </si>
  <si>
    <t>55789070.0</t>
  </si>
  <si>
    <t>28053376.0</t>
  </si>
  <si>
    <t>887076.0</t>
  </si>
  <si>
    <t>673525.0</t>
  </si>
  <si>
    <t>395716.0</t>
  </si>
  <si>
    <t>76625686.0</t>
  </si>
  <si>
    <t>55832516.0</t>
  </si>
  <si>
    <t>28071946.0</t>
  </si>
  <si>
    <t>613259.0</t>
  </si>
  <si>
    <t>658046.0</t>
  </si>
  <si>
    <t>381011.0</t>
  </si>
  <si>
    <t>77943382.0</t>
  </si>
  <si>
    <t>55892195.0</t>
  </si>
  <si>
    <t>28250361.0</t>
  </si>
  <si>
    <t>672317.0</t>
  </si>
  <si>
    <t>381884.0</t>
  </si>
  <si>
    <t>78132301.0</t>
  </si>
  <si>
    <t>56064530.0</t>
  </si>
  <si>
    <t>28347762.0</t>
  </si>
  <si>
    <t>664147.0</t>
  </si>
  <si>
    <t>377104.0</t>
  </si>
  <si>
    <t>78540354.0</t>
  </si>
  <si>
    <t>56346579.0</t>
  </si>
  <si>
    <t>28725410.0</t>
  </si>
  <si>
    <t>550968.0</t>
  </si>
  <si>
    <t>649848.0</t>
  </si>
  <si>
    <t>373070.0</t>
  </si>
  <si>
    <t>81666039.0</t>
  </si>
  <si>
    <t>56707728.0</t>
  </si>
  <si>
    <t>29160286.0</t>
  </si>
  <si>
    <t>658477.0</t>
  </si>
  <si>
    <t>655998.0</t>
  </si>
  <si>
    <t>373571.0</t>
  </si>
  <si>
    <t>82003919.0</t>
  </si>
  <si>
    <t>56999720.0</t>
  </si>
  <si>
    <t>29446077.0</t>
  </si>
  <si>
    <t>823464.0</t>
  </si>
  <si>
    <t>684280.0</t>
  </si>
  <si>
    <t>389230.0</t>
  </si>
  <si>
    <t>82061758.0</t>
  </si>
  <si>
    <t>56999826.0</t>
  </si>
  <si>
    <t>29487154.0</t>
  </si>
  <si>
    <t>654261.0</t>
  </si>
  <si>
    <t>361448.0</t>
  </si>
  <si>
    <t>82313288.0</t>
  </si>
  <si>
    <t>57233840.0</t>
  </si>
  <si>
    <t>29563338.0</t>
  </si>
  <si>
    <t>658933.0</t>
  </si>
  <si>
    <t>660786.0</t>
  </si>
  <si>
    <t>372345.0</t>
  </si>
  <si>
    <t>84830605.0</t>
  </si>
  <si>
    <t>60862512.0</t>
  </si>
  <si>
    <t>31426365.0</t>
  </si>
  <si>
    <t>653975.0</t>
  </si>
  <si>
    <t>655264.0</t>
  </si>
  <si>
    <t>377748.0</t>
  </si>
  <si>
    <t>84965632.0</t>
  </si>
  <si>
    <t>60927206.0</t>
  </si>
  <si>
    <t>31500084.0</t>
  </si>
  <si>
    <t>509145.0</t>
  </si>
  <si>
    <t>647415.0</t>
  </si>
  <si>
    <t>362249.0</t>
  </si>
  <si>
    <t>85002312.0</t>
  </si>
  <si>
    <t>60927641.0</t>
  </si>
  <si>
    <t>31525608.0</t>
  </si>
  <si>
    <t>530596.0</t>
  </si>
  <si>
    <t>644505.0</t>
  </si>
  <si>
    <t>351797.0</t>
  </si>
  <si>
    <t>85189331.0</t>
  </si>
  <si>
    <t>61055140.0</t>
  </si>
  <si>
    <t>31645368.0</t>
  </si>
  <si>
    <t>531220.0</t>
  </si>
  <si>
    <t>626326.0</t>
  </si>
  <si>
    <t>342497.0</t>
  </si>
  <si>
    <t>85226005.0</t>
  </si>
  <si>
    <t>61063311.0</t>
  </si>
  <si>
    <t>31662469.0</t>
  </si>
  <si>
    <t>534988.0</t>
  </si>
  <si>
    <t>585114.0</t>
  </si>
  <si>
    <t>318771.0</t>
  </si>
  <si>
    <t>85445557.0</t>
  </si>
  <si>
    <t>61218715.0</t>
  </si>
  <si>
    <t>31879571.0</t>
  </si>
  <si>
    <t>538778.0</t>
  </si>
  <si>
    <t>565376.0</t>
  </si>
  <si>
    <t>85641552.0</t>
  </si>
  <si>
    <t>61371253.0</t>
  </si>
  <si>
    <t>31977294.0</t>
  </si>
  <si>
    <t>1064455.0</t>
  </si>
  <si>
    <t>623306.0</t>
  </si>
  <si>
    <t>337112.0</t>
  </si>
  <si>
    <t>87018512.0</t>
  </si>
  <si>
    <t>62423803.0</t>
  </si>
  <si>
    <t>32722732.0</t>
  </si>
  <si>
    <t>1058943.0</t>
  </si>
  <si>
    <t>681159.0</t>
  </si>
  <si>
    <t>374882.0</t>
  </si>
  <si>
    <t>87429114.0</t>
  </si>
  <si>
    <t>62764542.0</t>
  </si>
  <si>
    <t>32933839.0</t>
  </si>
  <si>
    <t>580082.0</t>
  </si>
  <si>
    <t>691293.0</t>
  </si>
  <si>
    <t>385081.0</t>
  </si>
  <si>
    <t>89505690.0</t>
  </si>
  <si>
    <t>63610581.0</t>
  </si>
  <si>
    <t>34213323.0</t>
  </si>
  <si>
    <t>565405.0</t>
  </si>
  <si>
    <t>696267.0</t>
  </si>
  <si>
    <t>391844.0</t>
  </si>
  <si>
    <t>89642780.0</t>
  </si>
  <si>
    <t>63736641.0</t>
  </si>
  <si>
    <t>34243714.0</t>
  </si>
  <si>
    <t>328501.0</t>
  </si>
  <si>
    <t>667309.0</t>
  </si>
  <si>
    <t>389783.0</t>
  </si>
  <si>
    <t>92841339.0</t>
  </si>
  <si>
    <t>64481183.0</t>
  </si>
  <si>
    <t>34432959.0</t>
  </si>
  <si>
    <t>763351.0</t>
  </si>
  <si>
    <t>315094.0</t>
  </si>
  <si>
    <t>635893.0</t>
  </si>
  <si>
    <t>382370.0</t>
  </si>
  <si>
    <t>92881449.0</t>
  </si>
  <si>
    <t>64483413.0</t>
  </si>
  <si>
    <t>34436950.0</t>
  </si>
  <si>
    <t>310062.0</t>
  </si>
  <si>
    <t>603220.0</t>
  </si>
  <si>
    <t>379339.0</t>
  </si>
  <si>
    <t>93376146.0</t>
  </si>
  <si>
    <t>64831537.0</t>
  </si>
  <si>
    <t>34595580.0</t>
  </si>
  <si>
    <t>311085.0</t>
  </si>
  <si>
    <t>495594.0</t>
  </si>
  <si>
    <t>319350.0</t>
  </si>
  <si>
    <t>93840543.0</t>
  </si>
  <si>
    <t>65050234.0</t>
  </si>
  <si>
    <t>34633431.0</t>
  </si>
  <si>
    <t>826967.0</t>
  </si>
  <si>
    <t>305973.0</t>
  </si>
  <si>
    <t>388028.0</t>
  </si>
  <si>
    <t>93859075.0</t>
  </si>
  <si>
    <t>65053390.0</t>
  </si>
  <si>
    <t>34644739.0</t>
  </si>
  <si>
    <t>363432.0</t>
  </si>
  <si>
    <t>357078.0</t>
  </si>
  <si>
    <t>251666.0</t>
  </si>
  <si>
    <t>94393102.0</t>
  </si>
  <si>
    <t>65493327.0</t>
  </si>
  <si>
    <t>34986832.0</t>
  </si>
  <si>
    <t>522715.0</t>
  </si>
  <si>
    <t>350979.0</t>
  </si>
  <si>
    <t>95030308.0</t>
  </si>
  <si>
    <t>65722651.0</t>
  </si>
  <si>
    <t>36662522.0</t>
  </si>
  <si>
    <t>488977.0</t>
  </si>
  <si>
    <t>373905.0</t>
  </si>
  <si>
    <t>281875.0</t>
  </si>
  <si>
    <t>95036236.0</t>
  </si>
  <si>
    <t>66012787.0</t>
  </si>
  <si>
    <t>37038001.0</t>
  </si>
  <si>
    <t>312727.0</t>
  </si>
  <si>
    <t>373566.0</t>
  </si>
  <si>
    <t>296127.0</t>
  </si>
  <si>
    <t>95083409.0</t>
  </si>
  <si>
    <t>66015514.0</t>
  </si>
  <si>
    <t>37060522.0</t>
  </si>
  <si>
    <t>374425.0</t>
  </si>
  <si>
    <t>310010.0</t>
  </si>
  <si>
    <t>95100614.0</t>
  </si>
  <si>
    <t>37076560.0</t>
  </si>
  <si>
    <t>306585.0</t>
  </si>
  <si>
    <t>373781.0</t>
  </si>
  <si>
    <t>324674.0</t>
  </si>
  <si>
    <t>95658004.0</t>
  </si>
  <si>
    <t>66372047.0</t>
  </si>
  <si>
    <t>37296560.0</t>
  </si>
  <si>
    <t>306617.0</t>
  </si>
  <si>
    <t>373875.0</t>
  </si>
  <si>
    <t>95667348.0</t>
  </si>
  <si>
    <t>66372235.0</t>
  </si>
  <si>
    <t>37298319.0</t>
  </si>
  <si>
    <t>403972.0</t>
  </si>
  <si>
    <t>390461.0</t>
  </si>
  <si>
    <t>96983366.0</t>
  </si>
  <si>
    <t>67622166.0</t>
  </si>
  <si>
    <t>37869921.0</t>
  </si>
  <si>
    <t>566807.0</t>
  </si>
  <si>
    <t>410273.0</t>
  </si>
  <si>
    <t>419337.0</t>
  </si>
  <si>
    <t>97033499.0</t>
  </si>
  <si>
    <t>67622911.0</t>
  </si>
  <si>
    <t>37896970.0</t>
  </si>
  <si>
    <t>468516.0</t>
  </si>
  <si>
    <t>407351.0</t>
  </si>
  <si>
    <t>97062481.0</t>
  </si>
  <si>
    <t>67636119.0</t>
  </si>
  <si>
    <t>37910594.0</t>
  </si>
  <si>
    <t>473387.0</t>
  </si>
  <si>
    <t>430300.0</t>
  </si>
  <si>
    <t>466481.0</t>
  </si>
  <si>
    <t>97271575.0</t>
  </si>
  <si>
    <t>67827324.0</t>
  </si>
  <si>
    <t>38100119.0</t>
  </si>
  <si>
    <t>462993.0</t>
  </si>
  <si>
    <t>451293.0</t>
  </si>
  <si>
    <t>488913.0</t>
  </si>
  <si>
    <t>97387352.0</t>
  </si>
  <si>
    <t>67937231.0</t>
  </si>
  <si>
    <t>38413045.0</t>
  </si>
  <si>
    <t>464967.0</t>
  </si>
  <si>
    <t>473917.0</t>
  </si>
  <si>
    <t>510931.0</t>
  </si>
  <si>
    <t>99641676.0</t>
  </si>
  <si>
    <t>69913096.0</t>
  </si>
  <si>
    <t>38537313.0</t>
  </si>
  <si>
    <t>470685.0</t>
  </si>
  <si>
    <t>497357.0</t>
  </si>
  <si>
    <t>533460.0</t>
  </si>
  <si>
    <t>99660279.0</t>
  </si>
  <si>
    <t>69913425.0</t>
  </si>
  <si>
    <t>38546102.0</t>
  </si>
  <si>
    <t>298240.0</t>
  </si>
  <si>
    <t>457943.0</t>
  </si>
  <si>
    <t>494617.0</t>
  </si>
  <si>
    <t>99741675.0</t>
  </si>
  <si>
    <t>69981718.0</t>
  </si>
  <si>
    <t>38600380.0</t>
  </si>
  <si>
    <t>300459.0</t>
  </si>
  <si>
    <t>419893.0</t>
  </si>
  <si>
    <t>455730.0</t>
  </si>
  <si>
    <t>99775449.0</t>
  </si>
  <si>
    <t>69997905.0</t>
  </si>
  <si>
    <t>38609200.0</t>
  </si>
  <si>
    <t>320333.0</t>
  </si>
  <si>
    <t>398724.0</t>
  </si>
  <si>
    <t>432902.0</t>
  </si>
  <si>
    <t>99777571.0</t>
  </si>
  <si>
    <t>69998239.0</t>
  </si>
  <si>
    <t>38611032.0</t>
  </si>
  <si>
    <t>374434.0</t>
  </si>
  <si>
    <t>384585.0</t>
  </si>
  <si>
    <t>99892220.0</t>
  </si>
  <si>
    <t>70929124.0</t>
  </si>
  <si>
    <t>38860417.0</t>
  </si>
  <si>
    <t>375049.0</t>
  </si>
  <si>
    <t>372022.0</t>
  </si>
  <si>
    <t>395289.0</t>
  </si>
  <si>
    <t>99901844.0</t>
  </si>
  <si>
    <t>70938748.0</t>
  </si>
  <si>
    <t>38870041.0</t>
  </si>
  <si>
    <t>366520.0</t>
  </si>
  <si>
    <t>357960.0</t>
  </si>
  <si>
    <t>374134.0</t>
  </si>
  <si>
    <t>100102972.0</t>
  </si>
  <si>
    <t>71154854.0</t>
  </si>
  <si>
    <t>39089860.0</t>
  </si>
  <si>
    <t>366034.0</t>
  </si>
  <si>
    <t>343009.0</t>
  </si>
  <si>
    <t>352021.0</t>
  </si>
  <si>
    <t>101186205.0</t>
  </si>
  <si>
    <t>73421253.0</t>
  </si>
  <si>
    <t>41276597.0</t>
  </si>
  <si>
    <t>378548.0</t>
  </si>
  <si>
    <t>356251.0</t>
  </si>
  <si>
    <t>102077695.0</t>
  </si>
  <si>
    <t>74067099.0</t>
  </si>
  <si>
    <t>41314364.0</t>
  </si>
  <si>
    <t>1442801.0</t>
  </si>
  <si>
    <t>517674.0</t>
  </si>
  <si>
    <t>438657.0</t>
  </si>
  <si>
    <t>103248247.0</t>
  </si>
  <si>
    <t>74897440.0</t>
  </si>
  <si>
    <t>41318836.0</t>
  </si>
  <si>
    <t>1476109.0</t>
  </si>
  <si>
    <t>1782581.0</t>
  </si>
  <si>
    <t>726565.0</t>
  </si>
  <si>
    <t>546410.0</t>
  </si>
  <si>
    <t>105069610.0</t>
  </si>
  <si>
    <t>76378261.0</t>
  </si>
  <si>
    <t>41664281.0</t>
  </si>
  <si>
    <t>1935226.0</t>
  </si>
  <si>
    <t>949538.0</t>
  </si>
  <si>
    <t>686855.0</t>
  </si>
  <si>
    <t>106956955.0</t>
  </si>
  <si>
    <t>78027939.0</t>
  </si>
  <si>
    <t>41673043.0</t>
  </si>
  <si>
    <t>2443955.0</t>
  </si>
  <si>
    <t>1245094.0</t>
  </si>
  <si>
    <t>902705.0</t>
  </si>
  <si>
    <t>109825237.0</t>
  </si>
  <si>
    <t>80272704.0</t>
  </si>
  <si>
    <t>42295802.0</t>
  </si>
  <si>
    <t>1957484.0</t>
  </si>
  <si>
    <t>1472377.0</t>
  </si>
  <si>
    <t>1044096.0</t>
  </si>
  <si>
    <t>113013820.0</t>
  </si>
  <si>
    <t>82750590.0</t>
  </si>
  <si>
    <t>43381813.0</t>
  </si>
  <si>
    <t>2329812.0</t>
  </si>
  <si>
    <t>1752915.0</t>
  </si>
  <si>
    <t>1204372.0</t>
  </si>
  <si>
    <t>114671064.0</t>
  </si>
  <si>
    <t>84055769.0</t>
  </si>
  <si>
    <t>43476084.0</t>
  </si>
  <si>
    <t>2125559.0</t>
  </si>
  <si>
    <t>2002487.0</t>
  </si>
  <si>
    <t>1355938.0</t>
  </si>
  <si>
    <t>114701564.0</t>
  </si>
  <si>
    <t>84057164.0</t>
  </si>
  <si>
    <t>43491933.0</t>
  </si>
  <si>
    <t>1373167.0</t>
  </si>
  <si>
    <t>1992540.0</t>
  </si>
  <si>
    <t>1348575.0</t>
  </si>
  <si>
    <t>119134840.0</t>
  </si>
  <si>
    <t>85556101.0</t>
  </si>
  <si>
    <t>43994195.0</t>
  </si>
  <si>
    <t>2648994.0</t>
  </si>
  <si>
    <t>1357833.0</t>
  </si>
  <si>
    <t>1931862.0</t>
  </si>
  <si>
    <t>1312805.0</t>
  </si>
  <si>
    <t>119535025.0</t>
  </si>
  <si>
    <t>85869653.0</t>
  </si>
  <si>
    <t>44052732.0</t>
  </si>
  <si>
    <t>586313.0</t>
  </si>
  <si>
    <t>1739160.0</t>
  </si>
  <si>
    <t>1181522.0</t>
  </si>
  <si>
    <t>120802831.0</t>
  </si>
  <si>
    <t>86770713.0</t>
  </si>
  <si>
    <t>44124336.0</t>
  </si>
  <si>
    <t>1376516.0</t>
  </si>
  <si>
    <t>1586668.0</t>
  </si>
  <si>
    <t>1050806.0</t>
  </si>
  <si>
    <t>121688879.0</t>
  </si>
  <si>
    <t>88710252.0</t>
  </si>
  <si>
    <t>44249217.0</t>
  </si>
  <si>
    <t>543380.0</t>
  </si>
  <si>
    <t>1384653.0</t>
  </si>
  <si>
    <t>917226.0</t>
  </si>
  <si>
    <t>122575744.0</t>
  </si>
  <si>
    <t>89339947.0</t>
  </si>
  <si>
    <t>44360416.0</t>
  </si>
  <si>
    <t>630115.0</t>
  </si>
  <si>
    <t>1141839.0</t>
  </si>
  <si>
    <t>776161.0</t>
  </si>
  <si>
    <t>122850529.0</t>
  </si>
  <si>
    <t>89521048.0</t>
  </si>
  <si>
    <t>44412995.0</t>
  </si>
  <si>
    <t>484538.0</t>
  </si>
  <si>
    <t>907410.0</t>
  </si>
  <si>
    <t>628073.0</t>
  </si>
  <si>
    <t>123535069.0</t>
  </si>
  <si>
    <t>90231435.0</t>
  </si>
  <si>
    <t>1003145.0</t>
  </si>
  <si>
    <t>854551.0</t>
  </si>
  <si>
    <t>642177.0</t>
  </si>
  <si>
    <t>123833531.0</t>
  </si>
  <si>
    <t>90360977.0</t>
  </si>
  <si>
    <t>617067.0</t>
  </si>
  <si>
    <t>748725.0</t>
  </si>
  <si>
    <t>570057.0</t>
  </si>
  <si>
    <t>124669954.0</t>
  </si>
  <si>
    <t>91024466.0</t>
  </si>
  <si>
    <t>44641217.0</t>
  </si>
  <si>
    <t>2661034.0</t>
  </si>
  <si>
    <t>736416.0</t>
  </si>
  <si>
    <t>770167.0</t>
  </si>
  <si>
    <t>597629.0</t>
  </si>
  <si>
    <t>124976088.0</t>
  </si>
  <si>
    <t>91951446.0</t>
  </si>
  <si>
    <t>45662050.0</t>
  </si>
  <si>
    <t>496694.0</t>
  </si>
  <si>
    <t>644481.0</t>
  </si>
  <si>
    <t>519580.0</t>
  </si>
  <si>
    <t>125221384.0</t>
  </si>
  <si>
    <t>92167528.0</t>
  </si>
  <si>
    <t>63793118.0</t>
  </si>
  <si>
    <t>469793.0</t>
  </si>
  <si>
    <t>633966.0</t>
  </si>
  <si>
    <t>519561.0</t>
  </si>
  <si>
    <t>125672009.0</t>
  </si>
  <si>
    <t>92237610.0</t>
  </si>
  <si>
    <t>64230751.0</t>
  </si>
  <si>
    <t>676986.0</t>
  </si>
  <si>
    <t>640663.0</t>
  </si>
  <si>
    <t>535816.0</t>
  </si>
  <si>
    <t>126552325.0</t>
  </si>
  <si>
    <t>92938333.0</t>
  </si>
  <si>
    <t>64746023.0</t>
  </si>
  <si>
    <t>680783.0</t>
  </si>
  <si>
    <t>668698.0</t>
  </si>
  <si>
    <t>570770.0</t>
  </si>
  <si>
    <t>128032541.0</t>
  </si>
  <si>
    <t>94207091.0</t>
  </si>
  <si>
    <t>66070190.0</t>
  </si>
  <si>
    <t>610371.0</t>
  </si>
  <si>
    <t>514274.0</t>
  </si>
  <si>
    <t>94495733.0</t>
  </si>
  <si>
    <t>66381278.0</t>
  </si>
  <si>
    <t>231266.0</t>
  </si>
  <si>
    <t>555255.0</t>
  </si>
  <si>
    <t>544001.0</t>
  </si>
  <si>
    <t>128209449.0</t>
  </si>
  <si>
    <t>94588673.0</t>
  </si>
  <si>
    <t>66480612.0</t>
  </si>
  <si>
    <t>2701996.0</t>
  </si>
  <si>
    <t>483089.0</t>
  </si>
  <si>
    <t>525029.0</t>
  </si>
  <si>
    <t>218420.0</t>
  </si>
  <si>
    <t>443338.0</t>
  </si>
  <si>
    <t>536430.0</t>
  </si>
  <si>
    <t>128610622.0</t>
  </si>
  <si>
    <t>96280666.0</t>
  </si>
  <si>
    <t>68478099.0</t>
  </si>
  <si>
    <t>549405.0</t>
  </si>
  <si>
    <t>128839503.0</t>
  </si>
  <si>
    <t>96383192.0</t>
  </si>
  <si>
    <t>73569499.0</t>
  </si>
  <si>
    <t>2725894.0</t>
  </si>
  <si>
    <t>210688.0</t>
  </si>
  <si>
    <t>340812.0</t>
  </si>
  <si>
    <t>496750.0</t>
  </si>
  <si>
    <t>129207729.0</t>
  </si>
  <si>
    <t>96679781.0</t>
  </si>
  <si>
    <t>73765071.0</t>
  </si>
  <si>
    <t>2728661.0</t>
  </si>
  <si>
    <t>214198.0</t>
  </si>
  <si>
    <t>440276.0</t>
  </si>
  <si>
    <t>129328547.0</t>
  </si>
  <si>
    <t>96729495.0</t>
  </si>
  <si>
    <t>73833224.0</t>
  </si>
  <si>
    <t>236389.0</t>
  </si>
  <si>
    <t>222948.0</t>
  </si>
  <si>
    <t>390825.0</t>
  </si>
  <si>
    <t>129959775.0</t>
  </si>
  <si>
    <t>97233946.0</t>
  </si>
  <si>
    <t>74269597.0</t>
  </si>
  <si>
    <t>2853121.0</t>
  </si>
  <si>
    <t>220967.0</t>
  </si>
  <si>
    <t>341030.0</t>
  </si>
  <si>
    <t>130027289.0</t>
  </si>
  <si>
    <t>97719629.0</t>
  </si>
  <si>
    <t>74734118.0</t>
  </si>
  <si>
    <t>191860.0</t>
  </si>
  <si>
    <t>215335.0</t>
  </si>
  <si>
    <t>296736.0</t>
  </si>
  <si>
    <t>130057118.0</t>
  </si>
  <si>
    <t>74749495.0</t>
  </si>
  <si>
    <t>267135.0</t>
  </si>
  <si>
    <t>130071698.0</t>
  </si>
  <si>
    <t>97788646.0</t>
  </si>
  <si>
    <t>74762660.0</t>
  </si>
  <si>
    <t>247812.0</t>
  </si>
  <si>
    <t>226496.0</t>
  </si>
  <si>
    <t>199620.0</t>
  </si>
  <si>
    <t>130150455.0</t>
  </si>
  <si>
    <t>97834163.0</t>
  </si>
  <si>
    <t>74785965.0</t>
  </si>
  <si>
    <t>249141.0</t>
  </si>
  <si>
    <t>231988.0</t>
  </si>
  <si>
    <t>188532.0</t>
  </si>
  <si>
    <t>130257770.0</t>
  </si>
  <si>
    <t>97930838.0</t>
  </si>
  <si>
    <t>74864115.0</t>
  </si>
  <si>
    <t>250024.0</t>
  </si>
  <si>
    <t>237106.0</t>
  </si>
  <si>
    <t>181207.0</t>
  </si>
  <si>
    <t>130356543.0</t>
  </si>
  <si>
    <t>97988944.0</t>
  </si>
  <si>
    <t>74938413.0</t>
  </si>
  <si>
    <t>248788.0</t>
  </si>
  <si>
    <t>238878.0</t>
  </si>
  <si>
    <t>176688.0</t>
  </si>
  <si>
    <t>130384022.0</t>
  </si>
  <si>
    <t>97994633.0</t>
  </si>
  <si>
    <t>74954043.0</t>
  </si>
  <si>
    <t>3034958.0</t>
  </si>
  <si>
    <t>270137.0</t>
  </si>
  <si>
    <t>246413.0</t>
  </si>
  <si>
    <t>174420.0</t>
  </si>
  <si>
    <t>130739699.0</t>
  </si>
  <si>
    <t>98117602.0</t>
  </si>
  <si>
    <t>75098958.0</t>
  </si>
  <si>
    <t>3048235.0</t>
  </si>
  <si>
    <t>261241.0</t>
  </si>
  <si>
    <t>256326.0</t>
  </si>
  <si>
    <t>269879.0</t>
  </si>
  <si>
    <t>180840.0</t>
  </si>
  <si>
    <t>130812892.0</t>
  </si>
  <si>
    <t>98239880.0</t>
  </si>
  <si>
    <t>75193835.0</t>
  </si>
  <si>
    <t>3392189.0</t>
  </si>
  <si>
    <t>259870.0</t>
  </si>
  <si>
    <t>186917.0</t>
  </si>
  <si>
    <t>130857662.0</t>
  </si>
  <si>
    <t>75217988.0</t>
  </si>
  <si>
    <t>258984.0</t>
  </si>
  <si>
    <t>261277.0</t>
  </si>
  <si>
    <t>194299.0</t>
  </si>
  <si>
    <t>133051482.0</t>
  </si>
  <si>
    <t>98986798.0</t>
  </si>
  <si>
    <t>75895066.0</t>
  </si>
  <si>
    <t>3608102.0</t>
  </si>
  <si>
    <t>259865.0</t>
  </si>
  <si>
    <t>262680.0</t>
  </si>
  <si>
    <t>133064276.0</t>
  </si>
  <si>
    <t>75899762.0</t>
  </si>
  <si>
    <t>714083.0</t>
  </si>
  <si>
    <t>329154.0</t>
  </si>
  <si>
    <t>200826.0</t>
  </si>
  <si>
    <t>134613231.0</t>
  </si>
  <si>
    <t>99535555.0</t>
  </si>
  <si>
    <t>76578594.0</t>
  </si>
  <si>
    <t>3859354.0</t>
  </si>
  <si>
    <t>716921.0</t>
  </si>
  <si>
    <t>392979.0</t>
  </si>
  <si>
    <t>200760.0</t>
  </si>
  <si>
    <t>337004.0</t>
  </si>
  <si>
    <t>403802.0</t>
  </si>
  <si>
    <t>134640066.0</t>
  </si>
  <si>
    <t>76594519.0</t>
  </si>
  <si>
    <t>413392.0</t>
  </si>
  <si>
    <t>232300.0</t>
  </si>
  <si>
    <t>134641501.0</t>
  </si>
  <si>
    <t>99538643.0</t>
  </si>
  <si>
    <t>76597510.0</t>
  </si>
  <si>
    <t>330016.0</t>
  </si>
  <si>
    <t>421984.0</t>
  </si>
  <si>
    <t>246943.0</t>
  </si>
  <si>
    <t>134858006.0</t>
  </si>
  <si>
    <t>99725852.0</t>
  </si>
  <si>
    <t>76778080.0</t>
  </si>
  <si>
    <t>330041.0</t>
  </si>
  <si>
    <t>432133.0</t>
  </si>
  <si>
    <t>260835.0</t>
  </si>
  <si>
    <t>134865815.0</t>
  </si>
  <si>
    <t>76783732.0</t>
  </si>
  <si>
    <t>327413.0</t>
  </si>
  <si>
    <t>441782.0</t>
  </si>
  <si>
    <t>134917353.0</t>
  </si>
  <si>
    <t>99779747.0</t>
  </si>
  <si>
    <t>76871744.0</t>
  </si>
  <si>
    <t>333566.0</t>
  </si>
  <si>
    <t>387423.0</t>
  </si>
  <si>
    <t>290194.0</t>
  </si>
  <si>
    <t>134933304.0</t>
  </si>
  <si>
    <t>76881060.0</t>
  </si>
  <si>
    <t>368651.0</t>
  </si>
  <si>
    <t>337669.0</t>
  </si>
  <si>
    <t>309672.0</t>
  </si>
  <si>
    <t>135083346.0</t>
  </si>
  <si>
    <t>99884689.0</t>
  </si>
  <si>
    <t>77049631.0</t>
  </si>
  <si>
    <t>339912.0</t>
  </si>
  <si>
    <t>312160.0</t>
  </si>
  <si>
    <t>135830293.0</t>
  </si>
  <si>
    <t>101221911.0</t>
  </si>
  <si>
    <t>78384191.0</t>
  </si>
  <si>
    <t>366650.0</t>
  </si>
  <si>
    <t>344148.0</t>
  </si>
  <si>
    <t>315248.0</t>
  </si>
  <si>
    <t>137899424.0</t>
  </si>
  <si>
    <t>101505035.0</t>
  </si>
  <si>
    <t>81066564.0</t>
  </si>
  <si>
    <t>3897601.0</t>
  </si>
  <si>
    <t>300347.0</t>
  </si>
  <si>
    <t>339907.0</t>
  </si>
  <si>
    <t>137933623.0</t>
  </si>
  <si>
    <t>101527401.0</t>
  </si>
  <si>
    <t>81098755.0</t>
  </si>
  <si>
    <t>172963.0</t>
  </si>
  <si>
    <t>317469.0</t>
  </si>
  <si>
    <t>278512.0</t>
  </si>
  <si>
    <t>137994055.0</t>
  </si>
  <si>
    <t>81112200.0</t>
  </si>
  <si>
    <t>296040.0</t>
  </si>
  <si>
    <t>138010077.0</t>
  </si>
  <si>
    <t>81122276.0</t>
  </si>
  <si>
    <t>163224.0</t>
  </si>
  <si>
    <t>271708.0</t>
  </si>
  <si>
    <t>242165.0</t>
  </si>
  <si>
    <t>138094499.0</t>
  </si>
  <si>
    <t>101586325.0</t>
  </si>
  <si>
    <t>81195314.0</t>
  </si>
  <si>
    <t>163908.0</t>
  </si>
  <si>
    <t>242460.0</t>
  </si>
  <si>
    <t>214037.0</t>
  </si>
  <si>
    <t>198725.0</t>
  </si>
  <si>
    <t>138165239.0</t>
  </si>
  <si>
    <t>101609247.0</t>
  </si>
  <si>
    <t>81251742.0</t>
  </si>
  <si>
    <t>183624.0</t>
  </si>
  <si>
    <t>176110.0</t>
  </si>
  <si>
    <t>145730.0</t>
  </si>
  <si>
    <t>161536.0</t>
  </si>
  <si>
    <t>173135.0</t>
  </si>
  <si>
    <t>138218544.0</t>
  </si>
  <si>
    <t>101616195.0</t>
  </si>
  <si>
    <t>81288381.0</t>
  </si>
  <si>
    <t>157646.0</t>
  </si>
  <si>
    <t>173049.0</t>
  </si>
  <si>
    <t>138263310.0</t>
  </si>
  <si>
    <t>101623479.0</t>
  </si>
  <si>
    <t>81332351.0</t>
  </si>
  <si>
    <t>3898397.0</t>
  </si>
  <si>
    <t>142998.0</t>
  </si>
  <si>
    <t>152729.0</t>
  </si>
  <si>
    <t>172421.0</t>
  </si>
  <si>
    <t>138275281.0</t>
  </si>
  <si>
    <t>81339991.0</t>
  </si>
  <si>
    <t>140369.0</t>
  </si>
  <si>
    <t>149464.0</t>
  </si>
  <si>
    <t>171753.0</t>
  </si>
  <si>
    <t>138312893.0</t>
  </si>
  <si>
    <t>81362424.0</t>
  </si>
  <si>
    <t>171995.0</t>
  </si>
  <si>
    <t>171084.0</t>
  </si>
  <si>
    <t>138343809.0</t>
  </si>
  <si>
    <t>101627567.0</t>
  </si>
  <si>
    <t>81379794.0</t>
  </si>
  <si>
    <t>152822.0</t>
  </si>
  <si>
    <t>150485.0</t>
  </si>
  <si>
    <t>171009.0</t>
  </si>
  <si>
    <t>171480.0</t>
  </si>
  <si>
    <t>153018.0</t>
  </si>
  <si>
    <t>172076.0</t>
  </si>
  <si>
    <t>138406675.0</t>
  </si>
  <si>
    <t>101645147.0</t>
  </si>
  <si>
    <t>81430313.0</t>
  </si>
  <si>
    <t>3898417.0</t>
  </si>
  <si>
    <t>156696.0</t>
  </si>
  <si>
    <t>173515.0</t>
  </si>
  <si>
    <t>140806.0</t>
  </si>
  <si>
    <t>155992.0</t>
  </si>
  <si>
    <t>173973.0</t>
  </si>
  <si>
    <t>139932028.0</t>
  </si>
  <si>
    <t>104601135.0</t>
  </si>
  <si>
    <t>82587371.0</t>
  </si>
  <si>
    <t>4631182.0</t>
  </si>
  <si>
    <t>155679.0</t>
  </si>
  <si>
    <t>174094.0</t>
  </si>
  <si>
    <t>139971942.0</t>
  </si>
  <si>
    <t>104601505.0</t>
  </si>
  <si>
    <t>82612531.0</t>
  </si>
  <si>
    <t>642888.0</t>
  </si>
  <si>
    <t>227471.0</t>
  </si>
  <si>
    <t>166152.0</t>
  </si>
  <si>
    <t>655663.0</t>
  </si>
  <si>
    <t>296565.0</t>
  </si>
  <si>
    <t>158721.0</t>
  </si>
  <si>
    <t>140008252.0</t>
  </si>
  <si>
    <t>104609418.0</t>
  </si>
  <si>
    <t>82640211.0</t>
  </si>
  <si>
    <t>4632599.0</t>
  </si>
  <si>
    <t>368401.0</t>
  </si>
  <si>
    <t>151288.0</t>
  </si>
  <si>
    <t>653687.0</t>
  </si>
  <si>
    <t>437286.0</t>
  </si>
  <si>
    <t>143283692.0</t>
  </si>
  <si>
    <t>105707476.0</t>
  </si>
  <si>
    <t>83117943.0</t>
  </si>
  <si>
    <t>4933649.0</t>
  </si>
  <si>
    <t>506172.0</t>
  </si>
  <si>
    <t>134284.0</t>
  </si>
  <si>
    <t>143308379.0</t>
  </si>
  <si>
    <t>83133374.0</t>
  </si>
  <si>
    <t>194397.0</t>
  </si>
  <si>
    <t>513828.0</t>
  </si>
  <si>
    <t>131232.0</t>
  </si>
  <si>
    <t>143318090.0</t>
  </si>
  <si>
    <t>83138521.0</t>
  </si>
  <si>
    <t>195879.0</t>
  </si>
  <si>
    <t>521697.0</t>
  </si>
  <si>
    <t>128171.0</t>
  </si>
  <si>
    <t>197619.0</t>
  </si>
  <si>
    <t>458086.0</t>
  </si>
  <si>
    <t>133218.0</t>
  </si>
  <si>
    <t>143353419.0</t>
  </si>
  <si>
    <t>105738933.0</t>
  </si>
  <si>
    <t>83170193.0</t>
  </si>
  <si>
    <t>392651.0</t>
  </si>
  <si>
    <t>137756.0</t>
  </si>
  <si>
    <t>193855.0</t>
  </si>
  <si>
    <t>326677.0</t>
  </si>
  <si>
    <t>141825.0</t>
  </si>
  <si>
    <t>143409786.0</t>
  </si>
  <si>
    <t>105755811.0</t>
  </si>
  <si>
    <t>83203396.0</t>
  </si>
  <si>
    <t>4946243.0</t>
  </si>
  <si>
    <t>260988.0</t>
  </si>
  <si>
    <t>145815.0</t>
  </si>
  <si>
    <t>144132825.0</t>
  </si>
  <si>
    <t>107093821.0</t>
  </si>
  <si>
    <t>84234545.0</t>
  </si>
  <si>
    <t>5077798.0</t>
  </si>
  <si>
    <t>195092.0</t>
  </si>
  <si>
    <t>195474.0</t>
  </si>
  <si>
    <t>150069.0</t>
  </si>
  <si>
    <t>145461.0</t>
  </si>
  <si>
    <t>144219293.0</t>
  </si>
  <si>
    <t>107099738.0</t>
  </si>
  <si>
    <t>84289526.0</t>
  </si>
  <si>
    <t>170508.0</t>
  </si>
  <si>
    <t>140853.0</t>
  </si>
  <si>
    <t>144226127.0</t>
  </si>
  <si>
    <t>107105785.0</t>
  </si>
  <si>
    <t>84296360.0</t>
  </si>
  <si>
    <t>114991.0</t>
  </si>
  <si>
    <t>158704.0</t>
  </si>
  <si>
    <t>136785.0</t>
  </si>
  <si>
    <t>115457.0</t>
  </si>
  <si>
    <t>146969.0</t>
  </si>
  <si>
    <t>132784.0</t>
  </si>
  <si>
    <t>144271310.0</t>
  </si>
  <si>
    <t>107107556.0</t>
  </si>
  <si>
    <t>84322199.0</t>
  </si>
  <si>
    <t>135767.0</t>
  </si>
  <si>
    <t>129257.0</t>
  </si>
  <si>
    <t>144342146.0</t>
  </si>
  <si>
    <t>107135089.0</t>
  </si>
  <si>
    <t>84363943.0</t>
  </si>
  <si>
    <t>5079851.0</t>
  </si>
  <si>
    <t>120049.0</t>
  </si>
  <si>
    <t>125223.0</t>
  </si>
  <si>
    <t>126614.0</t>
  </si>
  <si>
    <t>144391082.0</t>
  </si>
  <si>
    <t>107301150.0</t>
  </si>
  <si>
    <t>84540788.0</t>
  </si>
  <si>
    <t>5116488.0</t>
  </si>
  <si>
    <t>139300.0</t>
  </si>
  <si>
    <t>117253.0</t>
  </si>
  <si>
    <t>123460.0</t>
  </si>
  <si>
    <t>144462739.0</t>
  </si>
  <si>
    <t>84582077.0</t>
  </si>
  <si>
    <t>412022.0</t>
  </si>
  <si>
    <t>160721.0</t>
  </si>
  <si>
    <t>124817.0</t>
  </si>
  <si>
    <t>466828.0</t>
  </si>
  <si>
    <t>212016.0</t>
  </si>
  <si>
    <t>126173.0</t>
  </si>
  <si>
    <t>144495548.0</t>
  </si>
  <si>
    <t>107333959.0</t>
  </si>
  <si>
    <t>84613433.0</t>
  </si>
  <si>
    <t>262277.0</t>
  </si>
  <si>
    <t>465458.0</t>
  </si>
  <si>
    <t>312279.0</t>
  </si>
  <si>
    <t>144858084.0</t>
  </si>
  <si>
    <t>84830043.0</t>
  </si>
  <si>
    <t>362278.0</t>
  </si>
  <si>
    <t>127908.0</t>
  </si>
  <si>
    <t>144865852.0</t>
  </si>
  <si>
    <t>107341601.0</t>
  </si>
  <si>
    <t>84833472.0</t>
  </si>
  <si>
    <t>507018.0</t>
  </si>
  <si>
    <t>417560.0</t>
  </si>
  <si>
    <t>127479.0</t>
  </si>
  <si>
    <t>149713863.0</t>
  </si>
  <si>
    <t>109118543.0</t>
  </si>
  <si>
    <t>85721330.0</t>
  </si>
  <si>
    <t>5134252.0</t>
  </si>
  <si>
    <t>506783.0</t>
  </si>
  <si>
    <t>470056.0</t>
  </si>
  <si>
    <t>127270.0</t>
  </si>
  <si>
    <t>149828540.0</t>
  </si>
  <si>
    <t>109166075.0</t>
  </si>
  <si>
    <t>85779377.0</t>
  </si>
  <si>
    <t>349592.0</t>
  </si>
  <si>
    <t>461139.0</t>
  </si>
  <si>
    <t>143159.0</t>
  </si>
  <si>
    <t>354096.0</t>
  </si>
  <si>
    <t>445035.0</t>
  </si>
  <si>
    <t>149830706.0</t>
  </si>
  <si>
    <t>109168223.0</t>
  </si>
  <si>
    <t>85780050.0</t>
  </si>
  <si>
    <t>174810.0</t>
  </si>
  <si>
    <t>150034108.0</t>
  </si>
  <si>
    <t>85910516.0</t>
  </si>
  <si>
    <t>355140.0</t>
  </si>
  <si>
    <t>413169.0</t>
  </si>
  <si>
    <t>191071.0</t>
  </si>
  <si>
    <t>150258725.0</t>
  </si>
  <si>
    <t>86045129.0</t>
  </si>
  <si>
    <t>511956.0</t>
  </si>
  <si>
    <t>419812.0</t>
  </si>
  <si>
    <t>207334.0</t>
  </si>
  <si>
    <t>313407.0</t>
  </si>
  <si>
    <t>392150.0</t>
  </si>
  <si>
    <t>150708262.0</t>
  </si>
  <si>
    <t>109738406.0</t>
  </si>
  <si>
    <t>86097766.0</t>
  </si>
  <si>
    <t>5156384.0</t>
  </si>
  <si>
    <t>364528.0</t>
  </si>
  <si>
    <t>239892.0</t>
  </si>
  <si>
    <t>151680510.0</t>
  </si>
  <si>
    <t>110459908.0</t>
  </si>
  <si>
    <t>87003340.0</t>
  </si>
  <si>
    <t>5168357.0</t>
  </si>
  <si>
    <t>320608.0</t>
  </si>
  <si>
    <t>360388.0</t>
  </si>
  <si>
    <t>333397.0</t>
  </si>
  <si>
    <t>151784782.0</t>
  </si>
  <si>
    <t>87066727.0</t>
  </si>
  <si>
    <t>220371.0</t>
  </si>
  <si>
    <t>341284.0</t>
  </si>
  <si>
    <t>326071.0</t>
  </si>
  <si>
    <t>151910568.0</t>
  </si>
  <si>
    <t>110572708.0</t>
  </si>
  <si>
    <t>87125735.0</t>
  </si>
  <si>
    <t>403655.0</t>
  </si>
  <si>
    <t>348364.0</t>
  </si>
  <si>
    <t>318746.0</t>
  </si>
  <si>
    <t>152329273.0</t>
  </si>
  <si>
    <t>87386032.0</t>
  </si>
  <si>
    <t>419041.0</t>
  </si>
  <si>
    <t>357493.0</t>
  </si>
  <si>
    <t>311030.0</t>
  </si>
  <si>
    <t>152548847.0</t>
  </si>
  <si>
    <t>87526698.0</t>
  </si>
  <si>
    <t>429263.0</t>
  </si>
  <si>
    <t>345679.0</t>
  </si>
  <si>
    <t>303318.0</t>
  </si>
  <si>
    <t>257048.0</t>
  </si>
  <si>
    <t>337627.0</t>
  </si>
  <si>
    <t>295602.0</t>
  </si>
  <si>
    <t>153807404.0</t>
  </si>
  <si>
    <t>111969394.0</t>
  </si>
  <si>
    <t>88879540.0</t>
  </si>
  <si>
    <t>5188862.0</t>
  </si>
  <si>
    <t>329576.0</t>
  </si>
  <si>
    <t>287887.0</t>
  </si>
  <si>
    <t>153949482.0</t>
  </si>
  <si>
    <t>88968627.0</t>
  </si>
  <si>
    <t>295161.0</t>
  </si>
  <si>
    <t>154013190.0</t>
  </si>
  <si>
    <t>111989568.0</t>
  </si>
  <si>
    <t>89007772.0</t>
  </si>
  <si>
    <t>5188893.0</t>
  </si>
  <si>
    <t>290890.0</t>
  </si>
  <si>
    <t>336014.0</t>
  </si>
  <si>
    <t>279475.0</t>
  </si>
  <si>
    <t>154148005.0</t>
  </si>
  <si>
    <t>89094585.0</t>
  </si>
  <si>
    <t>381473.0</t>
  </si>
  <si>
    <t>332845.0</t>
  </si>
  <si>
    <t>325556.0</t>
  </si>
  <si>
    <t>298375.0</t>
  </si>
  <si>
    <t>315610.0</t>
  </si>
  <si>
    <t>371882.0</t>
  </si>
  <si>
    <t>296911.0</t>
  </si>
  <si>
    <t>418208.0</t>
  </si>
  <si>
    <t>302813.0</t>
  </si>
  <si>
    <t>464530.0</t>
  </si>
  <si>
    <t>308718.0</t>
  </si>
  <si>
    <t>510859.0</t>
  </si>
  <si>
    <t>154595079.0</t>
  </si>
  <si>
    <t>112322618.0</t>
  </si>
  <si>
    <t>89321654.0</t>
  </si>
  <si>
    <t>5192528.0</t>
  </si>
  <si>
    <t>309177.0</t>
  </si>
  <si>
    <t>510697.0</t>
  </si>
  <si>
    <t>288323.0</t>
  </si>
  <si>
    <t>308810.0</t>
  </si>
  <si>
    <t>508414.0</t>
  </si>
  <si>
    <t>154718649.0</t>
  </si>
  <si>
    <t>112438874.0</t>
  </si>
  <si>
    <t>89436822.0</t>
  </si>
  <si>
    <t>295503.0</t>
  </si>
  <si>
    <t>506293.0</t>
  </si>
  <si>
    <t>289615.0</t>
  </si>
  <si>
    <t>294252.0</t>
  </si>
  <si>
    <t>504328.0</t>
  </si>
  <si>
    <t>155184104.0</t>
  </si>
  <si>
    <t>89723623.0</t>
  </si>
  <si>
    <t>502364.0</t>
  </si>
  <si>
    <t>155222748.0</t>
  </si>
  <si>
    <t>112456324.0</t>
  </si>
  <si>
    <t>89747676.0</t>
  </si>
  <si>
    <t>5194791.0</t>
  </si>
  <si>
    <t>266681.0</t>
  </si>
  <si>
    <t>288473.0</t>
  </si>
  <si>
    <t>500398.0</t>
  </si>
  <si>
    <t>157536817.0</t>
  </si>
  <si>
    <t>118204856.0</t>
  </si>
  <si>
    <t>94885526.0</t>
  </si>
  <si>
    <t>5414479.0</t>
  </si>
  <si>
    <t>260743.0</t>
  </si>
  <si>
    <t>283098.0</t>
  </si>
  <si>
    <t>3320311.0</t>
  </si>
  <si>
    <t>714801.0</t>
  </si>
  <si>
    <t>539067.0</t>
  </si>
  <si>
    <t>157597526.0</t>
  </si>
  <si>
    <t>118261203.0</t>
  </si>
  <si>
    <t>94942371.0</t>
  </si>
  <si>
    <t>1147943.0</t>
  </si>
  <si>
    <t>581552.0</t>
  </si>
  <si>
    <t>157741442.0</t>
  </si>
  <si>
    <t>95037947.0</t>
  </si>
  <si>
    <t>3318950.0</t>
  </si>
  <si>
    <t>1580891.0</t>
  </si>
  <si>
    <t>624026.0</t>
  </si>
  <si>
    <t>157839450.0</t>
  </si>
  <si>
    <t>95106791.0</t>
  </si>
  <si>
    <t>3388175.0</t>
  </si>
  <si>
    <t>2023539.0</t>
  </si>
  <si>
    <t>666348.0</t>
  </si>
  <si>
    <t>3321131.0</t>
  </si>
  <si>
    <t>2456616.0</t>
  </si>
  <si>
    <t>708665.0</t>
  </si>
  <si>
    <t>2892968.0</t>
  </si>
  <si>
    <t>750981.0</t>
  </si>
  <si>
    <t>179948045.0</t>
  </si>
  <si>
    <t>120582445.0</t>
  </si>
  <si>
    <t>97355680.0</t>
  </si>
  <si>
    <t>6750089.0</t>
  </si>
  <si>
    <t>3330163.0</t>
  </si>
  <si>
    <t>793034.0</t>
  </si>
  <si>
    <t>180070217.0</t>
  </si>
  <si>
    <t>6751417.0</t>
  </si>
  <si>
    <t>607817.0</t>
  </si>
  <si>
    <t>2942665.0</t>
  </si>
  <si>
    <t>765121.0</t>
  </si>
  <si>
    <t>180142506.0</t>
  </si>
  <si>
    <t>120689687.0</t>
  </si>
  <si>
    <t>97442628.0</t>
  </si>
  <si>
    <t>675164.0</t>
  </si>
  <si>
    <t>737209.0</t>
  </si>
  <si>
    <t>180328293.0</t>
  </si>
  <si>
    <t>97572103.0</t>
  </si>
  <si>
    <t>606563.0</t>
  </si>
  <si>
    <t>2177302.0</t>
  </si>
  <si>
    <t>708057.0</t>
  </si>
  <si>
    <t>180461259.0</t>
  </si>
  <si>
    <t>120773449.0</t>
  </si>
  <si>
    <t>97726310.0</t>
  </si>
  <si>
    <t>671681.0</t>
  </si>
  <si>
    <t>1789231.0</t>
  </si>
  <si>
    <t>678905.0</t>
  </si>
  <si>
    <t>587883.0</t>
  </si>
  <si>
    <t>1398768.0</t>
  </si>
  <si>
    <t>649022.0</t>
  </si>
  <si>
    <t>1008302.0</t>
  </si>
  <si>
    <t>619143.0</t>
  </si>
  <si>
    <t>181812556.0</t>
  </si>
  <si>
    <t>121518829.0</t>
  </si>
  <si>
    <t>98390735.0</t>
  </si>
  <si>
    <t>6751434.0</t>
  </si>
  <si>
    <t>617840.0</t>
  </si>
  <si>
    <t>589261.0</t>
  </si>
  <si>
    <t>181822898.0</t>
  </si>
  <si>
    <t>121529025.0</t>
  </si>
  <si>
    <t>98394778.0</t>
  </si>
  <si>
    <t>438594.0</t>
  </si>
  <si>
    <t>593665.0</t>
  </si>
  <si>
    <t>577937.0</t>
  </si>
  <si>
    <t>438102.0</t>
  </si>
  <si>
    <t>559799.0</t>
  </si>
  <si>
    <t>566541.0</t>
  </si>
  <si>
    <t>535733.0</t>
  </si>
  <si>
    <t>556396.0</t>
  </si>
  <si>
    <t>181978270.0</t>
  </si>
  <si>
    <t>121544370.0</t>
  </si>
  <si>
    <t>98489449.0</t>
  </si>
  <si>
    <t>502365.0</t>
  </si>
  <si>
    <t>546251.0</t>
  </si>
  <si>
    <t>182043773.0</t>
  </si>
  <si>
    <t>98534431.0</t>
  </si>
  <si>
    <t>499822.0</t>
  </si>
  <si>
    <t>489784.0</t>
  </si>
  <si>
    <t>537404.0</t>
  </si>
  <si>
    <t>451827.0</t>
  </si>
  <si>
    <t>470347.0</t>
  </si>
  <si>
    <t>528553.0</t>
  </si>
  <si>
    <t>187146862.0</t>
  </si>
  <si>
    <t>122610260.0</t>
  </si>
  <si>
    <t>99754694.0</t>
  </si>
  <si>
    <t>6893043.0</t>
  </si>
  <si>
    <t>450912.0</t>
  </si>
  <si>
    <t>519706.0</t>
  </si>
  <si>
    <t>187199387.0</t>
  </si>
  <si>
    <t>99790063.0</t>
  </si>
  <si>
    <t>742451.0</t>
  </si>
  <si>
    <t>494319.0</t>
  </si>
  <si>
    <t>541917.0</t>
  </si>
  <si>
    <t>747824.0</t>
  </si>
  <si>
    <t>538564.0</t>
  </si>
  <si>
    <t>564203.0</t>
  </si>
  <si>
    <t>187306941.0</t>
  </si>
  <si>
    <t>99802341.0</t>
  </si>
  <si>
    <t>582809.0</t>
  </si>
  <si>
    <t>586489.0</t>
  </si>
  <si>
    <t>742906.0</t>
  </si>
  <si>
    <t>626355.0</t>
  </si>
  <si>
    <t>608778.0</t>
  </si>
  <si>
    <t>661083.0</t>
  </si>
  <si>
    <t>630491.0</t>
  </si>
  <si>
    <t>652213.0</t>
  </si>
  <si>
    <t>192674528.0</t>
  </si>
  <si>
    <t>124237040.0</t>
  </si>
  <si>
    <t>101285566.0</t>
  </si>
  <si>
    <t>7043847.0</t>
  </si>
  <si>
    <t>744247.0</t>
  </si>
  <si>
    <t>673932.0</t>
  </si>
  <si>
    <t>192834696.0</t>
  </si>
  <si>
    <t>101393496.0</t>
  </si>
  <si>
    <t>896023.0</t>
  </si>
  <si>
    <t>766182.0</t>
  </si>
  <si>
    <t>742410.0</t>
  </si>
  <si>
    <t>194224462.0</t>
  </si>
  <si>
    <t>125558883.0</t>
  </si>
  <si>
    <t>102691793.0</t>
  </si>
  <si>
    <t>7045004.0</t>
  </si>
  <si>
    <t>897791.0</t>
  </si>
  <si>
    <t>787610.0</t>
  </si>
  <si>
    <t>810889.0</t>
  </si>
  <si>
    <t>343305.0</t>
  </si>
  <si>
    <t>729821.0</t>
  </si>
  <si>
    <t>798167.0</t>
  </si>
  <si>
    <t>672735.0</t>
  </si>
  <si>
    <t>785444.0</t>
  </si>
  <si>
    <t>615649.0</t>
  </si>
  <si>
    <t>772721.0</t>
  </si>
  <si>
    <t>558562.0</t>
  </si>
  <si>
    <t>759998.0</t>
  </si>
  <si>
    <t>195321293.0</t>
  </si>
  <si>
    <t>126177667.0</t>
  </si>
  <si>
    <t>103069666.0</t>
  </si>
  <si>
    <t>7124506.0</t>
  </si>
  <si>
    <t>501477.0</t>
  </si>
  <si>
    <t>747276.0</t>
  </si>
  <si>
    <t>195493835.0</t>
  </si>
  <si>
    <t>103179731.0</t>
  </si>
  <si>
    <t>285351.0</t>
  </si>
  <si>
    <t>414240.0</t>
  </si>
  <si>
    <t>659608.0</t>
  </si>
  <si>
    <t>309344.0</t>
  </si>
  <si>
    <t>571941.0</t>
  </si>
  <si>
    <t>195953675.0</t>
  </si>
  <si>
    <t>126411401.0</t>
  </si>
  <si>
    <t>103604422.0</t>
  </si>
  <si>
    <t>325322.0</t>
  </si>
  <si>
    <t>565474.0</t>
  </si>
  <si>
    <t>429165.0</t>
  </si>
  <si>
    <t>337588.0</t>
  </si>
  <si>
    <t>579444.0</t>
  </si>
  <si>
    <t>349853.0</t>
  </si>
  <si>
    <t>593415.0</t>
  </si>
  <si>
    <t>362117.0</t>
  </si>
  <si>
    <t>607385.0</t>
  </si>
  <si>
    <t>195985704.0</t>
  </si>
  <si>
    <t>140141863.0</t>
  </si>
  <si>
    <t>114409466.0</t>
  </si>
  <si>
    <t>7709711.0</t>
  </si>
  <si>
    <t>374385.0</t>
  </si>
  <si>
    <t>621355.0</t>
  </si>
  <si>
    <t>196326196.0</t>
  </si>
  <si>
    <t>114646525.0</t>
  </si>
  <si>
    <t>424589.0</t>
  </si>
  <si>
    <t>390355.0</t>
  </si>
  <si>
    <t>314877.0</t>
  </si>
  <si>
    <t>196331919.0</t>
  </si>
  <si>
    <t>140146492.0</t>
  </si>
  <si>
    <t>114649205.0</t>
  </si>
  <si>
    <t>427596.0</t>
  </si>
  <si>
    <t>407901.0</t>
  </si>
  <si>
    <t>335315.0</t>
  </si>
  <si>
    <t>428008.0</t>
  </si>
  <si>
    <t>425507.0</t>
  </si>
  <si>
    <t>355817.0</t>
  </si>
  <si>
    <t>425995.0</t>
  </si>
  <si>
    <t>355881.0</t>
  </si>
  <si>
    <t>426484.0</t>
  </si>
  <si>
    <t>355945.0</t>
  </si>
  <si>
    <t>426972.0</t>
  </si>
  <si>
    <t>356009.0</t>
  </si>
  <si>
    <t>200297463.0</t>
  </si>
  <si>
    <t>147523236.0</t>
  </si>
  <si>
    <t>117583647.0</t>
  </si>
  <si>
    <t>8959868.0</t>
  </si>
  <si>
    <t>427460.0</t>
  </si>
  <si>
    <t>356073.0</t>
  </si>
  <si>
    <t>426945.0</t>
  </si>
  <si>
    <t>427794.0</t>
  </si>
  <si>
    <t>353944.0</t>
  </si>
  <si>
    <t>200402008.0</t>
  </si>
  <si>
    <t>147573274.0</t>
  </si>
  <si>
    <t>117643932.0</t>
  </si>
  <si>
    <t>8967649.0</t>
  </si>
  <si>
    <t>427703.0</t>
  </si>
  <si>
    <t>351814.0</t>
  </si>
  <si>
    <t>426514.0</t>
  </si>
  <si>
    <t>427489.0</t>
  </si>
  <si>
    <t>349661.0</t>
  </si>
  <si>
    <t>427277.0</t>
  </si>
  <si>
    <t>347505.0</t>
  </si>
  <si>
    <t>200970145.0</t>
  </si>
  <si>
    <t>118037773.0</t>
  </si>
  <si>
    <t>427064.0</t>
  </si>
  <si>
    <t>345349.0</t>
  </si>
  <si>
    <t>382448.0</t>
  </si>
  <si>
    <t>420557.0</t>
  </si>
  <si>
    <t>343195.0</t>
  </si>
  <si>
    <t>202800061.0</t>
  </si>
  <si>
    <t>149456888.0</t>
  </si>
  <si>
    <t>121088832.0</t>
  </si>
  <si>
    <t>9144117.0</t>
  </si>
  <si>
    <t>414047.0</t>
  </si>
  <si>
    <t>341039.0</t>
  </si>
  <si>
    <t>204506928.0</t>
  </si>
  <si>
    <t>151058295.0</t>
  </si>
  <si>
    <t>122522898.0</t>
  </si>
  <si>
    <t>402309.0</t>
  </si>
  <si>
    <t>337407.0</t>
  </si>
  <si>
    <t>270497.0</t>
  </si>
  <si>
    <t>379961.0</t>
  </si>
  <si>
    <t>321762.0</t>
  </si>
  <si>
    <t>306077.0</t>
  </si>
  <si>
    <t>335385.0</t>
  </si>
  <si>
    <t>290393.0</t>
  </si>
  <si>
    <t>204563429.0</t>
  </si>
  <si>
    <t>122561176.0</t>
  </si>
  <si>
    <t>313097.0</t>
  </si>
  <si>
    <t>273978.0</t>
  </si>
  <si>
    <t>297601.0</t>
  </si>
  <si>
    <t>259026.0</t>
  </si>
  <si>
    <t>206225430.0</t>
  </si>
  <si>
    <t>152184832.0</t>
  </si>
  <si>
    <t>123336956.0</t>
  </si>
  <si>
    <t>9189038.0</t>
  </si>
  <si>
    <t>282106.0</t>
  </si>
  <si>
    <t>243342.0</t>
  </si>
  <si>
    <t>206512374.0</t>
  </si>
  <si>
    <t>152380166.0</t>
  </si>
  <si>
    <t>123569124.0</t>
  </si>
  <si>
    <t>253470.0</t>
  </si>
  <si>
    <t>269059.0</t>
  </si>
  <si>
    <t>236859.0</t>
  </si>
  <si>
    <t>206542508.0</t>
  </si>
  <si>
    <t>152393191.0</t>
  </si>
  <si>
    <t>123579973.0</t>
  </si>
  <si>
    <t>9195298.0</t>
  </si>
  <si>
    <t>268492.0</t>
  </si>
  <si>
    <t>242413.0</t>
  </si>
  <si>
    <t>241519.0</t>
  </si>
  <si>
    <t>264634.0</t>
  </si>
  <si>
    <t>246401.0</t>
  </si>
  <si>
    <t>260493.0</t>
  </si>
  <si>
    <t>250385.0</t>
  </si>
  <si>
    <t>256354.0</t>
  </si>
  <si>
    <t>254373.0</t>
  </si>
  <si>
    <t>208018905.0</t>
  </si>
  <si>
    <t>153574516.0</t>
  </si>
  <si>
    <t>124726492.0</t>
  </si>
  <si>
    <t>9245547.0</t>
  </si>
  <si>
    <t>262347.0</t>
  </si>
  <si>
    <t>208178515.0</t>
  </si>
  <si>
    <t>153620765.0</t>
  </si>
  <si>
    <t>124814935.0</t>
  </si>
  <si>
    <t>312245.0</t>
  </si>
  <si>
    <t>255477.0</t>
  </si>
  <si>
    <t>262032.0</t>
  </si>
  <si>
    <t>321107.0</t>
  </si>
  <si>
    <t>262992.0</t>
  </si>
  <si>
    <t>263445.0</t>
  </si>
  <si>
    <t>208366985.0</t>
  </si>
  <si>
    <t>153753604.0</t>
  </si>
  <si>
    <t>125000210.0</t>
  </si>
  <si>
    <t>274362.0</t>
  </si>
  <si>
    <t>266426.0</t>
  </si>
  <si>
    <t>314079.0</t>
  </si>
  <si>
    <t>284727.0</t>
  </si>
  <si>
    <t>268789.0</t>
  </si>
  <si>
    <t>295092.0</t>
  </si>
  <si>
    <t>271152.0</t>
  </si>
  <si>
    <t>273516.0</t>
  </si>
  <si>
    <t>210563239.0</t>
  </si>
  <si>
    <t>156022811.0</t>
  </si>
  <si>
    <t>126535461.0</t>
  </si>
  <si>
    <t>9363377.0</t>
  </si>
  <si>
    <t>315825.0</t>
  </si>
  <si>
    <t>275878.0</t>
  </si>
  <si>
    <t>220578.0</t>
  </si>
  <si>
    <t>302730.0</t>
  </si>
  <si>
    <t>263102.0</t>
  </si>
  <si>
    <t>288368.0</t>
  </si>
  <si>
    <t>248567.0</t>
  </si>
  <si>
    <t>274007.0</t>
  </si>
  <si>
    <t>234033.0</t>
  </si>
  <si>
    <t>260648.0</t>
  </si>
  <si>
    <t>220119.0</t>
  </si>
  <si>
    <t>247293.0</t>
  </si>
  <si>
    <t>233935.0</t>
  </si>
  <si>
    <t>192289.0</t>
  </si>
  <si>
    <t>210931781.0</t>
  </si>
  <si>
    <t>156232171.0</t>
  </si>
  <si>
    <t>126806814.0</t>
  </si>
  <si>
    <t>9449436.0</t>
  </si>
  <si>
    <t>178370.0</t>
  </si>
  <si>
    <t>211194173.0</t>
  </si>
  <si>
    <t>156489001.0</t>
  </si>
  <si>
    <t>127038473.0</t>
  </si>
  <si>
    <t>221311.0</t>
  </si>
  <si>
    <t>183347.0</t>
  </si>
  <si>
    <t>211446221.0</t>
  </si>
  <si>
    <t>156532120.0</t>
  </si>
  <si>
    <t>127223154.0</t>
  </si>
  <si>
    <t>254933.0</t>
  </si>
  <si>
    <t>226217.0</t>
  </si>
  <si>
    <t>192500.0</t>
  </si>
  <si>
    <t>261747.0</t>
  </si>
  <si>
    <t>232101.0</t>
  </si>
  <si>
    <t>201878.0</t>
  </si>
  <si>
    <t>237979.0</t>
  </si>
  <si>
    <t>211254.0</t>
  </si>
  <si>
    <t>220634.0</t>
  </si>
  <si>
    <t>249744.0</t>
  </si>
  <si>
    <t>230010.0</t>
  </si>
  <si>
    <t>213518504.0</t>
  </si>
  <si>
    <t>158349536.0</t>
  </si>
  <si>
    <t>128719677.0</t>
  </si>
  <si>
    <t>9454932.0</t>
  </si>
  <si>
    <t>239386.0</t>
  </si>
  <si>
    <t>213698348.0</t>
  </si>
  <si>
    <t>158396351.0</t>
  </si>
  <si>
    <t>128876454.0</t>
  </si>
  <si>
    <t>257788.0</t>
  </si>
  <si>
    <t>260206.0</t>
  </si>
  <si>
    <t>238983.0</t>
  </si>
  <si>
    <t>259790.0</t>
  </si>
  <si>
    <t>260899.0</t>
  </si>
  <si>
    <t>237719.0</t>
  </si>
  <si>
    <t>260622.0</t>
  </si>
  <si>
    <t>213758080.0</t>
  </si>
  <si>
    <t>158428845.0</t>
  </si>
  <si>
    <t>128899560.0</t>
  </si>
  <si>
    <t>9465784.0</t>
  </si>
  <si>
    <t>234744.0</t>
  </si>
  <si>
    <t>255981.0</t>
  </si>
  <si>
    <t>259518.0</t>
  </si>
  <si>
    <t>232955.0</t>
  </si>
  <si>
    <t>258694.0</t>
  </si>
  <si>
    <t>231160.0</t>
  </si>
  <si>
    <t>214417129.0</t>
  </si>
  <si>
    <t>159105240.0</t>
  </si>
  <si>
    <t>129487048.0</t>
  </si>
  <si>
    <t>9979377.0</t>
  </si>
  <si>
    <t>257872.0</t>
  </si>
  <si>
    <t>229371.0</t>
  </si>
  <si>
    <t>214465940.0</t>
  </si>
  <si>
    <t>159149155.0</t>
  </si>
  <si>
    <t>129532542.0</t>
  </si>
  <si>
    <t>348861.0</t>
  </si>
  <si>
    <t>270881.0</t>
  </si>
  <si>
    <t>234235.0</t>
  </si>
  <si>
    <t>214628295.0</t>
  </si>
  <si>
    <t>159292924.0</t>
  </si>
  <si>
    <t>129682813.0</t>
  </si>
  <si>
    <t>347907.0</t>
  </si>
  <si>
    <t>283469.0</t>
  </si>
  <si>
    <t>239092.0</t>
  </si>
  <si>
    <t>215014170.0</t>
  </si>
  <si>
    <t>159435755.0</t>
  </si>
  <si>
    <t>129998693.0</t>
  </si>
  <si>
    <t>10012804.0</t>
  </si>
  <si>
    <t>378636.0</t>
  </si>
  <si>
    <t>300448.0</t>
  </si>
  <si>
    <t>249669.0</t>
  </si>
  <si>
    <t>419092.0</t>
  </si>
  <si>
    <t>323207.0</t>
  </si>
  <si>
    <t>259853.0</t>
  </si>
  <si>
    <t>346507.0</t>
  </si>
  <si>
    <t>270343.0</t>
  </si>
  <si>
    <t>369809.0</t>
  </si>
  <si>
    <t>280832.0</t>
  </si>
  <si>
    <t>217182658.0</t>
  </si>
  <si>
    <t>160946811.0</t>
  </si>
  <si>
    <t>132029780.0</t>
  </si>
  <si>
    <t>10028553.0</t>
  </si>
  <si>
    <t>393109.0</t>
  </si>
  <si>
    <t>291324.0</t>
  </si>
  <si>
    <t>426451.0</t>
  </si>
  <si>
    <t>404192.0</t>
  </si>
  <si>
    <t>296454.0</t>
  </si>
  <si>
    <t>217225356.0</t>
  </si>
  <si>
    <t>160978905.0</t>
  </si>
  <si>
    <t>132063113.0</t>
  </si>
  <si>
    <t>415414.0</t>
  </si>
  <si>
    <t>301650.0</t>
  </si>
  <si>
    <t>423368.0</t>
  </si>
  <si>
    <t>421805.0</t>
  </si>
  <si>
    <t>300886.0</t>
  </si>
  <si>
    <t>422415.0</t>
  </si>
  <si>
    <t>300517.0</t>
  </si>
  <si>
    <t>423029.0</t>
  </si>
  <si>
    <t>300143.0</t>
  </si>
  <si>
    <t>423637.0</t>
  </si>
  <si>
    <t>299772.0</t>
  </si>
  <si>
    <t>219138137.0</t>
  </si>
  <si>
    <t>162082985.0</t>
  </si>
  <si>
    <t>133227818.0</t>
  </si>
  <si>
    <t>10053496.0</t>
  </si>
  <si>
    <t>424249.0</t>
  </si>
  <si>
    <t>325966.0</t>
  </si>
  <si>
    <t>409892.0</t>
  </si>
  <si>
    <t>399057.0</t>
  </si>
  <si>
    <t>220148674.0</t>
  </si>
  <si>
    <t>163090859.0</t>
  </si>
  <si>
    <t>134234801.0</t>
  </si>
  <si>
    <t>395537.0</t>
  </si>
  <si>
    <t>498717.0</t>
  </si>
  <si>
    <t>305928.0</t>
  </si>
  <si>
    <t>595787.0</t>
  </si>
  <si>
    <t>692862.0</t>
  </si>
  <si>
    <t>221187677.0</t>
  </si>
  <si>
    <t>135034734.0</t>
  </si>
  <si>
    <t>789935.0</t>
  </si>
  <si>
    <t>575081.0</t>
  </si>
  <si>
    <t>366881.0</t>
  </si>
  <si>
    <t>887009.0</t>
  </si>
  <si>
    <t>222094447.0</t>
  </si>
  <si>
    <t>168943772.0</t>
  </si>
  <si>
    <t>136108125.0</t>
  </si>
  <si>
    <t>10192652.0</t>
  </si>
  <si>
    <t>388554.0</t>
  </si>
  <si>
    <t>984081.0</t>
  </si>
  <si>
    <t>223096721.0</t>
  </si>
  <si>
    <t>136866883.0</t>
  </si>
  <si>
    <t>909134.0</t>
  </si>
  <si>
    <t>904939.0</t>
  </si>
  <si>
    <t>632209.0</t>
  </si>
  <si>
    <t>515612.0</t>
  </si>
  <si>
    <t>825798.0</t>
  </si>
  <si>
    <t>562224.0</t>
  </si>
  <si>
    <t>749482.0</t>
  </si>
  <si>
    <t>223962373.0</t>
  </si>
  <si>
    <t>169788674.0</t>
  </si>
  <si>
    <t>137723879.0</t>
  </si>
  <si>
    <t>10214130.0</t>
  </si>
  <si>
    <t>608837.0</t>
  </si>
  <si>
    <t>673169.0</t>
  </si>
  <si>
    <t>555775.0</t>
  </si>
  <si>
    <t>644530.0</t>
  </si>
  <si>
    <t>585976.0</t>
  </si>
  <si>
    <t>641770.0</t>
  </si>
  <si>
    <t>498782.0</t>
  </si>
  <si>
    <t>224142252.0</t>
  </si>
  <si>
    <t>170105251.0</t>
  </si>
  <si>
    <t>137888354.0</t>
  </si>
  <si>
    <t>10215882.0</t>
  </si>
  <si>
    <t>639012.0</t>
  </si>
  <si>
    <t>411589.0</t>
  </si>
  <si>
    <t>224219837.0</t>
  </si>
  <si>
    <t>170177524.0</t>
  </si>
  <si>
    <t>137947120.0</t>
  </si>
  <si>
    <t>607547.0</t>
  </si>
  <si>
    <t>595928.0</t>
  </si>
  <si>
    <t>407454.0</t>
  </si>
  <si>
    <t>224677169.0</t>
  </si>
  <si>
    <t>138296541.0</t>
  </si>
  <si>
    <t>603902.0</t>
  </si>
  <si>
    <t>591884.0</t>
  </si>
  <si>
    <t>402853.0</t>
  </si>
  <si>
    <t>597122.0</t>
  </si>
  <si>
    <t>586871.0</t>
  </si>
  <si>
    <t>398249.0</t>
  </si>
  <si>
    <t>224777942.0</t>
  </si>
  <si>
    <t>138374143.0</t>
  </si>
  <si>
    <t>581859.0</t>
  </si>
  <si>
    <t>393646.0</t>
  </si>
  <si>
    <t>566526.0</t>
  </si>
  <si>
    <t>583397.0</t>
  </si>
  <si>
    <t>399923.0</t>
  </si>
  <si>
    <t>584930.0</t>
  </si>
  <si>
    <t>406200.0</t>
  </si>
  <si>
    <t>228036412.0</t>
  </si>
  <si>
    <t>172707261.0</t>
  </si>
  <si>
    <t>140876259.0</t>
  </si>
  <si>
    <t>10270292.0</t>
  </si>
  <si>
    <t>586468.0</t>
  </si>
  <si>
    <t>412477.0</t>
  </si>
  <si>
    <t>388850.0</t>
  </si>
  <si>
    <t>555222.0</t>
  </si>
  <si>
    <t>387945.0</t>
  </si>
  <si>
    <t>228084834.0</t>
  </si>
  <si>
    <t>172753284.0</t>
  </si>
  <si>
    <t>140916568.0</t>
  </si>
  <si>
    <t>524503.0</t>
  </si>
  <si>
    <t>228121421.0</t>
  </si>
  <si>
    <t>172788343.0</t>
  </si>
  <si>
    <t>140948383.0</t>
  </si>
  <si>
    <t>419384.0</t>
  </si>
  <si>
    <t>499111.0</t>
  </si>
  <si>
    <t>228259950.0</t>
  </si>
  <si>
    <t>141056338.0</t>
  </si>
  <si>
    <t>388426.0</t>
  </si>
  <si>
    <t>469297.0</t>
  </si>
  <si>
    <t>319863.0</t>
  </si>
  <si>
    <t>377559.0</t>
  </si>
  <si>
    <t>442300.0</t>
  </si>
  <si>
    <t>295719.0</t>
  </si>
  <si>
    <t>415307.0</t>
  </si>
  <si>
    <t>271574.0</t>
  </si>
  <si>
    <t>229513024.0</t>
  </si>
  <si>
    <t>174199600.0</t>
  </si>
  <si>
    <t>141659393.0</t>
  </si>
  <si>
    <t>10632592.0</t>
  </si>
  <si>
    <t>388312.0</t>
  </si>
  <si>
    <t>247431.0</t>
  </si>
  <si>
    <t>357578.0</t>
  </si>
  <si>
    <t>383844.0</t>
  </si>
  <si>
    <t>229550251.0</t>
  </si>
  <si>
    <t>174233392.0</t>
  </si>
  <si>
    <t>141692942.0</t>
  </si>
  <si>
    <t>10633332.0</t>
  </si>
  <si>
    <t>379377.0</t>
  </si>
  <si>
    <t>258835.0</t>
  </si>
  <si>
    <t>357805.0</t>
  </si>
  <si>
    <t>370580.0</t>
  </si>
  <si>
    <t>366205.0</t>
  </si>
  <si>
    <t>268586.0</t>
  </si>
  <si>
    <t>363385.0</t>
  </si>
  <si>
    <t>275597.0</t>
  </si>
  <si>
    <t>360563.0</t>
  </si>
  <si>
    <t>282605.0</t>
  </si>
  <si>
    <t>233512921.0</t>
  </si>
  <si>
    <t>180809911.0</t>
  </si>
  <si>
    <t>144900432.0</t>
  </si>
  <si>
    <t>11667492.0</t>
  </si>
  <si>
    <t>357740.0</t>
  </si>
  <si>
    <t>289614.0</t>
  </si>
  <si>
    <t>407918.0</t>
  </si>
  <si>
    <t>364931.0</t>
  </si>
  <si>
    <t>201220.0</t>
  </si>
  <si>
    <t>233542180.0</t>
  </si>
  <si>
    <t>180836196.0</t>
  </si>
  <si>
    <t>144929620.0</t>
  </si>
  <si>
    <t>233556980.0</t>
  </si>
  <si>
    <t>180849930.0</t>
  </si>
  <si>
    <t>144943588.0</t>
  </si>
  <si>
    <t>429097.0</t>
  </si>
  <si>
    <t>382308.0</t>
  </si>
  <si>
    <t>209291.0</t>
  </si>
  <si>
    <t>419658.0</t>
  </si>
  <si>
    <t>391144.0</t>
  </si>
  <si>
    <t>213205.0</t>
  </si>
  <si>
    <t>399980.0</t>
  </si>
  <si>
    <t>217117.0</t>
  </si>
  <si>
    <t>408817.0</t>
  </si>
  <si>
    <t>221029.0</t>
  </si>
  <si>
    <t>233836761.0</t>
  </si>
  <si>
    <t>181157280.0</t>
  </si>
  <si>
    <t>147377418.0</t>
  </si>
  <si>
    <t>11749969.0</t>
  </si>
  <si>
    <t>417653.0</t>
  </si>
  <si>
    <t>224942.0</t>
  </si>
  <si>
    <t>181243053.0</t>
  </si>
  <si>
    <t>11753055.0</t>
  </si>
  <si>
    <t>1059748.0</t>
  </si>
  <si>
    <t>510770.0</t>
  </si>
  <si>
    <t>219277.0</t>
  </si>
  <si>
    <t>227096.0</t>
  </si>
  <si>
    <t>693983.0</t>
  </si>
  <si>
    <t>231996.0</t>
  </si>
  <si>
    <t>785425.0</t>
  </si>
  <si>
    <t>238132.0</t>
  </si>
  <si>
    <t>876865.0</t>
  </si>
  <si>
    <t>244266.0</t>
  </si>
  <si>
    <t>968307.0</t>
  </si>
  <si>
    <t>250400.0</t>
  </si>
  <si>
    <t>240187344.0</t>
  </si>
  <si>
    <t>183158766.0</t>
  </si>
  <si>
    <t>150782617.0</t>
  </si>
  <si>
    <t>11913071.0</t>
  </si>
  <si>
    <t>256536.0</t>
  </si>
  <si>
    <t>241639153.0</t>
  </si>
  <si>
    <t>183887033.0</t>
  </si>
  <si>
    <t>151304708.0</t>
  </si>
  <si>
    <t>670300.0</t>
  </si>
  <si>
    <t>988082.0</t>
  </si>
  <si>
    <t>228235.0</t>
  </si>
  <si>
    <t>611021.0</t>
  </si>
  <si>
    <t>222837.0</t>
  </si>
  <si>
    <t>865220.0</t>
  </si>
  <si>
    <t>217440.0</t>
  </si>
  <si>
    <t>803787.0</t>
  </si>
  <si>
    <t>742354.0</t>
  </si>
  <si>
    <t>206646.0</t>
  </si>
  <si>
    <t>680923.0</t>
  </si>
  <si>
    <t>242331377.0</t>
  </si>
  <si>
    <t>184445954.0</t>
  </si>
  <si>
    <t>151665434.0</t>
  </si>
  <si>
    <t>11930824.0</t>
  </si>
  <si>
    <t>619489.0</t>
  </si>
  <si>
    <t>195857.0</t>
  </si>
  <si>
    <t>242360367.0</t>
  </si>
  <si>
    <t>184474048.0</t>
  </si>
  <si>
    <t>151693986.0</t>
  </si>
  <si>
    <t>663320.0</t>
  </si>
  <si>
    <t>606277.0</t>
  </si>
  <si>
    <t>668224.0</t>
  </si>
  <si>
    <t>616484.0</t>
  </si>
  <si>
    <t>189874.0</t>
  </si>
  <si>
    <t>626693.0</t>
  </si>
  <si>
    <t>192687.0</t>
  </si>
  <si>
    <t>636899.0</t>
  </si>
  <si>
    <t>195498.0</t>
  </si>
  <si>
    <t>198310.0</t>
  </si>
  <si>
    <t>657315.0</t>
  </si>
  <si>
    <t>253898640.0</t>
  </si>
  <si>
    <t>188016788.0</t>
  </si>
  <si>
    <t>154924642.0</t>
  </si>
  <si>
    <t>667523.0</t>
  </si>
  <si>
    <t>203935.0</t>
  </si>
  <si>
    <t>254423752.0</t>
  </si>
  <si>
    <t>188595665.0</t>
  </si>
  <si>
    <t>155474802.0</t>
  </si>
  <si>
    <t>12360465.0</t>
  </si>
  <si>
    <t>456527.0</t>
  </si>
  <si>
    <t>136307.0</t>
  </si>
  <si>
    <t>419019.0</t>
  </si>
  <si>
    <t>94959.0</t>
  </si>
  <si>
    <t>262044685.0</t>
  </si>
  <si>
    <t>190048282.0</t>
  </si>
  <si>
    <t>157545224.0</t>
  </si>
  <si>
    <t>13998564.0</t>
  </si>
  <si>
    <t>20592.0</t>
  </si>
  <si>
    <t>262207535.0</t>
  </si>
  <si>
    <t>190176462.0</t>
  </si>
  <si>
    <t>157666429.0</t>
  </si>
  <si>
    <t>263176602.0</t>
  </si>
  <si>
    <t>190702130.0</t>
  </si>
  <si>
    <t>158556948.0</t>
  </si>
  <si>
    <t>OWID_LMC</t>
  </si>
  <si>
    <t>Lower middle income</t>
  </si>
  <si>
    <t>204381.0</t>
  </si>
  <si>
    <t>125350.0</t>
  </si>
  <si>
    <t>242948.0</t>
  </si>
  <si>
    <t>164550.0</t>
  </si>
  <si>
    <t>181909.0</t>
  </si>
  <si>
    <t>144849.0</t>
  </si>
  <si>
    <t>174497.0</t>
  </si>
  <si>
    <t>250250.0</t>
  </si>
  <si>
    <t>187122.0</t>
  </si>
  <si>
    <t>1522592.0</t>
  </si>
  <si>
    <t>360258.0</t>
  </si>
  <si>
    <t>211856.0</t>
  </si>
  <si>
    <t>1714201.0</t>
  </si>
  <si>
    <t>200230.0</t>
  </si>
  <si>
    <t>1764746.0</t>
  </si>
  <si>
    <t>210635.0</t>
  </si>
  <si>
    <t>2185768.0</t>
  </si>
  <si>
    <t>421241.0</t>
  </si>
  <si>
    <t>236293.0</t>
  </si>
  <si>
    <t>89616.0</t>
  </si>
  <si>
    <t>215638.0</t>
  </si>
  <si>
    <t>411724.0</t>
  </si>
  <si>
    <t>273178.0</t>
  </si>
  <si>
    <t>254316.0</t>
  </si>
  <si>
    <t>3306206.0</t>
  </si>
  <si>
    <t>3300738.0</t>
  </si>
  <si>
    <t>699279.0</t>
  </si>
  <si>
    <t>347809.0</t>
  </si>
  <si>
    <t>328165.0</t>
  </si>
  <si>
    <t>3925979.0</t>
  </si>
  <si>
    <t>3914692.0</t>
  </si>
  <si>
    <t>728713.0</t>
  </si>
  <si>
    <t>441671.0</t>
  </si>
  <si>
    <t>376197.0</t>
  </si>
  <si>
    <t>4270016.0</t>
  </si>
  <si>
    <t>472472.0</t>
  </si>
  <si>
    <t>477632.0</t>
  </si>
  <si>
    <t>410797.0</t>
  </si>
  <si>
    <t>4465390.0</t>
  </si>
  <si>
    <t>4316842.0</t>
  </si>
  <si>
    <t>154948.0</t>
  </si>
  <si>
    <t>477761.0</t>
  </si>
  <si>
    <t>413678.0</t>
  </si>
  <si>
    <t>4939612.0</t>
  </si>
  <si>
    <t>4704125.0</t>
  </si>
  <si>
    <t>431431.0</t>
  </si>
  <si>
    <t>468058.0</t>
  </si>
  <si>
    <t>394118.0</t>
  </si>
  <si>
    <t>5283711.0</t>
  </si>
  <si>
    <t>4974421.0</t>
  </si>
  <si>
    <t>409136.0</t>
  </si>
  <si>
    <t>495226.0</t>
  </si>
  <si>
    <t>433117.0</t>
  </si>
  <si>
    <t>5737958.0</t>
  </si>
  <si>
    <t>5357939.0</t>
  </si>
  <si>
    <t>524277.0</t>
  </si>
  <si>
    <t>504750.0</t>
  </si>
  <si>
    <t>440433.0</t>
  </si>
  <si>
    <t>6423685.0</t>
  </si>
  <si>
    <t>5975409.0</t>
  </si>
  <si>
    <t>710445.0</t>
  </si>
  <si>
    <t>494362.0</t>
  </si>
  <si>
    <t>428956.0</t>
  </si>
  <si>
    <t>7394832.0</t>
  </si>
  <si>
    <t>6865872.0</t>
  </si>
  <si>
    <t>665109.0</t>
  </si>
  <si>
    <t>484176.0</t>
  </si>
  <si>
    <t>415054.0</t>
  </si>
  <si>
    <t>7861774.0</t>
  </si>
  <si>
    <t>7260601.0</t>
  </si>
  <si>
    <t>507526.0</t>
  </si>
  <si>
    <t>488233.0</t>
  </si>
  <si>
    <t>417016.0</t>
  </si>
  <si>
    <t>7940294.0</t>
  </si>
  <si>
    <t>7337197.0</t>
  </si>
  <si>
    <t>131603.0</t>
  </si>
  <si>
    <t>484116.0</t>
  </si>
  <si>
    <t>412285.0</t>
  </si>
  <si>
    <t>8542671.0</t>
  </si>
  <si>
    <t>7821252.0</t>
  </si>
  <si>
    <t>670890.0</t>
  </si>
  <si>
    <t>517658.0</t>
  </si>
  <si>
    <t>447921.0</t>
  </si>
  <si>
    <t>9199697.0</t>
  </si>
  <si>
    <t>8363063.0</t>
  </si>
  <si>
    <t>620472.0</t>
  </si>
  <si>
    <t>549760.0</t>
  </si>
  <si>
    <t>474002.0</t>
  </si>
  <si>
    <t>10107087.0</t>
  </si>
  <si>
    <t>9081720.0</t>
  </si>
  <si>
    <t>918562.0</t>
  </si>
  <si>
    <t>605191.0</t>
  </si>
  <si>
    <t>10819541.0</t>
  </si>
  <si>
    <t>9618618.0</t>
  </si>
  <si>
    <t>884660.0</t>
  </si>
  <si>
    <t>629635.0</t>
  </si>
  <si>
    <t>521478.0</t>
  </si>
  <si>
    <t>11541226.0</t>
  </si>
  <si>
    <t>10083518.0</t>
  </si>
  <si>
    <t>949248.0</t>
  </si>
  <si>
    <t>669882.0</t>
  </si>
  <si>
    <t>12421858.0</t>
  </si>
  <si>
    <t>10610165.0</t>
  </si>
  <si>
    <t>423154.0</t>
  </si>
  <si>
    <t>682754.0</t>
  </si>
  <si>
    <t>509079.0</t>
  </si>
  <si>
    <t>12612467.0</t>
  </si>
  <si>
    <t>10790634.0</t>
  </si>
  <si>
    <t>433246.0</t>
  </si>
  <si>
    <t>622569.0</t>
  </si>
  <si>
    <t>752674.0</t>
  </si>
  <si>
    <t>554727.0</t>
  </si>
  <si>
    <t>13716829.0</t>
  </si>
  <si>
    <t>11427715.0</t>
  </si>
  <si>
    <t>580743.0</t>
  </si>
  <si>
    <t>747854.0</t>
  </si>
  <si>
    <t>763781.0</t>
  </si>
  <si>
    <t>538626.0</t>
  </si>
  <si>
    <t>14569905.0</t>
  </si>
  <si>
    <t>11908984.0</t>
  </si>
  <si>
    <t>753486.0</t>
  </si>
  <si>
    <t>891736.0</t>
  </si>
  <si>
    <t>802529.0</t>
  </si>
  <si>
    <t>540552.0</t>
  </si>
  <si>
    <t>15442676.0</t>
  </si>
  <si>
    <t>12416287.0</t>
  </si>
  <si>
    <t>939444.0</t>
  </si>
  <si>
    <t>878891.0</t>
  </si>
  <si>
    <t>509634.0</t>
  </si>
  <si>
    <t>16588430.0</t>
  </si>
  <si>
    <t>13256938.0</t>
  </si>
  <si>
    <t>1088764.0</t>
  </si>
  <si>
    <t>1189885.0</t>
  </si>
  <si>
    <t>841419.0</t>
  </si>
  <si>
    <t>535760.0</t>
  </si>
  <si>
    <t>17434925.0</t>
  </si>
  <si>
    <t>16035955.0</t>
  </si>
  <si>
    <t>1385641.0</t>
  </si>
  <si>
    <t>1017776.0</t>
  </si>
  <si>
    <t>851171.0</t>
  </si>
  <si>
    <t>518966.0</t>
  </si>
  <si>
    <t>18608662.0</t>
  </si>
  <si>
    <t>16975271.0</t>
  </si>
  <si>
    <t>1620062.0</t>
  </si>
  <si>
    <t>796177.0</t>
  </si>
  <si>
    <t>878831.0</t>
  </si>
  <si>
    <t>643528.0</t>
  </si>
  <si>
    <t>18919287.0</t>
  </si>
  <si>
    <t>17199194.0</t>
  </si>
  <si>
    <t>1706764.0</t>
  </si>
  <si>
    <t>584259.0</t>
  </si>
  <si>
    <t>873127.0</t>
  </si>
  <si>
    <t>625246.0</t>
  </si>
  <si>
    <t>19633708.0</t>
  </si>
  <si>
    <t>17743624.0</t>
  </si>
  <si>
    <t>1872053.0</t>
  </si>
  <si>
    <t>671116.0</t>
  </si>
  <si>
    <t>862033.0</t>
  </si>
  <si>
    <t>611467.0</t>
  </si>
  <si>
    <t>20521309.0</t>
  </si>
  <si>
    <t>18355871.0</t>
  </si>
  <si>
    <t>2143863.0</t>
  </si>
  <si>
    <t>920713.0</t>
  </si>
  <si>
    <t>866957.0</t>
  </si>
  <si>
    <t>626779.0</t>
  </si>
  <si>
    <t>21621373.0</t>
  </si>
  <si>
    <t>19248568.0</t>
  </si>
  <si>
    <t>2347412.0</t>
  </si>
  <si>
    <t>1203144.0</t>
  </si>
  <si>
    <t>914214.0</t>
  </si>
  <si>
    <t>697885.0</t>
  </si>
  <si>
    <t>22924849.0</t>
  </si>
  <si>
    <t>20129827.0</t>
  </si>
  <si>
    <t>2765202.0</t>
  </si>
  <si>
    <t>1400185.0</t>
  </si>
  <si>
    <t>945751.0</t>
  </si>
  <si>
    <t>699568.0</t>
  </si>
  <si>
    <t>24005599.0</t>
  </si>
  <si>
    <t>20796980.0</t>
  </si>
  <si>
    <t>3173628.0</t>
  </si>
  <si>
    <t>1246084.0</t>
  </si>
  <si>
    <t>978405.0</t>
  </si>
  <si>
    <t>723446.0</t>
  </si>
  <si>
    <t>25003388.0</t>
  </si>
  <si>
    <t>21362034.0</t>
  </si>
  <si>
    <t>3606363.0</t>
  </si>
  <si>
    <t>1010416.0</t>
  </si>
  <si>
    <t>719088.0</t>
  </si>
  <si>
    <t>25322602.0</t>
  </si>
  <si>
    <t>21656394.0</t>
  </si>
  <si>
    <t>3625615.0</t>
  </si>
  <si>
    <t>522416.0</t>
  </si>
  <si>
    <t>1000399.0</t>
  </si>
  <si>
    <t>716677.0</t>
  </si>
  <si>
    <t>26158116.0</t>
  </si>
  <si>
    <t>22273105.0</t>
  </si>
  <si>
    <t>3839152.0</t>
  </si>
  <si>
    <t>1124024.0</t>
  </si>
  <si>
    <t>1065015.0</t>
  </si>
  <si>
    <t>776698.0</t>
  </si>
  <si>
    <t>27752902.0</t>
  </si>
  <si>
    <t>23627115.0</t>
  </si>
  <si>
    <t>4078162.0</t>
  </si>
  <si>
    <t>1424946.0</t>
  </si>
  <si>
    <t>1164323.0</t>
  </si>
  <si>
    <t>879619.0</t>
  </si>
  <si>
    <t>29351404.0</t>
  </si>
  <si>
    <t>24939938.0</t>
  </si>
  <si>
    <t>4356881.0</t>
  </si>
  <si>
    <t>1867674.0</t>
  </si>
  <si>
    <t>1254762.0</t>
  </si>
  <si>
    <t>31200569.0</t>
  </si>
  <si>
    <t>26400870.0</t>
  </si>
  <si>
    <t>4742225.0</t>
  </si>
  <si>
    <t>1938697.0</t>
  </si>
  <si>
    <t>1326995.0</t>
  </si>
  <si>
    <t>1034822.0</t>
  </si>
  <si>
    <t>33060738.0</t>
  </si>
  <si>
    <t>27861483.0</t>
  </si>
  <si>
    <t>5138717.0</t>
  </si>
  <si>
    <t>1977349.0</t>
  </si>
  <si>
    <t>1428037.0</t>
  </si>
  <si>
    <t>1138938.0</t>
  </si>
  <si>
    <t>34708278.0</t>
  </si>
  <si>
    <t>29174250.0</t>
  </si>
  <si>
    <t>5473288.0</t>
  </si>
  <si>
    <t>2015056.0</t>
  </si>
  <si>
    <t>1563540.0</t>
  </si>
  <si>
    <t>1287520.0</t>
  </si>
  <si>
    <t>35389551.0</t>
  </si>
  <si>
    <t>29827035.0</t>
  </si>
  <si>
    <t>5501186.0</t>
  </si>
  <si>
    <t>561354.0</t>
  </si>
  <si>
    <t>1563751.0</t>
  </si>
  <si>
    <t>1288106.0</t>
  </si>
  <si>
    <t>37789509.0</t>
  </si>
  <si>
    <t>31842123.0</t>
  </si>
  <si>
    <t>5883379.0</t>
  </si>
  <si>
    <t>2702118.0</t>
  </si>
  <si>
    <t>1784805.0</t>
  </si>
  <si>
    <t>1483518.0</t>
  </si>
  <si>
    <t>39699422.0</t>
  </si>
  <si>
    <t>33376353.0</t>
  </si>
  <si>
    <t>6258095.0</t>
  </si>
  <si>
    <t>2165090.0</t>
  </si>
  <si>
    <t>1890202.0</t>
  </si>
  <si>
    <t>1559287.0</t>
  </si>
  <si>
    <t>42250173.0</t>
  </si>
  <si>
    <t>35420857.0</t>
  </si>
  <si>
    <t>6829316.0</t>
  </si>
  <si>
    <t>2163766.0</t>
  </si>
  <si>
    <t>1932652.0</t>
  </si>
  <si>
    <t>1571780.0</t>
  </si>
  <si>
    <t>43332574.0</t>
  </si>
  <si>
    <t>36263264.0</t>
  </si>
  <si>
    <t>7069310.0</t>
  </si>
  <si>
    <t>1151959.0</t>
  </si>
  <si>
    <t>1819988.0</t>
  </si>
  <si>
    <t>1482659.0</t>
  </si>
  <si>
    <t>45860116.0</t>
  </si>
  <si>
    <t>38072648.0</t>
  </si>
  <si>
    <t>7787468.0</t>
  </si>
  <si>
    <t>2759171.0</t>
  </si>
  <si>
    <t>1931748.0</t>
  </si>
  <si>
    <t>1547595.0</t>
  </si>
  <si>
    <t>48197446.0</t>
  </si>
  <si>
    <t>39755652.0</t>
  </si>
  <si>
    <t>8441794.0</t>
  </si>
  <si>
    <t>2429932.0</t>
  </si>
  <si>
    <t>1562551.0</t>
  </si>
  <si>
    <t>48917935.0</t>
  </si>
  <si>
    <t>40445067.0</t>
  </si>
  <si>
    <t>8472868.0</t>
  </si>
  <si>
    <t>601381.0</t>
  </si>
  <si>
    <t>1997059.0</t>
  </si>
  <si>
    <t>1549923.0</t>
  </si>
  <si>
    <t>52632002.0</t>
  </si>
  <si>
    <t>43330762.0</t>
  </si>
  <si>
    <t>9301240.0</t>
  </si>
  <si>
    <t>3761844.0</t>
  </si>
  <si>
    <t>2148138.0</t>
  </si>
  <si>
    <t>1660045.0</t>
  </si>
  <si>
    <t>55672848.0</t>
  </si>
  <si>
    <t>45678430.0</t>
  </si>
  <si>
    <t>9994418.0</t>
  </si>
  <si>
    <t>3117663.0</t>
  </si>
  <si>
    <t>2284546.0</t>
  </si>
  <si>
    <t>1757131.0</t>
  </si>
  <si>
    <t>58527722.0</t>
  </si>
  <si>
    <t>47855842.0</t>
  </si>
  <si>
    <t>10671880.0</t>
  </si>
  <si>
    <t>3018108.0</t>
  </si>
  <si>
    <t>2406396.0</t>
  </si>
  <si>
    <t>1852734.0</t>
  </si>
  <si>
    <t>61279476.0</t>
  </si>
  <si>
    <t>50157176.0</t>
  </si>
  <si>
    <t>11122300.0</t>
  </si>
  <si>
    <t>2656106.0</t>
  </si>
  <si>
    <t>2052289.0</t>
  </si>
  <si>
    <t>65922592.0</t>
  </si>
  <si>
    <t>54096445.0</t>
  </si>
  <si>
    <t>11826147.0</t>
  </si>
  <si>
    <t>3414516.0</t>
  </si>
  <si>
    <t>2749333.0</t>
  </si>
  <si>
    <t>2166574.0</t>
  </si>
  <si>
    <t>69049887.0</t>
  </si>
  <si>
    <t>56730846.0</t>
  </si>
  <si>
    <t>12319041.0</t>
  </si>
  <si>
    <t>3210680.0</t>
  </si>
  <si>
    <t>2860251.0</t>
  </si>
  <si>
    <t>2298614.0</t>
  </si>
  <si>
    <t>70042868.0</t>
  </si>
  <si>
    <t>57621509.0</t>
  </si>
  <si>
    <t>12421359.0</t>
  </si>
  <si>
    <t>1323686.0</t>
  </si>
  <si>
    <t>2962822.0</t>
  </si>
  <si>
    <t>2403523.0</t>
  </si>
  <si>
    <t>73836831.0</t>
  </si>
  <si>
    <t>60918132.0</t>
  </si>
  <si>
    <t>12918699.0</t>
  </si>
  <si>
    <t>3886624.0</t>
  </si>
  <si>
    <t>2980029.0</t>
  </si>
  <si>
    <t>2450879.0</t>
  </si>
  <si>
    <t>76867298.0</t>
  </si>
  <si>
    <t>63416799.0</t>
  </si>
  <si>
    <t>13450499.0</t>
  </si>
  <si>
    <t>3157041.0</t>
  </si>
  <si>
    <t>2985115.0</t>
  </si>
  <si>
    <t>2476832.0</t>
  </si>
  <si>
    <t>80619248.0</t>
  </si>
  <si>
    <t>66481430.0</t>
  </si>
  <si>
    <t>14137818.0</t>
  </si>
  <si>
    <t>3451265.0</t>
  </si>
  <si>
    <t>3046564.0</t>
  </si>
  <si>
    <t>2534686.0</t>
  </si>
  <si>
    <t>84029650.0</t>
  </si>
  <si>
    <t>69196079.0</t>
  </si>
  <si>
    <t>14833571.0</t>
  </si>
  <si>
    <t>3650536.0</t>
  </si>
  <si>
    <t>3156423.0</t>
  </si>
  <si>
    <t>2626314.0</t>
  </si>
  <si>
    <t>87716371.0</t>
  </si>
  <si>
    <t>72300387.0</t>
  </si>
  <si>
    <t>15415984.0</t>
  </si>
  <si>
    <t>3950664.0</t>
  </si>
  <si>
    <t>3232999.0</t>
  </si>
  <si>
    <t>2699028.0</t>
  </si>
  <si>
    <t>90992238.0</t>
  </si>
  <si>
    <t>75031163.0</t>
  </si>
  <si>
    <t>15765378.0</t>
  </si>
  <si>
    <t>2995631.0</t>
  </si>
  <si>
    <t>3276126.0</t>
  </si>
  <si>
    <t>2762645.0</t>
  </si>
  <si>
    <t>91722896.0</t>
  </si>
  <si>
    <t>75694918.0</t>
  </si>
  <si>
    <t>15832281.0</t>
  </si>
  <si>
    <t>812729.0</t>
  </si>
  <si>
    <t>3194864.0</t>
  </si>
  <si>
    <t>2686595.0</t>
  </si>
  <si>
    <t>93038179.0</t>
  </si>
  <si>
    <t>76769142.0</t>
  </si>
  <si>
    <t>16073340.0</t>
  </si>
  <si>
    <t>1301883.0</t>
  </si>
  <si>
    <t>2812498.0</t>
  </si>
  <si>
    <t>2345269.0</t>
  </si>
  <si>
    <t>95960561.0</t>
  </si>
  <si>
    <t>79201335.0</t>
  </si>
  <si>
    <t>16563529.0</t>
  </si>
  <si>
    <t>3025334.0</t>
  </si>
  <si>
    <t>2777825.0</t>
  </si>
  <si>
    <t>100339632.0</t>
  </si>
  <si>
    <t>82929661.0</t>
  </si>
  <si>
    <t>17214274.0</t>
  </si>
  <si>
    <t>3175011.0</t>
  </si>
  <si>
    <t>2731645.0</t>
  </si>
  <si>
    <t>2285956.0</t>
  </si>
  <si>
    <t>104832848.0</t>
  </si>
  <si>
    <t>86868240.0</t>
  </si>
  <si>
    <t>17768911.0</t>
  </si>
  <si>
    <t>4671206.0</t>
  </si>
  <si>
    <t>2869358.0</t>
  </si>
  <si>
    <t>2444069.0</t>
  </si>
  <si>
    <t>109434706.0</t>
  </si>
  <si>
    <t>91038046.0</t>
  </si>
  <si>
    <t>18200963.0</t>
  </si>
  <si>
    <t>4816189.0</t>
  </si>
  <si>
    <t>2980092.0</t>
  </si>
  <si>
    <t>2576531.0</t>
  </si>
  <si>
    <t>112832602.0</t>
  </si>
  <si>
    <t>94086373.0</t>
  </si>
  <si>
    <t>18608283.0</t>
  </si>
  <si>
    <t>3539608.0</t>
  </si>
  <si>
    <t>3055627.0</t>
  </si>
  <si>
    <t>2644093.0</t>
  </si>
  <si>
    <t>116288588.0</t>
  </si>
  <si>
    <t>97290250.0</t>
  </si>
  <si>
    <t>18860392.0</t>
  </si>
  <si>
    <t>3720617.0</t>
  </si>
  <si>
    <t>3468922.0</t>
  </si>
  <si>
    <t>3033522.0</t>
  </si>
  <si>
    <t>121198349.0</t>
  </si>
  <si>
    <t>101441424.0</t>
  </si>
  <si>
    <t>19561228.0</t>
  </si>
  <si>
    <t>4875844.0</t>
  </si>
  <si>
    <t>3977696.0</t>
  </si>
  <si>
    <t>3474009.0</t>
  </si>
  <si>
    <t>126173967.0</t>
  </si>
  <si>
    <t>105865891.0</t>
  </si>
  <si>
    <t>20112379.0</t>
  </si>
  <si>
    <t>4882345.0</t>
  </si>
  <si>
    <t>4240953.0</t>
  </si>
  <si>
    <t>3725801.0</t>
  </si>
  <si>
    <t>130307787.0</t>
  </si>
  <si>
    <t>109472503.0</t>
  </si>
  <si>
    <t>20639587.0</t>
  </si>
  <si>
    <t>4179959.0</t>
  </si>
  <si>
    <t>4383682.0</t>
  </si>
  <si>
    <t>3877275.0</t>
  </si>
  <si>
    <t>135424860.0</t>
  </si>
  <si>
    <t>113898852.0</t>
  </si>
  <si>
    <t>21329103.0</t>
  </si>
  <si>
    <t>5151416.0</t>
  </si>
  <si>
    <t>4452283.0</t>
  </si>
  <si>
    <t>3924956.0</t>
  </si>
  <si>
    <t>140268313.0</t>
  </si>
  <si>
    <t>117990972.0</t>
  </si>
  <si>
    <t>22081644.0</t>
  </si>
  <si>
    <t>5150730.0</t>
  </si>
  <si>
    <t>3915918.0</t>
  </si>
  <si>
    <t>144402578.0</t>
  </si>
  <si>
    <t>121452046.0</t>
  </si>
  <si>
    <t>22765578.0</t>
  </si>
  <si>
    <t>4327587.0</t>
  </si>
  <si>
    <t>4612643.0</t>
  </si>
  <si>
    <t>3997794.0</t>
  </si>
  <si>
    <t>148214499.0</t>
  </si>
  <si>
    <t>124725073.0</t>
  </si>
  <si>
    <t>23311503.0</t>
  </si>
  <si>
    <t>3652803.0</t>
  </si>
  <si>
    <t>4602955.0</t>
  </si>
  <si>
    <t>3960148.0</t>
  </si>
  <si>
    <t>153132780.0</t>
  </si>
  <si>
    <t>128650606.0</t>
  </si>
  <si>
    <t>24240092.0</t>
  </si>
  <si>
    <t>5161688.0</t>
  </si>
  <si>
    <t>4644135.0</t>
  </si>
  <si>
    <t>3959564.0</t>
  </si>
  <si>
    <t>156515562.0</t>
  </si>
  <si>
    <t>131559858.0</t>
  </si>
  <si>
    <t>24788043.0</t>
  </si>
  <si>
    <t>3561091.0</t>
  </si>
  <si>
    <t>4455407.0</t>
  </si>
  <si>
    <t>3753729.0</t>
  </si>
  <si>
    <t>160982666.0</t>
  </si>
  <si>
    <t>135437967.0</t>
  </si>
  <si>
    <t>25516095.0</t>
  </si>
  <si>
    <t>4231278.0</t>
  </si>
  <si>
    <t>4462683.0</t>
  </si>
  <si>
    <t>3731101.0</t>
  </si>
  <si>
    <t>164768632.0</t>
  </si>
  <si>
    <t>138072451.0</t>
  </si>
  <si>
    <t>26670925.0</t>
  </si>
  <si>
    <t>3731471.0</t>
  </si>
  <si>
    <t>4261754.0</t>
  </si>
  <si>
    <t>3502822.0</t>
  </si>
  <si>
    <t>167998918.0</t>
  </si>
  <si>
    <t>140508774.0</t>
  </si>
  <si>
    <t>27467184.0</t>
  </si>
  <si>
    <t>3637872.0</t>
  </si>
  <si>
    <t>4045223.0</t>
  </si>
  <si>
    <t>3267675.0</t>
  </si>
  <si>
    <t>171182268.0</t>
  </si>
  <si>
    <t>142975403.0</t>
  </si>
  <si>
    <t>28241973.0</t>
  </si>
  <si>
    <t>3924006.0</t>
  </si>
  <si>
    <t>3105363.0</t>
  </si>
  <si>
    <t>173541994.0</t>
  </si>
  <si>
    <t>144555837.0</t>
  </si>
  <si>
    <t>29021265.0</t>
  </si>
  <si>
    <t>1806307.0</t>
  </si>
  <si>
    <t>3660027.0</t>
  </si>
  <si>
    <t>2841706.0</t>
  </si>
  <si>
    <t>177618676.0</t>
  </si>
  <si>
    <t>147291658.0</t>
  </si>
  <si>
    <t>30286783.0</t>
  </si>
  <si>
    <t>4241771.0</t>
  </si>
  <si>
    <t>3528242.0</t>
  </si>
  <si>
    <t>2644903.0</t>
  </si>
  <si>
    <t>178790912.0</t>
  </si>
  <si>
    <t>147937505.0</t>
  </si>
  <si>
    <t>30770791.0</t>
  </si>
  <si>
    <t>2299417.0</t>
  </si>
  <si>
    <t>3347631.0</t>
  </si>
  <si>
    <t>2466060.0</t>
  </si>
  <si>
    <t>182041595.0</t>
  </si>
  <si>
    <t>150387646.0</t>
  </si>
  <si>
    <t>31571333.0</t>
  </si>
  <si>
    <t>2292872.0</t>
  </si>
  <si>
    <t>3070351.0</t>
  </si>
  <si>
    <t>2198132.0</t>
  </si>
  <si>
    <t>186218433.0</t>
  </si>
  <si>
    <t>152814551.0</t>
  </si>
  <si>
    <t>33349615.0</t>
  </si>
  <si>
    <t>4125785.0</t>
  </si>
  <si>
    <t>3127882.0</t>
  </si>
  <si>
    <t>2152829.0</t>
  </si>
  <si>
    <t>187739669.0</t>
  </si>
  <si>
    <t>153731474.0</t>
  </si>
  <si>
    <t>33890080.0</t>
  </si>
  <si>
    <t>3283270.0</t>
  </si>
  <si>
    <t>3076980.0</t>
  </si>
  <si>
    <t>2064303.0</t>
  </si>
  <si>
    <t>188494249.0</t>
  </si>
  <si>
    <t>154223938.0</t>
  </si>
  <si>
    <t>34281623.0</t>
  </si>
  <si>
    <t>3040800.0</t>
  </si>
  <si>
    <t>3013711.0</t>
  </si>
  <si>
    <t>1972842.0</t>
  </si>
  <si>
    <t>195406334.0</t>
  </si>
  <si>
    <t>158663221.0</t>
  </si>
  <si>
    <t>36772569.0</t>
  </si>
  <si>
    <t>2918494.0</t>
  </si>
  <si>
    <t>3172390.0</t>
  </si>
  <si>
    <t>2037047.0</t>
  </si>
  <si>
    <t>199435936.0</t>
  </si>
  <si>
    <t>161088884.0</t>
  </si>
  <si>
    <t>38405654.0</t>
  </si>
  <si>
    <t>4353277.0</t>
  </si>
  <si>
    <t>2003790.0</t>
  </si>
  <si>
    <t>203057637.0</t>
  </si>
  <si>
    <t>163025636.0</t>
  </si>
  <si>
    <t>40032001.0</t>
  </si>
  <si>
    <t>3619943.0</t>
  </si>
  <si>
    <t>3376553.0</t>
  </si>
  <si>
    <t>2073665.0</t>
  </si>
  <si>
    <t>207567834.0</t>
  </si>
  <si>
    <t>166129807.0</t>
  </si>
  <si>
    <t>41398262.0</t>
  </si>
  <si>
    <t>3712194.0</t>
  </si>
  <si>
    <t>3579109.0</t>
  </si>
  <si>
    <t>2165240.0</t>
  </si>
  <si>
    <t>210839024.0</t>
  </si>
  <si>
    <t>168005000.0</t>
  </si>
  <si>
    <t>42834024.0</t>
  </si>
  <si>
    <t>3663965.0</t>
  </si>
  <si>
    <t>3513132.0</t>
  </si>
  <si>
    <t>2103913.0</t>
  </si>
  <si>
    <t>214219939.0</t>
  </si>
  <si>
    <t>170008481.0</t>
  </si>
  <si>
    <t>44211458.0</t>
  </si>
  <si>
    <t>3820982.0</t>
  </si>
  <si>
    <t>3589948.0</t>
  </si>
  <si>
    <t>2124224.0</t>
  </si>
  <si>
    <t>216239763.0</t>
  </si>
  <si>
    <t>171188430.0</t>
  </si>
  <si>
    <t>45052913.0</t>
  </si>
  <si>
    <t>2571399.0</t>
  </si>
  <si>
    <t>3522891.0</t>
  </si>
  <si>
    <t>2053615.0</t>
  </si>
  <si>
    <t>217218623.0</t>
  </si>
  <si>
    <t>171743866.0</t>
  </si>
  <si>
    <t>45497149.0</t>
  </si>
  <si>
    <t>1496669.0</t>
  </si>
  <si>
    <t>3319775.0</t>
  </si>
  <si>
    <t>219849329.0</t>
  </si>
  <si>
    <t>173131445.0</t>
  </si>
  <si>
    <t>46747091.0</t>
  </si>
  <si>
    <t>3074843.0</t>
  </si>
  <si>
    <t>3137142.0</t>
  </si>
  <si>
    <t>1780144.0</t>
  </si>
  <si>
    <t>224394453.0</t>
  </si>
  <si>
    <t>175115907.0</t>
  </si>
  <si>
    <t>48486360.0</t>
  </si>
  <si>
    <t>3139832.0</t>
  </si>
  <si>
    <t>3068554.0</t>
  </si>
  <si>
    <t>1731646.0</t>
  </si>
  <si>
    <t>227972645.0</t>
  </si>
  <si>
    <t>176973012.0</t>
  </si>
  <si>
    <t>50115612.0</t>
  </si>
  <si>
    <t>3692047.0</t>
  </si>
  <si>
    <t>3066232.0</t>
  </si>
  <si>
    <t>1699917.0</t>
  </si>
  <si>
    <t>231731271.0</t>
  </si>
  <si>
    <t>178878910.0</t>
  </si>
  <si>
    <t>51870029.0</t>
  </si>
  <si>
    <t>4241264.0</t>
  </si>
  <si>
    <t>3148613.0</t>
  </si>
  <si>
    <t>1725036.0</t>
  </si>
  <si>
    <t>236273127.0</t>
  </si>
  <si>
    <t>181387756.0</t>
  </si>
  <si>
    <t>53957169.0</t>
  </si>
  <si>
    <t>4223983.0</t>
  </si>
  <si>
    <t>3206089.0</t>
  </si>
  <si>
    <t>1756023.0</t>
  </si>
  <si>
    <t>239329321.0</t>
  </si>
  <si>
    <t>182942262.0</t>
  </si>
  <si>
    <t>55489535.0</t>
  </si>
  <si>
    <t>3458617.0</t>
  </si>
  <si>
    <t>3333295.0</t>
  </si>
  <si>
    <t>1815070.0</t>
  </si>
  <si>
    <t>241213980.0</t>
  </si>
  <si>
    <t>184088553.0</t>
  </si>
  <si>
    <t>56246781.0</t>
  </si>
  <si>
    <t>1794553.0</t>
  </si>
  <si>
    <t>3375666.0</t>
  </si>
  <si>
    <t>1853237.0</t>
  </si>
  <si>
    <t>246259044.0</t>
  </si>
  <si>
    <t>186958479.0</t>
  </si>
  <si>
    <t>58048727.0</t>
  </si>
  <si>
    <t>3935508.0</t>
  </si>
  <si>
    <t>3498359.0</t>
  </si>
  <si>
    <t>1927636.0</t>
  </si>
  <si>
    <t>250438977.0</t>
  </si>
  <si>
    <t>189726706.0</t>
  </si>
  <si>
    <t>60775929.0</t>
  </si>
  <si>
    <t>3959924.0</t>
  </si>
  <si>
    <t>3615325.0</t>
  </si>
  <si>
    <t>1983651.0</t>
  </si>
  <si>
    <t>253622785.0</t>
  </si>
  <si>
    <t>191648339.0</t>
  </si>
  <si>
    <t>61988528.0</t>
  </si>
  <si>
    <t>3271325.0</t>
  </si>
  <si>
    <t>3555144.0</t>
  </si>
  <si>
    <t>1979990.0</t>
  </si>
  <si>
    <t>257176235.0</t>
  </si>
  <si>
    <t>193480789.0</t>
  </si>
  <si>
    <t>63519765.0</t>
  </si>
  <si>
    <t>3152014.0</t>
  </si>
  <si>
    <t>3399688.0</t>
  </si>
  <si>
    <t>1928234.0</t>
  </si>
  <si>
    <t>259048601.0</t>
  </si>
  <si>
    <t>194840269.0</t>
  </si>
  <si>
    <t>64267332.0</t>
  </si>
  <si>
    <t>2097044.0</t>
  </si>
  <si>
    <t>3095749.0</t>
  </si>
  <si>
    <t>1781428.0</t>
  </si>
  <si>
    <t>261598300.0</t>
  </si>
  <si>
    <t>196570193.0</t>
  </si>
  <si>
    <t>65087107.0</t>
  </si>
  <si>
    <t>2912346.0</t>
  </si>
  <si>
    <t>3017674.0</t>
  </si>
  <si>
    <t>1803687.0</t>
  </si>
  <si>
    <t>262766397.0</t>
  </si>
  <si>
    <t>197478987.0</t>
  </si>
  <si>
    <t>65346410.0</t>
  </si>
  <si>
    <t>1622771.0</t>
  </si>
  <si>
    <t>2993097.0</t>
  </si>
  <si>
    <t>1823213.0</t>
  </si>
  <si>
    <t>265810015.0</t>
  </si>
  <si>
    <t>199898546.0</t>
  </si>
  <si>
    <t>65970469.0</t>
  </si>
  <si>
    <t>2779684.0</t>
  </si>
  <si>
    <t>2827945.0</t>
  </si>
  <si>
    <t>1825049.0</t>
  </si>
  <si>
    <t>268993961.0</t>
  </si>
  <si>
    <t>202166697.0</t>
  </si>
  <si>
    <t>66875287.0</t>
  </si>
  <si>
    <t>3092832.0</t>
  </si>
  <si>
    <t>2704038.0</t>
  </si>
  <si>
    <t>1846948.0</t>
  </si>
  <si>
    <t>271280791.0</t>
  </si>
  <si>
    <t>203917441.0</t>
  </si>
  <si>
    <t>67411373.0</t>
  </si>
  <si>
    <t>2657734.0</t>
  </si>
  <si>
    <t>1881630.0</t>
  </si>
  <si>
    <t>275339881.0</t>
  </si>
  <si>
    <t>206638500.0</t>
  </si>
  <si>
    <t>68329359.0</t>
  </si>
  <si>
    <t>3388321.0</t>
  </si>
  <si>
    <t>2691495.0</t>
  </si>
  <si>
    <t>1971813.0</t>
  </si>
  <si>
    <t>277164482.0</t>
  </si>
  <si>
    <t>208061265.0</t>
  </si>
  <si>
    <t>69154348.0</t>
  </si>
  <si>
    <t>2870594.0</t>
  </si>
  <si>
    <t>2132451.0</t>
  </si>
  <si>
    <t>281657669.0</t>
  </si>
  <si>
    <t>211759470.0</t>
  </si>
  <si>
    <t>69949549.0</t>
  </si>
  <si>
    <t>2912853.0</t>
  </si>
  <si>
    <t>2870668.0</t>
  </si>
  <si>
    <t>2173196.0</t>
  </si>
  <si>
    <t>283197733.0</t>
  </si>
  <si>
    <t>212863272.0</t>
  </si>
  <si>
    <t>70313331.0</t>
  </si>
  <si>
    <t>1914440.0</t>
  </si>
  <si>
    <t>2912334.0</t>
  </si>
  <si>
    <t>2207006.0</t>
  </si>
  <si>
    <t>287835191.0</t>
  </si>
  <si>
    <t>216807922.0</t>
  </si>
  <si>
    <t>71088513.0</t>
  </si>
  <si>
    <t>3607681.0</t>
  </si>
  <si>
    <t>3030620.0</t>
  </si>
  <si>
    <t>2326132.0</t>
  </si>
  <si>
    <t>291011446.0</t>
  </si>
  <si>
    <t>219138331.0</t>
  </si>
  <si>
    <t>71889379.0</t>
  </si>
  <si>
    <t>3591149.0</t>
  </si>
  <si>
    <t>3101811.0</t>
  </si>
  <si>
    <t>2367386.0</t>
  </si>
  <si>
    <t>294966389.0</t>
  </si>
  <si>
    <t>222258097.0</t>
  </si>
  <si>
    <t>72553524.0</t>
  </si>
  <si>
    <t>4673057.0</t>
  </si>
  <si>
    <t>3348325.0</t>
  </si>
  <si>
    <t>2578350.0</t>
  </si>
  <si>
    <t>299494997.0</t>
  </si>
  <si>
    <t>225756537.0</t>
  </si>
  <si>
    <t>73391921.0</t>
  </si>
  <si>
    <t>4602813.0</t>
  </si>
  <si>
    <t>3521824.0</t>
  </si>
  <si>
    <t>2731549.0</t>
  </si>
  <si>
    <t>302395991.0</t>
  </si>
  <si>
    <t>228153260.0</t>
  </si>
  <si>
    <t>73924431.0</t>
  </si>
  <si>
    <t>3867630.0</t>
  </si>
  <si>
    <t>3595659.0</t>
  </si>
  <si>
    <t>2797105.0</t>
  </si>
  <si>
    <t>307337724.0</t>
  </si>
  <si>
    <t>232485880.0</t>
  </si>
  <si>
    <t>74533544.0</t>
  </si>
  <si>
    <t>5494731.0</t>
  </si>
  <si>
    <t>3964501.0</t>
  </si>
  <si>
    <t>3119397.0</t>
  </si>
  <si>
    <t>309639724.0</t>
  </si>
  <si>
    <t>234650242.0</t>
  </si>
  <si>
    <t>75038165.0</t>
  </si>
  <si>
    <t>2912927.0</t>
  </si>
  <si>
    <t>4107142.0</t>
  </si>
  <si>
    <t>3226506.0</t>
  </si>
  <si>
    <t>313769070.0</t>
  </si>
  <si>
    <t>237256439.0</t>
  </si>
  <si>
    <t>76494005.0</t>
  </si>
  <si>
    <t>3293666.0</t>
  </si>
  <si>
    <t>4062282.0</t>
  </si>
  <si>
    <t>3162055.0</t>
  </si>
  <si>
    <t>319614383.0</t>
  </si>
  <si>
    <t>241218016.0</t>
  </si>
  <si>
    <t>77697478.0</t>
  </si>
  <si>
    <t>4342369.0</t>
  </si>
  <si>
    <t>4169599.0</t>
  </si>
  <si>
    <t>3273600.0</t>
  </si>
  <si>
    <t>323606824.0</t>
  </si>
  <si>
    <t>244562854.0</t>
  </si>
  <si>
    <t>78670407.0</t>
  </si>
  <si>
    <t>4114330.0</t>
  </si>
  <si>
    <t>3216970.0</t>
  </si>
  <si>
    <t>327673132.0</t>
  </si>
  <si>
    <t>247892945.0</t>
  </si>
  <si>
    <t>79412565.0</t>
  </si>
  <si>
    <t>4119133.0</t>
  </si>
  <si>
    <t>3230887.0</t>
  </si>
  <si>
    <t>334038030.0</t>
  </si>
  <si>
    <t>253407531.0</t>
  </si>
  <si>
    <t>80260696.0</t>
  </si>
  <si>
    <t>6738510.0</t>
  </si>
  <si>
    <t>4529207.0</t>
  </si>
  <si>
    <t>3657958.0</t>
  </si>
  <si>
    <t>337626060.0</t>
  </si>
  <si>
    <t>256405410.0</t>
  </si>
  <si>
    <t>81120060.0</t>
  </si>
  <si>
    <t>3255309.0</t>
  </si>
  <si>
    <t>4209244.0</t>
  </si>
  <si>
    <t>3409330.0</t>
  </si>
  <si>
    <t>340477883.0</t>
  </si>
  <si>
    <t>258982685.0</t>
  </si>
  <si>
    <t>81400608.0</t>
  </si>
  <si>
    <t>3666950.0</t>
  </si>
  <si>
    <t>4316917.0</t>
  </si>
  <si>
    <t>3523492.0</t>
  </si>
  <si>
    <t>344114568.0</t>
  </si>
  <si>
    <t>261812843.0</t>
  </si>
  <si>
    <t>82207135.0</t>
  </si>
  <si>
    <t>4012226.0</t>
  </si>
  <si>
    <t>4419518.0</t>
  </si>
  <si>
    <t>3621873.0</t>
  </si>
  <si>
    <t>350650171.0</t>
  </si>
  <si>
    <t>266928935.0</t>
  </si>
  <si>
    <t>83627782.0</t>
  </si>
  <si>
    <t>5535785.0</t>
  </si>
  <si>
    <t>4589961.0</t>
  </si>
  <si>
    <t>3752151.0</t>
  </si>
  <si>
    <t>357137717.0</t>
  </si>
  <si>
    <t>271977240.0</t>
  </si>
  <si>
    <t>84929320.0</t>
  </si>
  <si>
    <t>5162727.0</t>
  </si>
  <si>
    <t>4715463.0</t>
  </si>
  <si>
    <t>3861536.0</t>
  </si>
  <si>
    <t>362090911.0</t>
  </si>
  <si>
    <t>275951337.0</t>
  </si>
  <si>
    <t>85765052.0</t>
  </si>
  <si>
    <t>5425618.0</t>
  </si>
  <si>
    <t>3973708.0</t>
  </si>
  <si>
    <t>366762116.0</t>
  </si>
  <si>
    <t>279837463.0</t>
  </si>
  <si>
    <t>86550131.0</t>
  </si>
  <si>
    <t>5409379.0</t>
  </si>
  <si>
    <t>4638282.0</t>
  </si>
  <si>
    <t>3762201.0</t>
  </si>
  <si>
    <t>371588036.0</t>
  </si>
  <si>
    <t>284077179.0</t>
  </si>
  <si>
    <t>87491583.0</t>
  </si>
  <si>
    <t>4093041.0</t>
  </si>
  <si>
    <t>4757964.0</t>
  </si>
  <si>
    <t>3854678.0</t>
  </si>
  <si>
    <t>375671097.0</t>
  </si>
  <si>
    <t>287617667.0</t>
  </si>
  <si>
    <t>88056103.0</t>
  </si>
  <si>
    <t>4537756.0</t>
  </si>
  <si>
    <t>4882361.0</t>
  </si>
  <si>
    <t>3951456.0</t>
  </si>
  <si>
    <t>380597690.0</t>
  </si>
  <si>
    <t>291396607.0</t>
  </si>
  <si>
    <t>89188770.0</t>
  </si>
  <si>
    <t>4796607.0</t>
  </si>
  <si>
    <t>4994418.0</t>
  </si>
  <si>
    <t>4074896.0</t>
  </si>
  <si>
    <t>386411762.0</t>
  </si>
  <si>
    <t>295905793.0</t>
  </si>
  <si>
    <t>91236834.0</t>
  </si>
  <si>
    <t>4617591.0</t>
  </si>
  <si>
    <t>4863244.0</t>
  </si>
  <si>
    <t>3999070.0</t>
  </si>
  <si>
    <t>391759961.0</t>
  </si>
  <si>
    <t>300056021.0</t>
  </si>
  <si>
    <t>92271916.0</t>
  </si>
  <si>
    <t>5567354.0</t>
  </si>
  <si>
    <t>4921049.0</t>
  </si>
  <si>
    <t>4031761.0</t>
  </si>
  <si>
    <t>398505430.0</t>
  </si>
  <si>
    <t>305398613.0</t>
  </si>
  <si>
    <t>93355471.0</t>
  </si>
  <si>
    <t>7095319.0</t>
  </si>
  <si>
    <t>5159575.0</t>
  </si>
  <si>
    <t>4230482.0</t>
  </si>
  <si>
    <t>403965026.0</t>
  </si>
  <si>
    <t>309511781.0</t>
  </si>
  <si>
    <t>94283535.0</t>
  </si>
  <si>
    <t>5783581.0</t>
  </si>
  <si>
    <t>5213037.0</t>
  </si>
  <si>
    <t>4251370.0</t>
  </si>
  <si>
    <t>410066197.0</t>
  </si>
  <si>
    <t>314358646.0</t>
  </si>
  <si>
    <t>95258931.0</t>
  </si>
  <si>
    <t>6364122.0</t>
  </si>
  <si>
    <t>5537474.0</t>
  </si>
  <si>
    <t>4520558.0</t>
  </si>
  <si>
    <t>414427417.0</t>
  </si>
  <si>
    <t>318199825.0</t>
  </si>
  <si>
    <t>95781982.0</t>
  </si>
  <si>
    <t>4770857.0</t>
  </si>
  <si>
    <t>5570776.0</t>
  </si>
  <si>
    <t>4584744.0</t>
  </si>
  <si>
    <t>425175102.0</t>
  </si>
  <si>
    <t>327832439.0</t>
  </si>
  <si>
    <t>97291255.0</t>
  </si>
  <si>
    <t>10555685.0</t>
  </si>
  <si>
    <t>6393498.0</t>
  </si>
  <si>
    <t>5441860.0</t>
  </si>
  <si>
    <t>433077021.0</t>
  </si>
  <si>
    <t>334680916.0</t>
  </si>
  <si>
    <t>98331256.0</t>
  </si>
  <si>
    <t>8706577.0</t>
  </si>
  <si>
    <t>6977638.0</t>
  </si>
  <si>
    <t>5945972.0</t>
  </si>
  <si>
    <t>438772525.0</t>
  </si>
  <si>
    <t>339045937.0</t>
  </si>
  <si>
    <t>99134805.0</t>
  </si>
  <si>
    <t>5736788.0</t>
  </si>
  <si>
    <t>7001846.0</t>
  </si>
  <si>
    <t>6004227.0</t>
  </si>
  <si>
    <t>447722859.0</t>
  </si>
  <si>
    <t>346469938.0</t>
  </si>
  <si>
    <t>100645611.0</t>
  </si>
  <si>
    <t>9349568.0</t>
  </si>
  <si>
    <t>7323878.0</t>
  </si>
  <si>
    <t>6275150.0</t>
  </si>
  <si>
    <t>456879736.0</t>
  </si>
  <si>
    <t>353535430.0</t>
  </si>
  <si>
    <t>102086671.0</t>
  </si>
  <si>
    <t>9217326.0</t>
  </si>
  <si>
    <t>7814415.0</t>
  </si>
  <si>
    <t>6669718.0</t>
  </si>
  <si>
    <t>466391818.0</t>
  </si>
  <si>
    <t>361439125.0</t>
  </si>
  <si>
    <t>103693839.0</t>
  </si>
  <si>
    <t>10480538.0</t>
  </si>
  <si>
    <t>8402474.0</t>
  </si>
  <si>
    <t>7125179.0</t>
  </si>
  <si>
    <t>471793111.0</t>
  </si>
  <si>
    <t>365798766.0</t>
  </si>
  <si>
    <t>104734317.0</t>
  </si>
  <si>
    <t>5860569.0</t>
  </si>
  <si>
    <t>8558147.0</t>
  </si>
  <si>
    <t>7194485.0</t>
  </si>
  <si>
    <t>476830652.0</t>
  </si>
  <si>
    <t>369457980.0</t>
  </si>
  <si>
    <t>106106754.0</t>
  </si>
  <si>
    <t>5237890.0</t>
  </si>
  <si>
    <t>7798463.0</t>
  </si>
  <si>
    <t>6310003.0</t>
  </si>
  <si>
    <t>485420221.0</t>
  </si>
  <si>
    <t>375528142.0</t>
  </si>
  <si>
    <t>108618255.0</t>
  </si>
  <si>
    <t>8639002.0</t>
  </si>
  <si>
    <t>7788811.0</t>
  </si>
  <si>
    <t>6192152.0</t>
  </si>
  <si>
    <t>489534842.0</t>
  </si>
  <si>
    <t>378495441.0</t>
  </si>
  <si>
    <t>109760800.0</t>
  </si>
  <si>
    <t>4687682.0</t>
  </si>
  <si>
    <t>7638940.0</t>
  </si>
  <si>
    <t>6006703.0</t>
  </si>
  <si>
    <t>500334241.0</t>
  </si>
  <si>
    <t>388326835.0</t>
  </si>
  <si>
    <t>111646311.0</t>
  </si>
  <si>
    <t>8377513.0</t>
  </si>
  <si>
    <t>7500079.0</t>
  </si>
  <si>
    <t>5801729.0</t>
  </si>
  <si>
    <t>503075253.0</t>
  </si>
  <si>
    <t>390329186.0</t>
  </si>
  <si>
    <t>112379122.0</t>
  </si>
  <si>
    <t>3457251.0</t>
  </si>
  <si>
    <t>6677210.0</t>
  </si>
  <si>
    <t>5099325.0</t>
  </si>
  <si>
    <t>513358767.0</t>
  </si>
  <si>
    <t>397470393.0</t>
  </si>
  <si>
    <t>115438757.0</t>
  </si>
  <si>
    <t>10863955.0</t>
  </si>
  <si>
    <t>6731983.0</t>
  </si>
  <si>
    <t>4959809.0</t>
  </si>
  <si>
    <t>519288602.0</t>
  </si>
  <si>
    <t>401886500.0</t>
  </si>
  <si>
    <t>116795621.0</t>
  </si>
  <si>
    <t>5391341.0</t>
  </si>
  <si>
    <t>6664944.0</t>
  </si>
  <si>
    <t>4860061.0</t>
  </si>
  <si>
    <t>524503939.0</t>
  </si>
  <si>
    <t>404992561.0</t>
  </si>
  <si>
    <t>118885121.0</t>
  </si>
  <si>
    <t>5425954.0</t>
  </si>
  <si>
    <t>6691816.0</t>
  </si>
  <si>
    <t>4790284.0</t>
  </si>
  <si>
    <t>529660756.0</t>
  </si>
  <si>
    <t>408519119.0</t>
  </si>
  <si>
    <t>120496495.0</t>
  </si>
  <si>
    <t>5657149.0</t>
  </si>
  <si>
    <t>6265835.0</t>
  </si>
  <si>
    <t>4420097.0</t>
  </si>
  <si>
    <t>536642028.0</t>
  </si>
  <si>
    <t>413353290.0</t>
  </si>
  <si>
    <t>122492813.0</t>
  </si>
  <si>
    <t>6563886.0</t>
  </si>
  <si>
    <t>6533862.0</t>
  </si>
  <si>
    <t>4568714.0</t>
  </si>
  <si>
    <t>549796387.0</t>
  </si>
  <si>
    <t>422454732.0</t>
  </si>
  <si>
    <t>126542701.0</t>
  </si>
  <si>
    <t>13806581.0</t>
  </si>
  <si>
    <t>7309446.0</t>
  </si>
  <si>
    <t>5024317.0</t>
  </si>
  <si>
    <t>552059934.0</t>
  </si>
  <si>
    <t>424055036.0</t>
  </si>
  <si>
    <t>127202533.0</t>
  </si>
  <si>
    <t>6530227.0</t>
  </si>
  <si>
    <t>7748444.0</t>
  </si>
  <si>
    <t>5277571.0</t>
  </si>
  <si>
    <t>561390602.0</t>
  </si>
  <si>
    <t>430078217.0</t>
  </si>
  <si>
    <t>130292846.0</t>
  </si>
  <si>
    <t>5540735.0</t>
  </si>
  <si>
    <t>6987984.0</t>
  </si>
  <si>
    <t>4703274.0</t>
  </si>
  <si>
    <t>564366952.0</t>
  </si>
  <si>
    <t>431988691.0</t>
  </si>
  <si>
    <t>131163336.0</t>
  </si>
  <si>
    <t>3385003.0</t>
  </si>
  <si>
    <t>6701362.0</t>
  </si>
  <si>
    <t>4439771.0</t>
  </si>
  <si>
    <t>570507170.0</t>
  </si>
  <si>
    <t>435601649.0</t>
  </si>
  <si>
    <t>133698407.0</t>
  </si>
  <si>
    <t>6001508.0</t>
  </si>
  <si>
    <t>6783583.0</t>
  </si>
  <si>
    <t>4492253.0</t>
  </si>
  <si>
    <t>580404999.0</t>
  </si>
  <si>
    <t>442631088.0</t>
  </si>
  <si>
    <t>136411881.0</t>
  </si>
  <si>
    <t>9041018.0</t>
  </si>
  <si>
    <t>7266997.0</t>
  </si>
  <si>
    <t>4883765.0</t>
  </si>
  <si>
    <t>588210354.0</t>
  </si>
  <si>
    <t>448042808.0</t>
  </si>
  <si>
    <t>138690850.0</t>
  </si>
  <si>
    <t>8698464.0</t>
  </si>
  <si>
    <t>7571932.0</t>
  </si>
  <si>
    <t>5107608.0</t>
  </si>
  <si>
    <t>595944813.0</t>
  </si>
  <si>
    <t>453220370.0</t>
  </si>
  <si>
    <t>141082288.0</t>
  </si>
  <si>
    <t>8024135.0</t>
  </si>
  <si>
    <t>6745870.0</t>
  </si>
  <si>
    <t>4542805.0</t>
  </si>
  <si>
    <t>603510603.0</t>
  </si>
  <si>
    <t>458084248.0</t>
  </si>
  <si>
    <t>143647469.0</t>
  </si>
  <si>
    <t>7685438.0</t>
  </si>
  <si>
    <t>6910896.0</t>
  </si>
  <si>
    <t>4655921.0</t>
  </si>
  <si>
    <t>611508246.0</t>
  </si>
  <si>
    <t>463483088.0</t>
  </si>
  <si>
    <t>146093201.0</t>
  </si>
  <si>
    <t>8747451.0</t>
  </si>
  <si>
    <t>7369349.0</t>
  </si>
  <si>
    <t>5002543.0</t>
  </si>
  <si>
    <t>612605763.0</t>
  </si>
  <si>
    <t>464426295.0</t>
  </si>
  <si>
    <t>146251208.0</t>
  </si>
  <si>
    <t>5745291.0</t>
  </si>
  <si>
    <t>7706469.0</t>
  </si>
  <si>
    <t>5266017.0</t>
  </si>
  <si>
    <t>623983189.0</t>
  </si>
  <si>
    <t>472261600.0</t>
  </si>
  <si>
    <t>149820009.0</t>
  </si>
  <si>
    <t>6418060.0</t>
  </si>
  <si>
    <t>7765922.0</t>
  </si>
  <si>
    <t>5345915.0</t>
  </si>
  <si>
    <t>632111120.0</t>
  </si>
  <si>
    <t>477644936.0</t>
  </si>
  <si>
    <t>151533879.0</t>
  </si>
  <si>
    <t>6135737.0</t>
  </si>
  <si>
    <t>7350826.0</t>
  </si>
  <si>
    <t>4978943.0</t>
  </si>
  <si>
    <t>637800978.0</t>
  </si>
  <si>
    <t>480332265.0</t>
  </si>
  <si>
    <t>153200172.0</t>
  </si>
  <si>
    <t>5278901.0</t>
  </si>
  <si>
    <t>6862263.0</t>
  </si>
  <si>
    <t>4606205.0</t>
  </si>
  <si>
    <t>645821808.0</t>
  </si>
  <si>
    <t>485661440.0</t>
  </si>
  <si>
    <t>155909473.0</t>
  </si>
  <si>
    <t>9085119.0</t>
  </si>
  <si>
    <t>7013766.0</t>
  </si>
  <si>
    <t>4672639.0</t>
  </si>
  <si>
    <t>653096058.0</t>
  </si>
  <si>
    <t>490141731.0</t>
  </si>
  <si>
    <t>158719567.0</t>
  </si>
  <si>
    <t>7701151.0</t>
  </si>
  <si>
    <t>7015959.0</t>
  </si>
  <si>
    <t>4671956.0</t>
  </si>
  <si>
    <t>659839903.0</t>
  </si>
  <si>
    <t>494602356.0</t>
  </si>
  <si>
    <t>161014671.0</t>
  </si>
  <si>
    <t>7964265.0</t>
  </si>
  <si>
    <t>6904077.0</t>
  </si>
  <si>
    <t>4576088.0</t>
  </si>
  <si>
    <t>664816450.0</t>
  </si>
  <si>
    <t>497551335.0</t>
  </si>
  <si>
    <t>163058217.0</t>
  </si>
  <si>
    <t>5121501.0</t>
  </si>
  <si>
    <t>6814959.0</t>
  </si>
  <si>
    <t>4496312.0</t>
  </si>
  <si>
    <t>677052990.0</t>
  </si>
  <si>
    <t>507558718.0</t>
  </si>
  <si>
    <t>168090574.0</t>
  </si>
  <si>
    <t>9801047.0</t>
  </si>
  <si>
    <t>7298243.0</t>
  </si>
  <si>
    <t>4863894.0</t>
  </si>
  <si>
    <t>685210411.0</t>
  </si>
  <si>
    <t>512979814.0</t>
  </si>
  <si>
    <t>170845993.0</t>
  </si>
  <si>
    <t>9005384.0</t>
  </si>
  <si>
    <t>7708192.0</t>
  </si>
  <si>
    <t>5141620.0</t>
  </si>
  <si>
    <t>694142837.0</t>
  </si>
  <si>
    <t>519422366.0</t>
  </si>
  <si>
    <t>173066486.0</t>
  </si>
  <si>
    <t>10099191.0</t>
  </si>
  <si>
    <t>8396806.0</t>
  </si>
  <si>
    <t>5624997.0</t>
  </si>
  <si>
    <t>706396622.0</t>
  </si>
  <si>
    <t>526883838.0</t>
  </si>
  <si>
    <t>177483809.0</t>
  </si>
  <si>
    <t>12161706.0</t>
  </si>
  <si>
    <t>8836319.0</t>
  </si>
  <si>
    <t>5899695.0</t>
  </si>
  <si>
    <t>716168279.0</t>
  </si>
  <si>
    <t>533631334.0</t>
  </si>
  <si>
    <t>180124225.0</t>
  </si>
  <si>
    <t>11028626.0</t>
  </si>
  <si>
    <t>9311673.0</t>
  </si>
  <si>
    <t>6268268.0</t>
  </si>
  <si>
    <t>720917502.0</t>
  </si>
  <si>
    <t>537198839.0</t>
  </si>
  <si>
    <t>181267305.0</t>
  </si>
  <si>
    <t>10890783.0</t>
  </si>
  <si>
    <t>9729748.0</t>
  </si>
  <si>
    <t>6678863.0</t>
  </si>
  <si>
    <t>734796815.0</t>
  </si>
  <si>
    <t>547827405.0</t>
  </si>
  <si>
    <t>184357597.0</t>
  </si>
  <si>
    <t>9340551.0</t>
  </si>
  <si>
    <t>10332469.0</t>
  </si>
  <si>
    <t>7181097.0</t>
  </si>
  <si>
    <t>743910336.0</t>
  </si>
  <si>
    <t>553506545.0</t>
  </si>
  <si>
    <t>187229233.0</t>
  </si>
  <si>
    <t>11858406.0</t>
  </si>
  <si>
    <t>10626378.0</t>
  </si>
  <si>
    <t>7434167.0</t>
  </si>
  <si>
    <t>765938479.0</t>
  </si>
  <si>
    <t>569524389.0</t>
  </si>
  <si>
    <t>193092333.0</t>
  </si>
  <si>
    <t>14726159.0</t>
  </si>
  <si>
    <t>11443628.0</t>
  </si>
  <si>
    <t>8035310.0</t>
  </si>
  <si>
    <t>773798080.0</t>
  </si>
  <si>
    <t>575036865.0</t>
  </si>
  <si>
    <t>195232580.0</t>
  </si>
  <si>
    <t>9477047.0</t>
  </si>
  <si>
    <t>11354750.0</t>
  </si>
  <si>
    <t>8006873.0</t>
  </si>
  <si>
    <t>785415432.0</t>
  </si>
  <si>
    <t>583359303.0</t>
  </si>
  <si>
    <t>198247582.0</t>
  </si>
  <si>
    <t>11210059.0</t>
  </si>
  <si>
    <t>11218805.0</t>
  </si>
  <si>
    <t>8052071.0</t>
  </si>
  <si>
    <t>794989993.0</t>
  </si>
  <si>
    <t>590352406.0</t>
  </si>
  <si>
    <t>200808914.0</t>
  </si>
  <si>
    <t>11759167.0</t>
  </si>
  <si>
    <t>11323167.0</t>
  </si>
  <si>
    <t>8169600.0</t>
  </si>
  <si>
    <t>804384639.0</t>
  </si>
  <si>
    <t>597094068.0</t>
  </si>
  <si>
    <t>203723631.0</t>
  </si>
  <si>
    <t>11145022.0</t>
  </si>
  <si>
    <t>11359487.0</t>
  </si>
  <si>
    <t>8145103.0</t>
  </si>
  <si>
    <t>815009993.0</t>
  </si>
  <si>
    <t>605059237.0</t>
  </si>
  <si>
    <t>206327230.0</t>
  </si>
  <si>
    <t>10024672.0</t>
  </si>
  <si>
    <t>11457217.0</t>
  </si>
  <si>
    <t>8271676.0</t>
  </si>
  <si>
    <t>829756472.0</t>
  </si>
  <si>
    <t>616591474.0</t>
  </si>
  <si>
    <t>215130015.0</t>
  </si>
  <si>
    <t>12009705.0</t>
  </si>
  <si>
    <t>11490927.0</t>
  </si>
  <si>
    <t>8305826.0</t>
  </si>
  <si>
    <t>840359068.0</t>
  </si>
  <si>
    <t>624380980.0</t>
  </si>
  <si>
    <t>218111143.0</t>
  </si>
  <si>
    <t>11949543.0</t>
  </si>
  <si>
    <t>11092255.0</t>
  </si>
  <si>
    <t>8071192.0</t>
  </si>
  <si>
    <t>851753050.0</t>
  </si>
  <si>
    <t>632480690.0</t>
  </si>
  <si>
    <t>221547469.0</t>
  </si>
  <si>
    <t>11589004.0</t>
  </si>
  <si>
    <t>11391943.0</t>
  </si>
  <si>
    <t>8278391.0</t>
  </si>
  <si>
    <t>857851849.0</t>
  </si>
  <si>
    <t>636306566.0</t>
  </si>
  <si>
    <t>223865371.0</t>
  </si>
  <si>
    <t>12655276.0</t>
  </si>
  <si>
    <t>11596391.0</t>
  </si>
  <si>
    <t>8561854.0</t>
  </si>
  <si>
    <t>876807998.0</t>
  </si>
  <si>
    <t>650258152.0</t>
  </si>
  <si>
    <t>228974252.0</t>
  </si>
  <si>
    <t>14195290.0</t>
  </si>
  <si>
    <t>11942392.0</t>
  </si>
  <si>
    <t>8848652.0</t>
  </si>
  <si>
    <t>887402837.0</t>
  </si>
  <si>
    <t>657881202.0</t>
  </si>
  <si>
    <t>232264309.0</t>
  </si>
  <si>
    <t>12436701.0</t>
  </si>
  <si>
    <t>12124900.0</t>
  </si>
  <si>
    <t>9049140.0</t>
  </si>
  <si>
    <t>892246151.0</t>
  </si>
  <si>
    <t>663759188.0</t>
  </si>
  <si>
    <t>233705596.0</t>
  </si>
  <si>
    <t>7141257.0</t>
  </si>
  <si>
    <t>11710972.0</t>
  </si>
  <si>
    <t>8807470.0</t>
  </si>
  <si>
    <t>908152682.0</t>
  </si>
  <si>
    <t>675604904.0</t>
  </si>
  <si>
    <t>237428606.0</t>
  </si>
  <si>
    <t>9123477.0</t>
  </si>
  <si>
    <t>11298650.0</t>
  </si>
  <si>
    <t>8518574.0</t>
  </si>
  <si>
    <t>919922115.0</t>
  </si>
  <si>
    <t>683608476.0</t>
  </si>
  <si>
    <t>241164147.0</t>
  </si>
  <si>
    <t>12068479.0</t>
  </si>
  <si>
    <t>11315644.0</t>
  </si>
  <si>
    <t>8416064.0</t>
  </si>
  <si>
    <t>929695474.0</t>
  </si>
  <si>
    <t>689590947.0</t>
  </si>
  <si>
    <t>244124109.0</t>
  </si>
  <si>
    <t>10293035.0</t>
  </si>
  <si>
    <t>11130504.0</t>
  </si>
  <si>
    <t>8230772.0</t>
  </si>
  <si>
    <t>938405188.0</t>
  </si>
  <si>
    <t>694995189.0</t>
  </si>
  <si>
    <t>247429638.0</t>
  </si>
  <si>
    <t>10308647.0</t>
  </si>
  <si>
    <t>10795266.0</t>
  </si>
  <si>
    <t>7699567.0</t>
  </si>
  <si>
    <t>953307289.0</t>
  </si>
  <si>
    <t>705604857.0</t>
  </si>
  <si>
    <t>253209677.0</t>
  </si>
  <si>
    <t>10670390.0</t>
  </si>
  <si>
    <t>10291716.0</t>
  </si>
  <si>
    <t>7257678.0</t>
  </si>
  <si>
    <t>963957835.0</t>
  </si>
  <si>
    <t>712889786.0</t>
  </si>
  <si>
    <t>255977001.0</t>
  </si>
  <si>
    <t>9101863.0</t>
  </si>
  <si>
    <t>9815308.0</t>
  </si>
  <si>
    <t>6677549.0</t>
  </si>
  <si>
    <t>971702495.0</t>
  </si>
  <si>
    <t>716923533.0</t>
  </si>
  <si>
    <t>258684046.0</t>
  </si>
  <si>
    <t>8422682.0</t>
  </si>
  <si>
    <t>9998370.0</t>
  </si>
  <si>
    <t>6532937.0</t>
  </si>
  <si>
    <t>976709032.0</t>
  </si>
  <si>
    <t>719597705.0</t>
  </si>
  <si>
    <t>260743007.0</t>
  </si>
  <si>
    <t>6153895.0</t>
  </si>
  <si>
    <t>9574141.0</t>
  </si>
  <si>
    <t>6073014.0</t>
  </si>
  <si>
    <t>991663186.0</t>
  </si>
  <si>
    <t>728673127.0</t>
  </si>
  <si>
    <t>266617909.0</t>
  </si>
  <si>
    <t>12330284.0</t>
  </si>
  <si>
    <t>9611542.0</t>
  </si>
  <si>
    <t>6061718.0</t>
  </si>
  <si>
    <t>1008316785.0</t>
  </si>
  <si>
    <t>738747318.0</t>
  </si>
  <si>
    <t>272481512.0</t>
  </si>
  <si>
    <t>16175672.0</t>
  </si>
  <si>
    <t>10451919.0</t>
  </si>
  <si>
    <t>6558942.0</t>
  </si>
  <si>
    <t>1020831621.0</t>
  </si>
  <si>
    <t>747121925.0</t>
  </si>
  <si>
    <t>276565917.0</t>
  </si>
  <si>
    <t>13465381.0</t>
  </si>
  <si>
    <t>10902886.0</t>
  </si>
  <si>
    <t>6847840.0</t>
  </si>
  <si>
    <t>1037533639.0</t>
  </si>
  <si>
    <t>757879357.0</t>
  </si>
  <si>
    <t>282503541.0</t>
  </si>
  <si>
    <t>18351536.0</t>
  </si>
  <si>
    <t>12000187.0</t>
  </si>
  <si>
    <t>7463893.0</t>
  </si>
  <si>
    <t>1051609469.0</t>
  </si>
  <si>
    <t>767247079.0</t>
  </si>
  <si>
    <t>286854478.0</t>
  </si>
  <si>
    <t>16359015.0</t>
  </si>
  <si>
    <t>13036927.0</t>
  </si>
  <si>
    <t>8208420.0</t>
  </si>
  <si>
    <t>1068774210.0</t>
  </si>
  <si>
    <t>776697573.0</t>
  </si>
  <si>
    <t>293723653.0</t>
  </si>
  <si>
    <t>12306480.0</t>
  </si>
  <si>
    <t>13591756.0</t>
  </si>
  <si>
    <t>8593109.0</t>
  </si>
  <si>
    <t>1079540944.0</t>
  </si>
  <si>
    <t>783590420.0</t>
  </si>
  <si>
    <t>297445509.0</t>
  </si>
  <si>
    <t>13745113.0</t>
  </si>
  <si>
    <t>14676211.0</t>
  </si>
  <si>
    <t>9348865.0</t>
  </si>
  <si>
    <t>1094927265.0</t>
  </si>
  <si>
    <t>792521957.0</t>
  </si>
  <si>
    <t>303379430.0</t>
  </si>
  <si>
    <t>12787811.0</t>
  </si>
  <si>
    <t>14741574.0</t>
  </si>
  <si>
    <t>9352358.0</t>
  </si>
  <si>
    <t>1117883336.0</t>
  </si>
  <si>
    <t>808426956.0</t>
  </si>
  <si>
    <t>310270821.0</t>
  </si>
  <si>
    <t>23601064.0</t>
  </si>
  <si>
    <t>15802341.0</t>
  </si>
  <si>
    <t>10198087.0</t>
  </si>
  <si>
    <t>1130656696.0</t>
  </si>
  <si>
    <t>816795395.0</t>
  </si>
  <si>
    <t>314755881.0</t>
  </si>
  <si>
    <t>14440998.0</t>
  </si>
  <si>
    <t>15941717.0</t>
  </si>
  <si>
    <t>10302887.0</t>
  </si>
  <si>
    <t>1140191918.0</t>
  </si>
  <si>
    <t>822800330.0</t>
  </si>
  <si>
    <t>318283297.0</t>
  </si>
  <si>
    <t>11979995.0</t>
  </si>
  <si>
    <t>15031497.0</t>
  </si>
  <si>
    <t>9691109.0</t>
  </si>
  <si>
    <t>1149471192.0</t>
  </si>
  <si>
    <t>827176334.0</t>
  </si>
  <si>
    <t>322870167.0</t>
  </si>
  <si>
    <t>7478679.0</t>
  </si>
  <si>
    <t>13762878.0</t>
  </si>
  <si>
    <t>8769000.0</t>
  </si>
  <si>
    <t>1166389946.0</t>
  </si>
  <si>
    <t>836539407.0</t>
  </si>
  <si>
    <t>329878793.0</t>
  </si>
  <si>
    <t>11557434.0</t>
  </si>
  <si>
    <t>13655870.0</t>
  </si>
  <si>
    <t>8660664.0</t>
  </si>
  <si>
    <t>1176338402.0</t>
  </si>
  <si>
    <t>842280982.0</t>
  </si>
  <si>
    <t>333783113.0</t>
  </si>
  <si>
    <t>10724196.0</t>
  </si>
  <si>
    <t>13224310.0</t>
  </si>
  <si>
    <t>8336953.0</t>
  </si>
  <si>
    <t>1193298044.0</t>
  </si>
  <si>
    <t>853611240.0</t>
  </si>
  <si>
    <t>339191277.0</t>
  </si>
  <si>
    <t>19087672.0</t>
  </si>
  <si>
    <t>14124292.0</t>
  </si>
  <si>
    <t>8995004.0</t>
  </si>
  <si>
    <t>1213507888.0</t>
  </si>
  <si>
    <t>864178470.0</t>
  </si>
  <si>
    <t>348181157.0</t>
  </si>
  <si>
    <t>21270102.0</t>
  </si>
  <si>
    <t>13791293.0</t>
  </si>
  <si>
    <t>8363515.0</t>
  </si>
  <si>
    <t>1231607211.0</t>
  </si>
  <si>
    <t>881813826.0</t>
  </si>
  <si>
    <t>356668839.0</t>
  </si>
  <si>
    <t>19125242.0</t>
  </si>
  <si>
    <t>14460475.0</t>
  </si>
  <si>
    <t>8742710.0</t>
  </si>
  <si>
    <t>1239632571.0</t>
  </si>
  <si>
    <t>887152358.0</t>
  </si>
  <si>
    <t>359766135.0</t>
  </si>
  <si>
    <t>10715460.0</t>
  </si>
  <si>
    <t>14279825.0</t>
  </si>
  <si>
    <t>8607719.0</t>
  </si>
  <si>
    <t>1256950243.0</t>
  </si>
  <si>
    <t>896526555.0</t>
  </si>
  <si>
    <t>367053198.0</t>
  </si>
  <si>
    <t>16833771.0</t>
  </si>
  <si>
    <t>15616270.0</t>
  </si>
  <si>
    <t>9436520.0</t>
  </si>
  <si>
    <t>1277083704.0</t>
  </si>
  <si>
    <t>907953899.0</t>
  </si>
  <si>
    <t>374199237.0</t>
  </si>
  <si>
    <t>12608129.0</t>
  </si>
  <si>
    <t>15766365.0</t>
  </si>
  <si>
    <t>9530157.0</t>
  </si>
  <si>
    <t>1292552306.0</t>
  </si>
  <si>
    <t>916568012.0</t>
  </si>
  <si>
    <t>379682899.0</t>
  </si>
  <si>
    <t>17188506.0</t>
  </si>
  <si>
    <t>16689846.0</t>
  </si>
  <si>
    <t>10010044.0</t>
  </si>
  <si>
    <t>1302146772.0</t>
  </si>
  <si>
    <t>922289227.0</t>
  </si>
  <si>
    <t>383560431.0</t>
  </si>
  <si>
    <t>9457271.0</t>
  </si>
  <si>
    <t>15314068.0</t>
  </si>
  <si>
    <t>9137090.0</t>
  </si>
  <si>
    <t>1317108625.0</t>
  </si>
  <si>
    <t>930723263.0</t>
  </si>
  <si>
    <t>389586490.0</t>
  </si>
  <si>
    <t>15238818.0</t>
  </si>
  <si>
    <t>14452454.0</t>
  </si>
  <si>
    <t>8840741.0</t>
  </si>
  <si>
    <t>1332962069.0</t>
  </si>
  <si>
    <t>939827273.0</t>
  </si>
  <si>
    <t>396158078.0</t>
  </si>
  <si>
    <t>17342907.0</t>
  </si>
  <si>
    <t>14197838.0</t>
  </si>
  <si>
    <t>8638403.0</t>
  </si>
  <si>
    <t>1344134297.0</t>
  </si>
  <si>
    <t>946218184.0</t>
  </si>
  <si>
    <t>400978825.0</t>
  </si>
  <si>
    <t>13715778.0</t>
  </si>
  <si>
    <t>14626454.0</t>
  </si>
  <si>
    <t>8916446.0</t>
  </si>
  <si>
    <t>1371633543.0</t>
  </si>
  <si>
    <t>965033177.0</t>
  </si>
  <si>
    <t>410896101.0</t>
  </si>
  <si>
    <t>24966004.0</t>
  </si>
  <si>
    <t>15788203.0</t>
  </si>
  <si>
    <t>9703818.0</t>
  </si>
  <si>
    <t>1387167601.0</t>
  </si>
  <si>
    <t>973914995.0</t>
  </si>
  <si>
    <t>417473342.0</t>
  </si>
  <si>
    <t>14425416.0</t>
  </si>
  <si>
    <t>16047816.0</t>
  </si>
  <si>
    <t>9834361.0</t>
  </si>
  <si>
    <t>1400880030.0</t>
  </si>
  <si>
    <t>982069874.0</t>
  </si>
  <si>
    <t>423024956.0</t>
  </si>
  <si>
    <t>12884644.0</t>
  </si>
  <si>
    <t>15432983.0</t>
  </si>
  <si>
    <t>9506204.0</t>
  </si>
  <si>
    <t>1415885297.0</t>
  </si>
  <si>
    <t>990676767.0</t>
  </si>
  <si>
    <t>429132038.0</t>
  </si>
  <si>
    <t>16857147.0</t>
  </si>
  <si>
    <t>16490104.0</t>
  </si>
  <si>
    <t>10075794.0</t>
  </si>
  <si>
    <t>1428505517.0</t>
  </si>
  <si>
    <t>998374834.0</t>
  </si>
  <si>
    <t>434045274.0</t>
  </si>
  <si>
    <t>13862307.0</t>
  </si>
  <si>
    <t>16293460.0</t>
  </si>
  <si>
    <t>9947725.0</t>
  </si>
  <si>
    <t>1445432225.0</t>
  </si>
  <si>
    <t>1007844047.0</t>
  </si>
  <si>
    <t>440483954.0</t>
  </si>
  <si>
    <t>17835652.0</t>
  </si>
  <si>
    <t>16363852.0</t>
  </si>
  <si>
    <t>9943088.0</t>
  </si>
  <si>
    <t>1460831082.0</t>
  </si>
  <si>
    <t>1017146274.0</t>
  </si>
  <si>
    <t>446767805.0</t>
  </si>
  <si>
    <t>18554348.0</t>
  </si>
  <si>
    <t>17055076.0</t>
  </si>
  <si>
    <t>10376094.0</t>
  </si>
  <si>
    <t>1471633892.0</t>
  </si>
  <si>
    <t>1023646981.0</t>
  </si>
  <si>
    <t>452153549.0</t>
  </si>
  <si>
    <t>11052705.0</t>
  </si>
  <si>
    <t>15067457.0</t>
  </si>
  <si>
    <t>9082863.0</t>
  </si>
  <si>
    <t>1480109731.0</t>
  </si>
  <si>
    <t>1028247355.0</t>
  </si>
  <si>
    <t>455782637.0</t>
  </si>
  <si>
    <t>874687.0</t>
  </si>
  <si>
    <t>11037024.0</t>
  </si>
  <si>
    <t>14583407.0</t>
  </si>
  <si>
    <t>8803625.0</t>
  </si>
  <si>
    <t>1511984774.0</t>
  </si>
  <si>
    <t>1047881650.0</t>
  </si>
  <si>
    <t>468240141.0</t>
  </si>
  <si>
    <t>888655.0</t>
  </si>
  <si>
    <t>20368670.0</t>
  </si>
  <si>
    <t>15652547.0</t>
  </si>
  <si>
    <t>9454590.0</t>
  </si>
  <si>
    <t>1523393115.0</t>
  </si>
  <si>
    <t>1054280386.0</t>
  </si>
  <si>
    <t>472649210.0</t>
  </si>
  <si>
    <t>894849.0</t>
  </si>
  <si>
    <t>12712715.0</t>
  </si>
  <si>
    <t>15060490.0</t>
  </si>
  <si>
    <t>9077578.0</t>
  </si>
  <si>
    <t>1541439555.0</t>
  </si>
  <si>
    <t>1066955346.0</t>
  </si>
  <si>
    <t>477819021.0</t>
  </si>
  <si>
    <t>928151.0</t>
  </si>
  <si>
    <t>21049997.0</t>
  </si>
  <si>
    <t>16087305.0</t>
  </si>
  <si>
    <t>9937381.0</t>
  </si>
  <si>
    <t>1555713590.0</t>
  </si>
  <si>
    <t>1077633142.0</t>
  </si>
  <si>
    <t>484562572.0</t>
  </si>
  <si>
    <t>955493.0</t>
  </si>
  <si>
    <t>14850912.0</t>
  </si>
  <si>
    <t>15660911.0</t>
  </si>
  <si>
    <t>9692035.0</t>
  </si>
  <si>
    <t>1567485466.0</t>
  </si>
  <si>
    <t>1084586071.0</t>
  </si>
  <si>
    <t>489329564.0</t>
  </si>
  <si>
    <t>959459.0</t>
  </si>
  <si>
    <t>14107801.0</t>
  </si>
  <si>
    <t>15025691.0</t>
  </si>
  <si>
    <t>9303162.0</t>
  </si>
  <si>
    <t>1580863887.0</t>
  </si>
  <si>
    <t>1092487874.0</t>
  </si>
  <si>
    <t>494721863.0</t>
  </si>
  <si>
    <t>963039.0</t>
  </si>
  <si>
    <t>14843844.0</t>
  </si>
  <si>
    <t>15567280.0</t>
  </si>
  <si>
    <t>9672338.0</t>
  </si>
  <si>
    <t>1596264403.0</t>
  </si>
  <si>
    <t>1102303864.0</t>
  </si>
  <si>
    <t>499903560.0</t>
  </si>
  <si>
    <t>984193.0</t>
  </si>
  <si>
    <t>11426733.0</t>
  </si>
  <si>
    <t>15622956.0</t>
  </si>
  <si>
    <t>9709409.0</t>
  </si>
  <si>
    <t>1608999572.0</t>
  </si>
  <si>
    <t>1108782173.0</t>
  </si>
  <si>
    <t>506882936.0</t>
  </si>
  <si>
    <t>1003475.0</t>
  </si>
  <si>
    <t>11853433.0</t>
  </si>
  <si>
    <t>14406497.0</t>
  </si>
  <si>
    <t>8902365.0</t>
  </si>
  <si>
    <t>1622262920.0</t>
  </si>
  <si>
    <t>1115305087.0</t>
  </si>
  <si>
    <t>512956646.0</t>
  </si>
  <si>
    <t>1028901.0</t>
  </si>
  <si>
    <t>15222526.0</t>
  </si>
  <si>
    <t>14765035.0</t>
  </si>
  <si>
    <t>8958342.0</t>
  </si>
  <si>
    <t>1632450507.0</t>
  </si>
  <si>
    <t>1121059805.0</t>
  </si>
  <si>
    <t>517824919.0</t>
  </si>
  <si>
    <t>1055475.0</t>
  </si>
  <si>
    <t>13267569.0</t>
  </si>
  <si>
    <t>13653260.0</t>
  </si>
  <si>
    <t>7862685.0</t>
  </si>
  <si>
    <t>1642258685.0</t>
  </si>
  <si>
    <t>1126141062.0</t>
  </si>
  <si>
    <t>522229470.0</t>
  </si>
  <si>
    <t>1084491.0</t>
  </si>
  <si>
    <t>11274692.0</t>
  </si>
  <si>
    <t>13142370.0</t>
  </si>
  <si>
    <t>7479592.0</t>
  </si>
  <si>
    <t>1660638702.0</t>
  </si>
  <si>
    <t>1136864220.0</t>
  </si>
  <si>
    <t>529882336.0</t>
  </si>
  <si>
    <t>1089385.0</t>
  </si>
  <si>
    <t>16049949.0</t>
  </si>
  <si>
    <t>13419823.0</t>
  </si>
  <si>
    <t>7510170.0</t>
  </si>
  <si>
    <t>1672467152.0</t>
  </si>
  <si>
    <t>1142823426.0</t>
  </si>
  <si>
    <t>535737450.0</t>
  </si>
  <si>
    <t>1094583.0</t>
  </si>
  <si>
    <t>14847984.0</t>
  </si>
  <si>
    <t>13420413.0</t>
  </si>
  <si>
    <t>7380908.0</t>
  </si>
  <si>
    <t>1693219715.0</t>
  </si>
  <si>
    <t>1153756976.0</t>
  </si>
  <si>
    <t>545122363.0</t>
  </si>
  <si>
    <t>1129533.0</t>
  </si>
  <si>
    <t>15111359.0</t>
  </si>
  <si>
    <t>13946786.0</t>
  </si>
  <si>
    <t>7558796.0</t>
  </si>
  <si>
    <t>1703100886.0</t>
  </si>
  <si>
    <t>1158389216.0</t>
  </si>
  <si>
    <t>550256092.0</t>
  </si>
  <si>
    <t>1208213.0</t>
  </si>
  <si>
    <t>10178865.0</t>
  </si>
  <si>
    <t>13707558.0</t>
  </si>
  <si>
    <t>7338422.0</t>
  </si>
  <si>
    <t>1715284685.0</t>
  </si>
  <si>
    <t>1164692478.0</t>
  </si>
  <si>
    <t>555993845.0</t>
  </si>
  <si>
    <t>1317086.0</t>
  </si>
  <si>
    <t>14573405.0</t>
  </si>
  <si>
    <t>13614829.0</t>
  </si>
  <si>
    <t>7285472.0</t>
  </si>
  <si>
    <t>1727342672.0</t>
  </si>
  <si>
    <t>1170226288.0</t>
  </si>
  <si>
    <t>561181717.0</t>
  </si>
  <si>
    <t>1412857.0</t>
  </si>
  <si>
    <t>12921237.0</t>
  </si>
  <si>
    <t>13565359.0</t>
  </si>
  <si>
    <t>7235134.0</t>
  </si>
  <si>
    <t>1736679033.0</t>
  </si>
  <si>
    <t>1175513410.0</t>
  </si>
  <si>
    <t>565302618.0</t>
  </si>
  <si>
    <t>1512953.0</t>
  </si>
  <si>
    <t>11684107.0</t>
  </si>
  <si>
    <t>13623844.0</t>
  </si>
  <si>
    <t>7246937.0</t>
  </si>
  <si>
    <t>1743063888.0</t>
  </si>
  <si>
    <t>1178588492.0</t>
  </si>
  <si>
    <t>568500320.0</t>
  </si>
  <si>
    <t>1587376.0</t>
  </si>
  <si>
    <t>10768304.0</t>
  </si>
  <si>
    <t>12869323.0</t>
  </si>
  <si>
    <t>6796308.0</t>
  </si>
  <si>
    <t>1750163021.0</t>
  </si>
  <si>
    <t>1182849967.0</t>
  </si>
  <si>
    <t>571218005.0</t>
  </si>
  <si>
    <t>1672747.0</t>
  </si>
  <si>
    <t>9188878.0</t>
  </si>
  <si>
    <t>12060880.0</t>
  </si>
  <si>
    <t>6370197.0</t>
  </si>
  <si>
    <t>1765802678.0</t>
  </si>
  <si>
    <t>1191700940.0</t>
  </si>
  <si>
    <t>577039440.0</t>
  </si>
  <si>
    <t>1763144.0</t>
  </si>
  <si>
    <t>10850282.0</t>
  </si>
  <si>
    <t>11452153.0</t>
  </si>
  <si>
    <t>6029837.0</t>
  </si>
  <si>
    <t>1784084726.0</t>
  </si>
  <si>
    <t>1200099377.0</t>
  </si>
  <si>
    <t>586564912.0</t>
  </si>
  <si>
    <t>1845000.0</t>
  </si>
  <si>
    <t>10690632.0</t>
  </si>
  <si>
    <t>11525269.0</t>
  </si>
  <si>
    <t>6113085.0</t>
  </si>
  <si>
    <t>1799242197.0</t>
  </si>
  <si>
    <t>1207202270.0</t>
  </si>
  <si>
    <t>593798419.0</t>
  </si>
  <si>
    <t>1913175.0</t>
  </si>
  <si>
    <t>17520304.0</t>
  </si>
  <si>
    <t>11946247.0</t>
  </si>
  <si>
    <t>6252211.0</t>
  </si>
  <si>
    <t>1819571046.0</t>
  </si>
  <si>
    <t>1218396449.0</t>
  </si>
  <si>
    <t>602718536.0</t>
  </si>
  <si>
    <t>1984859.0</t>
  </si>
  <si>
    <t>18398512.0</t>
  </si>
  <si>
    <t>12728717.0</t>
  </si>
  <si>
    <t>6740245.0</t>
  </si>
  <si>
    <t>1833399657.0</t>
  </si>
  <si>
    <t>1230646370.0</t>
  </si>
  <si>
    <t>609329488.0</t>
  </si>
  <si>
    <t>2050201.0</t>
  </si>
  <si>
    <t>13509308.0</t>
  </si>
  <si>
    <t>12989462.0</t>
  </si>
  <si>
    <t>6928445.0</t>
  </si>
  <si>
    <t>1847163666.0</t>
  </si>
  <si>
    <t>1237461728.0</t>
  </si>
  <si>
    <t>616273029.0</t>
  </si>
  <si>
    <t>15850828.0</t>
  </si>
  <si>
    <t>13715533.0</t>
  </si>
  <si>
    <t>7192464.0</t>
  </si>
  <si>
    <t>1863660589.0</t>
  </si>
  <si>
    <t>1245753965.0</t>
  </si>
  <si>
    <t>624285899.0</t>
  </si>
  <si>
    <t>2205545.0</t>
  </si>
  <si>
    <t>11395310.0</t>
  </si>
  <si>
    <t>14030740.0</t>
  </si>
  <si>
    <t>7294579.0</t>
  </si>
  <si>
    <t>1877834175.0</t>
  </si>
  <si>
    <t>1251052208.0</t>
  </si>
  <si>
    <t>631979722.0</t>
  </si>
  <si>
    <t>2247249.0</t>
  </si>
  <si>
    <t>15201279.0</t>
  </si>
  <si>
    <t>14652309.0</t>
  </si>
  <si>
    <t>7450387.0</t>
  </si>
  <si>
    <t>1886724141.0</t>
  </si>
  <si>
    <t>1254861715.0</t>
  </si>
  <si>
    <t>635872247.0</t>
  </si>
  <si>
    <t>2362033.0</t>
  </si>
  <si>
    <t>8346951.0</t>
  </si>
  <si>
    <t>14317501.0</t>
  </si>
  <si>
    <t>7211938.0</t>
  </si>
  <si>
    <t>1900233227.0</t>
  </si>
  <si>
    <t>1260994246.0</t>
  </si>
  <si>
    <t>642424737.0</t>
  </si>
  <si>
    <t>2400343.0</t>
  </si>
  <si>
    <t>15662798.0</t>
  </si>
  <si>
    <t>14052143.0</t>
  </si>
  <si>
    <t>6905964.0</t>
  </si>
  <si>
    <t>1911437405.0</t>
  </si>
  <si>
    <t>1265784875.0</t>
  </si>
  <si>
    <t>647537454.0</t>
  </si>
  <si>
    <t>2445724.0</t>
  </si>
  <si>
    <t>15318316.0</t>
  </si>
  <si>
    <t>13612114.0</t>
  </si>
  <si>
    <t>6381957.0</t>
  </si>
  <si>
    <t>1925112492.0</t>
  </si>
  <si>
    <t>1271999547.0</t>
  </si>
  <si>
    <t>653848863.0</t>
  </si>
  <si>
    <t>2546998.0</t>
  </si>
  <si>
    <t>16047048.0</t>
  </si>
  <si>
    <t>13974650.0</t>
  </si>
  <si>
    <t>6271718.0</t>
  </si>
  <si>
    <t>1946098415.0</t>
  </si>
  <si>
    <t>1280515743.0</t>
  </si>
  <si>
    <t>666722087.0</t>
  </si>
  <si>
    <t>2627854.0</t>
  </si>
  <si>
    <t>18581768.0</t>
  </si>
  <si>
    <t>14364782.0</t>
  </si>
  <si>
    <t>6312664.0</t>
  </si>
  <si>
    <t>1957014954.0</t>
  </si>
  <si>
    <t>1285279841.0</t>
  </si>
  <si>
    <t>672235406.0</t>
  </si>
  <si>
    <t>2719954.0</t>
  </si>
  <si>
    <t>15779543.0</t>
  </si>
  <si>
    <t>14991101.0</t>
  </si>
  <si>
    <t>6426780.0</t>
  </si>
  <si>
    <t>1976617557.0</t>
  </si>
  <si>
    <t>1290574028.0</t>
  </si>
  <si>
    <t>685559476.0</t>
  </si>
  <si>
    <t>2758797.0</t>
  </si>
  <si>
    <t>10939294.0</t>
  </si>
  <si>
    <t>14382247.0</t>
  </si>
  <si>
    <t>6090163.0</t>
  </si>
  <si>
    <t>1989405764.0</t>
  </si>
  <si>
    <t>1296226451.0</t>
  </si>
  <si>
    <t>692165321.0</t>
  </si>
  <si>
    <t>2849923.0</t>
  </si>
  <si>
    <t>11648350.0</t>
  </si>
  <si>
    <t>14853872.0</t>
  </si>
  <si>
    <t>6299315.0</t>
  </si>
  <si>
    <t>2002325711.0</t>
  </si>
  <si>
    <t>1301153406.0</t>
  </si>
  <si>
    <t>698726164.0</t>
  </si>
  <si>
    <t>2907097.0</t>
  </si>
  <si>
    <t>10205914.0</t>
  </si>
  <si>
    <t>14074320.0</t>
  </si>
  <si>
    <t>6038031.0</t>
  </si>
  <si>
    <t>2013815723.0</t>
  </si>
  <si>
    <t>1305946263.0</t>
  </si>
  <si>
    <t>704300328.0</t>
  </si>
  <si>
    <t>2973295.0</t>
  </si>
  <si>
    <t>14366979.0</t>
  </si>
  <si>
    <t>13938416.0</t>
  </si>
  <si>
    <t>6049885.0</t>
  </si>
  <si>
    <t>2024486836.0</t>
  </si>
  <si>
    <t>1310687708.0</t>
  </si>
  <si>
    <t>708325563.0</t>
  </si>
  <si>
    <t>3011068.0</t>
  </si>
  <si>
    <t>11387934.0</t>
  </si>
  <si>
    <t>13272828.0</t>
  </si>
  <si>
    <t>5843330.0</t>
  </si>
  <si>
    <t>2033183973.0</t>
  </si>
  <si>
    <t>1314884574.0</t>
  </si>
  <si>
    <t>713021110.0</t>
  </si>
  <si>
    <t>3070649.0</t>
  </si>
  <si>
    <t>9503845.0</t>
  </si>
  <si>
    <t>11975978.0</t>
  </si>
  <si>
    <t>5392430.0</t>
  </si>
  <si>
    <t>2044140258.0</t>
  </si>
  <si>
    <t>1319533826.0</t>
  </si>
  <si>
    <t>717476368.0</t>
  </si>
  <si>
    <t>3076470.0</t>
  </si>
  <si>
    <t>8975412.0</t>
  </si>
  <si>
    <t>11003960.0</t>
  </si>
  <si>
    <t>5011598.0</t>
  </si>
  <si>
    <t>2055817180.0</t>
  </si>
  <si>
    <t>1324610790.0</t>
  </si>
  <si>
    <t>721918575.0</t>
  </si>
  <si>
    <t>3113073.0</t>
  </si>
  <si>
    <t>12123083.0</t>
  </si>
  <si>
    <t>11173073.0</t>
  </si>
  <si>
    <t>5191039.0</t>
  </si>
  <si>
    <t>2068024459.0</t>
  </si>
  <si>
    <t>1329417383.0</t>
  </si>
  <si>
    <t>727105595.0</t>
  </si>
  <si>
    <t>3163029.0</t>
  </si>
  <si>
    <t>13428084.0</t>
  </si>
  <si>
    <t>11427322.0</t>
  </si>
  <si>
    <t>5250337.0</t>
  </si>
  <si>
    <t>2083878326.0</t>
  </si>
  <si>
    <t>1335847089.0</t>
  </si>
  <si>
    <t>734648667.0</t>
  </si>
  <si>
    <t>14888683.0</t>
  </si>
  <si>
    <t>12096289.0</t>
  </si>
  <si>
    <t>5598043.0</t>
  </si>
  <si>
    <t>2100505274.0</t>
  </si>
  <si>
    <t>1343922753.0</t>
  </si>
  <si>
    <t>742340822.0</t>
  </si>
  <si>
    <t>3357706.0</t>
  </si>
  <si>
    <t>17020797.0</t>
  </si>
  <si>
    <t>12475405.0</t>
  </si>
  <si>
    <t>5776650.0</t>
  </si>
  <si>
    <t>2114790915.0</t>
  </si>
  <si>
    <t>1357256346.0</t>
  </si>
  <si>
    <t>750682541.0</t>
  </si>
  <si>
    <t>3387200.0</t>
  </si>
  <si>
    <t>14403739.0</t>
  </si>
  <si>
    <t>12906234.0</t>
  </si>
  <si>
    <t>5884243.0</t>
  </si>
  <si>
    <t>2128925139.0</t>
  </si>
  <si>
    <t>1361955197.0</t>
  </si>
  <si>
    <t>759114552.0</t>
  </si>
  <si>
    <t>3404298.0</t>
  </si>
  <si>
    <t>17217914.0</t>
  </si>
  <si>
    <t>14008241.0</t>
  </si>
  <si>
    <t>6154903.0</t>
  </si>
  <si>
    <t>2146530435.0</t>
  </si>
  <si>
    <t>1368045636.0</t>
  </si>
  <si>
    <t>769490995.0</t>
  </si>
  <si>
    <t>3580198.0</t>
  </si>
  <si>
    <t>14385829.0</t>
  </si>
  <si>
    <t>14781158.0</t>
  </si>
  <si>
    <t>6412327.0</t>
  </si>
  <si>
    <t>2157056664.0</t>
  </si>
  <si>
    <t>1371222277.0</t>
  </si>
  <si>
    <t>774124600.0</t>
  </si>
  <si>
    <t>3608072.0</t>
  </si>
  <si>
    <t>9714780.0</t>
  </si>
  <si>
    <t>14437119.0</t>
  </si>
  <si>
    <t>6191064.0</t>
  </si>
  <si>
    <t>2165534247.0</t>
  </si>
  <si>
    <t>1373807722.0</t>
  </si>
  <si>
    <t>778239218.0</t>
  </si>
  <si>
    <t>3620363.0</t>
  </si>
  <si>
    <t>10397587.0</t>
  </si>
  <si>
    <t>14004190.0</t>
  </si>
  <si>
    <t>5976870.0</t>
  </si>
  <si>
    <t>2177484789.0</t>
  </si>
  <si>
    <t>1377778442.0</t>
  </si>
  <si>
    <t>784319448.0</t>
  </si>
  <si>
    <t>3701573.0</t>
  </si>
  <si>
    <t>13947612.0</t>
  </si>
  <si>
    <t>13869754.0</t>
  </si>
  <si>
    <t>5782184.0</t>
  </si>
  <si>
    <t>2191934127.0</t>
  </si>
  <si>
    <t>1382724200.0</t>
  </si>
  <si>
    <t>791784346.0</t>
  </si>
  <si>
    <t>3736808.0</t>
  </si>
  <si>
    <t>15286869.0</t>
  </si>
  <si>
    <t>13622049.0</t>
  </si>
  <si>
    <t>5524595.0</t>
  </si>
  <si>
    <t>2203763620.0</t>
  </si>
  <si>
    <t>1386602402.0</t>
  </si>
  <si>
    <t>800711637.0</t>
  </si>
  <si>
    <t>3753758.0</t>
  </si>
  <si>
    <t>14168907.0</t>
  </si>
  <si>
    <t>13588501.0</t>
  </si>
  <si>
    <t>5422387.0</t>
  </si>
  <si>
    <t>2220252629.0</t>
  </si>
  <si>
    <t>1393398575.0</t>
  </si>
  <si>
    <t>807575205.0</t>
  </si>
  <si>
    <t>3769273.0</t>
  </si>
  <si>
    <t>13722196.0</t>
  </si>
  <si>
    <t>13089114.0</t>
  </si>
  <si>
    <t>5353606.0</t>
  </si>
  <si>
    <t>2237369082.0</t>
  </si>
  <si>
    <t>1400318590.0</t>
  </si>
  <si>
    <t>816543641.0</t>
  </si>
  <si>
    <t>3784892.0</t>
  </si>
  <si>
    <t>16813947.0</t>
  </si>
  <si>
    <t>13435986.0</t>
  </si>
  <si>
    <t>5498349.0</t>
  </si>
  <si>
    <t>2251568303.0</t>
  </si>
  <si>
    <t>1404527895.0</t>
  </si>
  <si>
    <t>824018120.0</t>
  </si>
  <si>
    <t>4201040.0</t>
  </si>
  <si>
    <t>10478619.0</t>
  </si>
  <si>
    <t>13545108.0</t>
  </si>
  <si>
    <t>5596319.0</t>
  </si>
  <si>
    <t>2264640673.0</t>
  </si>
  <si>
    <t>1409037003.0</t>
  </si>
  <si>
    <t>831224892.0</t>
  </si>
  <si>
    <t>4250948.0</t>
  </si>
  <si>
    <t>14463661.0</t>
  </si>
  <si>
    <t>14125974.0</t>
  </si>
  <si>
    <t>5815439.0</t>
  </si>
  <si>
    <t>2279175413.0</t>
  </si>
  <si>
    <t>1414065268.0</t>
  </si>
  <si>
    <t>838388276.0</t>
  </si>
  <si>
    <t>4291764.0</t>
  </si>
  <si>
    <t>16100408.0</t>
  </si>
  <si>
    <t>14433518.0</t>
  </si>
  <si>
    <t>5934168.0</t>
  </si>
  <si>
    <t>2298649450.0</t>
  </si>
  <si>
    <t>1422639419.0</t>
  </si>
  <si>
    <t>848489116.0</t>
  </si>
  <si>
    <t>4338470.0</t>
  </si>
  <si>
    <t>17686179.0</t>
  </si>
  <si>
    <t>14776273.0</t>
  </si>
  <si>
    <t>6092858.0</t>
  </si>
  <si>
    <t>2308625791.0</t>
  </si>
  <si>
    <t>1426259281.0</t>
  </si>
  <si>
    <t>853540486.0</t>
  </si>
  <si>
    <t>4370786.0</t>
  </si>
  <si>
    <t>13047734.0</t>
  </si>
  <si>
    <t>14616108.0</t>
  </si>
  <si>
    <t>6119154.0</t>
  </si>
  <si>
    <t>2325934902.0</t>
  </si>
  <si>
    <t>1432494606.0</t>
  </si>
  <si>
    <t>863121522.0</t>
  </si>
  <si>
    <t>4399855.0</t>
  </si>
  <si>
    <t>19442995.0</t>
  </si>
  <si>
    <t>15433366.0</t>
  </si>
  <si>
    <t>6347932.0</t>
  </si>
  <si>
    <t>2336228708.0</t>
  </si>
  <si>
    <t>1436855036.0</t>
  </si>
  <si>
    <t>868047922.0</t>
  </si>
  <si>
    <t>4609810.0</t>
  </si>
  <si>
    <t>7776913.0</t>
  </si>
  <si>
    <t>14142359.0</t>
  </si>
  <si>
    <t>5944152.0</t>
  </si>
  <si>
    <t>2359932970.0</t>
  </si>
  <si>
    <t>1444369676.0</t>
  </si>
  <si>
    <t>879852946.0</t>
  </si>
  <si>
    <t>4826606.0</t>
  </si>
  <si>
    <t>16462901.0</t>
  </si>
  <si>
    <t>14997254.0</t>
  </si>
  <si>
    <t>6235058.0</t>
  </si>
  <si>
    <t>2372556199.0</t>
  </si>
  <si>
    <t>1450244757.0</t>
  </si>
  <si>
    <t>885656757.0</t>
  </si>
  <si>
    <t>4867541.0</t>
  </si>
  <si>
    <t>15148234.0</t>
  </si>
  <si>
    <t>15095054.0</t>
  </si>
  <si>
    <t>6275958.0</t>
  </si>
  <si>
    <t>2390324367.0</t>
  </si>
  <si>
    <t>1455274155.0</t>
  </si>
  <si>
    <t>894111369.0</t>
  </si>
  <si>
    <t>5045856.0</t>
  </si>
  <si>
    <t>17806132.0</t>
  </si>
  <si>
    <t>15338725.0</t>
  </si>
  <si>
    <t>6274728.0</t>
  </si>
  <si>
    <t>2410293851.0</t>
  </si>
  <si>
    <t>1462591149.0</t>
  </si>
  <si>
    <t>902824276.0</t>
  </si>
  <si>
    <t>5150104.0</t>
  </si>
  <si>
    <t>19920074.0</t>
  </si>
  <si>
    <t>15657856.0</t>
  </si>
  <si>
    <t>6397561.0</t>
  </si>
  <si>
    <t>2428415615.0</t>
  </si>
  <si>
    <t>1484094363.0</t>
  </si>
  <si>
    <t>945219790.0</t>
  </si>
  <si>
    <t>5193452.0</t>
  </si>
  <si>
    <t>18628995.0</t>
  </si>
  <si>
    <t>16455178.0</t>
  </si>
  <si>
    <t>6632339.0</t>
  </si>
  <si>
    <t>2438962504.0</t>
  </si>
  <si>
    <t>1487751722.0</t>
  </si>
  <si>
    <t>950825952.0</t>
  </si>
  <si>
    <t>5457687.0</t>
  </si>
  <si>
    <t>13357886.0</t>
  </si>
  <si>
    <t>15585876.0</t>
  </si>
  <si>
    <t>6309627.0</t>
  </si>
  <si>
    <t>2456670094.0</t>
  </si>
  <si>
    <t>1494400145.0</t>
  </si>
  <si>
    <t>961459865.0</t>
  </si>
  <si>
    <t>5505028.0</t>
  </si>
  <si>
    <t>17686418.0</t>
  </si>
  <si>
    <t>17001521.0</t>
  </si>
  <si>
    <t>6630397.0</t>
  </si>
  <si>
    <t>2471740912.0</t>
  </si>
  <si>
    <t>1499534719.0</t>
  </si>
  <si>
    <t>969390639.0</t>
  </si>
  <si>
    <t>6032808.0</t>
  </si>
  <si>
    <t>10447367.0</t>
  </si>
  <si>
    <t>16142159.0</t>
  </si>
  <si>
    <t>6259258.0</t>
  </si>
  <si>
    <t>2484131206.0</t>
  </si>
  <si>
    <t>1505827630.0</t>
  </si>
  <si>
    <t>975884526.0</t>
  </si>
  <si>
    <t>6177863.0</t>
  </si>
  <si>
    <t>11723247.0</t>
  </si>
  <si>
    <t>15652874.0</t>
  </si>
  <si>
    <t>6020837.0</t>
  </si>
  <si>
    <t>2495735443.0</t>
  </si>
  <si>
    <t>1509682752.0</t>
  </si>
  <si>
    <t>982875717.0</t>
  </si>
  <si>
    <t>6293694.0</t>
  </si>
  <si>
    <t>15192795.0</t>
  </si>
  <si>
    <t>15279541.0</t>
  </si>
  <si>
    <t>5864752.0</t>
  </si>
  <si>
    <t>2512202979.0</t>
  </si>
  <si>
    <t>1514597991.0</t>
  </si>
  <si>
    <t>993158790.0</t>
  </si>
  <si>
    <t>6492102.0</t>
  </si>
  <si>
    <t>15626702.0</t>
  </si>
  <si>
    <t>14666201.0</t>
  </si>
  <si>
    <t>5471112.0</t>
  </si>
  <si>
    <t>2528142869.0</t>
  </si>
  <si>
    <t>1520131168.0</t>
  </si>
  <si>
    <t>1005399359.0</t>
  </si>
  <si>
    <t>7661633.0</t>
  </si>
  <si>
    <t>17533136.0</t>
  </si>
  <si>
    <t>14509656.0</t>
  </si>
  <si>
    <t>5290980.0</t>
  </si>
  <si>
    <t>2536553556.0</t>
  </si>
  <si>
    <t>1522910524.0</t>
  </si>
  <si>
    <t>1009977617.0</t>
  </si>
  <si>
    <t>7737438.0</t>
  </si>
  <si>
    <t>11669279.0</t>
  </si>
  <si>
    <t>14268423.0</t>
  </si>
  <si>
    <t>5149709.0</t>
  </si>
  <si>
    <t>2559634086.0</t>
  </si>
  <si>
    <t>1531532930.0</t>
  </si>
  <si>
    <t>1023834639.0</t>
  </si>
  <si>
    <t>7899002.0</t>
  </si>
  <si>
    <t>21702662.0</t>
  </si>
  <si>
    <t>14842173.0</t>
  </si>
  <si>
    <t>5281669.0</t>
  </si>
  <si>
    <t>2570424769.0</t>
  </si>
  <si>
    <t>1535632267.0</t>
  </si>
  <si>
    <t>1034382174.0</t>
  </si>
  <si>
    <t>8057727.0</t>
  </si>
  <si>
    <t>10089934.0</t>
  </si>
  <si>
    <t>14791110.0</t>
  </si>
  <si>
    <t>5229462.0</t>
  </si>
  <si>
    <t>2579507974.0</t>
  </si>
  <si>
    <t>1537813209.0</t>
  </si>
  <si>
    <t>1040113460.0</t>
  </si>
  <si>
    <t>8365879.0</t>
  </si>
  <si>
    <t>10961970.0</t>
  </si>
  <si>
    <t>14682352.0</t>
  </si>
  <si>
    <t>5150512.0</t>
  </si>
  <si>
    <t>2598750286.0</t>
  </si>
  <si>
    <t>1543646789.0</t>
  </si>
  <si>
    <t>1050633576.0</t>
  </si>
  <si>
    <t>8605591.0</t>
  </si>
  <si>
    <t>18732152.0</t>
  </si>
  <si>
    <t>15187976.0</t>
  </si>
  <si>
    <t>5234956.0</t>
  </si>
  <si>
    <t>2613094922.0</t>
  </si>
  <si>
    <t>1547664580.0</t>
  </si>
  <si>
    <t>1058739306.0</t>
  </si>
  <si>
    <t>9781296.0</t>
  </si>
  <si>
    <t>15490142.0</t>
  </si>
  <si>
    <t>15168467.0</t>
  </si>
  <si>
    <t>5182425.0</t>
  </si>
  <si>
    <t>2621973005.0</t>
  </si>
  <si>
    <t>1550463951.0</t>
  </si>
  <si>
    <t>1064023116.0</t>
  </si>
  <si>
    <t>10154070.0</t>
  </si>
  <si>
    <t>12852868.0</t>
  </si>
  <si>
    <t>14499860.0</t>
  </si>
  <si>
    <t>5019805.0</t>
  </si>
  <si>
    <t>2635296794.0</t>
  </si>
  <si>
    <t>1554130580.0</t>
  </si>
  <si>
    <t>1071770032.0</t>
  </si>
  <si>
    <t>10439357.0</t>
  </si>
  <si>
    <t>17054363.0</t>
  </si>
  <si>
    <t>15269157.0</t>
  </si>
  <si>
    <t>5223471.0</t>
  </si>
  <si>
    <t>2648395582.0</t>
  </si>
  <si>
    <t>1558135177.0</t>
  </si>
  <si>
    <t>1079211726.0</t>
  </si>
  <si>
    <t>10782167.0</t>
  </si>
  <si>
    <t>15901117.0</t>
  </si>
  <si>
    <t>14440364.0</t>
  </si>
  <si>
    <t>4993594.0</t>
  </si>
  <si>
    <t>2661313650.0</t>
  </si>
  <si>
    <t>1562004346.0</t>
  </si>
  <si>
    <t>1085845062.0</t>
  </si>
  <si>
    <t>13491728.0</t>
  </si>
  <si>
    <t>10100203.0</t>
  </si>
  <si>
    <t>14441830.0</t>
  </si>
  <si>
    <t>4975529.0</t>
  </si>
  <si>
    <t>2672781359.0</t>
  </si>
  <si>
    <t>1567005225.0</t>
  </si>
  <si>
    <t>1092078715.0</t>
  </si>
  <si>
    <t>13725389.0</t>
  </si>
  <si>
    <t>11147510.0</t>
  </si>
  <si>
    <t>14468335.0</t>
  </si>
  <si>
    <t>4998081.0</t>
  </si>
  <si>
    <t>2685114812.0</t>
  </si>
  <si>
    <t>1570817476.0</t>
  </si>
  <si>
    <t>1100150959.0</t>
  </si>
  <si>
    <t>14226277.0</t>
  </si>
  <si>
    <t>17036947.0</t>
  </si>
  <si>
    <t>14226167.0</t>
  </si>
  <si>
    <t>4952647.0</t>
  </si>
  <si>
    <t>2692922305.0</t>
  </si>
  <si>
    <t>1573619115.0</t>
  </si>
  <si>
    <t>1104285664.0</t>
  </si>
  <si>
    <t>14607830.0</t>
  </si>
  <si>
    <t>11534057.0</t>
  </si>
  <si>
    <t>13661010.0</t>
  </si>
  <si>
    <t>4906587.0</t>
  </si>
  <si>
    <t>2711368598.0</t>
  </si>
  <si>
    <t>1580606960.0</t>
  </si>
  <si>
    <t>1111882704.0</t>
  </si>
  <si>
    <t>14863804.0</t>
  </si>
  <si>
    <t>15903241.0</t>
  </si>
  <si>
    <t>14096779.0</t>
  </si>
  <si>
    <t>5008667.0</t>
  </si>
  <si>
    <t>2725790084.0</t>
  </si>
  <si>
    <t>1585848991.0</t>
  </si>
  <si>
    <t>1120394616.0</t>
  </si>
  <si>
    <t>15081250.0</t>
  </si>
  <si>
    <t>14594055.0</t>
  </si>
  <si>
    <t>13745304.0</t>
  </si>
  <si>
    <t>4873939.0</t>
  </si>
  <si>
    <t>2738082429.0</t>
  </si>
  <si>
    <t>1589169820.0</t>
  </si>
  <si>
    <t>1128024577.0</t>
  </si>
  <si>
    <t>15285691.0</t>
  </si>
  <si>
    <t>17037664.0</t>
  </si>
  <si>
    <t>13907669.0</t>
  </si>
  <si>
    <t>4894926.0</t>
  </si>
  <si>
    <t>2747689236.0</t>
  </si>
  <si>
    <t>1590633890.0</t>
  </si>
  <si>
    <t>1132870333.0</t>
  </si>
  <si>
    <t>15642861.0</t>
  </si>
  <si>
    <t>7261039.0</t>
  </si>
  <si>
    <t>13502071.0</t>
  </si>
  <si>
    <t>4773273.0</t>
  </si>
  <si>
    <t>2757956059.0</t>
  </si>
  <si>
    <t>1594958245.0</t>
  </si>
  <si>
    <t>1136868708.0</t>
  </si>
  <si>
    <t>15862952.0</t>
  </si>
  <si>
    <t>10563117.0</t>
  </si>
  <si>
    <t>13418589.0</t>
  </si>
  <si>
    <t>4729906.0</t>
  </si>
  <si>
    <t>2773390637.0</t>
  </si>
  <si>
    <t>1599410144.0</t>
  </si>
  <si>
    <t>1148451251.0</t>
  </si>
  <si>
    <t>16233155.0</t>
  </si>
  <si>
    <t>16134295.0</t>
  </si>
  <si>
    <t>13289639.0</t>
  </si>
  <si>
    <t>4640626.0</t>
  </si>
  <si>
    <t>2786014799.0</t>
  </si>
  <si>
    <t>1603666471.0</t>
  </si>
  <si>
    <t>1156850413.0</t>
  </si>
  <si>
    <t>16520426.0</t>
  </si>
  <si>
    <t>18023334.0</t>
  </si>
  <si>
    <t>14216679.0</t>
  </si>
  <si>
    <t>4825666.0</t>
  </si>
  <si>
    <t>2799965730.0</t>
  </si>
  <si>
    <t>1608188859.0</t>
  </si>
  <si>
    <t>1175768191.0</t>
  </si>
  <si>
    <t>16976627.0</t>
  </si>
  <si>
    <t>12364228.0</t>
  </si>
  <si>
    <t>13711104.0</t>
  </si>
  <si>
    <t>4682272.0</t>
  </si>
  <si>
    <t>2815313728.0</t>
  </si>
  <si>
    <t>1614033886.0</t>
  </si>
  <si>
    <t>1185090131.0</t>
  </si>
  <si>
    <t>17170706.0</t>
  </si>
  <si>
    <t>17298960.0</t>
  </si>
  <si>
    <t>14097521.0</t>
  </si>
  <si>
    <t>4793436.0</t>
  </si>
  <si>
    <t>2825415327.0</t>
  </si>
  <si>
    <t>1618176485.0</t>
  </si>
  <si>
    <t>1191956090.0</t>
  </si>
  <si>
    <t>17251587.0</t>
  </si>
  <si>
    <t>11202626.0</t>
  </si>
  <si>
    <t>13263945.0</t>
  </si>
  <si>
    <t>4550895.0</t>
  </si>
  <si>
    <t>2831316857.0</t>
  </si>
  <si>
    <t>1623556114.0</t>
  </si>
  <si>
    <t>1194230508.0</t>
  </si>
  <si>
    <t>17293222.0</t>
  </si>
  <si>
    <t>8253757.0</t>
  </si>
  <si>
    <t>13405760.0</t>
  </si>
  <si>
    <t>5035822.0</t>
  </si>
  <si>
    <t>2846077778.0</t>
  </si>
  <si>
    <t>1631347856.0</t>
  </si>
  <si>
    <t>1200372940.0</t>
  </si>
  <si>
    <t>17374308.0</t>
  </si>
  <si>
    <t>13896276.0</t>
  </si>
  <si>
    <t>13881925.0</t>
  </si>
  <si>
    <t>5472882.0</t>
  </si>
  <si>
    <t>2865135100.0</t>
  </si>
  <si>
    <t>1642261079.0</t>
  </si>
  <si>
    <t>1208279636.0</t>
  </si>
  <si>
    <t>17970764.0</t>
  </si>
  <si>
    <t>14761229.0</t>
  </si>
  <si>
    <t>13685770.0</t>
  </si>
  <si>
    <t>5828642.0</t>
  </si>
  <si>
    <t>2879596447.0</t>
  </si>
  <si>
    <t>1650237948.0</t>
  </si>
  <si>
    <t>1212804756.0</t>
  </si>
  <si>
    <t>18357663.0</t>
  </si>
  <si>
    <t>17025058.0</t>
  </si>
  <si>
    <t>13543164.0</t>
  </si>
  <si>
    <t>6267316.0</t>
  </si>
  <si>
    <t>2893467014.0</t>
  </si>
  <si>
    <t>1658588691.0</t>
  </si>
  <si>
    <t>1218118208.0</t>
  </si>
  <si>
    <t>18848350.0</t>
  </si>
  <si>
    <t>16782996.0</t>
  </si>
  <si>
    <t>14174415.0</t>
  </si>
  <si>
    <t>6907623.0</t>
  </si>
  <si>
    <t>2908786984.0</t>
  </si>
  <si>
    <t>1668524514.0</t>
  </si>
  <si>
    <t>1224416459.0</t>
  </si>
  <si>
    <t>19087149.0</t>
  </si>
  <si>
    <t>20810174.0</t>
  </si>
  <si>
    <t>14676016.0</t>
  </si>
  <si>
    <t>7708601.0</t>
  </si>
  <si>
    <t>2915638945.0</t>
  </si>
  <si>
    <t>1671742639.0</t>
  </si>
  <si>
    <t>1226970226.0</t>
  </si>
  <si>
    <t>19209513.0</t>
  </si>
  <si>
    <t>9233901.0</t>
  </si>
  <si>
    <t>14394769.0</t>
  </si>
  <si>
    <t>7725718.0</t>
  </si>
  <si>
    <t>2934138594.0</t>
  </si>
  <si>
    <t>1679339814.0</t>
  </si>
  <si>
    <t>1234453192.0</t>
  </si>
  <si>
    <t>19815730.0</t>
  </si>
  <si>
    <t>16355107.0</t>
  </si>
  <si>
    <t>15552104.0</t>
  </si>
  <si>
    <t>7883287.0</t>
  </si>
  <si>
    <t>2971448832.0</t>
  </si>
  <si>
    <t>1696344548.0</t>
  </si>
  <si>
    <t>1252822449.0</t>
  </si>
  <si>
    <t>20243467.0</t>
  </si>
  <si>
    <t>13612816.0</t>
  </si>
  <si>
    <t>15511611.0</t>
  </si>
  <si>
    <t>7660551.0</t>
  </si>
  <si>
    <t>2989652935.0</t>
  </si>
  <si>
    <t>1704364103.0</t>
  </si>
  <si>
    <t>1261085709.0</t>
  </si>
  <si>
    <t>20742444.0</t>
  </si>
  <si>
    <t>22369327.0</t>
  </si>
  <si>
    <t>16598482.0</t>
  </si>
  <si>
    <t>7990999.0</t>
  </si>
  <si>
    <t>3004626027.0</t>
  </si>
  <si>
    <t>1713005343.0</t>
  </si>
  <si>
    <t>1266669675.0</t>
  </si>
  <si>
    <t>21185060.0</t>
  </si>
  <si>
    <t>16374098.0</t>
  </si>
  <si>
    <t>16505488.0</t>
  </si>
  <si>
    <t>3022650696.0</t>
  </si>
  <si>
    <t>1719564908.0</t>
  </si>
  <si>
    <t>1277359412.0</t>
  </si>
  <si>
    <t>32946369.0</t>
  </si>
  <si>
    <t>17521837.0</t>
  </si>
  <si>
    <t>16611035.0</t>
  </si>
  <si>
    <t>7540579.0</t>
  </si>
  <si>
    <t>3029620441.0</t>
  </si>
  <si>
    <t>1724221238.0</t>
  </si>
  <si>
    <t>1280429389.0</t>
  </si>
  <si>
    <t>33693039.0</t>
  </si>
  <si>
    <t>9735604.0</t>
  </si>
  <si>
    <t>15028953.0</t>
  </si>
  <si>
    <t>6535414.0</t>
  </si>
  <si>
    <t>3044229873.0</t>
  </si>
  <si>
    <t>1732434472.0</t>
  </si>
  <si>
    <t>1287240814.0</t>
  </si>
  <si>
    <t>34972161.0</t>
  </si>
  <si>
    <t>17350764.0</t>
  </si>
  <si>
    <t>16188507.0</t>
  </si>
  <si>
    <t>7173198.0</t>
  </si>
  <si>
    <t>3058299982.0</t>
  </si>
  <si>
    <t>1738675471.0</t>
  </si>
  <si>
    <t>1293458667.0</t>
  </si>
  <si>
    <t>36571498.0</t>
  </si>
  <si>
    <t>13381649.0</t>
  </si>
  <si>
    <t>15763729.0</t>
  </si>
  <si>
    <t>6980258.0</t>
  </si>
  <si>
    <t>3070761278.0</t>
  </si>
  <si>
    <t>1745076124.0</t>
  </si>
  <si>
    <t>1298549954.0</t>
  </si>
  <si>
    <t>37498796.0</t>
  </si>
  <si>
    <t>14470312.0</t>
  </si>
  <si>
    <t>15886226.0</t>
  </si>
  <si>
    <t>7109228.0</t>
  </si>
  <si>
    <t>3078092015.0</t>
  </si>
  <si>
    <t>1748292339.0</t>
  </si>
  <si>
    <t>1301397981.0</t>
  </si>
  <si>
    <t>38682448.0</t>
  </si>
  <si>
    <t>8034663.0</t>
  </si>
  <si>
    <t>13838418.0</t>
  </si>
  <si>
    <t>6123554.0</t>
  </si>
  <si>
    <t>3098640537.0</t>
  </si>
  <si>
    <t>1757258378.0</t>
  </si>
  <si>
    <t>1312643809.0</t>
  </si>
  <si>
    <t>40736528.0</t>
  </si>
  <si>
    <t>24229573.0</t>
  </si>
  <si>
    <t>14960630.0</t>
  </si>
  <si>
    <t>6484260.0</t>
  </si>
  <si>
    <t>3110939788.0</t>
  </si>
  <si>
    <t>1762793603.0</t>
  </si>
  <si>
    <t>1319264989.0</t>
  </si>
  <si>
    <t>42373803.0</t>
  </si>
  <si>
    <t>15862753.0</t>
  </si>
  <si>
    <t>14723617.0</t>
  </si>
  <si>
    <t>6310814.0</t>
  </si>
  <si>
    <t>3123532962.0</t>
  </si>
  <si>
    <t>1768377312.0</t>
  </si>
  <si>
    <t>1326541565.0</t>
  </si>
  <si>
    <t>43621115.0</t>
  </si>
  <si>
    <t>15549132.0</t>
  </si>
  <si>
    <t>15554123.0</t>
  </si>
  <si>
    <t>6548347.0</t>
  </si>
  <si>
    <t>3135432898.0</t>
  </si>
  <si>
    <t>1773815024.0</t>
  </si>
  <si>
    <t>1332888263.0</t>
  </si>
  <si>
    <t>44790286.0</t>
  </si>
  <si>
    <t>13519547.0</t>
  </si>
  <si>
    <t>15006806.0</t>
  </si>
  <si>
    <t>6046988.0</t>
  </si>
  <si>
    <t>3154964222.0</t>
  </si>
  <si>
    <t>1778187781.0</t>
  </si>
  <si>
    <t>1337255406.0</t>
  </si>
  <si>
    <t>45834498.0</t>
  </si>
  <si>
    <t>10881446.0</t>
  </si>
  <si>
    <t>14649633.0</t>
  </si>
  <si>
    <t>5686883.0</t>
  </si>
  <si>
    <t>3163604459.0</t>
  </si>
  <si>
    <t>1781202913.0</t>
  </si>
  <si>
    <t>1341382272.0</t>
  </si>
  <si>
    <t>46557428.0</t>
  </si>
  <si>
    <t>7151923.0</t>
  </si>
  <si>
    <t>13604150.0</t>
  </si>
  <si>
    <t>5093287.0</t>
  </si>
  <si>
    <t>3173386629.0</t>
  </si>
  <si>
    <t>1784930245.0</t>
  </si>
  <si>
    <t>1347283393.0</t>
  </si>
  <si>
    <t>47821731.0</t>
  </si>
  <si>
    <t>13706207.0</t>
  </si>
  <si>
    <t>14414368.0</t>
  </si>
  <si>
    <t>5324350.0</t>
  </si>
  <si>
    <t>3185090297.0</t>
  </si>
  <si>
    <t>1788358238.0</t>
  </si>
  <si>
    <t>1352659463.0</t>
  </si>
  <si>
    <t>49422060.0</t>
  </si>
  <si>
    <t>12963256.0</t>
  </si>
  <si>
    <t>12804891.0</t>
  </si>
  <si>
    <t>4526700.0</t>
  </si>
  <si>
    <t>3189841939.0</t>
  </si>
  <si>
    <t>1790350869.0</t>
  </si>
  <si>
    <t>1356131740.0</t>
  </si>
  <si>
    <t>52174283.0</t>
  </si>
  <si>
    <t>8807643.0</t>
  </si>
  <si>
    <t>11797021.0</t>
  </si>
  <si>
    <t>92.94</t>
  </si>
  <si>
    <t>4009906.0</t>
  </si>
  <si>
    <t>3199149852.0</t>
  </si>
  <si>
    <t>1793424881.0</t>
  </si>
  <si>
    <t>1361030319.0</t>
  </si>
  <si>
    <t>53617885.0</t>
  </si>
  <si>
    <t>12353926.0</t>
  </si>
  <si>
    <t>11340563.0</t>
  </si>
  <si>
    <t>3707625.0</t>
  </si>
  <si>
    <t>3207282381.0</t>
  </si>
  <si>
    <t>1796897602.0</t>
  </si>
  <si>
    <t>1365731047.0</t>
  </si>
  <si>
    <t>54487600.0</t>
  </si>
  <si>
    <t>10798242.0</t>
  </si>
  <si>
    <t>10951803.0</t>
  </si>
  <si>
    <t>3491462.0</t>
  </si>
  <si>
    <t>3217226422.0</t>
  </si>
  <si>
    <t>1800177024.0</t>
  </si>
  <si>
    <t>1372280875.0</t>
  </si>
  <si>
    <t>56043451.0</t>
  </si>
  <si>
    <t>12607525.0</t>
  </si>
  <si>
    <t>11198392.0</t>
  </si>
  <si>
    <t>93.74</t>
  </si>
  <si>
    <t>3515611.0</t>
  </si>
  <si>
    <t>3229474082.0</t>
  </si>
  <si>
    <t>1803267570.0</t>
  </si>
  <si>
    <t>1379246887.0</t>
  </si>
  <si>
    <t>57864504.0</t>
  </si>
  <si>
    <t>13437865.0</t>
  </si>
  <si>
    <t>12096379.0</t>
  </si>
  <si>
    <t>3778369.0</t>
  </si>
  <si>
    <t>3240978858.0</t>
  </si>
  <si>
    <t>1807042992.0</t>
  </si>
  <si>
    <t>1386326465.0</t>
  </si>
  <si>
    <t>59309867.0</t>
  </si>
  <si>
    <t>12406215.0</t>
  </si>
  <si>
    <t>11910667.0</t>
  </si>
  <si>
    <t>3647237.0</t>
  </si>
  <si>
    <t>3250847299.0</t>
  </si>
  <si>
    <t>1810113706.0</t>
  </si>
  <si>
    <t>1391914696.0</t>
  </si>
  <si>
    <t>60635195.0</t>
  </si>
  <si>
    <t>12988814.0</t>
  </si>
  <si>
    <t>11914318.0</t>
  </si>
  <si>
    <t>3580909.0</t>
  </si>
  <si>
    <t>3258376255.0</t>
  </si>
  <si>
    <t>1812781521.0</t>
  </si>
  <si>
    <t>1396609000.0</t>
  </si>
  <si>
    <t>61895329.0</t>
  </si>
  <si>
    <t>11837356.0</t>
  </si>
  <si>
    <t>12347135.0</t>
  </si>
  <si>
    <t>3723318.0</t>
  </si>
  <si>
    <t>3267928384.0</t>
  </si>
  <si>
    <t>1816003426.0</t>
  </si>
  <si>
    <t>1404966230.0</t>
  </si>
  <si>
    <t>63147966.0</t>
  </si>
  <si>
    <t>12522126.0</t>
  </si>
  <si>
    <t>12371166.0</t>
  </si>
  <si>
    <t>3729274.0</t>
  </si>
  <si>
    <t>3275756794.0</t>
  </si>
  <si>
    <t>1818479914.0</t>
  </si>
  <si>
    <t>1410355137.0</t>
  </si>
  <si>
    <t>64136248.0</t>
  </si>
  <si>
    <t>13419567.0</t>
  </si>
  <si>
    <t>12745638.0</t>
  </si>
  <si>
    <t>3842826.0</t>
  </si>
  <si>
    <t>3334916524.0</t>
  </si>
  <si>
    <t>1822943455.0</t>
  </si>
  <si>
    <t>1416034756.0</t>
  </si>
  <si>
    <t>70571165.0</t>
  </si>
  <si>
    <t>9931312.0</t>
  </si>
  <si>
    <t>12363323.0</t>
  </si>
  <si>
    <t>97.17</t>
  </si>
  <si>
    <t>3779131.0</t>
  </si>
  <si>
    <t>3343014982.0</t>
  </si>
  <si>
    <t>1825618476.0</t>
  </si>
  <si>
    <t>1419021969.0</t>
  </si>
  <si>
    <t>71694760.0</t>
  </si>
  <si>
    <t>7922576.0</t>
  </si>
  <si>
    <t>11575421.0</t>
  </si>
  <si>
    <t>3593622.0</t>
  </si>
  <si>
    <t>3356066575.0</t>
  </si>
  <si>
    <t>1829025371.0</t>
  </si>
  <si>
    <t>1426895698.0</t>
  </si>
  <si>
    <t>72833104.0</t>
  </si>
  <si>
    <t>13715314.0</t>
  </si>
  <si>
    <t>11762439.0</t>
  </si>
  <si>
    <t>3642740.0</t>
  </si>
  <si>
    <t>3369656323.0</t>
  </si>
  <si>
    <t>1832768045.0</t>
  </si>
  <si>
    <t>1433532085.0</t>
  </si>
  <si>
    <t>74238083.0</t>
  </si>
  <si>
    <t>15308444.0</t>
  </si>
  <si>
    <t>12093812.0</t>
  </si>
  <si>
    <t>98.18</t>
  </si>
  <si>
    <t>3720672.0</t>
  </si>
  <si>
    <t>3377169341.0</t>
  </si>
  <si>
    <t>1835454777.0</t>
  </si>
  <si>
    <t>1439394079.0</t>
  </si>
  <si>
    <t>104643497.0</t>
  </si>
  <si>
    <t>8135008.0</t>
  </si>
  <si>
    <t>11564904.0</t>
  </si>
  <si>
    <t>3617866.0</t>
  </si>
  <si>
    <t>3389494093.0</t>
  </si>
  <si>
    <t>1838469809.0</t>
  </si>
  <si>
    <t>1448197693.0</t>
  </si>
  <si>
    <t>106038525.0</t>
  </si>
  <si>
    <t>16830126.0</t>
  </si>
  <si>
    <t>12180334.0</t>
  </si>
  <si>
    <t>3750442.0</t>
  </si>
  <si>
    <t>3397023697.0</t>
  </si>
  <si>
    <t>1839976243.0</t>
  </si>
  <si>
    <t>1452057747.0</t>
  </si>
  <si>
    <t>107415815.0</t>
  </si>
  <si>
    <t>10346597.0</t>
  </si>
  <si>
    <t>11741339.0</t>
  </si>
  <si>
    <t>3623529.0</t>
  </si>
  <si>
    <t>3412578896.0</t>
  </si>
  <si>
    <t>1845980802.0</t>
  </si>
  <si>
    <t>1460210514.0</t>
  </si>
  <si>
    <t>108451813.0</t>
  </si>
  <si>
    <t>10473528.0</t>
  </si>
  <si>
    <t>11818800.0</t>
  </si>
  <si>
    <t>3674849.0</t>
  </si>
  <si>
    <t>3421614074.0</t>
  </si>
  <si>
    <t>1848176629.0</t>
  </si>
  <si>
    <t>1464101127.0</t>
  </si>
  <si>
    <t>110164786.0</t>
  </si>
  <si>
    <t>9846679.0</t>
  </si>
  <si>
    <t>12093670.0</t>
  </si>
  <si>
    <t>3824278.0</t>
  </si>
  <si>
    <t>3430236219.0</t>
  </si>
  <si>
    <t>1850094173.0</t>
  </si>
  <si>
    <t>1470154631.0</t>
  </si>
  <si>
    <t>111170112.0</t>
  </si>
  <si>
    <t>13116711.0</t>
  </si>
  <si>
    <t>12008155.0</t>
  </si>
  <si>
    <t>3765802.0</t>
  </si>
  <si>
    <t>3437536079.0</t>
  </si>
  <si>
    <t>1852365389.0</t>
  </si>
  <si>
    <t>1474413188.0</t>
  </si>
  <si>
    <t>111834643.0</t>
  </si>
  <si>
    <t>9111419.0</t>
  </si>
  <si>
    <t>11122867.0</t>
  </si>
  <si>
    <t>3589088.0</t>
  </si>
  <si>
    <t>3445828828.0</t>
  </si>
  <si>
    <t>1853581655.0</t>
  </si>
  <si>
    <t>1479941752.0</t>
  </si>
  <si>
    <t>119602843.0</t>
  </si>
  <si>
    <t>11572406.0</t>
  </si>
  <si>
    <t>11613925.0</t>
  </si>
  <si>
    <t>3621001.0</t>
  </si>
  <si>
    <t>3474318516.0</t>
  </si>
  <si>
    <t>1860741884.0</t>
  </si>
  <si>
    <t>1499165151.0</t>
  </si>
  <si>
    <t>122127699.0</t>
  </si>
  <si>
    <t>10126018.0</t>
  </si>
  <si>
    <t>10656193.0</t>
  </si>
  <si>
    <t>101.23</t>
  </si>
  <si>
    <t>3351214.0</t>
  </si>
  <si>
    <t>3491898727.0</t>
  </si>
  <si>
    <t>1867135199.0</t>
  </si>
  <si>
    <t>1507107074.0</t>
  </si>
  <si>
    <t>128326554.0</t>
  </si>
  <si>
    <t>11880419.0</t>
  </si>
  <si>
    <t>10875310.0</t>
  </si>
  <si>
    <t>3393129.0</t>
  </si>
  <si>
    <t>3497287302.0</t>
  </si>
  <si>
    <t>1868419791.0</t>
  </si>
  <si>
    <t>1510402125.0</t>
  </si>
  <si>
    <t>128948492.0</t>
  </si>
  <si>
    <t>5893293.0</t>
  </si>
  <si>
    <t>10220992.0</t>
  </si>
  <si>
    <t>3144499.0</t>
  </si>
  <si>
    <t>3511509177.0</t>
  </si>
  <si>
    <t>1873598931.0</t>
  </si>
  <si>
    <t>1516904031.0</t>
  </si>
  <si>
    <t>130491299.0</t>
  </si>
  <si>
    <t>7316113.0</t>
  </si>
  <si>
    <t>9859484.0</t>
  </si>
  <si>
    <t>2918272.0</t>
  </si>
  <si>
    <t>3521120786.0</t>
  </si>
  <si>
    <t>1876001290.0</t>
  </si>
  <si>
    <t>1522536825.0</t>
  </si>
  <si>
    <t>131790899.0</t>
  </si>
  <si>
    <t>8847825.0</t>
  </si>
  <si>
    <t>9249643.0</t>
  </si>
  <si>
    <t>2719250.0</t>
  </si>
  <si>
    <t>3528159093.0</t>
  </si>
  <si>
    <t>1877652196.0</t>
  </si>
  <si>
    <t>1526610202.0</t>
  </si>
  <si>
    <t>133238654.0</t>
  </si>
  <si>
    <t>10907700.0</t>
  </si>
  <si>
    <t>9506254.0</t>
  </si>
  <si>
    <t>3035799.0</t>
  </si>
  <si>
    <t>3533604723.0</t>
  </si>
  <si>
    <t>1890992389.0</t>
  </si>
  <si>
    <t>1530195826.0</t>
  </si>
  <si>
    <t>134736261.0</t>
  </si>
  <si>
    <t>11605620.0</t>
  </si>
  <si>
    <t>9510996.0</t>
  </si>
  <si>
    <t>3303394.0</t>
  </si>
  <si>
    <t>3540548866.0</t>
  </si>
  <si>
    <t>1893190355.0</t>
  </si>
  <si>
    <t>1534443148.0</t>
  </si>
  <si>
    <t>136023829.0</t>
  </si>
  <si>
    <t>11689735.0</t>
  </si>
  <si>
    <t>9734387.0</t>
  </si>
  <si>
    <t>3600013.0</t>
  </si>
  <si>
    <t>3546379668.0</t>
  </si>
  <si>
    <t>1894736221.0</t>
  </si>
  <si>
    <t>1538730861.0</t>
  </si>
  <si>
    <t>136495476.0</t>
  </si>
  <si>
    <t>10404580.0</t>
  </si>
  <si>
    <t>9523554.0</t>
  </si>
  <si>
    <t>3771324.0</t>
  </si>
  <si>
    <t>3550052995.0</t>
  </si>
  <si>
    <t>1895710984.0</t>
  </si>
  <si>
    <t>1540629233.0</t>
  </si>
  <si>
    <t>137020442.0</t>
  </si>
  <si>
    <t>8128364.0</t>
  </si>
  <si>
    <t>9842846.0</t>
  </si>
  <si>
    <t>103.44</t>
  </si>
  <si>
    <t>4119847.0</t>
  </si>
  <si>
    <t>3585955860.0</t>
  </si>
  <si>
    <t>1918409207.0</t>
  </si>
  <si>
    <t>1551126015.0</t>
  </si>
  <si>
    <t>140108529.0</t>
  </si>
  <si>
    <t>11099193.0</t>
  </si>
  <si>
    <t>10366935.0</t>
  </si>
  <si>
    <t>104.48</t>
  </si>
  <si>
    <t>4512939.0</t>
  </si>
  <si>
    <t>3589670324.0</t>
  </si>
  <si>
    <t>1919483557.0</t>
  </si>
  <si>
    <t>1553186503.0</t>
  </si>
  <si>
    <t>140669737.0</t>
  </si>
  <si>
    <t>4859648.0</t>
  </si>
  <si>
    <t>9806186.0</t>
  </si>
  <si>
    <t>4412865.0</t>
  </si>
  <si>
    <t>3595935388.0</t>
  </si>
  <si>
    <t>1920247712.0</t>
  </si>
  <si>
    <t>1555128924.0</t>
  </si>
  <si>
    <t>142288568.0</t>
  </si>
  <si>
    <t>7885701.0</t>
  </si>
  <si>
    <t>9375940.0</t>
  </si>
  <si>
    <t>3902965.0</t>
  </si>
  <si>
    <t>3600518303.0</t>
  </si>
  <si>
    <t>1920841874.0</t>
  </si>
  <si>
    <t>1559579678.0</t>
  </si>
  <si>
    <t>142691018.0</t>
  </si>
  <si>
    <t>7926984.0</t>
  </si>
  <si>
    <t>8851899.0</t>
  </si>
  <si>
    <t>3454810.0</t>
  </si>
  <si>
    <t>3604973500.0</t>
  </si>
  <si>
    <t>1921733976.0</t>
  </si>
  <si>
    <t>1562334719.0</t>
  </si>
  <si>
    <t>143807993.0</t>
  </si>
  <si>
    <t>7893088.0</t>
  </si>
  <si>
    <t>8310992.0</t>
  </si>
  <si>
    <t>3059122.0</t>
  </si>
  <si>
    <t>3614233234.0</t>
  </si>
  <si>
    <t>1924495807.0</t>
  </si>
  <si>
    <t>1567353866.0</t>
  </si>
  <si>
    <t>146356769.0</t>
  </si>
  <si>
    <t>7896661.0</t>
  </si>
  <si>
    <t>7954191.0</t>
  </si>
  <si>
    <t>2648430.0</t>
  </si>
  <si>
    <t>3625554819.0</t>
  </si>
  <si>
    <t>1928527050.0</t>
  </si>
  <si>
    <t>1573037948.0</t>
  </si>
  <si>
    <t>147344489.0</t>
  </si>
  <si>
    <t>5046134.0</t>
  </si>
  <si>
    <t>7515345.0</t>
  </si>
  <si>
    <t>2237440.0</t>
  </si>
  <si>
    <t>3631514482.0</t>
  </si>
  <si>
    <t>1929474243.0</t>
  </si>
  <si>
    <t>1575907827.0</t>
  </si>
  <si>
    <t>148685192.0</t>
  </si>
  <si>
    <t>6101566.0</t>
  </si>
  <si>
    <t>6801400.0</t>
  </si>
  <si>
    <t>1739141.0</t>
  </si>
  <si>
    <t>3638156102.0</t>
  </si>
  <si>
    <t>1931123372.0</t>
  </si>
  <si>
    <t>1580201377.0</t>
  </si>
  <si>
    <t>150002696.0</t>
  </si>
  <si>
    <t>6480931.0</t>
  </si>
  <si>
    <t>7033009.0</t>
  </si>
  <si>
    <t>1743580.0</t>
  </si>
  <si>
    <t>3643944952.0</t>
  </si>
  <si>
    <t>1931861950.0</t>
  </si>
  <si>
    <t>1583391546.0</t>
  </si>
  <si>
    <t>151286149.0</t>
  </si>
  <si>
    <t>6782362.0</t>
  </si>
  <si>
    <t>6875389.0</t>
  </si>
  <si>
    <t>1702746.0</t>
  </si>
  <si>
    <t>3649036921.0</t>
  </si>
  <si>
    <t>1933682122.0</t>
  </si>
  <si>
    <t>1586967067.0</t>
  </si>
  <si>
    <t>152632719.0</t>
  </si>
  <si>
    <t>6523635.0</t>
  </si>
  <si>
    <t>6674911.0</t>
  </si>
  <si>
    <t>106.32</t>
  </si>
  <si>
    <t>1649919.0</t>
  </si>
  <si>
    <t>3654177822.0</t>
  </si>
  <si>
    <t>1934707314.0</t>
  </si>
  <si>
    <t>1590321011.0</t>
  </si>
  <si>
    <t>153199472.0</t>
  </si>
  <si>
    <t>7148153.0</t>
  </si>
  <si>
    <t>6568491.0</t>
  </si>
  <si>
    <t>1559204.0</t>
  </si>
  <si>
    <t>3659614255.0</t>
  </si>
  <si>
    <t>1935843577.0</t>
  </si>
  <si>
    <t>1592657550.0</t>
  </si>
  <si>
    <t>155066364.0</t>
  </si>
  <si>
    <t>5391284.0</t>
  </si>
  <si>
    <t>6210583.0</t>
  </si>
  <si>
    <t>1480754.0</t>
  </si>
  <si>
    <t>3666905658.0</t>
  </si>
  <si>
    <t>1937243006.0</t>
  </si>
  <si>
    <t>1596924995.0</t>
  </si>
  <si>
    <t>158868844.0</t>
  </si>
  <si>
    <t>4937343.0</t>
  </si>
  <si>
    <t>6195040.0</t>
  </si>
  <si>
    <t>1456690.0</t>
  </si>
  <si>
    <t>3671358405.0</t>
  </si>
  <si>
    <t>1937852842.0</t>
  </si>
  <si>
    <t>1599366377.0</t>
  </si>
  <si>
    <t>159756667.0</t>
  </si>
  <si>
    <t>5911177.0</t>
  </si>
  <si>
    <t>6167839.0</t>
  </si>
  <si>
    <t>1457486.0</t>
  </si>
  <si>
    <t>3679038944.0</t>
  </si>
  <si>
    <t>1941308007.0</t>
  </si>
  <si>
    <t>1603525439.0</t>
  </si>
  <si>
    <t>161190056.0</t>
  </si>
  <si>
    <t>6380140.0</t>
  </si>
  <si>
    <t>6153440.0</t>
  </si>
  <si>
    <t>1441736.0</t>
  </si>
  <si>
    <t>3684215634.0</t>
  </si>
  <si>
    <t>1941962943.0</t>
  </si>
  <si>
    <t>1606213838.0</t>
  </si>
  <si>
    <t>162299939.0</t>
  </si>
  <si>
    <t>6831529.0</t>
  </si>
  <si>
    <t>6160467.0</t>
  </si>
  <si>
    <t>107.35</t>
  </si>
  <si>
    <t>1467266.0</t>
  </si>
  <si>
    <t>3689384924.0</t>
  </si>
  <si>
    <t>1943955083.0</t>
  </si>
  <si>
    <t>1608357220.0</t>
  </si>
  <si>
    <t>163501089.0</t>
  </si>
  <si>
    <t>6981112.0</t>
  </si>
  <si>
    <t>6225820.0</t>
  </si>
  <si>
    <t>1526930.0</t>
  </si>
  <si>
    <t>3693062680.0</t>
  </si>
  <si>
    <t>1945617958.0</t>
  </si>
  <si>
    <t>1610278043.0</t>
  </si>
  <si>
    <t>165309154.0</t>
  </si>
  <si>
    <t>4597324.0</t>
  </si>
  <si>
    <t>5861415.0</t>
  </si>
  <si>
    <t>1544306.0</t>
  </si>
  <si>
    <t>3696883208.0</t>
  </si>
  <si>
    <t>1946823980.0</t>
  </si>
  <si>
    <t>1611469077.0</t>
  </si>
  <si>
    <t>166715429.0</t>
  </si>
  <si>
    <t>4357325.0</t>
  </si>
  <si>
    <t>5713707.0</t>
  </si>
  <si>
    <t>1565427.0</t>
  </si>
  <si>
    <t>3701624791.0</t>
  </si>
  <si>
    <t>1948317843.0</t>
  </si>
  <si>
    <t>1613920224.0</t>
  </si>
  <si>
    <t>168105210.0</t>
  </si>
  <si>
    <t>5118572.0</t>
  </si>
  <si>
    <t>5739596.0</t>
  </si>
  <si>
    <t>107.85</t>
  </si>
  <si>
    <t>1558754.0</t>
  </si>
  <si>
    <t>3706493767.0</t>
  </si>
  <si>
    <t>1950390677.0</t>
  </si>
  <si>
    <t>1616624820.0</t>
  </si>
  <si>
    <t>169371895.0</t>
  </si>
  <si>
    <t>6560325.0</t>
  </si>
  <si>
    <t>5832334.0</t>
  </si>
  <si>
    <t>1720896.0</t>
  </si>
  <si>
    <t>3714992396.0</t>
  </si>
  <si>
    <t>1952919844.0</t>
  </si>
  <si>
    <t>1619665446.0</t>
  </si>
  <si>
    <t>172042673.0</t>
  </si>
  <si>
    <t>9932218.0</t>
  </si>
  <si>
    <t>6339772.0</t>
  </si>
  <si>
    <t>1913739.0</t>
  </si>
  <si>
    <t>3722418880.0</t>
  </si>
  <si>
    <t>1956466903.0</t>
  </si>
  <si>
    <t>1622903825.0</t>
  </si>
  <si>
    <t>173195980.0</t>
  </si>
  <si>
    <t>9936760.0</t>
  </si>
  <si>
    <t>6783377.0</t>
  </si>
  <si>
    <t>2259829.0</t>
  </si>
  <si>
    <t>3732147424.0</t>
  </si>
  <si>
    <t>1960056921.0</t>
  </si>
  <si>
    <t>1625782515.0</t>
  </si>
  <si>
    <t>174251894.0</t>
  </si>
  <si>
    <t>8442784.0</t>
  </si>
  <si>
    <t>6992189.0</t>
  </si>
  <si>
    <t>2468639.0</t>
  </si>
  <si>
    <t>3736514785.0</t>
  </si>
  <si>
    <t>1961766891.0</t>
  </si>
  <si>
    <t>1627067649.0</t>
  </si>
  <si>
    <t>176083111.0</t>
  </si>
  <si>
    <t>7267607.0</t>
  </si>
  <si>
    <t>2554856.0</t>
  </si>
  <si>
    <t>3742041932.0</t>
  </si>
  <si>
    <t>1964796085.0</t>
  </si>
  <si>
    <t>1630223520.0</t>
  </si>
  <si>
    <t>176528635.0</t>
  </si>
  <si>
    <t>8038749.0</t>
  </si>
  <si>
    <t>7793524.0</t>
  </si>
  <si>
    <t>2821742.0</t>
  </si>
  <si>
    <t>3749921152.0</t>
  </si>
  <si>
    <t>1967541410.0</t>
  </si>
  <si>
    <t>1634148535.0</t>
  </si>
  <si>
    <t>179109348.0</t>
  </si>
  <si>
    <t>6375257.0</t>
  </si>
  <si>
    <t>7973052.0</t>
  </si>
  <si>
    <t>109.26</t>
  </si>
  <si>
    <t>2867900.0</t>
  </si>
  <si>
    <t>3765332362.0</t>
  </si>
  <si>
    <t>1968841508.0</t>
  </si>
  <si>
    <t>1641721308.0</t>
  </si>
  <si>
    <t>182967954.0</t>
  </si>
  <si>
    <t>13042062.0</t>
  </si>
  <si>
    <t>8899018.0</t>
  </si>
  <si>
    <t>2816518.0</t>
  </si>
  <si>
    <t>3774170369.0</t>
  </si>
  <si>
    <t>1970282963.0</t>
  </si>
  <si>
    <t>1648241558.0</t>
  </si>
  <si>
    <t>184904268.0</t>
  </si>
  <si>
    <t>10585069.0</t>
  </si>
  <si>
    <t>8992279.0</t>
  </si>
  <si>
    <t>2735559.0</t>
  </si>
  <si>
    <t>3783741300.0</t>
  </si>
  <si>
    <t>1972964567.0</t>
  </si>
  <si>
    <t>1653648388.0</t>
  </si>
  <si>
    <t>186204904.0</t>
  </si>
  <si>
    <t>11735052.0</t>
  </si>
  <si>
    <t>9249176.0</t>
  </si>
  <si>
    <t>2680073.0</t>
  </si>
  <si>
    <t>3808347195.0</t>
  </si>
  <si>
    <t>1979396726.0</t>
  </si>
  <si>
    <t>1669519708.0</t>
  </si>
  <si>
    <t>189480114.0</t>
  </si>
  <si>
    <t>7857997.0</t>
  </si>
  <si>
    <t>9165640.0</t>
  </si>
  <si>
    <t>2641251.0</t>
  </si>
  <si>
    <t>3810360031.0</t>
  </si>
  <si>
    <t>1981013384.0</t>
  </si>
  <si>
    <t>1670917583.0</t>
  </si>
  <si>
    <t>189734155.0</t>
  </si>
  <si>
    <t>4992852.0</t>
  </si>
  <si>
    <t>8946721.0</t>
  </si>
  <si>
    <t>3811444563.0</t>
  </si>
  <si>
    <t>1981792604.0</t>
  </si>
  <si>
    <t>1671342604.0</t>
  </si>
  <si>
    <t>189999534.0</t>
  </si>
  <si>
    <t>4829012.0</t>
  </si>
  <si>
    <t>8488187.0</t>
  </si>
  <si>
    <t>2316720.0</t>
  </si>
  <si>
    <t>3816854614.0</t>
  </si>
  <si>
    <t>1982418634.0</t>
  </si>
  <si>
    <t>1674667202.0</t>
  </si>
  <si>
    <t>191476170.0</t>
  </si>
  <si>
    <t>5000052.0</t>
  </si>
  <si>
    <t>8291731.0</t>
  </si>
  <si>
    <t>2298847.0</t>
  </si>
  <si>
    <t>3824702999.0</t>
  </si>
  <si>
    <t>1984273455.0</t>
  </si>
  <si>
    <t>1677225145.0</t>
  </si>
  <si>
    <t>193114406.0</t>
  </si>
  <si>
    <t>4144263.0</t>
  </si>
  <si>
    <t>7020616.0</t>
  </si>
  <si>
    <t>2200219.0</t>
  </si>
  <si>
    <t>3830972389.0</t>
  </si>
  <si>
    <t>1985600810.0</t>
  </si>
  <si>
    <t>1678731460.0</t>
  </si>
  <si>
    <t>195578597.0</t>
  </si>
  <si>
    <t>6364768.0</t>
  </si>
  <si>
    <t>6417713.0</t>
  </si>
  <si>
    <t>2110310.0</t>
  </si>
  <si>
    <t>3834645209.0</t>
  </si>
  <si>
    <t>1986896889.0</t>
  </si>
  <si>
    <t>1680684369.0</t>
  </si>
  <si>
    <t>196377836.0</t>
  </si>
  <si>
    <t>5255214.0</t>
  </si>
  <si>
    <t>5492021.0</t>
  </si>
  <si>
    <t>1907602.0</t>
  </si>
  <si>
    <t>3840674250.0</t>
  </si>
  <si>
    <t>1989585557.0</t>
  </si>
  <si>
    <t>1686103967.0</t>
  </si>
  <si>
    <t>197207645.0</t>
  </si>
  <si>
    <t>5095386.0</t>
  </si>
  <si>
    <t>5097368.0</t>
  </si>
  <si>
    <t>1711040.0</t>
  </si>
  <si>
    <t>3844273817.0</t>
  </si>
  <si>
    <t>1990457476.0</t>
  </si>
  <si>
    <t>1687461685.0</t>
  </si>
  <si>
    <t>198631749.0</t>
  </si>
  <si>
    <t>4613165.0</t>
  </si>
  <si>
    <t>5043124.0</t>
  </si>
  <si>
    <t>1672365.0</t>
  </si>
  <si>
    <t>3848122384.0</t>
  </si>
  <si>
    <t>1992003297.0</t>
  </si>
  <si>
    <t>1688928212.0</t>
  </si>
  <si>
    <t>199586406.0</t>
  </si>
  <si>
    <t>4403502.0</t>
  </si>
  <si>
    <t>4982335.0</t>
  </si>
  <si>
    <t>1680102.0</t>
  </si>
  <si>
    <t>3857338709.0</t>
  </si>
  <si>
    <t>1994733684.0</t>
  </si>
  <si>
    <t>1694603153.0</t>
  </si>
  <si>
    <t>200976930.0</t>
  </si>
  <si>
    <t>3372261.0</t>
  </si>
  <si>
    <t>4749796.0</t>
  </si>
  <si>
    <t>1639559.0</t>
  </si>
  <si>
    <t>3861005791.0</t>
  </si>
  <si>
    <t>1995380285.0</t>
  </si>
  <si>
    <t>1696036052.0</t>
  </si>
  <si>
    <t>202289140.0</t>
  </si>
  <si>
    <t>3821786.0</t>
  </si>
  <si>
    <t>4703727.0</t>
  </si>
  <si>
    <t>1594274.0</t>
  </si>
  <si>
    <t>3867309570.0</t>
  </si>
  <si>
    <t>1997602874.0</t>
  </si>
  <si>
    <t>1698974935.0</t>
  </si>
  <si>
    <t>203626009.0</t>
  </si>
  <si>
    <t>4518193.0</t>
  </si>
  <si>
    <t>4439928.0</t>
  </si>
  <si>
    <t>1596000.0</t>
  </si>
  <si>
    <t>3870160658.0</t>
  </si>
  <si>
    <t>1998161836.0</t>
  </si>
  <si>
    <t>1699951072.0</t>
  </si>
  <si>
    <t>204762062.0</t>
  </si>
  <si>
    <t>3802999.0</t>
  </si>
  <si>
    <t>4232471.0</t>
  </si>
  <si>
    <t>1444735.0</t>
  </si>
  <si>
    <t>3872823089.0</t>
  </si>
  <si>
    <t>1998916780.0</t>
  </si>
  <si>
    <t>1701241592.0</t>
  </si>
  <si>
    <t>205599408.0</t>
  </si>
  <si>
    <t>3659144.0</t>
  </si>
  <si>
    <t>4027290.0</t>
  </si>
  <si>
    <t>1371129.0</t>
  </si>
  <si>
    <t>3873704872.0</t>
  </si>
  <si>
    <t>1999194665.0</t>
  </si>
  <si>
    <t>1701959104.0</t>
  </si>
  <si>
    <t>205932893.0</t>
  </si>
  <si>
    <t>2632315.0</t>
  </si>
  <si>
    <t>3744314.0</t>
  </si>
  <si>
    <t>1251962.0</t>
  </si>
  <si>
    <t>3873941313.0</t>
  </si>
  <si>
    <t>1999322936.0</t>
  </si>
  <si>
    <t>1702157335.0</t>
  </si>
  <si>
    <t>206080050.0</t>
  </si>
  <si>
    <t>3234915.0</t>
  </si>
  <si>
    <t>3577376.0</t>
  </si>
  <si>
    <t>3879181126.0</t>
  </si>
  <si>
    <t>1999892110.0</t>
  </si>
  <si>
    <t>1703202560.0</t>
  </si>
  <si>
    <t>209231746.0</t>
  </si>
  <si>
    <t>3174877.0</t>
  </si>
  <si>
    <t>3549176.0</t>
  </si>
  <si>
    <t>1110760.0</t>
  </si>
  <si>
    <t>3884994729.0</t>
  </si>
  <si>
    <t>2000948513.0</t>
  </si>
  <si>
    <t>1705922275.0</t>
  </si>
  <si>
    <t>211022311.0</t>
  </si>
  <si>
    <t>3752054.0</t>
  </si>
  <si>
    <t>3539214.0</t>
  </si>
  <si>
    <t>1092239.0</t>
  </si>
  <si>
    <t>3890367798.0</t>
  </si>
  <si>
    <t>2002209486.0</t>
  </si>
  <si>
    <t>1707942733.0</t>
  </si>
  <si>
    <t>212744088.0</t>
  </si>
  <si>
    <t>5562607.0</t>
  </si>
  <si>
    <t>3688415.0</t>
  </si>
  <si>
    <t>113.35</t>
  </si>
  <si>
    <t>1046417.0</t>
  </si>
  <si>
    <t>3892206630.0</t>
  </si>
  <si>
    <t>2002673119.0</t>
  </si>
  <si>
    <t>1708843109.0</t>
  </si>
  <si>
    <t>213475000.0</t>
  </si>
  <si>
    <t>3882231.0</t>
  </si>
  <si>
    <t>3699736.0</t>
  </si>
  <si>
    <t>1044356.0</t>
  </si>
  <si>
    <t>3896931205.0</t>
  </si>
  <si>
    <t>2003393901.0</t>
  </si>
  <si>
    <t>1710312090.0</t>
  </si>
  <si>
    <t>215788463.0</t>
  </si>
  <si>
    <t>5054575.0</t>
  </si>
  <si>
    <t>3899083.0</t>
  </si>
  <si>
    <t>1053194.0</t>
  </si>
  <si>
    <t>3899424331.0</t>
  </si>
  <si>
    <t>2004139656.0</t>
  </si>
  <si>
    <t>1712074311.0</t>
  </si>
  <si>
    <t>216125587.0</t>
  </si>
  <si>
    <t>4766820.0</t>
  </si>
  <si>
    <t>4204013.0</t>
  </si>
  <si>
    <t>1154639.0</t>
  </si>
  <si>
    <t>3904465039.0</t>
  </si>
  <si>
    <t>2005641213.0</t>
  </si>
  <si>
    <t>1713476667.0</t>
  </si>
  <si>
    <t>218074622.0</t>
  </si>
  <si>
    <t>4624164.0</t>
  </si>
  <si>
    <t>4402476.0</t>
  </si>
  <si>
    <t>1216234.0</t>
  </si>
  <si>
    <t>3909778922.0</t>
  </si>
  <si>
    <t>2007251326.0</t>
  </si>
  <si>
    <t>1716496411.0</t>
  </si>
  <si>
    <t>219409521.0</t>
  </si>
  <si>
    <t>3881381.0</t>
  </si>
  <si>
    <t>4503408.0</t>
  </si>
  <si>
    <t>1264721.0</t>
  </si>
  <si>
    <t>3913562147.0</t>
  </si>
  <si>
    <t>2008075589.0</t>
  </si>
  <si>
    <t>1717856357.0</t>
  </si>
  <si>
    <t>220866917.0</t>
  </si>
  <si>
    <t>4062289.0</t>
  </si>
  <si>
    <t>4547725.0</t>
  </si>
  <si>
    <t>114.03</t>
  </si>
  <si>
    <t>1302441.0</t>
  </si>
  <si>
    <t>3926310742.0</t>
  </si>
  <si>
    <t>2015163501.0</t>
  </si>
  <si>
    <t>1723172909.0</t>
  </si>
  <si>
    <t>222632489.0</t>
  </si>
  <si>
    <t>5242058.0</t>
  </si>
  <si>
    <t>4501933.0</t>
  </si>
  <si>
    <t>1318984.0</t>
  </si>
  <si>
    <t>3931037609.0</t>
  </si>
  <si>
    <t>2015962239.0</t>
  </si>
  <si>
    <t>1724947282.0</t>
  </si>
  <si>
    <t>224631713.0</t>
  </si>
  <si>
    <t>6199044.0</t>
  </si>
  <si>
    <t>4832909.0</t>
  </si>
  <si>
    <t>1353836.0</t>
  </si>
  <si>
    <t>3935042144.0</t>
  </si>
  <si>
    <t>2016837270.0</t>
  </si>
  <si>
    <t>1727110144.0</t>
  </si>
  <si>
    <t>225712504.0</t>
  </si>
  <si>
    <t>4981562.0</t>
  </si>
  <si>
    <t>4822474.0</t>
  </si>
  <si>
    <t>114.65</t>
  </si>
  <si>
    <t>1355115.0</t>
  </si>
  <si>
    <t>3939553187.0</t>
  </si>
  <si>
    <t>2017941242.0</t>
  </si>
  <si>
    <t>1730234475.0</t>
  </si>
  <si>
    <t>226604102.0</t>
  </si>
  <si>
    <t>5236981.0</t>
  </si>
  <si>
    <t>4889641.0</t>
  </si>
  <si>
    <t>1347847.0</t>
  </si>
  <si>
    <t>3943525835.0</t>
  </si>
  <si>
    <t>2019118884.0</t>
  </si>
  <si>
    <t>1732281116.0</t>
  </si>
  <si>
    <t>227227956.0</t>
  </si>
  <si>
    <t>3613609.0</t>
  </si>
  <si>
    <t>4745275.0</t>
  </si>
  <si>
    <t>1302579.0</t>
  </si>
  <si>
    <t>3949352492.0</t>
  </si>
  <si>
    <t>2020436583.0</t>
  </si>
  <si>
    <t>1734548136.0</t>
  </si>
  <si>
    <t>228140352.0</t>
  </si>
  <si>
    <t>3682518.0</t>
  </si>
  <si>
    <t>4716866.0</t>
  </si>
  <si>
    <t>1257067.0</t>
  </si>
  <si>
    <t>3950633411.0</t>
  </si>
  <si>
    <t>2020638824.0</t>
  </si>
  <si>
    <t>1735428311.0</t>
  </si>
  <si>
    <t>228411492.0</t>
  </si>
  <si>
    <t>2078083.0</t>
  </si>
  <si>
    <t>4433407.0</t>
  </si>
  <si>
    <t>1187818.0</t>
  </si>
  <si>
    <t>3952892158.0</t>
  </si>
  <si>
    <t>2021169776.0</t>
  </si>
  <si>
    <t>1736868537.0</t>
  </si>
  <si>
    <t>228750176.0</t>
  </si>
  <si>
    <t>2923591.0</t>
  </si>
  <si>
    <t>4102201.0</t>
  </si>
  <si>
    <t>1114196.0</t>
  </si>
  <si>
    <t>3954048762.0</t>
  </si>
  <si>
    <t>2021431615.0</t>
  </si>
  <si>
    <t>1737486551.0</t>
  </si>
  <si>
    <t>229051504.0</t>
  </si>
  <si>
    <t>2260361.0</t>
  </si>
  <si>
    <t>3539532.0</t>
  </si>
  <si>
    <t>1044270.0</t>
  </si>
  <si>
    <t>3956010984.0</t>
  </si>
  <si>
    <t>2021864664.0</t>
  </si>
  <si>
    <t>1738813973.0</t>
  </si>
  <si>
    <t>229434863.0</t>
  </si>
  <si>
    <t>3276544.0</t>
  </si>
  <si>
    <t>3295958.0</t>
  </si>
  <si>
    <t>115.27</t>
  </si>
  <si>
    <t>998170.0</t>
  </si>
  <si>
    <t>3959685945.0</t>
  </si>
  <si>
    <t>2023053943.0</t>
  </si>
  <si>
    <t>1740335406.0</t>
  </si>
  <si>
    <t>229976534.0</t>
  </si>
  <si>
    <t>3526544.0</t>
  </si>
  <si>
    <t>3051606.0</t>
  </si>
  <si>
    <t>115.37</t>
  </si>
  <si>
    <t>944563.0</t>
  </si>
  <si>
    <t>3962771608.0</t>
  </si>
  <si>
    <t>2023698404.0</t>
  </si>
  <si>
    <t>1742264471.0</t>
  </si>
  <si>
    <t>230526816.0</t>
  </si>
  <si>
    <t>3524224.0</t>
  </si>
  <si>
    <t>3038838.0</t>
  </si>
  <si>
    <t>931735.0</t>
  </si>
  <si>
    <t>3968079947.0</t>
  </si>
  <si>
    <t>2028885207.0</t>
  </si>
  <si>
    <t>1745112376.0</t>
  </si>
  <si>
    <t>231202272.0</t>
  </si>
  <si>
    <t>3331930.0</t>
  </si>
  <si>
    <t>2988751.0</t>
  </si>
  <si>
    <t>932908.0</t>
  </si>
  <si>
    <t>3970143821.0</t>
  </si>
  <si>
    <t>2029298499.0</t>
  </si>
  <si>
    <t>1746449082.0</t>
  </si>
  <si>
    <t>231531355.0</t>
  </si>
  <si>
    <t>2812217.0</t>
  </si>
  <si>
    <t>3093630.0</t>
  </si>
  <si>
    <t>904349.0</t>
  </si>
  <si>
    <t>3974144219.0</t>
  </si>
  <si>
    <t>2030076558.0</t>
  </si>
  <si>
    <t>1748495661.0</t>
  </si>
  <si>
    <t>232785247.0</t>
  </si>
  <si>
    <t>3394292.0</t>
  </si>
  <si>
    <t>3160869.0</t>
  </si>
  <si>
    <t>883246.0</t>
  </si>
  <si>
    <t>3977582980.0</t>
  </si>
  <si>
    <t>2030532678.0</t>
  </si>
  <si>
    <t>1750663080.0</t>
  </si>
  <si>
    <t>233552931.0</t>
  </si>
  <si>
    <t>3418603.0</t>
  </si>
  <si>
    <t>3326332.0</t>
  </si>
  <si>
    <t>869744.0</t>
  </si>
  <si>
    <t>3979934654.0</t>
  </si>
  <si>
    <t>2031134720.0</t>
  </si>
  <si>
    <t>1752137130.0</t>
  </si>
  <si>
    <t>234019001.0</t>
  </si>
  <si>
    <t>3203567.0</t>
  </si>
  <si>
    <t>3315908.0</t>
  </si>
  <si>
    <t>826605.0</t>
  </si>
  <si>
    <t>3981875670.0</t>
  </si>
  <si>
    <t>2031616854.0</t>
  </si>
  <si>
    <t>1753493719.0</t>
  </si>
  <si>
    <t>234304552.0</t>
  </si>
  <si>
    <t>3059662.0</t>
  </si>
  <si>
    <t>3249212.0</t>
  </si>
  <si>
    <t>116.02</t>
  </si>
  <si>
    <t>783247.0</t>
  </si>
  <si>
    <t>3984434578.0</t>
  </si>
  <si>
    <t>2032229803.0</t>
  </si>
  <si>
    <t>1755050315.0</t>
  </si>
  <si>
    <t>235271023.0</t>
  </si>
  <si>
    <t>3176421.0</t>
  </si>
  <si>
    <t>3199529.0</t>
  </si>
  <si>
    <t>752728.0</t>
  </si>
  <si>
    <t>3990817323.0</t>
  </si>
  <si>
    <t>2033459629.0</t>
  </si>
  <si>
    <t>1758212908.0</t>
  </si>
  <si>
    <t>237443059.0</t>
  </si>
  <si>
    <t>3079217.0</t>
  </si>
  <si>
    <t>3163428.0</t>
  </si>
  <si>
    <t>714078.0</t>
  </si>
  <si>
    <t>3992489083.0</t>
  </si>
  <si>
    <t>2033791125.0</t>
  </si>
  <si>
    <t>1758890715.0</t>
  </si>
  <si>
    <t>238152799.0</t>
  </si>
  <si>
    <t>2867778.0</t>
  </si>
  <si>
    <t>3171362.0</t>
  </si>
  <si>
    <t>116.33</t>
  </si>
  <si>
    <t>717253.0</t>
  </si>
  <si>
    <t>3994132110.0</t>
  </si>
  <si>
    <t>2034188395.0</t>
  </si>
  <si>
    <t>1759798508.0</t>
  </si>
  <si>
    <t>238534623.0</t>
  </si>
  <si>
    <t>3591489.0</t>
  </si>
  <si>
    <t>3199534.0</t>
  </si>
  <si>
    <t>708522.0</t>
  </si>
  <si>
    <t>3997961286.0</t>
  </si>
  <si>
    <t>2034931411.0</t>
  </si>
  <si>
    <t>1761579561.0</t>
  </si>
  <si>
    <t>239817505.0</t>
  </si>
  <si>
    <t>4277271.0</t>
  </si>
  <si>
    <t>3322201.0</t>
  </si>
  <si>
    <t>751152.0</t>
  </si>
  <si>
    <t>3999818667.0</t>
  </si>
  <si>
    <t>2035300289.0</t>
  </si>
  <si>
    <t>1762841411.0</t>
  </si>
  <si>
    <t>240161716.0</t>
  </si>
  <si>
    <t>4059289.0</t>
  </si>
  <si>
    <t>3444325.0</t>
  </si>
  <si>
    <t>116.54</t>
  </si>
  <si>
    <t>768644.0</t>
  </si>
  <si>
    <t>4004354984.0</t>
  </si>
  <si>
    <t>2036223261.0</t>
  </si>
  <si>
    <t>1764392462.0</t>
  </si>
  <si>
    <t>241207739.0</t>
  </si>
  <si>
    <t>4044219.0</t>
  </si>
  <si>
    <t>3584996.0</t>
  </si>
  <si>
    <t>786369.0</t>
  </si>
  <si>
    <t>4006304984.0</t>
  </si>
  <si>
    <t>2036646757.0</t>
  </si>
  <si>
    <t>1765672310.0</t>
  </si>
  <si>
    <t>241628461.0</t>
  </si>
  <si>
    <t>3602542.0</t>
  </si>
  <si>
    <t>3645887.0</t>
  </si>
  <si>
    <t>116.73</t>
  </si>
  <si>
    <t>778716.0</t>
  </si>
  <si>
    <t>4015755968.0</t>
  </si>
  <si>
    <t>2037844378.0</t>
  </si>
  <si>
    <t>1768356093.0</t>
  </si>
  <si>
    <t>242840788.0</t>
  </si>
  <si>
    <t>3267237.0</t>
  </si>
  <si>
    <t>3672771.0</t>
  </si>
  <si>
    <t>117.01</t>
  </si>
  <si>
    <t>763817.0</t>
  </si>
  <si>
    <t>4017653257.0</t>
  </si>
  <si>
    <t>2038021281.0</t>
  </si>
  <si>
    <t>1769337810.0</t>
  </si>
  <si>
    <t>243399174.0</t>
  </si>
  <si>
    <t>2827988.0</t>
  </si>
  <si>
    <t>3667105.0</t>
  </si>
  <si>
    <t>764622.0</t>
  </si>
  <si>
    <t>4023512157.0</t>
  </si>
  <si>
    <t>2039012146.0</t>
  </si>
  <si>
    <t>1772645967.0</t>
  </si>
  <si>
    <t>244767974.0</t>
  </si>
  <si>
    <t>3300867.0</t>
  </si>
  <si>
    <t>3625607.0</t>
  </si>
  <si>
    <t>117.23</t>
  </si>
  <si>
    <t>770754.0</t>
  </si>
  <si>
    <t>4025497521.0</t>
  </si>
  <si>
    <t>2039461849.0</t>
  </si>
  <si>
    <t>1773795791.0</t>
  </si>
  <si>
    <t>245158225.0</t>
  </si>
  <si>
    <t>3228390.0</t>
  </si>
  <si>
    <t>3475791.0</t>
  </si>
  <si>
    <t>748277.0</t>
  </si>
  <si>
    <t>4027576330.0</t>
  </si>
  <si>
    <t>2039843995.0</t>
  </si>
  <si>
    <t>1775006206.0</t>
  </si>
  <si>
    <t>245590209.0</t>
  </si>
  <si>
    <t>3294841.0</t>
  </si>
  <si>
    <t>3366584.0</t>
  </si>
  <si>
    <t>738787.0</t>
  </si>
  <si>
    <t>4029625998.0</t>
  </si>
  <si>
    <t>2040272122.0</t>
  </si>
  <si>
    <t>1776182293.0</t>
  </si>
  <si>
    <t>246145822.0</t>
  </si>
  <si>
    <t>3228052.0</t>
  </si>
  <si>
    <t>3249992.0</t>
  </si>
  <si>
    <t>725898.0</t>
  </si>
  <si>
    <t>4032026574.0</t>
  </si>
  <si>
    <t>2040661044.0</t>
  </si>
  <si>
    <t>1777493018.0</t>
  </si>
  <si>
    <t>246979638.0</t>
  </si>
  <si>
    <t>3139880.0</t>
  </si>
  <si>
    <t>3183894.0</t>
  </si>
  <si>
    <t>733091.0</t>
  </si>
  <si>
    <t>4035899668.0</t>
  </si>
  <si>
    <t>2041092556.0</t>
  </si>
  <si>
    <t>1778663796.0</t>
  </si>
  <si>
    <t>248504724.0</t>
  </si>
  <si>
    <t>2721807.0</t>
  </si>
  <si>
    <t>3105975.0</t>
  </si>
  <si>
    <t>741032.0</t>
  </si>
  <si>
    <t>4038861477.0</t>
  </si>
  <si>
    <t>2042397402.0</t>
  </si>
  <si>
    <t>1778996158.0</t>
  </si>
  <si>
    <t>248690230.0</t>
  </si>
  <si>
    <t>2209249.0</t>
  </si>
  <si>
    <t>3017583.0</t>
  </si>
  <si>
    <t>736174.0</t>
  </si>
  <si>
    <t>4041113931.0</t>
  </si>
  <si>
    <t>2042865438.0</t>
  </si>
  <si>
    <t>1780233543.0</t>
  </si>
  <si>
    <t>249116391.0</t>
  </si>
  <si>
    <t>3432499.0</t>
  </si>
  <si>
    <t>3036392.0</t>
  </si>
  <si>
    <t>735161.0</t>
  </si>
  <si>
    <t>4044032234.0</t>
  </si>
  <si>
    <t>2043373289.0</t>
  </si>
  <si>
    <t>1781895154.0</t>
  </si>
  <si>
    <t>250028782.0</t>
  </si>
  <si>
    <t>4022619.0</t>
  </si>
  <si>
    <t>3149851.0</t>
  </si>
  <si>
    <t>731082.0</t>
  </si>
  <si>
    <t>4044661063.0</t>
  </si>
  <si>
    <t>2043468485.0</t>
  </si>
  <si>
    <t>1782154656.0</t>
  </si>
  <si>
    <t>250254214.0</t>
  </si>
  <si>
    <t>2011558.0</t>
  </si>
  <si>
    <t>2966524.0</t>
  </si>
  <si>
    <t>687518.0</t>
  </si>
  <si>
    <t>4046786916.0</t>
  </si>
  <si>
    <t>2044007010.0</t>
  </si>
  <si>
    <t>1783803337.0</t>
  </si>
  <si>
    <t>250761740.0</t>
  </si>
  <si>
    <t>3132372.0</t>
  </si>
  <si>
    <t>2952856.0</t>
  </si>
  <si>
    <t>117.91</t>
  </si>
  <si>
    <t>663474.0</t>
  </si>
  <si>
    <t>4050533784.0</t>
  </si>
  <si>
    <t>2044322703.0</t>
  </si>
  <si>
    <t>1784994612.0</t>
  </si>
  <si>
    <t>252975582.0</t>
  </si>
  <si>
    <t>6632826.0</t>
  </si>
  <si>
    <t>3451848.0</t>
  </si>
  <si>
    <t>649151.0</t>
  </si>
  <si>
    <t>4058336814.0</t>
  </si>
  <si>
    <t>2049874659.0</t>
  </si>
  <si>
    <t>1787545488.0</t>
  </si>
  <si>
    <t>254153135.0</t>
  </si>
  <si>
    <t>7579390.0</t>
  </si>
  <si>
    <t>4145789.0</t>
  </si>
  <si>
    <t>635516.0</t>
  </si>
  <si>
    <t>4063036162.0</t>
  </si>
  <si>
    <t>2050069141.0</t>
  </si>
  <si>
    <t>1788151079.0</t>
  </si>
  <si>
    <t>257946946.0</t>
  </si>
  <si>
    <t>7705925.0</t>
  </si>
  <si>
    <t>4931028.0</t>
  </si>
  <si>
    <t>647333.0</t>
  </si>
  <si>
    <t>4079565698.0</t>
  </si>
  <si>
    <t>2050643964.0</t>
  </si>
  <si>
    <t>1789449904.0</t>
  </si>
  <si>
    <t>268417247.0</t>
  </si>
  <si>
    <t>9264891.0</t>
  </si>
  <si>
    <t>5764226.0</t>
  </si>
  <si>
    <t>655234.0</t>
  </si>
  <si>
    <t>4089443633.0</t>
  </si>
  <si>
    <t>2052786244.0</t>
  </si>
  <si>
    <t>1791976073.0</t>
  </si>
  <si>
    <t>273516250.0</t>
  </si>
  <si>
    <t>6431412.0</t>
  </si>
  <si>
    <t>6108338.0</t>
  </si>
  <si>
    <t>663155.0</t>
  </si>
  <si>
    <t>4091743422.0</t>
  </si>
  <si>
    <t>2053123624.0</t>
  </si>
  <si>
    <t>1793117627.0</t>
  </si>
  <si>
    <t>274037298.0</t>
  </si>
  <si>
    <t>5370687.0</t>
  </si>
  <si>
    <t>6588214.0</t>
  </si>
  <si>
    <t>729194.0</t>
  </si>
  <si>
    <t>4095419718.0</t>
  </si>
  <si>
    <t>2053575177.0</t>
  </si>
  <si>
    <t>1794446787.0</t>
  </si>
  <si>
    <t>275710144.0</t>
  </si>
  <si>
    <t>5169809.0</t>
  </si>
  <si>
    <t>6879279.0</t>
  </si>
  <si>
    <t>768299.0</t>
  </si>
  <si>
    <t>4097988102.0</t>
  </si>
  <si>
    <t>2053920153.0</t>
  </si>
  <si>
    <t>1795609597.0</t>
  </si>
  <si>
    <t>276721640.0</t>
  </si>
  <si>
    <t>4972505.0</t>
  </si>
  <si>
    <t>6642089.0</t>
  </si>
  <si>
    <t>799118.0</t>
  </si>
  <si>
    <t>4105759708.0</t>
  </si>
  <si>
    <t>2054613659.0</t>
  </si>
  <si>
    <t>1797223611.0</t>
  </si>
  <si>
    <t>281868988.0</t>
  </si>
  <si>
    <t>4798268.0</t>
  </si>
  <si>
    <t>6244784.0</t>
  </si>
  <si>
    <t>835950.0</t>
  </si>
  <si>
    <t>4108374763.0</t>
  </si>
  <si>
    <t>2054913942.0</t>
  </si>
  <si>
    <t>1798259607.0</t>
  </si>
  <si>
    <t>282891378.0</t>
  </si>
  <si>
    <t>4420659.0</t>
  </si>
  <si>
    <t>5775463.0</t>
  </si>
  <si>
    <t>864592.0</t>
  </si>
  <si>
    <t>4113046028.0</t>
  </si>
  <si>
    <t>2055206079.0</t>
  </si>
  <si>
    <t>1799412951.0</t>
  </si>
  <si>
    <t>285680470.0</t>
  </si>
  <si>
    <t>4643211.0</t>
  </si>
  <si>
    <t>5115222.0</t>
  </si>
  <si>
    <t>879659.0</t>
  </si>
  <si>
    <t>4117886760.0</t>
  </si>
  <si>
    <t>2055882184.0</t>
  </si>
  <si>
    <t>1801113174.0</t>
  </si>
  <si>
    <t>288264501.0</t>
  </si>
  <si>
    <t>4607824.0</t>
  </si>
  <si>
    <t>4854709.0</t>
  </si>
  <si>
    <t>885049.0</t>
  </si>
  <si>
    <t>4122292345.0</t>
  </si>
  <si>
    <t>2056708554.0</t>
  </si>
  <si>
    <t>1802622556.0</t>
  </si>
  <si>
    <t>289592442.0</t>
  </si>
  <si>
    <t>4572997.0</t>
  </si>
  <si>
    <t>4740754.0</t>
  </si>
  <si>
    <t>120.11</t>
  </si>
  <si>
    <t>882516.0</t>
  </si>
  <si>
    <t>4125400398.0</t>
  </si>
  <si>
    <t>2057145460.0</t>
  </si>
  <si>
    <t>1803922021.0</t>
  </si>
  <si>
    <t>290772194.0</t>
  </si>
  <si>
    <t>4604204.0</t>
  </si>
  <si>
    <t>4659953.0</t>
  </si>
  <si>
    <t>886560.0</t>
  </si>
  <si>
    <t>4131362261.0</t>
  </si>
  <si>
    <t>2059329196.0</t>
  </si>
  <si>
    <t>1805796685.0</t>
  </si>
  <si>
    <t>292570692.0</t>
  </si>
  <si>
    <t>4522954.0</t>
  </si>
  <si>
    <t>4595731.0</t>
  </si>
  <si>
    <t>888098.0</t>
  </si>
  <si>
    <t>4140685522.0</t>
  </si>
  <si>
    <t>2062364959.0</t>
  </si>
  <si>
    <t>1811970193.0</t>
  </si>
  <si>
    <t>295712599.0</t>
  </si>
  <si>
    <t>3560608.0</t>
  </si>
  <si>
    <t>4222598.0</t>
  </si>
  <si>
    <t>703544.0</t>
  </si>
  <si>
    <t>4143030322.0</t>
  </si>
  <si>
    <t>2062492226.0</t>
  </si>
  <si>
    <t>1812446667.0</t>
  </si>
  <si>
    <t>296895585.0</t>
  </si>
  <si>
    <t>3558536.0</t>
  </si>
  <si>
    <t>4132160.0</t>
  </si>
  <si>
    <t>743788.0</t>
  </si>
  <si>
    <t>4147330842.0</t>
  </si>
  <si>
    <t>2063002863.0</t>
  </si>
  <si>
    <t>1813906925.0</t>
  </si>
  <si>
    <t>299149711.0</t>
  </si>
  <si>
    <t>4711324.0</t>
  </si>
  <si>
    <t>4174609.0</t>
  </si>
  <si>
    <t>792999.0</t>
  </si>
  <si>
    <t>4150539438.0</t>
  </si>
  <si>
    <t>2063368500.0</t>
  </si>
  <si>
    <t>1815328748.0</t>
  </si>
  <si>
    <t>300623616.0</t>
  </si>
  <si>
    <t>5090085.0</t>
  </si>
  <si>
    <t>4276226.0</t>
  </si>
  <si>
    <t>120.93</t>
  </si>
  <si>
    <t>4157096494.0</t>
  </si>
  <si>
    <t>2064483825.0</t>
  </si>
  <si>
    <t>1816839931.0</t>
  </si>
  <si>
    <t>302262007.0</t>
  </si>
  <si>
    <t>5187302.0</t>
  </si>
  <si>
    <t>4396706.0</t>
  </si>
  <si>
    <t>902176.0</t>
  </si>
  <si>
    <t>4160601251.0</t>
  </si>
  <si>
    <t>2064920230.0</t>
  </si>
  <si>
    <t>1818026593.0</t>
  </si>
  <si>
    <t>303523237.0</t>
  </si>
  <si>
    <t>5042026.0</t>
  </si>
  <si>
    <t>4491971.0</t>
  </si>
  <si>
    <t>951452.0</t>
  </si>
  <si>
    <t>4163729580.0</t>
  </si>
  <si>
    <t>2065308726.0</t>
  </si>
  <si>
    <t>1819254308.0</t>
  </si>
  <si>
    <t>304831946.0</t>
  </si>
  <si>
    <t>4737642.0</t>
  </si>
  <si>
    <t>4555358.0</t>
  </si>
  <si>
    <t>121.32</t>
  </si>
  <si>
    <t>1001437.0</t>
  </si>
  <si>
    <t>4168587948.0</t>
  </si>
  <si>
    <t>2066378430.0</t>
  </si>
  <si>
    <t>1820756292.0</t>
  </si>
  <si>
    <t>307309495.0</t>
  </si>
  <si>
    <t>4122782.0</t>
  </si>
  <si>
    <t>4635670.0</t>
  </si>
  <si>
    <t>1057529.0</t>
  </si>
  <si>
    <t>4173811075.0</t>
  </si>
  <si>
    <t>2067274579.0</t>
  </si>
  <si>
    <t>1822168583.0</t>
  </si>
  <si>
    <t>309350914.0</t>
  </si>
  <si>
    <t>4521331.0</t>
  </si>
  <si>
    <t>4773214.0</t>
  </si>
  <si>
    <t>1077781.0</t>
  </si>
  <si>
    <t>4177121054.0</t>
  </si>
  <si>
    <t>2067731485.0</t>
  </si>
  <si>
    <t>1823553668.0</t>
  </si>
  <si>
    <t>310868144.0</t>
  </si>
  <si>
    <t>5689676.0</t>
  </si>
  <si>
    <t>4912977.0</t>
  </si>
  <si>
    <t>1244126.0</t>
  </si>
  <si>
    <t>4181934650.0</t>
  </si>
  <si>
    <t>2070271408.0</t>
  </si>
  <si>
    <t>1826727048.0</t>
  </si>
  <si>
    <t>312502763.0</t>
  </si>
  <si>
    <t>5169365.0</t>
  </si>
  <si>
    <t>4924301.0</t>
  </si>
  <si>
    <t>1403868.0</t>
  </si>
  <si>
    <t>4185090384.0</t>
  </si>
  <si>
    <t>2070622023.0</t>
  </si>
  <si>
    <t>1827821213.0</t>
  </si>
  <si>
    <t>313748858.0</t>
  </si>
  <si>
    <t>4749785.0</t>
  </si>
  <si>
    <t>4861802.0</t>
  </si>
  <si>
    <t>1418621.0</t>
  </si>
  <si>
    <t>4187026147.0</t>
  </si>
  <si>
    <t>2070874533.0</t>
  </si>
  <si>
    <t>1828695163.0</t>
  </si>
  <si>
    <t>314567311.0</t>
  </si>
  <si>
    <t>3964143.0</t>
  </si>
  <si>
    <t>4707816.0</t>
  </si>
  <si>
    <t>1428726.0</t>
  </si>
  <si>
    <t>4190502296.0</t>
  </si>
  <si>
    <t>2071537169.0</t>
  </si>
  <si>
    <t>1829500625.0</t>
  </si>
  <si>
    <t>315873617.0</t>
  </si>
  <si>
    <t>4054658.0</t>
  </si>
  <si>
    <t>4610248.0</t>
  </si>
  <si>
    <t>1439215.0</t>
  </si>
  <si>
    <t>4198253921.0</t>
  </si>
  <si>
    <t>2074765380.0</t>
  </si>
  <si>
    <t>1835030479.0</t>
  </si>
  <si>
    <t>317369050.0</t>
  </si>
  <si>
    <t>3534854.0</t>
  </si>
  <si>
    <t>4526258.0</t>
  </si>
  <si>
    <t>1445730.0</t>
  </si>
  <si>
    <t>4200305306.0</t>
  </si>
  <si>
    <t>2075084277.0</t>
  </si>
  <si>
    <t>1835558520.0</t>
  </si>
  <si>
    <t>318600823.0</t>
  </si>
  <si>
    <t>3509101.0</t>
  </si>
  <si>
    <t>4381655.0</t>
  </si>
  <si>
    <t>1455692.0</t>
  </si>
  <si>
    <t>4203534935.0</t>
  </si>
  <si>
    <t>2075662052.0</t>
  </si>
  <si>
    <t>1836673086.0</t>
  </si>
  <si>
    <t>320255116.0</t>
  </si>
  <si>
    <t>4724824.0</t>
  </si>
  <si>
    <t>4243819.0</t>
  </si>
  <si>
    <t>122.48</t>
  </si>
  <si>
    <t>1305041.0</t>
  </si>
  <si>
    <t>4205815535.0</t>
  </si>
  <si>
    <t>2075878222.0</t>
  </si>
  <si>
    <t>1837477738.0</t>
  </si>
  <si>
    <t>321539241.0</t>
  </si>
  <si>
    <t>4531879.0</t>
  </si>
  <si>
    <t>4152749.0</t>
  </si>
  <si>
    <t>1147289.0</t>
  </si>
  <si>
    <t>4210496216.0</t>
  </si>
  <si>
    <t>2076930027.0</t>
  </si>
  <si>
    <t>1839370356.0</t>
  </si>
  <si>
    <t>322458012.0</t>
  </si>
  <si>
    <t>4689702.0</t>
  </si>
  <si>
    <t>4144164.0</t>
  </si>
  <si>
    <t>1138216.0</t>
  </si>
  <si>
    <t>4214395123.0</t>
  </si>
  <si>
    <t>2077303590.0</t>
  </si>
  <si>
    <t>1840591647.0</t>
  </si>
  <si>
    <t>324919455.0</t>
  </si>
  <si>
    <t>5161749.0</t>
  </si>
  <si>
    <t>4315250.0</t>
  </si>
  <si>
    <t>122.79</t>
  </si>
  <si>
    <t>1140543.0</t>
  </si>
  <si>
    <t>4214858992.0</t>
  </si>
  <si>
    <t>2077334058.0</t>
  </si>
  <si>
    <t>1840665977.0</t>
  </si>
  <si>
    <t>325284922.0</t>
  </si>
  <si>
    <t>4171164.0</t>
  </si>
  <si>
    <t>4331895.0</t>
  </si>
  <si>
    <t>1134313.0</t>
  </si>
  <si>
    <t>4224920281.0</t>
  </si>
  <si>
    <t>2086270299.0</t>
  </si>
  <si>
    <t>1845947762.0</t>
  </si>
  <si>
    <t>328756171.0</t>
  </si>
  <si>
    <t>3796507.0</t>
  </si>
  <si>
    <t>4369273.0</t>
  </si>
  <si>
    <t>1141107.0</t>
  </si>
  <si>
    <t>4230047866.0</t>
  </si>
  <si>
    <t>2086767489.0</t>
  </si>
  <si>
    <t>1846640094.0</t>
  </si>
  <si>
    <t>329236856.0</t>
  </si>
  <si>
    <t>3399989.0</t>
  </si>
  <si>
    <t>4353687.0</t>
  </si>
  <si>
    <t>1075960.0</t>
  </si>
  <si>
    <t>4235638466.0</t>
  </si>
  <si>
    <t>2087495293.0</t>
  </si>
  <si>
    <t>1848059242.0</t>
  </si>
  <si>
    <t>332680147.0</t>
  </si>
  <si>
    <t>3045100.0</t>
  </si>
  <si>
    <t>4113726.0</t>
  </si>
  <si>
    <t>1005084.0</t>
  </si>
  <si>
    <t>4238383946.0</t>
  </si>
  <si>
    <t>2087766676.0</t>
  </si>
  <si>
    <t>1849179540.0</t>
  </si>
  <si>
    <t>334048939.0</t>
  </si>
  <si>
    <t>3934910.0</t>
  </si>
  <si>
    <t>4028445.0</t>
  </si>
  <si>
    <t>4242598739.0</t>
  </si>
  <si>
    <t>2088205878.0</t>
  </si>
  <si>
    <t>1851428971.0</t>
  </si>
  <si>
    <t>335486184.0</t>
  </si>
  <si>
    <t>5191733.0</t>
  </si>
  <si>
    <t>4100163.0</t>
  </si>
  <si>
    <t>123.62</t>
  </si>
  <si>
    <t>900492.0</t>
  </si>
  <si>
    <t>4247075614.0</t>
  </si>
  <si>
    <t>2088622894.0</t>
  </si>
  <si>
    <t>1852517010.0</t>
  </si>
  <si>
    <t>338514658.0</t>
  </si>
  <si>
    <t>5109766.0</t>
  </si>
  <si>
    <t>4092738.0</t>
  </si>
  <si>
    <t>123.75</t>
  </si>
  <si>
    <t>841965.0</t>
  </si>
  <si>
    <t>4248543076.0</t>
  </si>
  <si>
    <t>2088907583.0</t>
  </si>
  <si>
    <t>1852918804.0</t>
  </si>
  <si>
    <t>339377658.0</t>
  </si>
  <si>
    <t>3994686.0</t>
  </si>
  <si>
    <t>4067528.0</t>
  </si>
  <si>
    <t>123.79</t>
  </si>
  <si>
    <t>779170.0</t>
  </si>
  <si>
    <t>4252935521.0</t>
  </si>
  <si>
    <t>2092603643.0</t>
  </si>
  <si>
    <t>1856740581.0</t>
  </si>
  <si>
    <t>339783019.0</t>
  </si>
  <si>
    <t>4165772.0</t>
  </si>
  <si>
    <t>4120280.0</t>
  </si>
  <si>
    <t>123.92</t>
  </si>
  <si>
    <t>733953.0</t>
  </si>
  <si>
    <t>4258504364.0</t>
  </si>
  <si>
    <t>2092934995.0</t>
  </si>
  <si>
    <t>1857831306.0</t>
  </si>
  <si>
    <t>343935442.0</t>
  </si>
  <si>
    <t>7210521.0</t>
  </si>
  <si>
    <t>4664643.0</t>
  </si>
  <si>
    <t>756033.0</t>
  </si>
  <si>
    <t>4270701300.0</t>
  </si>
  <si>
    <t>2094074981.0</t>
  </si>
  <si>
    <t>1859357858.0</t>
  </si>
  <si>
    <t>353614834.0</t>
  </si>
  <si>
    <t>7691499.0</t>
  </si>
  <si>
    <t>5328412.0</t>
  </si>
  <si>
    <t>784632.0</t>
  </si>
  <si>
    <t>4274037307.0</t>
  </si>
  <si>
    <t>2094269063.0</t>
  </si>
  <si>
    <t>1859932240.0</t>
  </si>
  <si>
    <t>356185766.0</t>
  </si>
  <si>
    <t>6490802.0</t>
  </si>
  <si>
    <t>5693542.0</t>
  </si>
  <si>
    <t>810201.0</t>
  </si>
  <si>
    <t>4287378156.0</t>
  </si>
  <si>
    <t>2095474621.0</t>
  </si>
  <si>
    <t>1861572825.0</t>
  </si>
  <si>
    <t>361330330.0</t>
  </si>
  <si>
    <t>6893733.0</t>
  </si>
  <si>
    <t>5936685.0</t>
  </si>
  <si>
    <t>124.92</t>
  </si>
  <si>
    <t>837899.0</t>
  </si>
  <si>
    <t>4291692337.0</t>
  </si>
  <si>
    <t>2095753011.0</t>
  </si>
  <si>
    <t>1862419272.0</t>
  </si>
  <si>
    <t>364622076.0</t>
  </si>
  <si>
    <t>6561746.0</t>
  </si>
  <si>
    <t>6144110.0</t>
  </si>
  <si>
    <t>867870.0</t>
  </si>
  <si>
    <t>4296527415.0</t>
  </si>
  <si>
    <t>2096514817.0</t>
  </si>
  <si>
    <t>1863035754.0</t>
  </si>
  <si>
    <t>368081025.0</t>
  </si>
  <si>
    <t>6383410.0</t>
  </si>
  <si>
    <t>6485356.0</t>
  </si>
  <si>
    <t>907720.0</t>
  </si>
  <si>
    <t>4304331278.0</t>
  </si>
  <si>
    <t>2098467030.0</t>
  </si>
  <si>
    <t>1865342130.0</t>
  </si>
  <si>
    <t>370983062.0</t>
  </si>
  <si>
    <t>5383178.0</t>
  </si>
  <si>
    <t>6659266.0</t>
  </si>
  <si>
    <t>917219.0</t>
  </si>
  <si>
    <t>4306968197.0</t>
  </si>
  <si>
    <t>2098633925.0</t>
  </si>
  <si>
    <t>1865899070.0</t>
  </si>
  <si>
    <t>372903319.0</t>
  </si>
  <si>
    <t>4288059.0</t>
  </si>
  <si>
    <t>6241775.0</t>
  </si>
  <si>
    <t>4313163576.0</t>
  </si>
  <si>
    <t>2099105042.0</t>
  </si>
  <si>
    <t>1866652438.0</t>
  </si>
  <si>
    <t>377888329.0</t>
  </si>
  <si>
    <t>5871410.0</t>
  </si>
  <si>
    <t>5981762.0</t>
  </si>
  <si>
    <t>894322.0</t>
  </si>
  <si>
    <t>4317925826.0</t>
  </si>
  <si>
    <t>2099665290.0</t>
  </si>
  <si>
    <t>1867601601.0</t>
  </si>
  <si>
    <t>381263295.0</t>
  </si>
  <si>
    <t>5753827.0</t>
  </si>
  <si>
    <t>5876481.0</t>
  </si>
  <si>
    <t>125.81</t>
  </si>
  <si>
    <t>877738.0</t>
  </si>
  <si>
    <t>4323522054.0</t>
  </si>
  <si>
    <t>2099895011.0</t>
  </si>
  <si>
    <t>1868277959.0</t>
  </si>
  <si>
    <t>385461259.0</t>
  </si>
  <si>
    <t>6836979.0</t>
  </si>
  <si>
    <t>5868371.0</t>
  </si>
  <si>
    <t>860449.0</t>
  </si>
  <si>
    <t>4327772835.0</t>
  </si>
  <si>
    <t>2100185801.0</t>
  </si>
  <si>
    <t>1869064371.0</t>
  </si>
  <si>
    <t>388776240.0</t>
  </si>
  <si>
    <t>6283080.0</t>
  </si>
  <si>
    <t>5828559.0</t>
  </si>
  <si>
    <t>847497.0</t>
  </si>
  <si>
    <t>4333052295.0</t>
  </si>
  <si>
    <t>2100856864.0</t>
  </si>
  <si>
    <t>1869769436.0</t>
  </si>
  <si>
    <t>392698833.0</t>
  </si>
  <si>
    <t>5979049.0</t>
  </si>
  <si>
    <t>5770796.0</t>
  </si>
  <si>
    <t>835874.0</t>
  </si>
  <si>
    <t>4335921574.0</t>
  </si>
  <si>
    <t>2101066956.0</t>
  </si>
  <si>
    <t>1870191543.0</t>
  </si>
  <si>
    <t>394997783.0</t>
  </si>
  <si>
    <t>4980530.0</t>
  </si>
  <si>
    <t>5713274.0</t>
  </si>
  <si>
    <t>126.33</t>
  </si>
  <si>
    <t>826191.0</t>
  </si>
  <si>
    <t>4337839088.0</t>
  </si>
  <si>
    <t>2101176419.0</t>
  </si>
  <si>
    <t>1870519835.0</t>
  </si>
  <si>
    <t>396498871.0</t>
  </si>
  <si>
    <t>3313412.0</t>
  </si>
  <si>
    <t>5574033.0</t>
  </si>
  <si>
    <t>810585.0</t>
  </si>
  <si>
    <t>4343114754.0</t>
  </si>
  <si>
    <t>2101657822.0</t>
  </si>
  <si>
    <t>1871254264.0</t>
  </si>
  <si>
    <t>400580238.0</t>
  </si>
  <si>
    <t>5248103.0</t>
  </si>
  <si>
    <t>5484991.0</t>
  </si>
  <si>
    <t>804235.0</t>
  </si>
  <si>
    <t>4344059353.0</t>
  </si>
  <si>
    <t>2101761816.0</t>
  </si>
  <si>
    <t>1871462011.0</t>
  </si>
  <si>
    <t>401240997.0</t>
  </si>
  <si>
    <t>5657368.0</t>
  </si>
  <si>
    <t>5471212.0</t>
  </si>
  <si>
    <t>126.57</t>
  </si>
  <si>
    <t>4358251663.0</t>
  </si>
  <si>
    <t>2102943045.0</t>
  </si>
  <si>
    <t>1873495557.0</t>
  </si>
  <si>
    <t>407208913.0</t>
  </si>
  <si>
    <t>5577493.0</t>
  </si>
  <si>
    <t>5291287.0</t>
  </si>
  <si>
    <t>126.99</t>
  </si>
  <si>
    <t>783726.0</t>
  </si>
  <si>
    <t>4362367486.0</t>
  </si>
  <si>
    <t>2103250030.0</t>
  </si>
  <si>
    <t>1874235425.0</t>
  </si>
  <si>
    <t>410361742.0</t>
  </si>
  <si>
    <t>5911412.0</t>
  </si>
  <si>
    <t>5238193.0</t>
  </si>
  <si>
    <t>779931.0</t>
  </si>
  <si>
    <t>4366448040.0</t>
  </si>
  <si>
    <t>2103487162.0</t>
  </si>
  <si>
    <t>1874816144.0</t>
  </si>
  <si>
    <t>413662939.0</t>
  </si>
  <si>
    <t>5526016.0</t>
  </si>
  <si>
    <t>5173475.0</t>
  </si>
  <si>
    <t>127.22</t>
  </si>
  <si>
    <t>774998.0</t>
  </si>
  <si>
    <t>4376921688.0</t>
  </si>
  <si>
    <t>2108387553.0</t>
  </si>
  <si>
    <t>1880005638.0</t>
  </si>
  <si>
    <t>424551629.0</t>
  </si>
  <si>
    <t>5052831.0</t>
  </si>
  <si>
    <t>5183804.0</t>
  </si>
  <si>
    <t>778838.0</t>
  </si>
  <si>
    <t>4380795935.0</t>
  </si>
  <si>
    <t>2108764691.0</t>
  </si>
  <si>
    <t>1880547559.0</t>
  </si>
  <si>
    <t>427506340.0</t>
  </si>
  <si>
    <t>5176633.0</t>
  </si>
  <si>
    <t>5449979.0</t>
  </si>
  <si>
    <t>127.64</t>
  </si>
  <si>
    <t>781469.0</t>
  </si>
  <si>
    <t>4385577024.0</t>
  </si>
  <si>
    <t>2109152066.0</t>
  </si>
  <si>
    <t>1881116927.0</t>
  </si>
  <si>
    <t>431331008.0</t>
  </si>
  <si>
    <t>4859830.0</t>
  </si>
  <si>
    <t>5394512.0</t>
  </si>
  <si>
    <t>764770.0</t>
  </si>
  <si>
    <t>4387628880.0</t>
  </si>
  <si>
    <t>2109318271.0</t>
  </si>
  <si>
    <t>1881470408.0</t>
  </si>
  <si>
    <t>432892202.0</t>
  </si>
  <si>
    <t>3416523.0</t>
  </si>
  <si>
    <t>5074390.0</t>
  </si>
  <si>
    <t>738803.0</t>
  </si>
  <si>
    <t>4390157063.0</t>
  </si>
  <si>
    <t>2109427828.0</t>
  </si>
  <si>
    <t>1881796355.0</t>
  </si>
  <si>
    <t>434984416.0</t>
  </si>
  <si>
    <t>4493320.0</t>
  </si>
  <si>
    <t>4919508.0</t>
  </si>
  <si>
    <t>720840.0</t>
  </si>
  <si>
    <t>4392064095.0</t>
  </si>
  <si>
    <t>2109536364.0</t>
  </si>
  <si>
    <t>1882096266.0</t>
  </si>
  <si>
    <t>436484006.0</t>
  </si>
  <si>
    <t>3818644.0</t>
  </si>
  <si>
    <t>4618640.0</t>
  </si>
  <si>
    <t>685969.0</t>
  </si>
  <si>
    <t>4394665157.0</t>
  </si>
  <si>
    <t>2109635042.0</t>
  </si>
  <si>
    <t>1882383664.0</t>
  </si>
  <si>
    <t>438698992.0</t>
  </si>
  <si>
    <t>4584006.0</t>
  </si>
  <si>
    <t>4484414.0</t>
  </si>
  <si>
    <t>660250.0</t>
  </si>
  <si>
    <t>4403982813.0</t>
  </si>
  <si>
    <t>2113392233.0</t>
  </si>
  <si>
    <t>1886465405.0</t>
  </si>
  <si>
    <t>442784041.0</t>
  </si>
  <si>
    <t>4636262.0</t>
  </si>
  <si>
    <t>4425251.0</t>
  </si>
  <si>
    <t>128.32</t>
  </si>
  <si>
    <t>640019.0</t>
  </si>
  <si>
    <t>4407215095.0</t>
  </si>
  <si>
    <t>2113769297.0</t>
  </si>
  <si>
    <t>1886993731.0</t>
  </si>
  <si>
    <t>445212013.0</t>
  </si>
  <si>
    <t>4673006.0</t>
  </si>
  <si>
    <t>4353655.0</t>
  </si>
  <si>
    <t>128.41</t>
  </si>
  <si>
    <t>631375.0</t>
  </si>
  <si>
    <t>4409694204.0</t>
  </si>
  <si>
    <t>2113996401.0</t>
  </si>
  <si>
    <t>1887484647.0</t>
  </si>
  <si>
    <t>447081868.0</t>
  </si>
  <si>
    <t>3293524.0</t>
  </si>
  <si>
    <t>4130182.0</t>
  </si>
  <si>
    <t>624969.0</t>
  </si>
  <si>
    <t>4415724584.0</t>
  </si>
  <si>
    <t>2114408388.0</t>
  </si>
  <si>
    <t>1888003439.0</t>
  </si>
  <si>
    <t>452000427.0</t>
  </si>
  <si>
    <t>5270499.0</t>
  </si>
  <si>
    <t>4395323.0</t>
  </si>
  <si>
    <t>4427256927.0</t>
  </si>
  <si>
    <t>2115806784.0</t>
  </si>
  <si>
    <t>1889777794.0</t>
  </si>
  <si>
    <t>456115234.0</t>
  </si>
  <si>
    <t>5968512.0</t>
  </si>
  <si>
    <t>4606349.0</t>
  </si>
  <si>
    <t>652761.0</t>
  </si>
  <si>
    <t>4430881246.0</t>
  </si>
  <si>
    <t>2116053602.0</t>
  </si>
  <si>
    <t>1890298696.0</t>
  </si>
  <si>
    <t>459339323.0</t>
  </si>
  <si>
    <t>4963093.0</t>
  </si>
  <si>
    <t>4769847.0</t>
  </si>
  <si>
    <t>661288.0</t>
  </si>
  <si>
    <t>4432633736.0</t>
  </si>
  <si>
    <t>2116147513.0</t>
  </si>
  <si>
    <t>1890553114.0</t>
  </si>
  <si>
    <t>460763469.0</t>
  </si>
  <si>
    <t>3516579.0</t>
  </si>
  <si>
    <t>4617356.0</t>
  </si>
  <si>
    <t>659688.0</t>
  </si>
  <si>
    <t>4452263512.0</t>
  </si>
  <si>
    <t>2120751718.0</t>
  </si>
  <si>
    <t>1894874678.0</t>
  </si>
  <si>
    <t>468546468.0</t>
  </si>
  <si>
    <t>4823281.0</t>
  </si>
  <si>
    <t>661953.0</t>
  </si>
  <si>
    <t>4455822317.0</t>
  </si>
  <si>
    <t>2120893393.0</t>
  </si>
  <si>
    <t>1895324751.0</t>
  </si>
  <si>
    <t>471531790.0</t>
  </si>
  <si>
    <t>5214517.0</t>
  </si>
  <si>
    <t>4721433.0</t>
  </si>
  <si>
    <t>679226.0</t>
  </si>
  <si>
    <t>4458961747.0</t>
  </si>
  <si>
    <t>2121019536.0</t>
  </si>
  <si>
    <t>1895680485.0</t>
  </si>
  <si>
    <t>474201526.0</t>
  </si>
  <si>
    <t>4945027.0</t>
  </si>
  <si>
    <t>4957360.0</t>
  </si>
  <si>
    <t>697154.0</t>
  </si>
  <si>
    <t>4461791872.0</t>
  </si>
  <si>
    <t>2121161115.0</t>
  </si>
  <si>
    <t>1896040775.0</t>
  </si>
  <si>
    <t>476540432.0</t>
  </si>
  <si>
    <t>4597848.0</t>
  </si>
  <si>
    <t>4861267.0</t>
  </si>
  <si>
    <t>704309.0</t>
  </si>
  <si>
    <t>4464468246.0</t>
  </si>
  <si>
    <t>2121296578.0</t>
  </si>
  <si>
    <t>1896418251.0</t>
  </si>
  <si>
    <t>478713448.0</t>
  </si>
  <si>
    <t>4472273.0</t>
  </si>
  <si>
    <t>4647518.0</t>
  </si>
  <si>
    <t>707705.0</t>
  </si>
  <si>
    <t>4468682640.0</t>
  </si>
  <si>
    <t>2121623516.0</t>
  </si>
  <si>
    <t>1897050863.0</t>
  </si>
  <si>
    <t>481875691.0</t>
  </si>
  <si>
    <t>5104852.0</t>
  </si>
  <si>
    <t>4667771.0</t>
  </si>
  <si>
    <t>719248.0</t>
  </si>
  <si>
    <t>4471554541.0</t>
  </si>
  <si>
    <t>2121758317.0</t>
  </si>
  <si>
    <t>1897388206.0</t>
  </si>
  <si>
    <t>484286504.0</t>
  </si>
  <si>
    <t>4530843.0</t>
  </si>
  <si>
    <t>4812664.0</t>
  </si>
  <si>
    <t>735199.0</t>
  </si>
  <si>
    <t>4480574112.0</t>
  </si>
  <si>
    <t>2123743100.0</t>
  </si>
  <si>
    <t>1898991997.0</t>
  </si>
  <si>
    <t>489810689.0</t>
  </si>
  <si>
    <t>4460901.0</t>
  </si>
  <si>
    <t>4760895.0</t>
  </si>
  <si>
    <t>745333.0</t>
  </si>
  <si>
    <t>4484985843.0</t>
  </si>
  <si>
    <t>2124408300.0</t>
  </si>
  <si>
    <t>1900050940.0</t>
  </si>
  <si>
    <t>492508368.0</t>
  </si>
  <si>
    <t>4230869.0</t>
  </si>
  <si>
    <t>4620373.0</t>
  </si>
  <si>
    <t>4489016331.0</t>
  </si>
  <si>
    <t>2124951293.0</t>
  </si>
  <si>
    <t>1900535425.0</t>
  </si>
  <si>
    <t>495560586.0</t>
  </si>
  <si>
    <t>4430052.0</t>
  </si>
  <si>
    <t>4546808.0</t>
  </si>
  <si>
    <t>733891.0</t>
  </si>
  <si>
    <t>4491301347.0</t>
  </si>
  <si>
    <t>2125034512.0</t>
  </si>
  <si>
    <t>1900768733.0</t>
  </si>
  <si>
    <t>497535240.0</t>
  </si>
  <si>
    <t>3716840.0</t>
  </si>
  <si>
    <t>4420947.0</t>
  </si>
  <si>
    <t>714752.0</t>
  </si>
  <si>
    <t>4497654233.0</t>
  </si>
  <si>
    <t>2125603024.0</t>
  </si>
  <si>
    <t>1901810959.0</t>
  </si>
  <si>
    <t>499225639.0</t>
  </si>
  <si>
    <t>3054729.0</t>
  </si>
  <si>
    <t>4218442.0</t>
  </si>
  <si>
    <t>695919.0</t>
  </si>
  <si>
    <t>4500349461.0</t>
  </si>
  <si>
    <t>2125863118.0</t>
  </si>
  <si>
    <t>1902258718.0</t>
  </si>
  <si>
    <t>501356543.0</t>
  </si>
  <si>
    <t>3767374.0</t>
  </si>
  <si>
    <t>4027372.0</t>
  </si>
  <si>
    <t>679592.0</t>
  </si>
  <si>
    <t>4503053564.0</t>
  </si>
  <si>
    <t>2125958978.0</t>
  </si>
  <si>
    <t>1902526624.0</t>
  </si>
  <si>
    <t>503698410.0</t>
  </si>
  <si>
    <t>3991683.0</t>
  </si>
  <si>
    <t>3950352.0</t>
  </si>
  <si>
    <t>662176.0</t>
  </si>
  <si>
    <t>4513609417.0</t>
  </si>
  <si>
    <t>2130619746.0</t>
  </si>
  <si>
    <t>1906717313.0</t>
  </si>
  <si>
    <t>507661060.0</t>
  </si>
  <si>
    <t>3607146.0</t>
  </si>
  <si>
    <t>3828384.0</t>
  </si>
  <si>
    <t>644270.0</t>
  </si>
  <si>
    <t>4516540157.0</t>
  </si>
  <si>
    <t>2130687410.0</t>
  </si>
  <si>
    <t>1907003013.0</t>
  </si>
  <si>
    <t>510237509.0</t>
  </si>
  <si>
    <t>4270443.0</t>
  </si>
  <si>
    <t>3833500.0</t>
  </si>
  <si>
    <t>624160.0</t>
  </si>
  <si>
    <t>4518525207.0</t>
  </si>
  <si>
    <t>2130748164.0</t>
  </si>
  <si>
    <t>1907189833.0</t>
  </si>
  <si>
    <t>511974458.0</t>
  </si>
  <si>
    <t>3324753.0</t>
  </si>
  <si>
    <t>3675691.0</t>
  </si>
  <si>
    <t>131.65</t>
  </si>
  <si>
    <t>595698.0</t>
  </si>
  <si>
    <t>4521127269.0</t>
  </si>
  <si>
    <t>2130850229.0</t>
  </si>
  <si>
    <t>1907465011.0</t>
  </si>
  <si>
    <t>514198858.0</t>
  </si>
  <si>
    <t>3446295.0</t>
  </si>
  <si>
    <t>3637133.0</t>
  </si>
  <si>
    <t>4526655848.0</t>
  </si>
  <si>
    <t>2131226972.0</t>
  </si>
  <si>
    <t>1908140375.0</t>
  </si>
  <si>
    <t>517957477.0</t>
  </si>
  <si>
    <t>4966398.0</t>
  </si>
  <si>
    <t>3910316.0</t>
  </si>
  <si>
    <t>131.89</t>
  </si>
  <si>
    <t>575655.0</t>
  </si>
  <si>
    <t>4530499533.0</t>
  </si>
  <si>
    <t>2131639008.0</t>
  </si>
  <si>
    <t>1908592748.0</t>
  </si>
  <si>
    <t>520800269.0</t>
  </si>
  <si>
    <t>4060795.0</t>
  </si>
  <si>
    <t>3952325.0</t>
  </si>
  <si>
    <t>559639.0</t>
  </si>
  <si>
    <t>4532808336.0</t>
  </si>
  <si>
    <t>2131715928.0</t>
  </si>
  <si>
    <t>1908784326.0</t>
  </si>
  <si>
    <t>522820438.0</t>
  </si>
  <si>
    <t>3474385.0</t>
  </si>
  <si>
    <t>3878511.0</t>
  </si>
  <si>
    <t>544969.0</t>
  </si>
  <si>
    <t>4536438874.0</t>
  </si>
  <si>
    <t>2132516812.0</t>
  </si>
  <si>
    <t>1909746729.0</t>
  </si>
  <si>
    <t>525033550.0</t>
  </si>
  <si>
    <t>3303546.0</t>
  </si>
  <si>
    <t>3835229.0</t>
  </si>
  <si>
    <t>4539438976.0</t>
  </si>
  <si>
    <t>2132604793.0</t>
  </si>
  <si>
    <t>1910034432.0</t>
  </si>
  <si>
    <t>527639081.0</t>
  </si>
  <si>
    <t>3998023.0</t>
  </si>
  <si>
    <t>3796313.0</t>
  </si>
  <si>
    <t>526406.0</t>
  </si>
  <si>
    <t>4544036711.0</t>
  </si>
  <si>
    <t>2133439859.0</t>
  </si>
  <si>
    <t>1911022551.0</t>
  </si>
  <si>
    <t>530736476.0</t>
  </si>
  <si>
    <t>3451688.0</t>
  </si>
  <si>
    <t>3814449.0</t>
  </si>
  <si>
    <t>525258.0</t>
  </si>
  <si>
    <t>4546670589.0</t>
  </si>
  <si>
    <t>2133641914.0</t>
  </si>
  <si>
    <t>1911272178.0</t>
  </si>
  <si>
    <t>532902716.0</t>
  </si>
  <si>
    <t>3449734.0</t>
  </si>
  <si>
    <t>3814937.0</t>
  </si>
  <si>
    <t>519923.0</t>
  </si>
  <si>
    <t>4551168876.0</t>
  </si>
  <si>
    <t>2133940872.0</t>
  </si>
  <si>
    <t>1911857167.0</t>
  </si>
  <si>
    <t>535803358.0</t>
  </si>
  <si>
    <t>4253459.0</t>
  </si>
  <si>
    <t>3713091.0</t>
  </si>
  <si>
    <t>513083.0</t>
  </si>
  <si>
    <t>4553401476.0</t>
  </si>
  <si>
    <t>2134051249.0</t>
  </si>
  <si>
    <t>1912138373.0</t>
  </si>
  <si>
    <t>537643595.0</t>
  </si>
  <si>
    <t>3592738.0</t>
  </si>
  <si>
    <t>507005.0</t>
  </si>
  <si>
    <t>4556428847.0</t>
  </si>
  <si>
    <t>2134250619.0</t>
  </si>
  <si>
    <t>1912398876.0</t>
  </si>
  <si>
    <t>540177889.0</t>
  </si>
  <si>
    <t>3793297.0</t>
  </si>
  <si>
    <t>3638295.0</t>
  </si>
  <si>
    <t>505336.0</t>
  </si>
  <si>
    <t>4563924050.0</t>
  </si>
  <si>
    <t>2137832311.0</t>
  </si>
  <si>
    <t>1915993607.0</t>
  </si>
  <si>
    <t>542424488.0</t>
  </si>
  <si>
    <t>2832950.0</t>
  </si>
  <si>
    <t>3571069.0</t>
  </si>
  <si>
    <t>500026.0</t>
  </si>
  <si>
    <t>4565341031.0</t>
  </si>
  <si>
    <t>2137901007.0</t>
  </si>
  <si>
    <t>1916202451.0</t>
  </si>
  <si>
    <t>543548852.0</t>
  </si>
  <si>
    <t>2713133.0</t>
  </si>
  <si>
    <t>3387514.0</t>
  </si>
  <si>
    <t>531795.0</t>
  </si>
  <si>
    <t>4567176726.0</t>
  </si>
  <si>
    <t>2138034513.0</t>
  </si>
  <si>
    <t>1916402214.0</t>
  </si>
  <si>
    <t>545029978.0</t>
  </si>
  <si>
    <t>2937886.0</t>
  </si>
  <si>
    <t>3314113.0</t>
  </si>
  <si>
    <t>563083.0</t>
  </si>
  <si>
    <t>4568587707.0</t>
  </si>
  <si>
    <t>2138093288.0</t>
  </si>
  <si>
    <t>1916533081.0</t>
  </si>
  <si>
    <t>546229549.0</t>
  </si>
  <si>
    <t>2773350.0</t>
  </si>
  <si>
    <t>3217487.0</t>
  </si>
  <si>
    <t>593805.0</t>
  </si>
  <si>
    <t>4571652825.0</t>
  </si>
  <si>
    <t>2138354482.0</t>
  </si>
  <si>
    <t>1916981936.0</t>
  </si>
  <si>
    <t>548078070.0</t>
  </si>
  <si>
    <t>3120931.0</t>
  </si>
  <si>
    <t>3055697.0</t>
  </si>
  <si>
    <t>623305.0</t>
  </si>
  <si>
    <t>4573316338.0</t>
  </si>
  <si>
    <t>2138440238.0</t>
  </si>
  <si>
    <t>1917193583.0</t>
  </si>
  <si>
    <t>549492739.0</t>
  </si>
  <si>
    <t>2998472.0</t>
  </si>
  <si>
    <t>3024291.0</t>
  </si>
  <si>
    <t>654134.0</t>
  </si>
  <si>
    <t>4575354596.0</t>
  </si>
  <si>
    <t>2138553624.0</t>
  </si>
  <si>
    <t>1917386576.0</t>
  </si>
  <si>
    <t>551214844.0</t>
  </si>
  <si>
    <t>3047516.0</t>
  </si>
  <si>
    <t>2917751.0</t>
  </si>
  <si>
    <t>684617.0</t>
  </si>
  <si>
    <t>4582643765.0</t>
  </si>
  <si>
    <t>2142774276.0</t>
  </si>
  <si>
    <t>1921507377.0</t>
  </si>
  <si>
    <t>553950873.0</t>
  </si>
  <si>
    <t>3055381.0</t>
  </si>
  <si>
    <t>2949526.0</t>
  </si>
  <si>
    <t>133.52</t>
  </si>
  <si>
    <t>718760.0</t>
  </si>
  <si>
    <t>4584844718.0</t>
  </si>
  <si>
    <t>2142845729.0</t>
  </si>
  <si>
    <t>1921772468.0</t>
  </si>
  <si>
    <t>555642757.0</t>
  </si>
  <si>
    <t>3397717.0</t>
  </si>
  <si>
    <t>3047070.0</t>
  </si>
  <si>
    <t>730734.0</t>
  </si>
  <si>
    <t>4586312050.0</t>
  </si>
  <si>
    <t>2142891240.0</t>
  </si>
  <si>
    <t>1921895871.0</t>
  </si>
  <si>
    <t>556944013.0</t>
  </si>
  <si>
    <t>3862992.0</t>
  </si>
  <si>
    <t>3179271.0</t>
  </si>
  <si>
    <t>133.63</t>
  </si>
  <si>
    <t>742191.0</t>
  </si>
  <si>
    <t>4588332788.0</t>
  </si>
  <si>
    <t>2142989617.0</t>
  </si>
  <si>
    <t>1922130017.0</t>
  </si>
  <si>
    <t>558597113.0</t>
  </si>
  <si>
    <t>3916288.0</t>
  </si>
  <si>
    <t>3342590.0</t>
  </si>
  <si>
    <t>756709.0</t>
  </si>
  <si>
    <t>4592245967.0</t>
  </si>
  <si>
    <t>2143370067.0</t>
  </si>
  <si>
    <t>1922582121.0</t>
  </si>
  <si>
    <t>561524759.0</t>
  </si>
  <si>
    <t>4699161.0</t>
  </si>
  <si>
    <t>3568092.0</t>
  </si>
  <si>
    <t>770621.0</t>
  </si>
  <si>
    <t>4595656323.0</t>
  </si>
  <si>
    <t>2143477623.0</t>
  </si>
  <si>
    <t>1922866805.0</t>
  </si>
  <si>
    <t>564575200.0</t>
  </si>
  <si>
    <t>5510272.0</t>
  </si>
  <si>
    <t>3926964.0</t>
  </si>
  <si>
    <t>783064.0</t>
  </si>
  <si>
    <t>4602407801.0</t>
  </si>
  <si>
    <t>2143916215.0</t>
  </si>
  <si>
    <t>1923839560.0</t>
  </si>
  <si>
    <t>569952807.0</t>
  </si>
  <si>
    <t>3738392.0</t>
  </si>
  <si>
    <t>4025701.0</t>
  </si>
  <si>
    <t>791395.0</t>
  </si>
  <si>
    <t>4604824792.0</t>
  </si>
  <si>
    <t>2144160907.0</t>
  </si>
  <si>
    <t>1924348399.0</t>
  </si>
  <si>
    <t>571626540.0</t>
  </si>
  <si>
    <t>3865261.0</t>
  </si>
  <si>
    <t>4141441.0</t>
  </si>
  <si>
    <t>804870.0</t>
  </si>
  <si>
    <t>4605020670.0</t>
  </si>
  <si>
    <t>2144170346.0</t>
  </si>
  <si>
    <t>1924377328.0</t>
  </si>
  <si>
    <t>571783155.0</t>
  </si>
  <si>
    <t>3439877.0</t>
  </si>
  <si>
    <t>4145019.0</t>
  </si>
  <si>
    <t>803576.0</t>
  </si>
  <si>
    <t>4605826067.0</t>
  </si>
  <si>
    <t>2144213298.0</t>
  </si>
  <si>
    <t>1924435309.0</t>
  </si>
  <si>
    <t>572442541.0</t>
  </si>
  <si>
    <t>3603309.0</t>
  </si>
  <si>
    <t>4108327.0</t>
  </si>
  <si>
    <t>802611.0</t>
  </si>
  <si>
    <t>4613847972.0</t>
  </si>
  <si>
    <t>2144669920.0</t>
  </si>
  <si>
    <t>1925518786.0</t>
  </si>
  <si>
    <t>578936978.0</t>
  </si>
  <si>
    <t>3537407.0</t>
  </si>
  <si>
    <t>4054606.0</t>
  </si>
  <si>
    <t>801176.0</t>
  </si>
  <si>
    <t>4614981708.0</t>
  </si>
  <si>
    <t>2144814369.0</t>
  </si>
  <si>
    <t>1925693628.0</t>
  </si>
  <si>
    <t>579569527.0</t>
  </si>
  <si>
    <t>1905752.0</t>
  </si>
  <si>
    <t>3655956.0</t>
  </si>
  <si>
    <t>818723.0</t>
  </si>
  <si>
    <t>4615421207.0</t>
  </si>
  <si>
    <t>2144844613.0</t>
  </si>
  <si>
    <t>1925784599.0</t>
  </si>
  <si>
    <t>579929449.0</t>
  </si>
  <si>
    <t>2157035.0</t>
  </si>
  <si>
    <t>3177333.0</t>
  </si>
  <si>
    <t>4616163695.0</t>
  </si>
  <si>
    <t>2144876259.0</t>
  </si>
  <si>
    <t>1925862067.0</t>
  </si>
  <si>
    <t>580540305.0</t>
  </si>
  <si>
    <t>2245247.0</t>
  </si>
  <si>
    <t>2962296.0</t>
  </si>
  <si>
    <t>863822.0</t>
  </si>
  <si>
    <t>4629783177.0</t>
  </si>
  <si>
    <t>2153191040.0</t>
  </si>
  <si>
    <t>1934554225.0</t>
  </si>
  <si>
    <t>582878793.0</t>
  </si>
  <si>
    <t>2115413.0</t>
  </si>
  <si>
    <t>2712759.0</t>
  </si>
  <si>
    <t>884514.0</t>
  </si>
  <si>
    <t>4630554724.0</t>
  </si>
  <si>
    <t>2153214199.0</t>
  </si>
  <si>
    <t>1934657073.0</t>
  </si>
  <si>
    <t>583453302.0</t>
  </si>
  <si>
    <t>1643707.0</t>
  </si>
  <si>
    <t>2455560.0</t>
  </si>
  <si>
    <t>134.92</t>
  </si>
  <si>
    <t>873128.0</t>
  </si>
  <si>
    <t>4631332301.0</t>
  </si>
  <si>
    <t>2153252033.0</t>
  </si>
  <si>
    <t>1934732150.0</t>
  </si>
  <si>
    <t>584089000.0</t>
  </si>
  <si>
    <t>1923309.0</t>
  </si>
  <si>
    <t>2216207.0</t>
  </si>
  <si>
    <t>863435.0</t>
  </si>
  <si>
    <t>4632267147.0</t>
  </si>
  <si>
    <t>2153294249.0</t>
  </si>
  <si>
    <t>1934872880.0</t>
  </si>
  <si>
    <t>584838751.0</t>
  </si>
  <si>
    <t>2259667.0</t>
  </si>
  <si>
    <t>2034309.0</t>
  </si>
  <si>
    <t>856570.0</t>
  </si>
  <si>
    <t>4633029718.0</t>
  </si>
  <si>
    <t>2153445539.0</t>
  </si>
  <si>
    <t>1934977597.0</t>
  </si>
  <si>
    <t>585176487.0</t>
  </si>
  <si>
    <t>1861946.0</t>
  </si>
  <si>
    <t>2028589.0</t>
  </si>
  <si>
    <t>828217.0</t>
  </si>
  <si>
    <t>4634018216.0</t>
  </si>
  <si>
    <t>2153507880.0</t>
  </si>
  <si>
    <t>1935156284.0</t>
  </si>
  <si>
    <t>585956848.0</t>
  </si>
  <si>
    <t>1921225.0</t>
  </si>
  <si>
    <t>798537.0</t>
  </si>
  <si>
    <t>4634711572.0</t>
  </si>
  <si>
    <t>2153540155.0</t>
  </si>
  <si>
    <t>1935240766.0</t>
  </si>
  <si>
    <t>586522739.0</t>
  </si>
  <si>
    <t>2080962.0</t>
  </si>
  <si>
    <t>1972210.0</t>
  </si>
  <si>
    <t>769265.0</t>
  </si>
  <si>
    <t>4642388980.0</t>
  </si>
  <si>
    <t>2158380505.0</t>
  </si>
  <si>
    <t>1937801134.0</t>
  </si>
  <si>
    <t>588758136.0</t>
  </si>
  <si>
    <t>1878788.0</t>
  </si>
  <si>
    <t>1938512.0</t>
  </si>
  <si>
    <t>739387.0</t>
  </si>
  <si>
    <t>4642979062.0</t>
  </si>
  <si>
    <t>2158397503.0</t>
  </si>
  <si>
    <t>1937879266.0</t>
  </si>
  <si>
    <t>589211492.0</t>
  </si>
  <si>
    <t>1423188.0</t>
  </si>
  <si>
    <t>1907011.0</t>
  </si>
  <si>
    <t>135.28</t>
  </si>
  <si>
    <t>730237.0</t>
  </si>
  <si>
    <t>4644459434.0</t>
  </si>
  <si>
    <t>2158431881.0</t>
  </si>
  <si>
    <t>1938599610.0</t>
  </si>
  <si>
    <t>589819646.0</t>
  </si>
  <si>
    <t>1884132.0</t>
  </si>
  <si>
    <t>721725.0</t>
  </si>
  <si>
    <t>4644964739.0</t>
  </si>
  <si>
    <t>2158462923.0</t>
  </si>
  <si>
    <t>1938681297.0</t>
  </si>
  <si>
    <t>590199569.0</t>
  </si>
  <si>
    <t>1679978.0</t>
  </si>
  <si>
    <t>1801227.0</t>
  </si>
  <si>
    <t>135.34</t>
  </si>
  <si>
    <t>710621.0</t>
  </si>
  <si>
    <t>4646691217.0</t>
  </si>
  <si>
    <t>2158602059.0</t>
  </si>
  <si>
    <t>1938921171.0</t>
  </si>
  <si>
    <t>591070921.0</t>
  </si>
  <si>
    <t>1836427.0</t>
  </si>
  <si>
    <t>1797598.0</t>
  </si>
  <si>
    <t>705358.0</t>
  </si>
  <si>
    <t>4647327728.0</t>
  </si>
  <si>
    <t>2158651109.0</t>
  </si>
  <si>
    <t>1939075967.0</t>
  </si>
  <si>
    <t>591631444.0</t>
  </si>
  <si>
    <t>1696070.0</t>
  </si>
  <si>
    <t>1765447.0</t>
  </si>
  <si>
    <t>697946.0</t>
  </si>
  <si>
    <t>4649260911.0</t>
  </si>
  <si>
    <t>2159903288.0</t>
  </si>
  <si>
    <t>1939232428.0</t>
  </si>
  <si>
    <t>592160578.0</t>
  </si>
  <si>
    <t>2247961.0</t>
  </si>
  <si>
    <t>1789322.0</t>
  </si>
  <si>
    <t>688701.0</t>
  </si>
  <si>
    <t>4654832366.0</t>
  </si>
  <si>
    <t>2161840213.0</t>
  </si>
  <si>
    <t>1941457685.0</t>
  </si>
  <si>
    <t>592976636.0</t>
  </si>
  <si>
    <t>1909345.0</t>
  </si>
  <si>
    <t>1793702.0</t>
  </si>
  <si>
    <t>652595.0</t>
  </si>
  <si>
    <t>4655450680.0</t>
  </si>
  <si>
    <t>2161858621.0</t>
  </si>
  <si>
    <t>1941519737.0</t>
  </si>
  <si>
    <t>593468274.0</t>
  </si>
  <si>
    <t>1900533.0</t>
  </si>
  <si>
    <t>1861908.0</t>
  </si>
  <si>
    <t>651220.0</t>
  </si>
  <si>
    <t>4655491763.0</t>
  </si>
  <si>
    <t>2161861818.0</t>
  </si>
  <si>
    <t>1941527280.0</t>
  </si>
  <si>
    <t>593497213.0</t>
  </si>
  <si>
    <t>1902584.0</t>
  </si>
  <si>
    <t>1881843.0</t>
  </si>
  <si>
    <t>647115.0</t>
  </si>
  <si>
    <t>4655758691.0</t>
  </si>
  <si>
    <t>2161934436.0</t>
  </si>
  <si>
    <t>1941562490.0</t>
  </si>
  <si>
    <t>593658872.0</t>
  </si>
  <si>
    <t>1974040.0</t>
  </si>
  <si>
    <t>1923853.0</t>
  </si>
  <si>
    <t>643966.0</t>
  </si>
  <si>
    <t>4656850613.0</t>
  </si>
  <si>
    <t>2162009172.0</t>
  </si>
  <si>
    <t>1941681882.0</t>
  </si>
  <si>
    <t>594162781.0</t>
  </si>
  <si>
    <t>2317972.0</t>
  </si>
  <si>
    <t>1992642.0</t>
  </si>
  <si>
    <t>135.69</t>
  </si>
  <si>
    <t>675407.0</t>
  </si>
  <si>
    <t>4662039088.0</t>
  </si>
  <si>
    <t>2162107366.0</t>
  </si>
  <si>
    <t>1941804652.0</t>
  </si>
  <si>
    <t>595031656.0</t>
  </si>
  <si>
    <t>2311042.0</t>
  </si>
  <si>
    <t>2080495.0</t>
  </si>
  <si>
    <t>135.84</t>
  </si>
  <si>
    <t>709112.0</t>
  </si>
  <si>
    <t>4663290681.0</t>
  </si>
  <si>
    <t>2162957286.0</t>
  </si>
  <si>
    <t>1941910056.0</t>
  </si>
  <si>
    <t>595330913.0</t>
  </si>
  <si>
    <t>1990655.0</t>
  </si>
  <si>
    <t>742401.0</t>
  </si>
  <si>
    <t>4672390506.0</t>
  </si>
  <si>
    <t>2169143082.0</t>
  </si>
  <si>
    <t>1948462140.0</t>
  </si>
  <si>
    <t>596632056.0</t>
  </si>
  <si>
    <t>2153493.0</t>
  </si>
  <si>
    <t>2025535.0</t>
  </si>
  <si>
    <t>136.14</t>
  </si>
  <si>
    <t>886807.0</t>
  </si>
  <si>
    <t>4674925945.0</t>
  </si>
  <si>
    <t>2170921057.0</t>
  </si>
  <si>
    <t>1948573326.0</t>
  </si>
  <si>
    <t>597221788.0</t>
  </si>
  <si>
    <t>2030760.0</t>
  </si>
  <si>
    <t>2036014.0</t>
  </si>
  <si>
    <t>996108.0</t>
  </si>
  <si>
    <t>4676270454.0</t>
  </si>
  <si>
    <t>2171950098.0</t>
  </si>
  <si>
    <t>1948637072.0</t>
  </si>
  <si>
    <t>597462015.0</t>
  </si>
  <si>
    <t>2179542.0</t>
  </si>
  <si>
    <t>2067157.0</t>
  </si>
  <si>
    <t>136.25</t>
  </si>
  <si>
    <t>1123797.0</t>
  </si>
  <si>
    <t>4676399743.0</t>
  </si>
  <si>
    <t>2171957489.0</t>
  </si>
  <si>
    <t>1948664827.0</t>
  </si>
  <si>
    <t>597555510.0</t>
  </si>
  <si>
    <t>1609105.0</t>
  </si>
  <si>
    <t>2018008.0</t>
  </si>
  <si>
    <t>1171056.0</t>
  </si>
  <si>
    <t>4677260000.0</t>
  </si>
  <si>
    <t>2171979679.0</t>
  </si>
  <si>
    <t>1948719383.0</t>
  </si>
  <si>
    <t>598055026.0</t>
  </si>
  <si>
    <t>1653338.0</t>
  </si>
  <si>
    <t>1926041.0</t>
  </si>
  <si>
    <t>1180698.0</t>
  </si>
  <si>
    <t>4677590427.0</t>
  </si>
  <si>
    <t>2172004864.0</t>
  </si>
  <si>
    <t>1948775173.0</t>
  </si>
  <si>
    <t>598293505.0</t>
  </si>
  <si>
    <t>1659424.0</t>
  </si>
  <si>
    <t>1835936.0</t>
  </si>
  <si>
    <t>136.29</t>
  </si>
  <si>
    <t>1191829.0</t>
  </si>
  <si>
    <t>4679605005.0</t>
  </si>
  <si>
    <t>2173711835.0</t>
  </si>
  <si>
    <t>1948874212.0</t>
  </si>
  <si>
    <t>598505593.0</t>
  </si>
  <si>
    <t>1584782.0</t>
  </si>
  <si>
    <t>1834024.0</t>
  </si>
  <si>
    <t>1203413.0</t>
  </si>
  <si>
    <t>4681859480.0</t>
  </si>
  <si>
    <t>2175607476.0</t>
  </si>
  <si>
    <t>1950243576.0</t>
  </si>
  <si>
    <t>598678509.0</t>
  </si>
  <si>
    <t>1718191.0</t>
  </si>
  <si>
    <t>1100531.0</t>
  </si>
  <si>
    <t>4682012494.0</t>
  </si>
  <si>
    <t>2175617979.0</t>
  </si>
  <si>
    <t>1950254774.0</t>
  </si>
  <si>
    <t>598767423.0</t>
  </si>
  <si>
    <t>1065632.0</t>
  </si>
  <si>
    <t>1581945.0</t>
  </si>
  <si>
    <t>976670.0</t>
  </si>
  <si>
    <t>4683780959.0</t>
  </si>
  <si>
    <t>2176268468.0</t>
  </si>
  <si>
    <t>1950637606.0</t>
  </si>
  <si>
    <t>599471044.0</t>
  </si>
  <si>
    <t>1122822.0</t>
  </si>
  <si>
    <t>1430924.0</t>
  </si>
  <si>
    <t>831750.0</t>
  </si>
  <si>
    <t>4685090852.0</t>
  </si>
  <si>
    <t>2177181206.0</t>
  </si>
  <si>
    <t>1950727753.0</t>
  </si>
  <si>
    <t>599878347.0</t>
  </si>
  <si>
    <t>1963463.0</t>
  </si>
  <si>
    <t>1481560.0</t>
  </si>
  <si>
    <t>870649.0</t>
  </si>
  <si>
    <t>4685722444.0</t>
  </si>
  <si>
    <t>2177255359.0</t>
  </si>
  <si>
    <t>1950852520.0</t>
  </si>
  <si>
    <t>600222718.0</t>
  </si>
  <si>
    <t>1431407.0</t>
  </si>
  <si>
    <t>136.53</t>
  </si>
  <si>
    <t>4685996709.0</t>
  </si>
  <si>
    <t>2177273287.0</t>
  </si>
  <si>
    <t>1950897657.0</t>
  </si>
  <si>
    <t>600342016.0</t>
  </si>
  <si>
    <t>1311471.0</t>
  </si>
  <si>
    <t>1381712.0</t>
  </si>
  <si>
    <t>775332.0</t>
  </si>
  <si>
    <t>4686305831.0</t>
  </si>
  <si>
    <t>2177286975.0</t>
  </si>
  <si>
    <t>1950926147.0</t>
  </si>
  <si>
    <t>600590507.0</t>
  </si>
  <si>
    <t>1288644.0</t>
  </si>
  <si>
    <t>1339415.0</t>
  </si>
  <si>
    <t>727549.0</t>
  </si>
  <si>
    <t>4691046193.0</t>
  </si>
  <si>
    <t>2180608266.0</t>
  </si>
  <si>
    <t>1954324779.0</t>
  </si>
  <si>
    <t>601551123.0</t>
  </si>
  <si>
    <t>1214738.0</t>
  </si>
  <si>
    <t>1324130.0</t>
  </si>
  <si>
    <t>136.68</t>
  </si>
  <si>
    <t>711159.0</t>
  </si>
  <si>
    <t>4691299352.0</t>
  </si>
  <si>
    <t>2180651387.0</t>
  </si>
  <si>
    <t>1954357516.0</t>
  </si>
  <si>
    <t>601724924.0</t>
  </si>
  <si>
    <t>1236066.0</t>
  </si>
  <si>
    <t>1348489.0</t>
  </si>
  <si>
    <t>735355.0</t>
  </si>
  <si>
    <t>4691778727.0</t>
  </si>
  <si>
    <t>2180703394.0</t>
  </si>
  <si>
    <t>1954512081.0</t>
  </si>
  <si>
    <t>601987350.0</t>
  </si>
  <si>
    <t>1381408.0</t>
  </si>
  <si>
    <t>1385429.0</t>
  </si>
  <si>
    <t>759662.0</t>
  </si>
  <si>
    <t>4691968951.0</t>
  </si>
  <si>
    <t>2180714528.0</t>
  </si>
  <si>
    <t>1954555518.0</t>
  </si>
  <si>
    <t>602117045.0</t>
  </si>
  <si>
    <t>1285968.0</t>
  </si>
  <si>
    <t>1288642.0</t>
  </si>
  <si>
    <t>682997.0</t>
  </si>
  <si>
    <t>4693255135.0</t>
  </si>
  <si>
    <t>2180864760.0</t>
  </si>
  <si>
    <t>1954877481.0</t>
  </si>
  <si>
    <t>602594675.0</t>
  </si>
  <si>
    <t>1287843.0</t>
  </si>
  <si>
    <t>1286591.0</t>
  </si>
  <si>
    <t>692912.0</t>
  </si>
  <si>
    <t>4693484837.0</t>
  </si>
  <si>
    <t>2180887462.0</t>
  </si>
  <si>
    <t>1954929446.0</t>
  </si>
  <si>
    <t>602698297.0</t>
  </si>
  <si>
    <t>1303469.0</t>
  </si>
  <si>
    <t>1285446.0</t>
  </si>
  <si>
    <t>703028.0</t>
  </si>
  <si>
    <t>4697153911.0</t>
  </si>
  <si>
    <t>2183853759.0</t>
  </si>
  <si>
    <t>1955281042.0</t>
  </si>
  <si>
    <t>603056916.0</t>
  </si>
  <si>
    <t>1300884.0</t>
  </si>
  <si>
    <t>1287196.0</t>
  </si>
  <si>
    <t>713512.0</t>
  </si>
  <si>
    <t>4699888489.0</t>
  </si>
  <si>
    <t>2186413785.0</t>
  </si>
  <si>
    <t>1956890957.0</t>
  </si>
  <si>
    <t>604231924.0</t>
  </si>
  <si>
    <t>1642531.0</t>
  </si>
  <si>
    <t>1348311.0</t>
  </si>
  <si>
    <t>760530.0</t>
  </si>
  <si>
    <t>4700037356.0</t>
  </si>
  <si>
    <t>2186439717.0</t>
  </si>
  <si>
    <t>1956907437.0</t>
  </si>
  <si>
    <t>604317980.0</t>
  </si>
  <si>
    <t>1461326.0</t>
  </si>
  <si>
    <t>1380488.0</t>
  </si>
  <si>
    <t>746323.0</t>
  </si>
  <si>
    <t>4701109357.0</t>
  </si>
  <si>
    <t>2186452264.0</t>
  </si>
  <si>
    <t>1957089545.0</t>
  </si>
  <si>
    <t>605116244.0</t>
  </si>
  <si>
    <t>1496745.0</t>
  </si>
  <si>
    <t>1396967.0</t>
  </si>
  <si>
    <t>730678.0</t>
  </si>
  <si>
    <t>4701703693.0</t>
  </si>
  <si>
    <t>2186469211.0</t>
  </si>
  <si>
    <t>1957434137.0</t>
  </si>
  <si>
    <t>605353089.0</t>
  </si>
  <si>
    <t>1475097.0</t>
  </si>
  <si>
    <t>1423984.0</t>
  </si>
  <si>
    <t>136.99</t>
  </si>
  <si>
    <t>715848.0</t>
  </si>
  <si>
    <t>4702048850.0</t>
  </si>
  <si>
    <t>2186519046.0</t>
  </si>
  <si>
    <t>1957507518.0</t>
  </si>
  <si>
    <t>605521102.0</t>
  </si>
  <si>
    <t>1754165.0</t>
  </si>
  <si>
    <t>1490602.0</t>
  </si>
  <si>
    <t>4702253514.0</t>
  </si>
  <si>
    <t>2186538113.0</t>
  </si>
  <si>
    <t>1957555621.0</t>
  </si>
  <si>
    <t>605593835.0</t>
  </si>
  <si>
    <t>1736219.0</t>
  </si>
  <si>
    <t>1552421.0</t>
  </si>
  <si>
    <t>137.01</t>
  </si>
  <si>
    <t>798140.0</t>
  </si>
  <si>
    <t>4703622471.0</t>
  </si>
  <si>
    <t>2187756934.0</t>
  </si>
  <si>
    <t>1957616472.0</t>
  </si>
  <si>
    <t>605685013.0</t>
  </si>
  <si>
    <t>1727174.0</t>
  </si>
  <si>
    <t>1613285.0</t>
  </si>
  <si>
    <t>137.05</t>
  </si>
  <si>
    <t>838859.0</t>
  </si>
  <si>
    <t>4706613356.0</t>
  </si>
  <si>
    <t>2189841292.0</t>
  </si>
  <si>
    <t>1960530023.0</t>
  </si>
  <si>
    <t>606490239.0</t>
  </si>
  <si>
    <t>1268287.0</t>
  </si>
  <si>
    <t>1559829.0</t>
  </si>
  <si>
    <t>785461.0</t>
  </si>
  <si>
    <t>4706732680.0</t>
  </si>
  <si>
    <t>2189850495.0</t>
  </si>
  <si>
    <t>1960537185.0</t>
  </si>
  <si>
    <t>606582240.0</t>
  </si>
  <si>
    <t>1202024.0</t>
  </si>
  <si>
    <t>1516359.0</t>
  </si>
  <si>
    <t>792027.0</t>
  </si>
  <si>
    <t>4707145736.0</t>
  </si>
  <si>
    <t>2189902864.0</t>
  </si>
  <si>
    <t>1960675869.0</t>
  </si>
  <si>
    <t>606784855.0</t>
  </si>
  <si>
    <t>1270067.0</t>
  </si>
  <si>
    <t>1484488.0</t>
  </si>
  <si>
    <t>805352.0</t>
  </si>
  <si>
    <t>4707279088.0</t>
  </si>
  <si>
    <t>2189910883.0</t>
  </si>
  <si>
    <t>1960689965.0</t>
  </si>
  <si>
    <t>606888355.0</t>
  </si>
  <si>
    <t>1225512.0</t>
  </si>
  <si>
    <t>1450003.0</t>
  </si>
  <si>
    <t>819405.0</t>
  </si>
  <si>
    <t>4709146999.0</t>
  </si>
  <si>
    <t>2190143092.0</t>
  </si>
  <si>
    <t>1961288817.0</t>
  </si>
  <si>
    <t>607428943.0</t>
  </si>
  <si>
    <t>4851926.0</t>
  </si>
  <si>
    <t>1893712.0</t>
  </si>
  <si>
    <t>1312814.0</t>
  </si>
  <si>
    <t>4709430144.0</t>
  </si>
  <si>
    <t>2190168615.0</t>
  </si>
  <si>
    <t>1961336779.0</t>
  </si>
  <si>
    <t>607587668.0</t>
  </si>
  <si>
    <t>4766570.0</t>
  </si>
  <si>
    <t>2327794.0</t>
  </si>
  <si>
    <t>137.22</t>
  </si>
  <si>
    <t>1865332.0</t>
  </si>
  <si>
    <t>4710709904.0</t>
  </si>
  <si>
    <t>2191006129.0</t>
  </si>
  <si>
    <t>1961539082.0</t>
  </si>
  <si>
    <t>607833134.0</t>
  </si>
  <si>
    <t>5996080.0</t>
  </si>
  <si>
    <t>2938802.0</t>
  </si>
  <si>
    <t>2417925.0</t>
  </si>
  <si>
    <t>4731411631.0</t>
  </si>
  <si>
    <t>2207366824.0</t>
  </si>
  <si>
    <t>1962743615.0</t>
  </si>
  <si>
    <t>609989876.0</t>
  </si>
  <si>
    <t>6890190.0</t>
  </si>
  <si>
    <t>3743099.0</t>
  </si>
  <si>
    <t>137.86</t>
  </si>
  <si>
    <t>3003524.0</t>
  </si>
  <si>
    <t>4731507402.0</t>
  </si>
  <si>
    <t>2207412531.0</t>
  </si>
  <si>
    <t>1962786040.0</t>
  </si>
  <si>
    <t>609999480.0</t>
  </si>
  <si>
    <t>1079757.0</t>
  </si>
  <si>
    <t>3697731.0</t>
  </si>
  <si>
    <t>2989265.0</t>
  </si>
  <si>
    <t>4732687183.0</t>
  </si>
  <si>
    <t>2207525248.0</t>
  </si>
  <si>
    <t>1963960220.0</t>
  </si>
  <si>
    <t>610879589.0</t>
  </si>
  <si>
    <t>1110952.0</t>
  </si>
  <si>
    <t>3677278.0</t>
  </si>
  <si>
    <t>2973779.0</t>
  </si>
  <si>
    <t>4732797382.0</t>
  </si>
  <si>
    <t>2207559098.0</t>
  </si>
  <si>
    <t>1964010152.0</t>
  </si>
  <si>
    <t>610915743.0</t>
  </si>
  <si>
    <t>1112888.0</t>
  </si>
  <si>
    <t>3666254.0</t>
  </si>
  <si>
    <t>2959408.0</t>
  </si>
  <si>
    <t>4732845603.0</t>
  </si>
  <si>
    <t>2207563805.0</t>
  </si>
  <si>
    <t>1964024822.0</t>
  </si>
  <si>
    <t>610943263.0</t>
  </si>
  <si>
    <t>1109419.0</t>
  </si>
  <si>
    <t>3135404.0</t>
  </si>
  <si>
    <t>2406294.0</t>
  </si>
  <si>
    <t>4732970220.0</t>
  </si>
  <si>
    <t>2207577680.0</t>
  </si>
  <si>
    <t>1964058349.0</t>
  </si>
  <si>
    <t>611019229.0</t>
  </si>
  <si>
    <t>1113354.0</t>
  </si>
  <si>
    <t>2618792.0</t>
  </si>
  <si>
    <t>1796117.0</t>
  </si>
  <si>
    <t>4733021157.0</t>
  </si>
  <si>
    <t>2207582255.0</t>
  </si>
  <si>
    <t>1964074747.0</t>
  </si>
  <si>
    <t>611049435.0</t>
  </si>
  <si>
    <t>1119567.0</t>
  </si>
  <si>
    <t>1927423.0</t>
  </si>
  <si>
    <t>1185764.0</t>
  </si>
  <si>
    <t>4748631030.0</t>
  </si>
  <si>
    <t>2218484058.0</t>
  </si>
  <si>
    <t>1974752089.0</t>
  </si>
  <si>
    <t>613601497.0</t>
  </si>
  <si>
    <t>1105418.0</t>
  </si>
  <si>
    <t>1106303.0</t>
  </si>
  <si>
    <t>138.36</t>
  </si>
  <si>
    <t>600278.0</t>
  </si>
  <si>
    <t>4748645838.0</t>
  </si>
  <si>
    <t>2218487025.0</t>
  </si>
  <si>
    <t>1974758180.0</t>
  </si>
  <si>
    <t>613608442.0</t>
  </si>
  <si>
    <t>409947.0</t>
  </si>
  <si>
    <t>434996.0</t>
  </si>
  <si>
    <t>123213.0</t>
  </si>
  <si>
    <t>4748698436.0</t>
  </si>
  <si>
    <t>2218492022.0</t>
  </si>
  <si>
    <t>1974774117.0</t>
  </si>
  <si>
    <t>613640017.0</t>
  </si>
  <si>
    <t>449223.0</t>
  </si>
  <si>
    <t>436715.0</t>
  </si>
  <si>
    <t>122772.0</t>
  </si>
  <si>
    <t>4748757306.0</t>
  </si>
  <si>
    <t>2218499108.0</t>
  </si>
  <si>
    <t>1974790907.0</t>
  </si>
  <si>
    <t>613674975.0</t>
  </si>
  <si>
    <t>455495.0</t>
  </si>
  <si>
    <t>439050.0</t>
  </si>
  <si>
    <t>122518.0</t>
  </si>
  <si>
    <t>4749799330.0</t>
  </si>
  <si>
    <t>2218669673.0</t>
  </si>
  <si>
    <t>1975247459.0</t>
  </si>
  <si>
    <t>613937817.0</t>
  </si>
  <si>
    <t>455377.0</t>
  </si>
  <si>
    <t>441655.0</t>
  </si>
  <si>
    <t>138.39</t>
  </si>
  <si>
    <t>4750102060.0</t>
  </si>
  <si>
    <t>2218695757.0</t>
  </si>
  <si>
    <t>1975286094.0</t>
  </si>
  <si>
    <t>614095032.0</t>
  </si>
  <si>
    <t>383653.0</t>
  </si>
  <si>
    <t>374424.0</t>
  </si>
  <si>
    <t>111594.0</t>
  </si>
  <si>
    <t>4750151420.0</t>
  </si>
  <si>
    <t>2218700106.0</t>
  </si>
  <si>
    <t>1975299724.0</t>
  </si>
  <si>
    <t>614126316.0</t>
  </si>
  <si>
    <t>351791.0</t>
  </si>
  <si>
    <t>348030.0</t>
  </si>
  <si>
    <t>109204.0</t>
  </si>
  <si>
    <t>4754285420.0</t>
  </si>
  <si>
    <t>2220679932.0</t>
  </si>
  <si>
    <t>1977182566.0</t>
  </si>
  <si>
    <t>614887140.0</t>
  </si>
  <si>
    <t>345597.0</t>
  </si>
  <si>
    <t>349124.0</t>
  </si>
  <si>
    <t>138.52</t>
  </si>
  <si>
    <t>109132.0</t>
  </si>
  <si>
    <t>4754296774.0</t>
  </si>
  <si>
    <t>2220681553.0</t>
  </si>
  <si>
    <t>1977185422.0</t>
  </si>
  <si>
    <t>614893508.0</t>
  </si>
  <si>
    <t>122959.0</t>
  </si>
  <si>
    <t>158164.0</t>
  </si>
  <si>
    <t>4755802453.0</t>
  </si>
  <si>
    <t>2220891566.0</t>
  </si>
  <si>
    <t>1977544500.0</t>
  </si>
  <si>
    <t>615829379.0</t>
  </si>
  <si>
    <t>162575.0</t>
  </si>
  <si>
    <t>158077.0</t>
  </si>
  <si>
    <t>4755884340.0</t>
  </si>
  <si>
    <t>2220901112.0</t>
  </si>
  <si>
    <t>1977569777.0</t>
  </si>
  <si>
    <t>615875583.0</t>
  </si>
  <si>
    <t>63730.0</t>
  </si>
  <si>
    <t>53961.0</t>
  </si>
  <si>
    <t>4756007683.0</t>
  </si>
  <si>
    <t>2220917748.0</t>
  </si>
  <si>
    <t>1977613194.0</t>
  </si>
  <si>
    <t>615938047.0</t>
  </si>
  <si>
    <t>4756102250.0</t>
  </si>
  <si>
    <t>2220924207.0</t>
  </si>
  <si>
    <t>1977633621.0</t>
  </si>
  <si>
    <t>616004582.0</t>
  </si>
  <si>
    <t>96613.0</t>
  </si>
  <si>
    <t>4756209235.0</t>
  </si>
  <si>
    <t>2220931832.0</t>
  </si>
  <si>
    <t>1977653630.0</t>
  </si>
  <si>
    <t>616083754.0</t>
  </si>
  <si>
    <t>109031.0</t>
  </si>
  <si>
    <t>4756306654.0</t>
  </si>
  <si>
    <t>2220939722.0</t>
  </si>
  <si>
    <t>1977670196.0</t>
  </si>
  <si>
    <t>616156861.0</t>
  </si>
  <si>
    <t>99465.0</t>
  </si>
  <si>
    <t>73431.0</t>
  </si>
  <si>
    <t>4756347571.0</t>
  </si>
  <si>
    <t>2220943098.0</t>
  </si>
  <si>
    <t>1977675547.0</t>
  </si>
  <si>
    <t>616187781.0</t>
  </si>
  <si>
    <t>77402.0</t>
  </si>
  <si>
    <t>4756445624.0</t>
  </si>
  <si>
    <t>2220952129.0</t>
  </si>
  <si>
    <t>1977692022.0</t>
  </si>
  <si>
    <t>616259679.0</t>
  </si>
  <si>
    <t>4756538241.0</t>
  </si>
  <si>
    <t>2220961883.0</t>
  </si>
  <si>
    <t>1977710081.0</t>
  </si>
  <si>
    <t>616323346.0</t>
  </si>
  <si>
    <t>94663.0</t>
  </si>
  <si>
    <t>88859.0</t>
  </si>
  <si>
    <t>4756635332.0</t>
  </si>
  <si>
    <t>2220971207.0</t>
  </si>
  <si>
    <t>1977728510.0</t>
  </si>
  <si>
    <t>616391944.0</t>
  </si>
  <si>
    <t>99137.0</t>
  </si>
  <si>
    <t>91710.0</t>
  </si>
  <si>
    <t>4756720220.0</t>
  </si>
  <si>
    <t>2220979703.0</t>
  </si>
  <si>
    <t>1977744236.0</t>
  </si>
  <si>
    <t>616452218.0</t>
  </si>
  <si>
    <t>4756808582.0</t>
  </si>
  <si>
    <t>2220988034.0</t>
  </si>
  <si>
    <t>1977759455.0</t>
  </si>
  <si>
    <t>616516968.0</t>
  </si>
  <si>
    <t>4756863287.0</t>
  </si>
  <si>
    <t>2220991973.0</t>
  </si>
  <si>
    <t>1977768057.0</t>
  </si>
  <si>
    <t>616559130.0</t>
  </si>
  <si>
    <t>4763714989.0</t>
  </si>
  <si>
    <t>2221985905.0</t>
  </si>
  <si>
    <t>1979081527.0</t>
  </si>
  <si>
    <t>621103244.0</t>
  </si>
  <si>
    <t>4763784631.0</t>
  </si>
  <si>
    <t>2221993948.0</t>
  </si>
  <si>
    <t>1979105621.0</t>
  </si>
  <si>
    <t>621140292.0</t>
  </si>
  <si>
    <t>4764152803.0</t>
  </si>
  <si>
    <t>2222074669.0</t>
  </si>
  <si>
    <t>1979319627.0</t>
  </si>
  <si>
    <t>621212923.0</t>
  </si>
  <si>
    <t>4764213729.0</t>
  </si>
  <si>
    <t>2222078861.0</t>
  </si>
  <si>
    <t>1979329487.0</t>
  </si>
  <si>
    <t>621258941.0</t>
  </si>
  <si>
    <t>LUX</t>
  </si>
  <si>
    <t>Luxembourg</t>
  </si>
  <si>
    <t>-146.6</t>
  </si>
  <si>
    <t>-20.77</t>
  </si>
  <si>
    <t>-226.373955568321</t>
  </si>
  <si>
    <t>11.028</t>
  </si>
  <si>
    <t>-162.4</t>
  </si>
  <si>
    <t>-16.45</t>
  </si>
  <si>
    <t>-14.66</t>
  </si>
  <si>
    <t>-250.771694299422</t>
  </si>
  <si>
    <t>-162.8</t>
  </si>
  <si>
    <t>-15.15</t>
  </si>
  <si>
    <t>-251.389358571095</t>
  </si>
  <si>
    <t>137.066</t>
  </si>
  <si>
    <t>-167.6</t>
  </si>
  <si>
    <t>-258.801329831177</t>
  </si>
  <si>
    <t>10.535</t>
  </si>
  <si>
    <t>30.883</t>
  </si>
  <si>
    <t>19.133</t>
  </si>
  <si>
    <t>13313.0</t>
  </si>
  <si>
    <t>20.824</t>
  </si>
  <si>
    <t>22.113</t>
  </si>
  <si>
    <t>24.221</t>
  </si>
  <si>
    <t>40.148</t>
  </si>
  <si>
    <t>25.685</t>
  </si>
  <si>
    <t>27.531</t>
  </si>
  <si>
    <t>29.628</t>
  </si>
  <si>
    <t>311.92</t>
  </si>
  <si>
    <t>20154.0</t>
  </si>
  <si>
    <t>31.524</t>
  </si>
  <si>
    <t>32.813</t>
  </si>
  <si>
    <t>15.755</t>
  </si>
  <si>
    <t>33.675</t>
  </si>
  <si>
    <t>-145.0</t>
  </si>
  <si>
    <t>-10.76</t>
  </si>
  <si>
    <t>-223.903298481627</t>
  </si>
  <si>
    <t>294.935</t>
  </si>
  <si>
    <t>23599.0</t>
  </si>
  <si>
    <t>41.283</t>
  </si>
  <si>
    <t>102.406</t>
  </si>
  <si>
    <t>-106.4</t>
  </si>
  <si>
    <t>-164.298696265139</t>
  </si>
  <si>
    <t>28055.0</t>
  </si>
  <si>
    <t>43.882</t>
  </si>
  <si>
    <t>45.201</t>
  </si>
  <si>
    <t>49.413</t>
  </si>
  <si>
    <t>48.314</t>
  </si>
  <si>
    <t>31607.0</t>
  </si>
  <si>
    <t>49.438</t>
  </si>
  <si>
    <t>-103.2</t>
  </si>
  <si>
    <t>-159.357382091751</t>
  </si>
  <si>
    <t>248.61</t>
  </si>
  <si>
    <t>50.895</t>
  </si>
  <si>
    <t>52.071</t>
  </si>
  <si>
    <t>236.257</t>
  </si>
  <si>
    <t>55.088</t>
  </si>
  <si>
    <t>37135.0</t>
  </si>
  <si>
    <t>58.085</t>
  </si>
  <si>
    <t>58.292</t>
  </si>
  <si>
    <t>-100.2</t>
  </si>
  <si>
    <t>-6.3</t>
  </si>
  <si>
    <t>-154.7249000542</t>
  </si>
  <si>
    <t>38025.0</t>
  </si>
  <si>
    <t>62.174</t>
  </si>
  <si>
    <t>65.122</t>
  </si>
  <si>
    <t>68.191</t>
  </si>
  <si>
    <t>70.368</t>
  </si>
  <si>
    <t>45682.0</t>
  </si>
  <si>
    <t>71.454</t>
  </si>
  <si>
    <t>29.934</t>
  </si>
  <si>
    <t>-108.8</t>
  </si>
  <si>
    <t>-11.08</t>
  </si>
  <si>
    <t>-168.004681895179</t>
  </si>
  <si>
    <t>73.445</t>
  </si>
  <si>
    <t>75.441</t>
  </si>
  <si>
    <t>77.682</t>
  </si>
  <si>
    <t>50981.0</t>
  </si>
  <si>
    <t>79.742</t>
  </si>
  <si>
    <t>81.795</t>
  </si>
  <si>
    <t>82.936</t>
  </si>
  <si>
    <t>53235.0</t>
  </si>
  <si>
    <t>83.268</t>
  </si>
  <si>
    <t>-98.0</t>
  </si>
  <si>
    <t>-151.327746559996</t>
  </si>
  <si>
    <t>54282.0</t>
  </si>
  <si>
    <t>87.081</t>
  </si>
  <si>
    <t>56879.0</t>
  </si>
  <si>
    <t>58172.0</t>
  </si>
  <si>
    <t>92.983</t>
  </si>
  <si>
    <t>60457.0</t>
  </si>
  <si>
    <t>94.564</t>
  </si>
  <si>
    <t>71.031</t>
  </si>
  <si>
    <t>94.799</t>
  </si>
  <si>
    <t>-95.2</t>
  </si>
  <si>
    <t>-147.004096658282</t>
  </si>
  <si>
    <t>15.442</t>
  </si>
  <si>
    <t>96.348</t>
  </si>
  <si>
    <t>62664.0</t>
  </si>
  <si>
    <t>98.016</t>
  </si>
  <si>
    <t>83.385</t>
  </si>
  <si>
    <t>100.383</t>
  </si>
  <si>
    <t>63.311</t>
  </si>
  <si>
    <t>64964.0</t>
  </si>
  <si>
    <t>103.486</t>
  </si>
  <si>
    <t>67372.0</t>
  </si>
  <si>
    <t>105.381</t>
  </si>
  <si>
    <t>67466.0</t>
  </si>
  <si>
    <t>105.528</t>
  </si>
  <si>
    <t>-100.4</t>
  </si>
  <si>
    <t>-5.27</t>
  </si>
  <si>
    <t>-155.033732190037</t>
  </si>
  <si>
    <t>68410.0</t>
  </si>
  <si>
    <t>107.004</t>
  </si>
  <si>
    <t>69739.0</t>
  </si>
  <si>
    <t>109.083</t>
  </si>
  <si>
    <t>70944.0</t>
  </si>
  <si>
    <t>110.968</t>
  </si>
  <si>
    <t>72944.0</t>
  </si>
  <si>
    <t>114.096</t>
  </si>
  <si>
    <t>75149.0</t>
  </si>
  <si>
    <t>117.545</t>
  </si>
  <si>
    <t>77165.0</t>
  </si>
  <si>
    <t>120.698</t>
  </si>
  <si>
    <t>77357.0</t>
  </si>
  <si>
    <t>120.999</t>
  </si>
  <si>
    <t>-98.4</t>
  </si>
  <si>
    <t>-151.94541083167</t>
  </si>
  <si>
    <t>77778.0</t>
  </si>
  <si>
    <t>121.657</t>
  </si>
  <si>
    <t>79368.0</t>
  </si>
  <si>
    <t>124.144</t>
  </si>
  <si>
    <t>81112.0</t>
  </si>
  <si>
    <t>126.872</t>
  </si>
  <si>
    <t>129.491</t>
  </si>
  <si>
    <t>85652.0</t>
  </si>
  <si>
    <t>133.973</t>
  </si>
  <si>
    <t>87472.0</t>
  </si>
  <si>
    <t>87978.0</t>
  </si>
  <si>
    <t>137.612</t>
  </si>
  <si>
    <t>-105.0</t>
  </si>
  <si>
    <t>-8.29</t>
  </si>
  <si>
    <t>-162.136871314282</t>
  </si>
  <si>
    <t>90218.0</t>
  </si>
  <si>
    <t>141.115</t>
  </si>
  <si>
    <t>145.185</t>
  </si>
  <si>
    <t>97310.0</t>
  </si>
  <si>
    <t>158.504</t>
  </si>
  <si>
    <t>107285.0</t>
  </si>
  <si>
    <t>167.811</t>
  </si>
  <si>
    <t>9.307</t>
  </si>
  <si>
    <t>110655.0</t>
  </si>
  <si>
    <t>174.124</t>
  </si>
  <si>
    <t>-115.4</t>
  </si>
  <si>
    <t>-12.94</t>
  </si>
  <si>
    <t>-178.196142377791</t>
  </si>
  <si>
    <t>116105.0</t>
  </si>
  <si>
    <t>181.607</t>
  </si>
  <si>
    <t>7.483</t>
  </si>
  <si>
    <t>5.784</t>
  </si>
  <si>
    <t>120942.0</t>
  </si>
  <si>
    <t>189.173</t>
  </si>
  <si>
    <t>127184.0</t>
  </si>
  <si>
    <t>198.936</t>
  </si>
  <si>
    <t>9.763</t>
  </si>
  <si>
    <t>9.634</t>
  </si>
  <si>
    <t>140139.0</t>
  </si>
  <si>
    <t>219.2</t>
  </si>
  <si>
    <t>145536.0</t>
  </si>
  <si>
    <t>227.642</t>
  </si>
  <si>
    <t>146040.0</t>
  </si>
  <si>
    <t>-109.8</t>
  </si>
  <si>
    <t>-169.548842574363</t>
  </si>
  <si>
    <t>152093.0</t>
  </si>
  <si>
    <t>237.898</t>
  </si>
  <si>
    <t>8.041</t>
  </si>
  <si>
    <t>152232.0</t>
  </si>
  <si>
    <t>238.115</t>
  </si>
  <si>
    <t>6.992</t>
  </si>
  <si>
    <t>245.431</t>
  </si>
  <si>
    <t>6.641</t>
  </si>
  <si>
    <t>162186.0</t>
  </si>
  <si>
    <t>253.685</t>
  </si>
  <si>
    <t>168320.0</t>
  </si>
  <si>
    <t>263.279</t>
  </si>
  <si>
    <t>9.595</t>
  </si>
  <si>
    <t>271.924</t>
  </si>
  <si>
    <t>273.378</t>
  </si>
  <si>
    <t>-117.4</t>
  </si>
  <si>
    <t>-10.19</t>
  </si>
  <si>
    <t>-181.284463736159</t>
  </si>
  <si>
    <t>183406.0</t>
  </si>
  <si>
    <t>286.876</t>
  </si>
  <si>
    <t>13.499</t>
  </si>
  <si>
    <t>191118.0</t>
  </si>
  <si>
    <t>298.939</t>
  </si>
  <si>
    <t>201271.0</t>
  </si>
  <si>
    <t>314.82</t>
  </si>
  <si>
    <t>212339.0</t>
  </si>
  <si>
    <t>332.132</t>
  </si>
  <si>
    <t>222851.0</t>
  </si>
  <si>
    <t>348.575</t>
  </si>
  <si>
    <t>12.185</t>
  </si>
  <si>
    <t>230613.0</t>
  </si>
  <si>
    <t>360.716</t>
  </si>
  <si>
    <t>231617.0</t>
  </si>
  <si>
    <t>362.286</t>
  </si>
  <si>
    <t>-128.4</t>
  </si>
  <si>
    <t>-13.58</t>
  </si>
  <si>
    <t>-198.270231207179</t>
  </si>
  <si>
    <t>241563.0</t>
  </si>
  <si>
    <t>377.843</t>
  </si>
  <si>
    <t>251042.0</t>
  </si>
  <si>
    <t>392.67</t>
  </si>
  <si>
    <t>14.827</t>
  </si>
  <si>
    <t>262334.0</t>
  </si>
  <si>
    <t>410.332</t>
  </si>
  <si>
    <t>17.662</t>
  </si>
  <si>
    <t>273334.0</t>
  </si>
  <si>
    <t>427.538</t>
  </si>
  <si>
    <t>278648.0</t>
  </si>
  <si>
    <t>435.85</t>
  </si>
  <si>
    <t>447.874</t>
  </si>
  <si>
    <t>290839.0</t>
  </si>
  <si>
    <t>454.919</t>
  </si>
  <si>
    <t>-141.6</t>
  </si>
  <si>
    <t>-15.31</t>
  </si>
  <si>
    <t>-218.653152172402</t>
  </si>
  <si>
    <t>72.576</t>
  </si>
  <si>
    <t>301211.0</t>
  </si>
  <si>
    <t>471.142</t>
  </si>
  <si>
    <t>13.328</t>
  </si>
  <si>
    <t>312707.0</t>
  </si>
  <si>
    <t>489.124</t>
  </si>
  <si>
    <t>17.982</t>
  </si>
  <si>
    <t>326930.0</t>
  </si>
  <si>
    <t>511.371</t>
  </si>
  <si>
    <t>14.434</t>
  </si>
  <si>
    <t>340208.0</t>
  </si>
  <si>
    <t>532.14</t>
  </si>
  <si>
    <t>20.769</t>
  </si>
  <si>
    <t>14.942</t>
  </si>
  <si>
    <t>354505.0</t>
  </si>
  <si>
    <t>554.502</t>
  </si>
  <si>
    <t>22.363</t>
  </si>
  <si>
    <t>367095.0</t>
  </si>
  <si>
    <t>574.195</t>
  </si>
  <si>
    <t>18.046</t>
  </si>
  <si>
    <t>370134.0</t>
  </si>
  <si>
    <t>578.949</t>
  </si>
  <si>
    <t>-5.79</t>
  </si>
  <si>
    <t>379755.0</t>
  </si>
  <si>
    <t>593.997</t>
  </si>
  <si>
    <t>395930.0</t>
  </si>
  <si>
    <t>619.298</t>
  </si>
  <si>
    <t>402967.0</t>
  </si>
  <si>
    <t>630.305</t>
  </si>
  <si>
    <t>653.9</t>
  </si>
  <si>
    <t>23.595</t>
  </si>
  <si>
    <t>17.395</t>
  </si>
  <si>
    <t>428510.0</t>
  </si>
  <si>
    <t>670.258</t>
  </si>
  <si>
    <t>16.358</t>
  </si>
  <si>
    <t>16.536</t>
  </si>
  <si>
    <t>434530.0</t>
  </si>
  <si>
    <t>679.674</t>
  </si>
  <si>
    <t>9.416</t>
  </si>
  <si>
    <t>15.069</t>
  </si>
  <si>
    <t>435571.0</t>
  </si>
  <si>
    <t>681.303</t>
  </si>
  <si>
    <t>14.622</t>
  </si>
  <si>
    <t>-156.2</t>
  </si>
  <si>
    <t>-11.91</t>
  </si>
  <si>
    <t>-241.197898088484</t>
  </si>
  <si>
    <t>449825.0</t>
  </si>
  <si>
    <t>703.598</t>
  </si>
  <si>
    <t>22.296</t>
  </si>
  <si>
    <t>15.657</t>
  </si>
  <si>
    <t>458153.0</t>
  </si>
  <si>
    <t>716.624</t>
  </si>
  <si>
    <t>13.904</t>
  </si>
  <si>
    <t>464773.0</t>
  </si>
  <si>
    <t>726.979</t>
  </si>
  <si>
    <t>474431.0</t>
  </si>
  <si>
    <t>742.086</t>
  </si>
  <si>
    <t>15.107</t>
  </si>
  <si>
    <t>483027.0</t>
  </si>
  <si>
    <t>755.531</t>
  </si>
  <si>
    <t>489146.0</t>
  </si>
  <si>
    <t>765.102</t>
  </si>
  <si>
    <t>12.204</t>
  </si>
  <si>
    <t>490004.0</t>
  </si>
  <si>
    <t>766.444</t>
  </si>
  <si>
    <t>-5.42</t>
  </si>
  <si>
    <t>-225.44745916081</t>
  </si>
  <si>
    <t>496166.0</t>
  </si>
  <si>
    <t>776.083</t>
  </si>
  <si>
    <t>503889.0</t>
  </si>
  <si>
    <t>788.163</t>
  </si>
  <si>
    <t>513859.0</t>
  </si>
  <si>
    <t>803.757</t>
  </si>
  <si>
    <t>15.595</t>
  </si>
  <si>
    <t>520010.0</t>
  </si>
  <si>
    <t>813.379</t>
  </si>
  <si>
    <t>10.184</t>
  </si>
  <si>
    <t>526869.0</t>
  </si>
  <si>
    <t>824.107</t>
  </si>
  <si>
    <t>10.729</t>
  </si>
  <si>
    <t>532704.0</t>
  </si>
  <si>
    <t>833.234</t>
  </si>
  <si>
    <t>9.127</t>
  </si>
  <si>
    <t>533046.0</t>
  </si>
  <si>
    <t>833.769</t>
  </si>
  <si>
    <t>-133.4</t>
  </si>
  <si>
    <t>-205.991034603097</t>
  </si>
  <si>
    <t>538546.0</t>
  </si>
  <si>
    <t>842.372</t>
  </si>
  <si>
    <t>545092.0</t>
  </si>
  <si>
    <t>852.611</t>
  </si>
  <si>
    <t>549820.0</t>
  </si>
  <si>
    <t>860.006</t>
  </si>
  <si>
    <t>554433.0</t>
  </si>
  <si>
    <t>867.222</t>
  </si>
  <si>
    <t>562811.0</t>
  </si>
  <si>
    <t>880.326</t>
  </si>
  <si>
    <t>13.105</t>
  </si>
  <si>
    <t>565332.0</t>
  </si>
  <si>
    <t>884.269</t>
  </si>
  <si>
    <t>565812.0</t>
  </si>
  <si>
    <t>885.02</t>
  </si>
  <si>
    <t>-114.2</t>
  </si>
  <si>
    <t>-4.0</t>
  </si>
  <si>
    <t>-176.343149562771</t>
  </si>
  <si>
    <t>569212.0</t>
  </si>
  <si>
    <t>890.338</t>
  </si>
  <si>
    <t>574771.0</t>
  </si>
  <si>
    <t>899.034</t>
  </si>
  <si>
    <t>583324.0</t>
  </si>
  <si>
    <t>912.412</t>
  </si>
  <si>
    <t>588264.0</t>
  </si>
  <si>
    <t>920.139</t>
  </si>
  <si>
    <t>596069.0</t>
  </si>
  <si>
    <t>932.347</t>
  </si>
  <si>
    <t>12.208</t>
  </si>
  <si>
    <t>601620.0</t>
  </si>
  <si>
    <t>941.03</t>
  </si>
  <si>
    <t>8.109</t>
  </si>
  <si>
    <t>602608.0</t>
  </si>
  <si>
    <t>942.575</t>
  </si>
  <si>
    <t>-115.2</t>
  </si>
  <si>
    <t>-177.887310241955</t>
  </si>
  <si>
    <t>605376.0</t>
  </si>
  <si>
    <t>946.905</t>
  </si>
  <si>
    <t>612045.0</t>
  </si>
  <si>
    <t>957.336</t>
  </si>
  <si>
    <t>10.431</t>
  </si>
  <si>
    <t>617967.0</t>
  </si>
  <si>
    <t>966.599</t>
  </si>
  <si>
    <t>9.263</t>
  </si>
  <si>
    <t>626048.0</t>
  </si>
  <si>
    <t>979.239</t>
  </si>
  <si>
    <t>632893.0</t>
  </si>
  <si>
    <t>989.946</t>
  </si>
  <si>
    <t>10.707</t>
  </si>
  <si>
    <t>639506.0</t>
  </si>
  <si>
    <t>1000.289</t>
  </si>
  <si>
    <t>10.344</t>
  </si>
  <si>
    <t>640445.0</t>
  </si>
  <si>
    <t>1001.758</t>
  </si>
  <si>
    <t>8.454</t>
  </si>
  <si>
    <t>-136.0</t>
  </si>
  <si>
    <t>-4.52</t>
  </si>
  <si>
    <t>-25.43</t>
  </si>
  <si>
    <t>-210.005852368974</t>
  </si>
  <si>
    <t>645678.0</t>
  </si>
  <si>
    <t>1009.943</t>
  </si>
  <si>
    <t>8.185</t>
  </si>
  <si>
    <t>9.005</t>
  </si>
  <si>
    <t>655674.0</t>
  </si>
  <si>
    <t>1025.579</t>
  </si>
  <si>
    <t>15.635</t>
  </si>
  <si>
    <t>9.749</t>
  </si>
  <si>
    <t>663227.0</t>
  </si>
  <si>
    <t>1037.393</t>
  </si>
  <si>
    <t>670595.0</t>
  </si>
  <si>
    <t>1048.918</t>
  </si>
  <si>
    <t>679793.0</t>
  </si>
  <si>
    <t>1063.305</t>
  </si>
  <si>
    <t>687145.0</t>
  </si>
  <si>
    <t>1074.804</t>
  </si>
  <si>
    <t>688285.0</t>
  </si>
  <si>
    <t>1076.588</t>
  </si>
  <si>
    <t>-131.8</t>
  </si>
  <si>
    <t>-203.520377516403</t>
  </si>
  <si>
    <t>693417.0</t>
  </si>
  <si>
    <t>1084.615</t>
  </si>
  <si>
    <t>703411.0</t>
  </si>
  <si>
    <t>1100.247</t>
  </si>
  <si>
    <t>711142.0</t>
  </si>
  <si>
    <t>1112.339</t>
  </si>
  <si>
    <t>12.093</t>
  </si>
  <si>
    <t>719978.0</t>
  </si>
  <si>
    <t>1126.16</t>
  </si>
  <si>
    <t>729950.0</t>
  </si>
  <si>
    <t>1141.758</t>
  </si>
  <si>
    <t>15.598</t>
  </si>
  <si>
    <t>737765.0</t>
  </si>
  <si>
    <t>1153.982</t>
  </si>
  <si>
    <t>12.224</t>
  </si>
  <si>
    <t>739158.0</t>
  </si>
  <si>
    <t>1156.161</t>
  </si>
  <si>
    <t>-138.4</t>
  </si>
  <si>
    <t>-213.711837999015</t>
  </si>
  <si>
    <t>746874.0</t>
  </si>
  <si>
    <t>1168.23</t>
  </si>
  <si>
    <t>757387.0</t>
  </si>
  <si>
    <t>1184.674</t>
  </si>
  <si>
    <t>766337.0</t>
  </si>
  <si>
    <t>1198.673</t>
  </si>
  <si>
    <t>13.999</t>
  </si>
  <si>
    <t>12.333</t>
  </si>
  <si>
    <t>770516.0</t>
  </si>
  <si>
    <t>1205.21</t>
  </si>
  <si>
    <t>11.293</t>
  </si>
  <si>
    <t>775186.0</t>
  </si>
  <si>
    <t>1212.515</t>
  </si>
  <si>
    <t>10.108</t>
  </si>
  <si>
    <t>778840.0</t>
  </si>
  <si>
    <t>1218.23</t>
  </si>
  <si>
    <t>779669.0</t>
  </si>
  <si>
    <t>1219.527</t>
  </si>
  <si>
    <t>-124.6</t>
  </si>
  <si>
    <t>-192.402420626281</t>
  </si>
  <si>
    <t>786081.0</t>
  </si>
  <si>
    <t>1229.556</t>
  </si>
  <si>
    <t>792200.0</t>
  </si>
  <si>
    <t>1239.127</t>
  </si>
  <si>
    <t>7.779</t>
  </si>
  <si>
    <t>798301.0</t>
  </si>
  <si>
    <t>1248.67</t>
  </si>
  <si>
    <t>7.142</t>
  </si>
  <si>
    <t>804353.0</t>
  </si>
  <si>
    <t>1258.136</t>
  </si>
  <si>
    <t>7.561</t>
  </si>
  <si>
    <t>810430.0</t>
  </si>
  <si>
    <t>1267.642</t>
  </si>
  <si>
    <t>9.505</t>
  </si>
  <si>
    <t>815723.0</t>
  </si>
  <si>
    <t>1275.921</t>
  </si>
  <si>
    <t>8.279</t>
  </si>
  <si>
    <t>816429.0</t>
  </si>
  <si>
    <t>1277.025</t>
  </si>
  <si>
    <t>-136.2</t>
  </si>
  <si>
    <t>-4.09</t>
  </si>
  <si>
    <t>-13.39</t>
  </si>
  <si>
    <t>-210.314684504811</t>
  </si>
  <si>
    <t>821837.0</t>
  </si>
  <si>
    <t>1285.484</t>
  </si>
  <si>
    <t>8.459</t>
  </si>
  <si>
    <t>828909.0</t>
  </si>
  <si>
    <t>1296.546</t>
  </si>
  <si>
    <t>834947.0</t>
  </si>
  <si>
    <t>1305.99</t>
  </si>
  <si>
    <t>842022.0</t>
  </si>
  <si>
    <t>1317.057</t>
  </si>
  <si>
    <t>848438.0</t>
  </si>
  <si>
    <t>1327.092</t>
  </si>
  <si>
    <t>853946.0</t>
  </si>
  <si>
    <t>1335.708</t>
  </si>
  <si>
    <t>8.615</t>
  </si>
  <si>
    <t>854952.0</t>
  </si>
  <si>
    <t>1337.281</t>
  </si>
  <si>
    <t>-137.2</t>
  </si>
  <si>
    <t>-211.858845183995</t>
  </si>
  <si>
    <t>860215.0</t>
  </si>
  <si>
    <t>1345.513</t>
  </si>
  <si>
    <t>866828.0</t>
  </si>
  <si>
    <t>1355.857</t>
  </si>
  <si>
    <t>8.473</t>
  </si>
  <si>
    <t>873673.0</t>
  </si>
  <si>
    <t>1366.564</t>
  </si>
  <si>
    <t>881393.0</t>
  </si>
  <si>
    <t>1378.639</t>
  </si>
  <si>
    <t>12.075</t>
  </si>
  <si>
    <t>8.797</t>
  </si>
  <si>
    <t>888346.0</t>
  </si>
  <si>
    <t>1389.515</t>
  </si>
  <si>
    <t>893620.0</t>
  </si>
  <si>
    <t>1397.764</t>
  </si>
  <si>
    <t>894414.0</t>
  </si>
  <si>
    <t>1399.006</t>
  </si>
  <si>
    <t>-158.8</t>
  </si>
  <si>
    <t>-23.84</t>
  </si>
  <si>
    <t>-245.212715854361</t>
  </si>
  <si>
    <t>901028.0</t>
  </si>
  <si>
    <t>1409.351</t>
  </si>
  <si>
    <t>908434.0</t>
  </si>
  <si>
    <t>1420.936</t>
  </si>
  <si>
    <t>915197.0</t>
  </si>
  <si>
    <t>1431.514</t>
  </si>
  <si>
    <t>9.279</t>
  </si>
  <si>
    <t>923838.0</t>
  </si>
  <si>
    <t>1445.03</t>
  </si>
  <si>
    <t>13.516</t>
  </si>
  <si>
    <t>9.485</t>
  </si>
  <si>
    <t>932080.0</t>
  </si>
  <si>
    <t>1457.922</t>
  </si>
  <si>
    <t>9.773</t>
  </si>
  <si>
    <t>940701.0</t>
  </si>
  <si>
    <t>1471.406</t>
  </si>
  <si>
    <t>13.485</t>
  </si>
  <si>
    <t>10.521</t>
  </si>
  <si>
    <t>941750.0</t>
  </si>
  <si>
    <t>1473.047</t>
  </si>
  <si>
    <t>-152.4</t>
  </si>
  <si>
    <t>-235.330087507586</t>
  </si>
  <si>
    <t>947625.0</t>
  </si>
  <si>
    <t>1482.237</t>
  </si>
  <si>
    <t>10.413</t>
  </si>
  <si>
    <t>955368.0</t>
  </si>
  <si>
    <t>1494.348</t>
  </si>
  <si>
    <t>12.111</t>
  </si>
  <si>
    <t>10.488</t>
  </si>
  <si>
    <t>969070.0</t>
  </si>
  <si>
    <t>1515.78</t>
  </si>
  <si>
    <t>21.432</t>
  </si>
  <si>
    <t>978003.0</t>
  </si>
  <si>
    <t>1529.753</t>
  </si>
  <si>
    <t>13.973</t>
  </si>
  <si>
    <t>989952.0</t>
  </si>
  <si>
    <t>11949.0</t>
  </si>
  <si>
    <t>1548.443</t>
  </si>
  <si>
    <t>1000316.0</t>
  </si>
  <si>
    <t>1564.654</t>
  </si>
  <si>
    <t>16.211</t>
  </si>
  <si>
    <t>1567.629</t>
  </si>
  <si>
    <t>13.511</t>
  </si>
  <si>
    <t>-139.6</t>
  </si>
  <si>
    <t>-215.564830814035</t>
  </si>
  <si>
    <t>1011080.0</t>
  </si>
  <si>
    <t>1581.49</t>
  </si>
  <si>
    <t>1023422.0</t>
  </si>
  <si>
    <t>1600.795</t>
  </si>
  <si>
    <t>19.305</t>
  </si>
  <si>
    <t>15.207</t>
  </si>
  <si>
    <t>1032068.0</t>
  </si>
  <si>
    <t>1614.319</t>
  </si>
  <si>
    <t>13.524</t>
  </si>
  <si>
    <t>1044813.0</t>
  </si>
  <si>
    <t>1634.254</t>
  </si>
  <si>
    <t>1058910.0</t>
  </si>
  <si>
    <t>1656.304</t>
  </si>
  <si>
    <t>15.409</t>
  </si>
  <si>
    <t>1072426.0</t>
  </si>
  <si>
    <t>1677.445</t>
  </si>
  <si>
    <t>21.141</t>
  </si>
  <si>
    <t>1078865.0</t>
  </si>
  <si>
    <t>1687.517</t>
  </si>
  <si>
    <t>17.128</t>
  </si>
  <si>
    <t>-132.6</t>
  </si>
  <si>
    <t>-3.53</t>
  </si>
  <si>
    <t>-204.75570605975</t>
  </si>
  <si>
    <t>1087117.0</t>
  </si>
  <si>
    <t>1700.424</t>
  </si>
  <si>
    <t>1098058.0</t>
  </si>
  <si>
    <t>1717.538</t>
  </si>
  <si>
    <t>17.113</t>
  </si>
  <si>
    <t>16.677</t>
  </si>
  <si>
    <t>1110234.0</t>
  </si>
  <si>
    <t>1736.583</t>
  </si>
  <si>
    <t>19.045</t>
  </si>
  <si>
    <t>17.467</t>
  </si>
  <si>
    <t>1122747.0</t>
  </si>
  <si>
    <t>1756.155</t>
  </si>
  <si>
    <t>1135759.0</t>
  </si>
  <si>
    <t>1776.508</t>
  </si>
  <si>
    <t>17.171</t>
  </si>
  <si>
    <t>1146278.0</t>
  </si>
  <si>
    <t>1792.962</t>
  </si>
  <si>
    <t>16.502</t>
  </si>
  <si>
    <t>1147357.0</t>
  </si>
  <si>
    <t>1794.649</t>
  </si>
  <si>
    <t>-108.4</t>
  </si>
  <si>
    <t>-167.387017623506</t>
  </si>
  <si>
    <t>1158163.0</t>
  </si>
  <si>
    <t>1811.552</t>
  </si>
  <si>
    <t>1169901.0</t>
  </si>
  <si>
    <t>1829.912</t>
  </si>
  <si>
    <t>1181330.0</t>
  </si>
  <si>
    <t>1847.789</t>
  </si>
  <si>
    <t>17.877</t>
  </si>
  <si>
    <t>15.887</t>
  </si>
  <si>
    <t>1193757.0</t>
  </si>
  <si>
    <t>1867.226</t>
  </si>
  <si>
    <t>19.438</t>
  </si>
  <si>
    <t>1204609.0</t>
  </si>
  <si>
    <t>1884.201</t>
  </si>
  <si>
    <t>16.974</t>
  </si>
  <si>
    <t>1214264.0</t>
  </si>
  <si>
    <t>1899.303</t>
  </si>
  <si>
    <t>15.191</t>
  </si>
  <si>
    <t>1215061.0</t>
  </si>
  <si>
    <t>1900.549</t>
  </si>
  <si>
    <t>15.129</t>
  </si>
  <si>
    <t>-76.4</t>
  </si>
  <si>
    <t>-117.97387588963</t>
  </si>
  <si>
    <t>1223863.0</t>
  </si>
  <si>
    <t>1914.317</t>
  </si>
  <si>
    <t>13.768</t>
  </si>
  <si>
    <t>14.681</t>
  </si>
  <si>
    <t>1238108.0</t>
  </si>
  <si>
    <t>1936.598</t>
  </si>
  <si>
    <t>22.281</t>
  </si>
  <si>
    <t>15.241</t>
  </si>
  <si>
    <t>1249124.0</t>
  </si>
  <si>
    <t>1953.829</t>
  </si>
  <si>
    <t>17.231</t>
  </si>
  <si>
    <t>1260901.0</t>
  </si>
  <si>
    <t>1972.25</t>
  </si>
  <si>
    <t>1271138.0</t>
  </si>
  <si>
    <t>1988.263</t>
  </si>
  <si>
    <t>1282853.0</t>
  </si>
  <si>
    <t>2006.587</t>
  </si>
  <si>
    <t>15.326</t>
  </si>
  <si>
    <t>1284723.0</t>
  </si>
  <si>
    <t>2009.512</t>
  </si>
  <si>
    <t>15.567</t>
  </si>
  <si>
    <t>-63.6194199823657</t>
  </si>
  <si>
    <t>1294210.0</t>
  </si>
  <si>
    <t>2024.351</t>
  </si>
  <si>
    <t>14.839</t>
  </si>
  <si>
    <t>1307086.0</t>
  </si>
  <si>
    <t>2044.491</t>
  </si>
  <si>
    <t>1319927.0</t>
  </si>
  <si>
    <t>2064.576</t>
  </si>
  <si>
    <t>1331353.0</t>
  </si>
  <si>
    <t>2082.448</t>
  </si>
  <si>
    <t>15.743</t>
  </si>
  <si>
    <t>1342946.0</t>
  </si>
  <si>
    <t>2100.582</t>
  </si>
  <si>
    <t>18.133</t>
  </si>
  <si>
    <t>1353398.0</t>
  </si>
  <si>
    <t>2116.93</t>
  </si>
  <si>
    <t>1354254.0</t>
  </si>
  <si>
    <t>2118.269</t>
  </si>
  <si>
    <t>19.7652566935505</t>
  </si>
  <si>
    <t>1363494.0</t>
  </si>
  <si>
    <t>2132.722</t>
  </si>
  <si>
    <t>14.453</t>
  </si>
  <si>
    <t>15.482</t>
  </si>
  <si>
    <t>1375030.0</t>
  </si>
  <si>
    <t>2150.766</t>
  </si>
  <si>
    <t>1386266.0</t>
  </si>
  <si>
    <t>2168.341</t>
  </si>
  <si>
    <t>17.575</t>
  </si>
  <si>
    <t>14.824</t>
  </si>
  <si>
    <t>1399370.0</t>
  </si>
  <si>
    <t>2188.838</t>
  </si>
  <si>
    <t>20.497</t>
  </si>
  <si>
    <t>1411556.0</t>
  </si>
  <si>
    <t>2207.899</t>
  </si>
  <si>
    <t>19.061</t>
  </si>
  <si>
    <t>1423418.0</t>
  </si>
  <si>
    <t>2226.453</t>
  </si>
  <si>
    <t>18.554</t>
  </si>
  <si>
    <t>1424194.0</t>
  </si>
  <si>
    <t>2227.667</t>
  </si>
  <si>
    <t>59.2957700806515</t>
  </si>
  <si>
    <t>1433241.0</t>
  </si>
  <si>
    <t>2241.817</t>
  </si>
  <si>
    <t>14.151</t>
  </si>
  <si>
    <t>1446360.0</t>
  </si>
  <si>
    <t>2262.338</t>
  </si>
  <si>
    <t>1458417.0</t>
  </si>
  <si>
    <t>2281.197</t>
  </si>
  <si>
    <t>18.859</t>
  </si>
  <si>
    <t>1471110.0</t>
  </si>
  <si>
    <t>2301.051</t>
  </si>
  <si>
    <t>19.854</t>
  </si>
  <si>
    <t>16.031</t>
  </si>
  <si>
    <t>1483792.0</t>
  </si>
  <si>
    <t>2320.887</t>
  </si>
  <si>
    <t>19.837</t>
  </si>
  <si>
    <t>16.141</t>
  </si>
  <si>
    <t>1493157.0</t>
  </si>
  <si>
    <t>2335.536</t>
  </si>
  <si>
    <t>14.648</t>
  </si>
  <si>
    <t>1494470.0</t>
  </si>
  <si>
    <t>2337.589</t>
  </si>
  <si>
    <t>117.047379482119</t>
  </si>
  <si>
    <t>1505669.0</t>
  </si>
  <si>
    <t>2355.106</t>
  </si>
  <si>
    <t>1519567.0</t>
  </si>
  <si>
    <t>2376.845</t>
  </si>
  <si>
    <t>21.739</t>
  </si>
  <si>
    <t>1532350.0</t>
  </si>
  <si>
    <t>2396.84</t>
  </si>
  <si>
    <t>19.995</t>
  </si>
  <si>
    <t>16.521</t>
  </si>
  <si>
    <t>1545362.0</t>
  </si>
  <si>
    <t>2417.193</t>
  </si>
  <si>
    <t>1559209.0</t>
  </si>
  <si>
    <t>2438.852</t>
  </si>
  <si>
    <t>1571707.0</t>
  </si>
  <si>
    <t>2458.4</t>
  </si>
  <si>
    <t>19.549</t>
  </si>
  <si>
    <t>20.481</t>
  </si>
  <si>
    <t>1572725.0</t>
  </si>
  <si>
    <t>2459.993</t>
  </si>
  <si>
    <t>140.827453941547</t>
  </si>
  <si>
    <t>1583226.0</t>
  </si>
  <si>
    <t>2476.418</t>
  </si>
  <si>
    <t>1598706.0</t>
  </si>
  <si>
    <t>2500.631</t>
  </si>
  <si>
    <t>24.213</t>
  </si>
  <si>
    <t>17.684</t>
  </si>
  <si>
    <t>1611059.0</t>
  </si>
  <si>
    <t>2519.953</t>
  </si>
  <si>
    <t>17.587</t>
  </si>
  <si>
    <t>1620139.0</t>
  </si>
  <si>
    <t>2534.156</t>
  </si>
  <si>
    <t>1621195.0</t>
  </si>
  <si>
    <t>2535.808</t>
  </si>
  <si>
    <t>13.851</t>
  </si>
  <si>
    <t>1622296.0</t>
  </si>
  <si>
    <t>2537.53</t>
  </si>
  <si>
    <t>11.304</t>
  </si>
  <si>
    <t>1622596.0</t>
  </si>
  <si>
    <t>2537.999</t>
  </si>
  <si>
    <t>182.519792279505</t>
  </si>
  <si>
    <t>1629732.0</t>
  </si>
  <si>
    <t>2549.161</t>
  </si>
  <si>
    <t>10.392</t>
  </si>
  <si>
    <t>1638581.0</t>
  </si>
  <si>
    <t>2563.002</t>
  </si>
  <si>
    <t>1647188.0</t>
  </si>
  <si>
    <t>2576.465</t>
  </si>
  <si>
    <t>13.463</t>
  </si>
  <si>
    <t>8.073</t>
  </si>
  <si>
    <t>1651658.0</t>
  </si>
  <si>
    <t>2583.457</t>
  </si>
  <si>
    <t>193.02</t>
  </si>
  <si>
    <t>1651995.0</t>
  </si>
  <si>
    <t>2583.984</t>
  </si>
  <si>
    <t>1655923.0</t>
  </si>
  <si>
    <t>2590.128</t>
  </si>
  <si>
    <t>1656541.0</t>
  </si>
  <si>
    <t>2591.094</t>
  </si>
  <si>
    <t>194.873077712974</t>
  </si>
  <si>
    <t>1665855.0</t>
  </si>
  <si>
    <t>2605.663</t>
  </si>
  <si>
    <t>8.071</t>
  </si>
  <si>
    <t>1678099.0</t>
  </si>
  <si>
    <t>2624.814</t>
  </si>
  <si>
    <t>19.152</t>
  </si>
  <si>
    <t>1688216.0</t>
  </si>
  <si>
    <t>2640.639</t>
  </si>
  <si>
    <t>15.825</t>
  </si>
  <si>
    <t>1698993.0</t>
  </si>
  <si>
    <t>10777.0</t>
  </si>
  <si>
    <t>2657.496</t>
  </si>
  <si>
    <t>16.857</t>
  </si>
  <si>
    <t>1711478.0</t>
  </si>
  <si>
    <t>2677.025</t>
  </si>
  <si>
    <t>19.529</t>
  </si>
  <si>
    <t>1719091.0</t>
  </si>
  <si>
    <t>2688.932</t>
  </si>
  <si>
    <t>1719728.0</t>
  </si>
  <si>
    <t>2689.929</t>
  </si>
  <si>
    <t>206.454282806852</t>
  </si>
  <si>
    <t>1730134.0</t>
  </si>
  <si>
    <t>2706.205</t>
  </si>
  <si>
    <t>1739899.0</t>
  </si>
  <si>
    <t>2721.48</t>
  </si>
  <si>
    <t>15.274</t>
  </si>
  <si>
    <t>1748774.0</t>
  </si>
  <si>
    <t>2735.361</t>
  </si>
  <si>
    <t>1756155.0</t>
  </si>
  <si>
    <t>2746.906</t>
  </si>
  <si>
    <t>11.545</t>
  </si>
  <si>
    <t>12.773</t>
  </si>
  <si>
    <t>1764232.0</t>
  </si>
  <si>
    <t>2759.54</t>
  </si>
  <si>
    <t>11.788</t>
  </si>
  <si>
    <t>1770354.0</t>
  </si>
  <si>
    <t>2769.116</t>
  </si>
  <si>
    <t>11.454</t>
  </si>
  <si>
    <t>1771007.0</t>
  </si>
  <si>
    <t>2770.137</t>
  </si>
  <si>
    <t>193.637749169628</t>
  </si>
  <si>
    <t>1778120.0</t>
  </si>
  <si>
    <t>2781.263</t>
  </si>
  <si>
    <t>1786606.0</t>
  </si>
  <si>
    <t>2794.537</t>
  </si>
  <si>
    <t>13.273</t>
  </si>
  <si>
    <t>1793586.0</t>
  </si>
  <si>
    <t>2805.455</t>
  </si>
  <si>
    <t>10.918</t>
  </si>
  <si>
    <t>1799992.0</t>
  </si>
  <si>
    <t>9.795</t>
  </si>
  <si>
    <t>1807379.0</t>
  </si>
  <si>
    <t>2827.029</t>
  </si>
  <si>
    <t>11.554</t>
  </si>
  <si>
    <t>1815147.0</t>
  </si>
  <si>
    <t>2839.179</t>
  </si>
  <si>
    <t>75.623</t>
  </si>
  <si>
    <t>1815419.0</t>
  </si>
  <si>
    <t>2839.605</t>
  </si>
  <si>
    <t>9.925</t>
  </si>
  <si>
    <t>184.218369026607</t>
  </si>
  <si>
    <t>1824628.0</t>
  </si>
  <si>
    <t>2854.009</t>
  </si>
  <si>
    <t>14.404</t>
  </si>
  <si>
    <t>1834425.0</t>
  </si>
  <si>
    <t>2869.333</t>
  </si>
  <si>
    <t>15.324</t>
  </si>
  <si>
    <t>1842104.0</t>
  </si>
  <si>
    <t>2881.344</t>
  </si>
  <si>
    <t>1850982.0</t>
  </si>
  <si>
    <t>2895.231</t>
  </si>
  <si>
    <t>11.393</t>
  </si>
  <si>
    <t>1860055.0</t>
  </si>
  <si>
    <t>2909.423</t>
  </si>
  <si>
    <t>14.192</t>
  </si>
  <si>
    <t>1866194.0</t>
  </si>
  <si>
    <t>2919.025</t>
  </si>
  <si>
    <t>11.406</t>
  </si>
  <si>
    <t>1866739.0</t>
  </si>
  <si>
    <t>2919.877</t>
  </si>
  <si>
    <t>202.902713244729</t>
  </si>
  <si>
    <t>1877717.0</t>
  </si>
  <si>
    <t>2937.049</t>
  </si>
  <si>
    <t>11.863</t>
  </si>
  <si>
    <t>1888294.0</t>
  </si>
  <si>
    <t>2953.593</t>
  </si>
  <si>
    <t>16.544</t>
  </si>
  <si>
    <t>1897594.0</t>
  </si>
  <si>
    <t>2968.14</t>
  </si>
  <si>
    <t>14.547</t>
  </si>
  <si>
    <t>2984.484</t>
  </si>
  <si>
    <t>1920291.0</t>
  </si>
  <si>
    <t>3003.641</t>
  </si>
  <si>
    <t>19.158</t>
  </si>
  <si>
    <t>1927509.0</t>
  </si>
  <si>
    <t>3014.931</t>
  </si>
  <si>
    <t>1928125.0</t>
  </si>
  <si>
    <t>3015.895</t>
  </si>
  <si>
    <t>-11.34</t>
  </si>
  <si>
    <t>184.527201162444</t>
  </si>
  <si>
    <t>1938648.0</t>
  </si>
  <si>
    <t>3032.355</t>
  </si>
  <si>
    <t>1950344.0</t>
  </si>
  <si>
    <t>3050.649</t>
  </si>
  <si>
    <t>1961757.0</t>
  </si>
  <si>
    <t>3068.501</t>
  </si>
  <si>
    <t>1973965.0</t>
  </si>
  <si>
    <t>3087.596</t>
  </si>
  <si>
    <t>19.095</t>
  </si>
  <si>
    <t>1988412.0</t>
  </si>
  <si>
    <t>3110.193</t>
  </si>
  <si>
    <t>22.597</t>
  </si>
  <si>
    <t>15.222</t>
  </si>
  <si>
    <t>1997426.0</t>
  </si>
  <si>
    <t>3124.293</t>
  </si>
  <si>
    <t>14.099</t>
  </si>
  <si>
    <t>15.623</t>
  </si>
  <si>
    <t>1998393.0</t>
  </si>
  <si>
    <t>3125.805</t>
  </si>
  <si>
    <t>-15.0</t>
  </si>
  <si>
    <t>160.283878499261</t>
  </si>
  <si>
    <t>2007784.0</t>
  </si>
  <si>
    <t>3140.494</t>
  </si>
  <si>
    <t>14.689</t>
  </si>
  <si>
    <t>15.449</t>
  </si>
  <si>
    <t>2019848.0</t>
  </si>
  <si>
    <t>3159.364</t>
  </si>
  <si>
    <t>15.531</t>
  </si>
  <si>
    <t>25930.0</t>
  </si>
  <si>
    <t>2030049.0</t>
  </si>
  <si>
    <t>3175.32</t>
  </si>
  <si>
    <t>2040487.0</t>
  </si>
  <si>
    <t>3191.647</t>
  </si>
  <si>
    <t>16.327</t>
  </si>
  <si>
    <t>28945.0</t>
  </si>
  <si>
    <t>2050508.0</t>
  </si>
  <si>
    <t>3207.322</t>
  </si>
  <si>
    <t>15.674</t>
  </si>
  <si>
    <t>2058236.0</t>
  </si>
  <si>
    <t>3219.409</t>
  </si>
  <si>
    <t>12.088</t>
  </si>
  <si>
    <t>30994.0</t>
  </si>
  <si>
    <t>23267.0</t>
  </si>
  <si>
    <t>2058643.0</t>
  </si>
  <si>
    <t>3220.046</t>
  </si>
  <si>
    <t>-12.3</t>
  </si>
  <si>
    <t>140.364205737792</t>
  </si>
  <si>
    <t>2068173.0</t>
  </si>
  <si>
    <t>3234.952</t>
  </si>
  <si>
    <t>2080608.0</t>
  </si>
  <si>
    <t>3254.403</t>
  </si>
  <si>
    <t>13.577</t>
  </si>
  <si>
    <t>33383.0</t>
  </si>
  <si>
    <t>2090311.0</t>
  </si>
  <si>
    <t>3269.58</t>
  </si>
  <si>
    <t>34774.0</t>
  </si>
  <si>
    <t>25293.0</t>
  </si>
  <si>
    <t>2101846.0</t>
  </si>
  <si>
    <t>3287.622</t>
  </si>
  <si>
    <t>13.711</t>
  </si>
  <si>
    <t>36085.0</t>
  </si>
  <si>
    <t>2113346.0</t>
  </si>
  <si>
    <t>3305.61</t>
  </si>
  <si>
    <t>17.988</t>
  </si>
  <si>
    <t>37382.0</t>
  </si>
  <si>
    <t>26799.0</t>
  </si>
  <si>
    <t>2121496.0</t>
  </si>
  <si>
    <t>3318.358</t>
  </si>
  <si>
    <t>27100.0</t>
  </si>
  <si>
    <t>2122088.0</t>
  </si>
  <si>
    <t>3319.284</t>
  </si>
  <si>
    <t>14.178</t>
  </si>
  <si>
    <t>123.224022198854</t>
  </si>
  <si>
    <t>2131531.0</t>
  </si>
  <si>
    <t>3334.054</t>
  </si>
  <si>
    <t>39134.0</t>
  </si>
  <si>
    <t>2143410.0</t>
  </si>
  <si>
    <t>3352.635</t>
  </si>
  <si>
    <t>40478.0</t>
  </si>
  <si>
    <t>28479.0</t>
  </si>
  <si>
    <t>2153471.0</t>
  </si>
  <si>
    <t>3368.372</t>
  </si>
  <si>
    <t>14.113</t>
  </si>
  <si>
    <t>42135.0</t>
  </si>
  <si>
    <t>29403.0</t>
  </si>
  <si>
    <t>2162934.0</t>
  </si>
  <si>
    <t>3383.174</t>
  </si>
  <si>
    <t>14.802</t>
  </si>
  <si>
    <t>30725.0</t>
  </si>
  <si>
    <t>2174388.0</t>
  </si>
  <si>
    <t>3401.09</t>
  </si>
  <si>
    <t>13.639</t>
  </si>
  <si>
    <t>31976.0</t>
  </si>
  <si>
    <t>2182066.0</t>
  </si>
  <si>
    <t>3413.099</t>
  </si>
  <si>
    <t>2182662.0</t>
  </si>
  <si>
    <t>3414.031</t>
  </si>
  <si>
    <t>-9.76</t>
  </si>
  <si>
    <t>108.863327882446</t>
  </si>
  <si>
    <t>2191454.0</t>
  </si>
  <si>
    <t>3427.784</t>
  </si>
  <si>
    <t>13.752</t>
  </si>
  <si>
    <t>13.389</t>
  </si>
  <si>
    <t>33241.0</t>
  </si>
  <si>
    <t>2203853.0</t>
  </si>
  <si>
    <t>3447.178</t>
  </si>
  <si>
    <t>13.507</t>
  </si>
  <si>
    <t>34532.0</t>
  </si>
  <si>
    <t>2214894.0</t>
  </si>
  <si>
    <t>3464.447</t>
  </si>
  <si>
    <t>13.725</t>
  </si>
  <si>
    <t>36693.0</t>
  </si>
  <si>
    <t>2224906.0</t>
  </si>
  <si>
    <t>3480.108</t>
  </si>
  <si>
    <t>54885.0</t>
  </si>
  <si>
    <t>39563.0</t>
  </si>
  <si>
    <t>2236676.0</t>
  </si>
  <si>
    <t>3498.518</t>
  </si>
  <si>
    <t>13.918</t>
  </si>
  <si>
    <t>57789.0</t>
  </si>
  <si>
    <t>42233.0</t>
  </si>
  <si>
    <t>2244621.0</t>
  </si>
  <si>
    <t>3510.945</t>
  </si>
  <si>
    <t>59063.0</t>
  </si>
  <si>
    <t>2245178.0</t>
  </si>
  <si>
    <t>3511.816</t>
  </si>
  <si>
    <t>115.503218802936</t>
  </si>
  <si>
    <t>2255439.0</t>
  </si>
  <si>
    <t>3527.866</t>
  </si>
  <si>
    <t>14.298</t>
  </si>
  <si>
    <t>60785.0</t>
  </si>
  <si>
    <t>15906.0</t>
  </si>
  <si>
    <t>2266767.0</t>
  </si>
  <si>
    <t>3545.585</t>
  </si>
  <si>
    <t>64078.0</t>
  </si>
  <si>
    <t>47596.0</t>
  </si>
  <si>
    <t>2276441.0</t>
  </si>
  <si>
    <t>3560.717</t>
  </si>
  <si>
    <t>15.132</t>
  </si>
  <si>
    <t>67164.0</t>
  </si>
  <si>
    <t>2288132.0</t>
  </si>
  <si>
    <t>3579.003</t>
  </si>
  <si>
    <t>18.287</t>
  </si>
  <si>
    <t>70354.0</t>
  </si>
  <si>
    <t>183.755</t>
  </si>
  <si>
    <t>2299325.0</t>
  </si>
  <si>
    <t>3596.511</t>
  </si>
  <si>
    <t>73207.0</t>
  </si>
  <si>
    <t>2307846.0</t>
  </si>
  <si>
    <t>3609.839</t>
  </si>
  <si>
    <t>74269.0</t>
  </si>
  <si>
    <t>56381.0</t>
  </si>
  <si>
    <t>2308678.0</t>
  </si>
  <si>
    <t>3611.141</t>
  </si>
  <si>
    <t>156.732308937139</t>
  </si>
  <si>
    <t>2318655.0</t>
  </si>
  <si>
    <t>3626.746</t>
  </si>
  <si>
    <t>15.606</t>
  </si>
  <si>
    <t>14.126</t>
  </si>
  <si>
    <t>75552.0</t>
  </si>
  <si>
    <t>2330516.0</t>
  </si>
  <si>
    <t>3645.299</t>
  </si>
  <si>
    <t>18.552</t>
  </si>
  <si>
    <t>78016.0</t>
  </si>
  <si>
    <t>2342269.0</t>
  </si>
  <si>
    <t>3663.682</t>
  </si>
  <si>
    <t>18.384</t>
  </si>
  <si>
    <t>14.709</t>
  </si>
  <si>
    <t>80353.0</t>
  </si>
  <si>
    <t>2353853.0</t>
  </si>
  <si>
    <t>3681.801</t>
  </si>
  <si>
    <t>14.686</t>
  </si>
  <si>
    <t>82679.0</t>
  </si>
  <si>
    <t>2365908.0</t>
  </si>
  <si>
    <t>12055.0</t>
  </si>
  <si>
    <t>3700.657</t>
  </si>
  <si>
    <t>18.856</t>
  </si>
  <si>
    <t>85202.0</t>
  </si>
  <si>
    <t>2375242.0</t>
  </si>
  <si>
    <t>3715.257</t>
  </si>
  <si>
    <t>86583.0</t>
  </si>
  <si>
    <t>65848.0</t>
  </si>
  <si>
    <t>2375730.0</t>
  </si>
  <si>
    <t>3716.021</t>
  </si>
  <si>
    <t>14.983</t>
  </si>
  <si>
    <t>-16.76</t>
  </si>
  <si>
    <t>132.488986273956</t>
  </si>
  <si>
    <t>2385979.0</t>
  </si>
  <si>
    <t>3732.052</t>
  </si>
  <si>
    <t>15.044</t>
  </si>
  <si>
    <t>89715.0</t>
  </si>
  <si>
    <t>21101.0</t>
  </si>
  <si>
    <t>2399344.0</t>
  </si>
  <si>
    <t>13365.0</t>
  </si>
  <si>
    <t>3752.957</t>
  </si>
  <si>
    <t>20.905</t>
  </si>
  <si>
    <t>92606.0</t>
  </si>
  <si>
    <t>70911.0</t>
  </si>
  <si>
    <t>2412181.0</t>
  </si>
  <si>
    <t>3773.036</t>
  </si>
  <si>
    <t>20.079</t>
  </si>
  <si>
    <t>15.621</t>
  </si>
  <si>
    <t>95691.0</t>
  </si>
  <si>
    <t>73151.0</t>
  </si>
  <si>
    <t>2426168.0</t>
  </si>
  <si>
    <t>3794.914</t>
  </si>
  <si>
    <t>21.878</t>
  </si>
  <si>
    <t>16.159</t>
  </si>
  <si>
    <t>99386.0</t>
  </si>
  <si>
    <t>75858.0</t>
  </si>
  <si>
    <t>23527.0</t>
  </si>
  <si>
    <t>2441447.0</t>
  </si>
  <si>
    <t>3818.812</t>
  </si>
  <si>
    <t>23.899</t>
  </si>
  <si>
    <t>16.879</t>
  </si>
  <si>
    <t>102816.0</t>
  </si>
  <si>
    <t>2454594.0</t>
  </si>
  <si>
    <t>3839.376</t>
  </si>
  <si>
    <t>20.564</t>
  </si>
  <si>
    <t>17.731</t>
  </si>
  <si>
    <t>24834.0</t>
  </si>
  <si>
    <t>2455611.0</t>
  </si>
  <si>
    <t>3840.967</t>
  </si>
  <si>
    <t>-18.0</t>
  </si>
  <si>
    <t>106.392670795752</t>
  </si>
  <si>
    <t>2456094.0</t>
  </si>
  <si>
    <t>3841.723</t>
  </si>
  <si>
    <t>108971.0</t>
  </si>
  <si>
    <t>2464888.0</t>
  </si>
  <si>
    <t>3855.478</t>
  </si>
  <si>
    <t>14.645</t>
  </si>
  <si>
    <t>86349.0</t>
  </si>
  <si>
    <t>2478729.0</t>
  </si>
  <si>
    <t>3877.127</t>
  </si>
  <si>
    <t>117186.0</t>
  </si>
  <si>
    <t>28474.0</t>
  </si>
  <si>
    <t>2490562.0</t>
  </si>
  <si>
    <t>3895.636</t>
  </si>
  <si>
    <t>18.509</t>
  </si>
  <si>
    <t>122011.0</t>
  </si>
  <si>
    <t>91071.0</t>
  </si>
  <si>
    <t>2502059.0</t>
  </si>
  <si>
    <t>3913.619</t>
  </si>
  <si>
    <t>17.983</t>
  </si>
  <si>
    <t>126967.0</t>
  </si>
  <si>
    <t>2509769.0</t>
  </si>
  <si>
    <t>3925.679</t>
  </si>
  <si>
    <t>12.329</t>
  </si>
  <si>
    <t>130348.0</t>
  </si>
  <si>
    <t>96051.0</t>
  </si>
  <si>
    <t>2510226.0</t>
  </si>
  <si>
    <t>3926.394</t>
  </si>
  <si>
    <t>102.84110123363</t>
  </si>
  <si>
    <t>2520980.0</t>
  </si>
  <si>
    <t>3943.215</t>
  </si>
  <si>
    <t>16.821</t>
  </si>
  <si>
    <t>99992.0</t>
  </si>
  <si>
    <t>2530488.0</t>
  </si>
  <si>
    <t>3958.087</t>
  </si>
  <si>
    <t>141438.0</t>
  </si>
  <si>
    <t>103569.0</t>
  </si>
  <si>
    <t>2539491.0</t>
  </si>
  <si>
    <t>3972.169</t>
  </si>
  <si>
    <t>147610.0</t>
  </si>
  <si>
    <t>107167.0</t>
  </si>
  <si>
    <t>2548661.0</t>
  </si>
  <si>
    <t>3986.512</t>
  </si>
  <si>
    <t>153519.0</t>
  </si>
  <si>
    <t>2560998.0</t>
  </si>
  <si>
    <t>4005.809</t>
  </si>
  <si>
    <t>19.297</t>
  </si>
  <si>
    <t>159208.0</t>
  </si>
  <si>
    <t>2568969.0</t>
  </si>
  <si>
    <t>4018.277</t>
  </si>
  <si>
    <t>164187.0</t>
  </si>
  <si>
    <t>118120.0</t>
  </si>
  <si>
    <t>2570579.0</t>
  </si>
  <si>
    <t>4020.796</t>
  </si>
  <si>
    <t>13.486</t>
  </si>
  <si>
    <t>93.1128889547731</t>
  </si>
  <si>
    <t>2580179.0</t>
  </si>
  <si>
    <t>4035.811</t>
  </si>
  <si>
    <t>165613.0</t>
  </si>
  <si>
    <t>119261.0</t>
  </si>
  <si>
    <t>2589910.0</t>
  </si>
  <si>
    <t>4051.032</t>
  </si>
  <si>
    <t>15.221</t>
  </si>
  <si>
    <t>13.278</t>
  </si>
  <si>
    <t>166820.0</t>
  </si>
  <si>
    <t>120308.0</t>
  </si>
  <si>
    <t>2598825.0</t>
  </si>
  <si>
    <t>4064.977</t>
  </si>
  <si>
    <t>13.258</t>
  </si>
  <si>
    <t>170140.0</t>
  </si>
  <si>
    <t>162.137</t>
  </si>
  <si>
    <t>2606352.0</t>
  </si>
  <si>
    <t>4076.75</t>
  </si>
  <si>
    <t>173255.0</t>
  </si>
  <si>
    <t>125742.0</t>
  </si>
  <si>
    <t>2618042.0</t>
  </si>
  <si>
    <t>4095.035</t>
  </si>
  <si>
    <t>18.285</t>
  </si>
  <si>
    <t>12.746</t>
  </si>
  <si>
    <t>176540.0</t>
  </si>
  <si>
    <t>128537.0</t>
  </si>
  <si>
    <t>2624086.0</t>
  </si>
  <si>
    <t>4104.489</t>
  </si>
  <si>
    <t>130593.0</t>
  </si>
  <si>
    <t>2624564.0</t>
  </si>
  <si>
    <t>4105.237</t>
  </si>
  <si>
    <t>178911.0</t>
  </si>
  <si>
    <t>130595.0</t>
  </si>
  <si>
    <t>85.85533376261</t>
  </si>
  <si>
    <t>2634342.0</t>
  </si>
  <si>
    <t>4120.531</t>
  </si>
  <si>
    <t>15.294</t>
  </si>
  <si>
    <t>180605.0</t>
  </si>
  <si>
    <t>131879.0</t>
  </si>
  <si>
    <t>2643171.0</t>
  </si>
  <si>
    <t>4134.341</t>
  </si>
  <si>
    <t>11.902</t>
  </si>
  <si>
    <t>182023.0</t>
  </si>
  <si>
    <t>2652580.0</t>
  </si>
  <si>
    <t>4149.058</t>
  </si>
  <si>
    <t>14.717</t>
  </si>
  <si>
    <t>186586.0</t>
  </si>
  <si>
    <t>136458.0</t>
  </si>
  <si>
    <t>2661289.0</t>
  </si>
  <si>
    <t>4162.68</t>
  </si>
  <si>
    <t>13.622</t>
  </si>
  <si>
    <t>140500.0</t>
  </si>
  <si>
    <t>2672976.0</t>
  </si>
  <si>
    <t>4180.961</t>
  </si>
  <si>
    <t>144389.0</t>
  </si>
  <si>
    <t>2675137.0</t>
  </si>
  <si>
    <t>4184.341</t>
  </si>
  <si>
    <t>200668.0</t>
  </si>
  <si>
    <t>148457.0</t>
  </si>
  <si>
    <t>2675462.0</t>
  </si>
  <si>
    <t>4184.849</t>
  </si>
  <si>
    <t>11.373</t>
  </si>
  <si>
    <t>102.995517301548</t>
  </si>
  <si>
    <t>2684451.0</t>
  </si>
  <si>
    <t>4198.909</t>
  </si>
  <si>
    <t>206822.0</t>
  </si>
  <si>
    <t>152155.0</t>
  </si>
  <si>
    <t>2693886.0</t>
  </si>
  <si>
    <t>4213.667</t>
  </si>
  <si>
    <t>14.758</t>
  </si>
  <si>
    <t>213352.0</t>
  </si>
  <si>
    <t>155900.0</t>
  </si>
  <si>
    <t>2702537.0</t>
  </si>
  <si>
    <t>4227.199</t>
  </si>
  <si>
    <t>11.163</t>
  </si>
  <si>
    <t>220367.0</t>
  </si>
  <si>
    <t>160430.0</t>
  </si>
  <si>
    <t>2711337.0</t>
  </si>
  <si>
    <t>4240.963</t>
  </si>
  <si>
    <t>13.765</t>
  </si>
  <si>
    <t>11.184</t>
  </si>
  <si>
    <t>227435.0</t>
  </si>
  <si>
    <t>165379.0</t>
  </si>
  <si>
    <t>2722098.0</t>
  </si>
  <si>
    <t>4257.795</t>
  </si>
  <si>
    <t>16.832</t>
  </si>
  <si>
    <t>169651.0</t>
  </si>
  <si>
    <t>2728448.0</t>
  </si>
  <si>
    <t>4267.728</t>
  </si>
  <si>
    <t>11.913</t>
  </si>
  <si>
    <t>241395.0</t>
  </si>
  <si>
    <t>175130.0</t>
  </si>
  <si>
    <t>2728880.0</t>
  </si>
  <si>
    <t>4268.404</t>
  </si>
  <si>
    <t>102.223436961957</t>
  </si>
  <si>
    <t>2738892.0</t>
  </si>
  <si>
    <t>4284.064</t>
  </si>
  <si>
    <t>12.164</t>
  </si>
  <si>
    <t>248622.0</t>
  </si>
  <si>
    <t>179438.0</t>
  </si>
  <si>
    <t>2747927.0</t>
  </si>
  <si>
    <t>4298.196</t>
  </si>
  <si>
    <t>255811.0</t>
  </si>
  <si>
    <t>183291.0</t>
  </si>
  <si>
    <t>2759280.0</t>
  </si>
  <si>
    <t>4315.954</t>
  </si>
  <si>
    <t>17.758</t>
  </si>
  <si>
    <t>12.679</t>
  </si>
  <si>
    <t>263030.0</t>
  </si>
  <si>
    <t>187621.0</t>
  </si>
  <si>
    <t>2760333.0</t>
  </si>
  <si>
    <t>4317.601</t>
  </si>
  <si>
    <t>191727.0</t>
  </si>
  <si>
    <t>2770667.0</t>
  </si>
  <si>
    <t>4333.765</t>
  </si>
  <si>
    <t>10.852</t>
  </si>
  <si>
    <t>277512.0</t>
  </si>
  <si>
    <t>196031.0</t>
  </si>
  <si>
    <t>2778006.0</t>
  </si>
  <si>
    <t>4345.244</t>
  </si>
  <si>
    <t>285051.0</t>
  </si>
  <si>
    <t>199584.0</t>
  </si>
  <si>
    <t>2778594.0</t>
  </si>
  <si>
    <t>4346.164</t>
  </si>
  <si>
    <t>11.109</t>
  </si>
  <si>
    <t>-19.33</t>
  </si>
  <si>
    <t>78.9066107062837</t>
  </si>
  <si>
    <t>2787319.0</t>
  </si>
  <si>
    <t>4359.811</t>
  </si>
  <si>
    <t>204871.0</t>
  </si>
  <si>
    <t>2797250.0</t>
  </si>
  <si>
    <t>4375.345</t>
  </si>
  <si>
    <t>15.534</t>
  </si>
  <si>
    <t>297493.0</t>
  </si>
  <si>
    <t>209493.0</t>
  </si>
  <si>
    <t>2807647.0</t>
  </si>
  <si>
    <t>4391.608</t>
  </si>
  <si>
    <t>16.263</t>
  </si>
  <si>
    <t>10.808</t>
  </si>
  <si>
    <t>304206.0</t>
  </si>
  <si>
    <t>213289.0</t>
  </si>
  <si>
    <t>2822108.0</t>
  </si>
  <si>
    <t>4414.227</t>
  </si>
  <si>
    <t>22.619</t>
  </si>
  <si>
    <t>309776.0</t>
  </si>
  <si>
    <t>216027.0</t>
  </si>
  <si>
    <t>2838634.0</t>
  </si>
  <si>
    <t>4440.076</t>
  </si>
  <si>
    <t>25.849</t>
  </si>
  <si>
    <t>15.188</t>
  </si>
  <si>
    <t>315311.0</t>
  </si>
  <si>
    <t>218462.0</t>
  </si>
  <si>
    <t>2849733.0</t>
  </si>
  <si>
    <t>4457.437</t>
  </si>
  <si>
    <t>17.361</t>
  </si>
  <si>
    <t>16.028</t>
  </si>
  <si>
    <t>320035.0</t>
  </si>
  <si>
    <t>221012.0</t>
  </si>
  <si>
    <t>2850711.0</t>
  </si>
  <si>
    <t>4458.967</t>
  </si>
  <si>
    <t>16.114</t>
  </si>
  <si>
    <t>320037.0</t>
  </si>
  <si>
    <t>88.0171587134671</t>
  </si>
  <si>
    <t>2851131.0</t>
  </si>
  <si>
    <t>4459.624</t>
  </si>
  <si>
    <t>322904.0</t>
  </si>
  <si>
    <t>222113.0</t>
  </si>
  <si>
    <t>2859973.0</t>
  </si>
  <si>
    <t>4473.454</t>
  </si>
  <si>
    <t>14.015</t>
  </si>
  <si>
    <t>325054.0</t>
  </si>
  <si>
    <t>223371.0</t>
  </si>
  <si>
    <t>2869672.0</t>
  </si>
  <si>
    <t>4488.625</t>
  </si>
  <si>
    <t>329540.0</t>
  </si>
  <si>
    <t>224154.0</t>
  </si>
  <si>
    <t>2879097.0</t>
  </si>
  <si>
    <t>4503.367</t>
  </si>
  <si>
    <t>12.734</t>
  </si>
  <si>
    <t>334919.0</t>
  </si>
  <si>
    <t>225548.0</t>
  </si>
  <si>
    <t>2888934.0</t>
  </si>
  <si>
    <t>4518.753</t>
  </si>
  <si>
    <t>15.387</t>
  </si>
  <si>
    <t>340287.0</t>
  </si>
  <si>
    <t>226777.0</t>
  </si>
  <si>
    <t>2894864.0</t>
  </si>
  <si>
    <t>4528.029</t>
  </si>
  <si>
    <t>9.275</t>
  </si>
  <si>
    <t>345725.0</t>
  </si>
  <si>
    <t>228013.0</t>
  </si>
  <si>
    <t>2895201.0</t>
  </si>
  <si>
    <t>4528.556</t>
  </si>
  <si>
    <t>345726.0</t>
  </si>
  <si>
    <t>228014.0</t>
  </si>
  <si>
    <t>-19.14</t>
  </si>
  <si>
    <t>63.1561717786106</t>
  </si>
  <si>
    <t>2904766.0</t>
  </si>
  <si>
    <t>4543.517</t>
  </si>
  <si>
    <t>351206.0</t>
  </si>
  <si>
    <t>229702.0</t>
  </si>
  <si>
    <t>2911431.0</t>
  </si>
  <si>
    <t>4553.942</t>
  </si>
  <si>
    <t>10.425</t>
  </si>
  <si>
    <t>356478.0</t>
  </si>
  <si>
    <t>232377.0</t>
  </si>
  <si>
    <t>2918313.0</t>
  </si>
  <si>
    <t>4564.707</t>
  </si>
  <si>
    <t>365078.0</t>
  </si>
  <si>
    <t>237711.0</t>
  </si>
  <si>
    <t>2926723.0</t>
  </si>
  <si>
    <t>4577.862</t>
  </si>
  <si>
    <t>10.643</t>
  </si>
  <si>
    <t>373653.0</t>
  </si>
  <si>
    <t>242367.0</t>
  </si>
  <si>
    <t>2936419.0</t>
  </si>
  <si>
    <t>4593.028</t>
  </si>
  <si>
    <t>15.166</t>
  </si>
  <si>
    <t>382205.0</t>
  </si>
  <si>
    <t>247094.0</t>
  </si>
  <si>
    <t>2942179.0</t>
  </si>
  <si>
    <t>4602.037</t>
  </si>
  <si>
    <t>10.572</t>
  </si>
  <si>
    <t>389675.0</t>
  </si>
  <si>
    <t>250773.0</t>
  </si>
  <si>
    <t>2942474.0</t>
  </si>
  <si>
    <t>4602.499</t>
  </si>
  <si>
    <t>-16.78</t>
  </si>
  <si>
    <t>43.2364990171417</t>
  </si>
  <si>
    <t>2950800.0</t>
  </si>
  <si>
    <t>4615.522</t>
  </si>
  <si>
    <t>10.286</t>
  </si>
  <si>
    <t>398248.0</t>
  </si>
  <si>
    <t>254134.0</t>
  </si>
  <si>
    <t>2957088.0</t>
  </si>
  <si>
    <t>4625.357</t>
  </si>
  <si>
    <t>406742.0</t>
  </si>
  <si>
    <t>257917.0</t>
  </si>
  <si>
    <t>2964182.0</t>
  </si>
  <si>
    <t>4636.453</t>
  </si>
  <si>
    <t>414547.0</t>
  </si>
  <si>
    <t>260629.0</t>
  </si>
  <si>
    <t>2972238.0</t>
  </si>
  <si>
    <t>4649.054</t>
  </si>
  <si>
    <t>423254.0</t>
  </si>
  <si>
    <t>263309.0</t>
  </si>
  <si>
    <t>2982139.0</t>
  </si>
  <si>
    <t>4664.541</t>
  </si>
  <si>
    <t>15.487</t>
  </si>
  <si>
    <t>10.216</t>
  </si>
  <si>
    <t>431685.0</t>
  </si>
  <si>
    <t>265738.0</t>
  </si>
  <si>
    <t>2987852.0</t>
  </si>
  <si>
    <t>4673.477</t>
  </si>
  <si>
    <t>439830.0</t>
  </si>
  <si>
    <t>268202.0</t>
  </si>
  <si>
    <t>2988219.0</t>
  </si>
  <si>
    <t>4674.051</t>
  </si>
  <si>
    <t>40.9202579983663</t>
  </si>
  <si>
    <t>2995648.0</t>
  </si>
  <si>
    <t>4685.671</t>
  </si>
  <si>
    <t>446763.0</t>
  </si>
  <si>
    <t>270855.0</t>
  </si>
  <si>
    <t>3002791.0</t>
  </si>
  <si>
    <t>4696.844</t>
  </si>
  <si>
    <t>11.173</t>
  </si>
  <si>
    <t>10.212</t>
  </si>
  <si>
    <t>452775.0</t>
  </si>
  <si>
    <t>273095.0</t>
  </si>
  <si>
    <t>3009835.0</t>
  </si>
  <si>
    <t>4707.862</t>
  </si>
  <si>
    <t>460751.0</t>
  </si>
  <si>
    <t>278090.0</t>
  </si>
  <si>
    <t>3016830.0</t>
  </si>
  <si>
    <t>4718.803</t>
  </si>
  <si>
    <t>468547.0</t>
  </si>
  <si>
    <t>283328.0</t>
  </si>
  <si>
    <t>3028561.0</t>
  </si>
  <si>
    <t>4737.152</t>
  </si>
  <si>
    <t>18.349</t>
  </si>
  <si>
    <t>475080.0</t>
  </si>
  <si>
    <t>288022.0</t>
  </si>
  <si>
    <t>3034235.0</t>
  </si>
  <si>
    <t>4746.027</t>
  </si>
  <si>
    <t>8.875</t>
  </si>
  <si>
    <t>10.364</t>
  </si>
  <si>
    <t>483722.0</t>
  </si>
  <si>
    <t>293343.0</t>
  </si>
  <si>
    <t>3034582.0</t>
  </si>
  <si>
    <t>4746.57</t>
  </si>
  <si>
    <t>45.0894918321621</t>
  </si>
  <si>
    <t>3042035.0</t>
  </si>
  <si>
    <t>4758.228</t>
  </si>
  <si>
    <t>10.366</t>
  </si>
  <si>
    <t>491921.0</t>
  </si>
  <si>
    <t>3050890.0</t>
  </si>
  <si>
    <t>4772.079</t>
  </si>
  <si>
    <t>499735.0</t>
  </si>
  <si>
    <t>305586.0</t>
  </si>
  <si>
    <t>3051379.0</t>
  </si>
  <si>
    <t>4772.843</t>
  </si>
  <si>
    <t>9.283</t>
  </si>
  <si>
    <t>506191.0</t>
  </si>
  <si>
    <t>311289.0</t>
  </si>
  <si>
    <t>3059468.0</t>
  </si>
  <si>
    <t>4785.496</t>
  </si>
  <si>
    <t>512788.0</t>
  </si>
  <si>
    <t>316534.0</t>
  </si>
  <si>
    <t>3068522.0</t>
  </si>
  <si>
    <t>4799.658</t>
  </si>
  <si>
    <t>520077.0</t>
  </si>
  <si>
    <t>322562.0</t>
  </si>
  <si>
    <t>3073487.0</t>
  </si>
  <si>
    <t>4807.424</t>
  </si>
  <si>
    <t>527802.0</t>
  </si>
  <si>
    <t>328963.0</t>
  </si>
  <si>
    <t>3073763.0</t>
  </si>
  <si>
    <t>4807.856</t>
  </si>
  <si>
    <t>527803.0</t>
  </si>
  <si>
    <t>328964.0</t>
  </si>
  <si>
    <t>36.9054402324888</t>
  </si>
  <si>
    <t>3080170.0</t>
  </si>
  <si>
    <t>4817.877</t>
  </si>
  <si>
    <t>8.522</t>
  </si>
  <si>
    <t>535083.0</t>
  </si>
  <si>
    <t>3084556.0</t>
  </si>
  <si>
    <t>4824.737</t>
  </si>
  <si>
    <t>543006.0</t>
  </si>
  <si>
    <t>338831.0</t>
  </si>
  <si>
    <t>3089670.0</t>
  </si>
  <si>
    <t>4832.737</t>
  </si>
  <si>
    <t>551945.0</t>
  </si>
  <si>
    <t>341060.0</t>
  </si>
  <si>
    <t>3095792.0</t>
  </si>
  <si>
    <t>4842.312</t>
  </si>
  <si>
    <t>560742.0</t>
  </si>
  <si>
    <t>343740.0</t>
  </si>
  <si>
    <t>3104201.0</t>
  </si>
  <si>
    <t>4855.465</t>
  </si>
  <si>
    <t>569360.0</t>
  </si>
  <si>
    <t>346658.0</t>
  </si>
  <si>
    <t>3108795.0</t>
  </si>
  <si>
    <t>4862.651</t>
  </si>
  <si>
    <t>577839.0</t>
  </si>
  <si>
    <t>350917.0</t>
  </si>
  <si>
    <t>3109137.0</t>
  </si>
  <si>
    <t>4863.186</t>
  </si>
  <si>
    <t>577840.0</t>
  </si>
  <si>
    <t>350918.0</t>
  </si>
  <si>
    <t>53.119127363917</t>
  </si>
  <si>
    <t>3114970.0</t>
  </si>
  <si>
    <t>4872.31</t>
  </si>
  <si>
    <t>585595.0</t>
  </si>
  <si>
    <t>354905.0</t>
  </si>
  <si>
    <t>3122019.0</t>
  </si>
  <si>
    <t>4883.336</t>
  </si>
  <si>
    <t>8.371</t>
  </si>
  <si>
    <t>593060.0</t>
  </si>
  <si>
    <t>358736.0</t>
  </si>
  <si>
    <t>3129091.0</t>
  </si>
  <si>
    <t>4894.397</t>
  </si>
  <si>
    <t>599195.0</t>
  </si>
  <si>
    <t>362212.0</t>
  </si>
  <si>
    <t>92.53</t>
  </si>
  <si>
    <t>3136683.0</t>
  </si>
  <si>
    <t>4906.272</t>
  </si>
  <si>
    <t>11.875</t>
  </si>
  <si>
    <t>9.138</t>
  </si>
  <si>
    <t>604085.0</t>
  </si>
  <si>
    <t>365280.0</t>
  </si>
  <si>
    <t>3146422.0</t>
  </si>
  <si>
    <t>4921.506</t>
  </si>
  <si>
    <t>609097.0</t>
  </si>
  <si>
    <t>368024.0</t>
  </si>
  <si>
    <t>3152101.0</t>
  </si>
  <si>
    <t>4930.389</t>
  </si>
  <si>
    <t>614717.0</t>
  </si>
  <si>
    <t>371410.0</t>
  </si>
  <si>
    <t>3152440.0</t>
  </si>
  <si>
    <t>4930.919</t>
  </si>
  <si>
    <t>614718.0</t>
  </si>
  <si>
    <t>45.5527400359172</t>
  </si>
  <si>
    <t>3159642.0</t>
  </si>
  <si>
    <t>4942.184</t>
  </si>
  <si>
    <t>620935.0</t>
  </si>
  <si>
    <t>374263.0</t>
  </si>
  <si>
    <t>95.88</t>
  </si>
  <si>
    <t>3165956.0</t>
  </si>
  <si>
    <t>4952.06</t>
  </si>
  <si>
    <t>626031.0</t>
  </si>
  <si>
    <t>376866.0</t>
  </si>
  <si>
    <t>3174694.0</t>
  </si>
  <si>
    <t>4965.728</t>
  </si>
  <si>
    <t>13.668</t>
  </si>
  <si>
    <t>633604.0</t>
  </si>
  <si>
    <t>379291.0</t>
  </si>
  <si>
    <t>3184095.0</t>
  </si>
  <si>
    <t>4980.432</t>
  </si>
  <si>
    <t>14.705</t>
  </si>
  <si>
    <t>640134.0</t>
  </si>
  <si>
    <t>380882.0</t>
  </si>
  <si>
    <t>98.85</t>
  </si>
  <si>
    <t>3194642.0</t>
  </si>
  <si>
    <t>4996.93</t>
  </si>
  <si>
    <t>16.497</t>
  </si>
  <si>
    <t>646377.0</t>
  </si>
  <si>
    <t>382608.0</t>
  </si>
  <si>
    <t>3201965.0</t>
  </si>
  <si>
    <t>5008.384</t>
  </si>
  <si>
    <t>11.142</t>
  </si>
  <si>
    <t>653006.0</t>
  </si>
  <si>
    <t>384755.0</t>
  </si>
  <si>
    <t>3202323.0</t>
  </si>
  <si>
    <t>5008.944</t>
  </si>
  <si>
    <t>40.7658419304479</t>
  </si>
  <si>
    <t>3209725.0</t>
  </si>
  <si>
    <t>5020.522</t>
  </si>
  <si>
    <t>658954.0</t>
  </si>
  <si>
    <t>385902.0</t>
  </si>
  <si>
    <t>101.75</t>
  </si>
  <si>
    <t>3215965.0</t>
  </si>
  <si>
    <t>5030.282</t>
  </si>
  <si>
    <t>664284.0</t>
  </si>
  <si>
    <t>386713.0</t>
  </si>
  <si>
    <t>3222213.0</t>
  </si>
  <si>
    <t>5040.055</t>
  </si>
  <si>
    <t>668676.0</t>
  </si>
  <si>
    <t>387291.0</t>
  </si>
  <si>
    <t>3229407.0</t>
  </si>
  <si>
    <t>5051.308</t>
  </si>
  <si>
    <t>11.253</t>
  </si>
  <si>
    <t>673011.0</t>
  </si>
  <si>
    <t>387907.0</t>
  </si>
  <si>
    <t>103.92</t>
  </si>
  <si>
    <t>3239247.0</t>
  </si>
  <si>
    <t>5066.699</t>
  </si>
  <si>
    <t>9.967</t>
  </si>
  <si>
    <t>678160.0</t>
  </si>
  <si>
    <t>388646.0</t>
  </si>
  <si>
    <t>3245748.0</t>
  </si>
  <si>
    <t>5076.867</t>
  </si>
  <si>
    <t>9.784</t>
  </si>
  <si>
    <t>683656.0</t>
  </si>
  <si>
    <t>389535.0</t>
  </si>
  <si>
    <t>3246061.0</t>
  </si>
  <si>
    <t>5077.357</t>
  </si>
  <si>
    <t>683658.0</t>
  </si>
  <si>
    <t>389536.0</t>
  </si>
  <si>
    <t>20.846169168979</t>
  </si>
  <si>
    <t>3252123.0</t>
  </si>
  <si>
    <t>5086.839</t>
  </si>
  <si>
    <t>689745.0</t>
  </si>
  <si>
    <t>390299.0</t>
  </si>
  <si>
    <t>3258272.0</t>
  </si>
  <si>
    <t>5096.457</t>
  </si>
  <si>
    <t>694777.0</t>
  </si>
  <si>
    <t>390762.0</t>
  </si>
  <si>
    <t>3265463.0</t>
  </si>
  <si>
    <t>5107.705</t>
  </si>
  <si>
    <t>11.248</t>
  </si>
  <si>
    <t>9.665</t>
  </si>
  <si>
    <t>698210.0</t>
  </si>
  <si>
    <t>391429.0</t>
  </si>
  <si>
    <t>3274591.0</t>
  </si>
  <si>
    <t>5121.983</t>
  </si>
  <si>
    <t>14.278</t>
  </si>
  <si>
    <t>701978.0</t>
  </si>
  <si>
    <t>392083.0</t>
  </si>
  <si>
    <t>3284962.0</t>
  </si>
  <si>
    <t>5138.204</t>
  </si>
  <si>
    <t>16.222</t>
  </si>
  <si>
    <t>705716.0</t>
  </si>
  <si>
    <t>3292010.0</t>
  </si>
  <si>
    <t>5149.229</t>
  </si>
  <si>
    <t>11.024</t>
  </si>
  <si>
    <t>710388.0</t>
  </si>
  <si>
    <t>393365.0</t>
  </si>
  <si>
    <t>3292305.0</t>
  </si>
  <si>
    <t>5149.69</t>
  </si>
  <si>
    <t>-22.42</t>
  </si>
  <si>
    <t>-7.72080339591817</t>
  </si>
  <si>
    <t>3298673.0</t>
  </si>
  <si>
    <t>5159.651</t>
  </si>
  <si>
    <t>9.961</t>
  </si>
  <si>
    <t>10.402</t>
  </si>
  <si>
    <t>714991.0</t>
  </si>
  <si>
    <t>393956.0</t>
  </si>
  <si>
    <t>3303855.0</t>
  </si>
  <si>
    <t>5167.756</t>
  </si>
  <si>
    <t>8.105</t>
  </si>
  <si>
    <t>10.186</t>
  </si>
  <si>
    <t>719324.0</t>
  </si>
  <si>
    <t>394478.0</t>
  </si>
  <si>
    <t>3309251.0</t>
  </si>
  <si>
    <t>5176.196</t>
  </si>
  <si>
    <t>722873.0</t>
  </si>
  <si>
    <t>394935.0</t>
  </si>
  <si>
    <t>3314726.0</t>
  </si>
  <si>
    <t>5184.76</t>
  </si>
  <si>
    <t>726037.0</t>
  </si>
  <si>
    <t>395432.0</t>
  </si>
  <si>
    <t>3323060.0</t>
  </si>
  <si>
    <t>5197.796</t>
  </si>
  <si>
    <t>729101.0</t>
  </si>
  <si>
    <t>3328066.0</t>
  </si>
  <si>
    <t>5205.626</t>
  </si>
  <si>
    <t>732593.0</t>
  </si>
  <si>
    <t>396668.0</t>
  </si>
  <si>
    <t>113.12</t>
  </si>
  <si>
    <t>3328329.0</t>
  </si>
  <si>
    <t>5206.037</t>
  </si>
  <si>
    <t>732631.0</t>
  </si>
  <si>
    <t>396706.0</t>
  </si>
  <si>
    <t>-12.7</t>
  </si>
  <si>
    <t>-9.31</t>
  </si>
  <si>
    <t>-19.6108406256321</t>
  </si>
  <si>
    <t>3332635.0</t>
  </si>
  <si>
    <t>5212.773</t>
  </si>
  <si>
    <t>735461.0</t>
  </si>
  <si>
    <t>397165.0</t>
  </si>
  <si>
    <t>3337686.0</t>
  </si>
  <si>
    <t>5220.673</t>
  </si>
  <si>
    <t>737836.0</t>
  </si>
  <si>
    <t>397575.0</t>
  </si>
  <si>
    <t>113.93</t>
  </si>
  <si>
    <t>3340973.0</t>
  </si>
  <si>
    <t>5225.815</t>
  </si>
  <si>
    <t>7.089</t>
  </si>
  <si>
    <t>740023.0</t>
  </si>
  <si>
    <t>398055.0</t>
  </si>
  <si>
    <t>3347110.0</t>
  </si>
  <si>
    <t>5235.414</t>
  </si>
  <si>
    <t>741728.0</t>
  </si>
  <si>
    <t>398502.0</t>
  </si>
  <si>
    <t>3352985.0</t>
  </si>
  <si>
    <t>5244.603</t>
  </si>
  <si>
    <t>743512.0</t>
  </si>
  <si>
    <t>398932.0</t>
  </si>
  <si>
    <t>3357290.0</t>
  </si>
  <si>
    <t>5251.337</t>
  </si>
  <si>
    <t>745555.0</t>
  </si>
  <si>
    <t>399369.0</t>
  </si>
  <si>
    <t>3357570.0</t>
  </si>
  <si>
    <t>5251.775</t>
  </si>
  <si>
    <t>-8.87</t>
  </si>
  <si>
    <t>-30.8832135836727</t>
  </si>
  <si>
    <t>3363434.0</t>
  </si>
  <si>
    <t>5260.947</t>
  </si>
  <si>
    <t>9.172</t>
  </si>
  <si>
    <t>747087.0</t>
  </si>
  <si>
    <t>399708.0</t>
  </si>
  <si>
    <t>115.36</t>
  </si>
  <si>
    <t>3367712.0</t>
  </si>
  <si>
    <t>5267.639</t>
  </si>
  <si>
    <t>748547.0</t>
  </si>
  <si>
    <t>400298.0</t>
  </si>
  <si>
    <t>3371414.0</t>
  </si>
  <si>
    <t>5273.429</t>
  </si>
  <si>
    <t>749769.0</t>
  </si>
  <si>
    <t>400917.0</t>
  </si>
  <si>
    <t>3375726.0</t>
  </si>
  <si>
    <t>5280.174</t>
  </si>
  <si>
    <t>751037.0</t>
  </si>
  <si>
    <t>401557.0</t>
  </si>
  <si>
    <t>115.97</t>
  </si>
  <si>
    <t>3381745.0</t>
  </si>
  <si>
    <t>5289.588</t>
  </si>
  <si>
    <t>752320.0</t>
  </si>
  <si>
    <t>402171.0</t>
  </si>
  <si>
    <t>3385327.0</t>
  </si>
  <si>
    <t>5295.191</t>
  </si>
  <si>
    <t>753569.0</t>
  </si>
  <si>
    <t>402618.0</t>
  </si>
  <si>
    <t>3385676.0</t>
  </si>
  <si>
    <t>5295.737</t>
  </si>
  <si>
    <t>753674.0</t>
  </si>
  <si>
    <t>402717.0</t>
  </si>
  <si>
    <t>-38.7</t>
  </si>
  <si>
    <t>-22.89</t>
  </si>
  <si>
    <t>-59.7590182844066</t>
  </si>
  <si>
    <t>3390791.0</t>
  </si>
  <si>
    <t>5303.738</t>
  </si>
  <si>
    <t>8.001</t>
  </si>
  <si>
    <t>754705.0</t>
  </si>
  <si>
    <t>402978.0</t>
  </si>
  <si>
    <t>3394913.0</t>
  </si>
  <si>
    <t>5310.185</t>
  </si>
  <si>
    <t>756029.0</t>
  </si>
  <si>
    <t>403620.0</t>
  </si>
  <si>
    <t>3398866.0</t>
  </si>
  <si>
    <t>5316.368</t>
  </si>
  <si>
    <t>404116.0</t>
  </si>
  <si>
    <t>116.92</t>
  </si>
  <si>
    <t>3403332.0</t>
  </si>
  <si>
    <t>5323.354</t>
  </si>
  <si>
    <t>6.986</t>
  </si>
  <si>
    <t>6.169</t>
  </si>
  <si>
    <t>758186.0</t>
  </si>
  <si>
    <t>404555.0</t>
  </si>
  <si>
    <t>3409371.0</t>
  </si>
  <si>
    <t>5332.8</t>
  </si>
  <si>
    <t>759485.0</t>
  </si>
  <si>
    <t>405148.0</t>
  </si>
  <si>
    <t>3412823.0</t>
  </si>
  <si>
    <t>5338.199</t>
  </si>
  <si>
    <t>405654.0</t>
  </si>
  <si>
    <t>117.45</t>
  </si>
  <si>
    <t>3413024.0</t>
  </si>
  <si>
    <t>5338.514</t>
  </si>
  <si>
    <t>-64.2370842540391</t>
  </si>
  <si>
    <t>3418459.0</t>
  </si>
  <si>
    <t>5347.015</t>
  </si>
  <si>
    <t>761701.0</t>
  </si>
  <si>
    <t>406114.0</t>
  </si>
  <si>
    <t>3423416.0</t>
  </si>
  <si>
    <t>5354.769</t>
  </si>
  <si>
    <t>763064.0</t>
  </si>
  <si>
    <t>3428064.0</t>
  </si>
  <si>
    <t>5362.039</t>
  </si>
  <si>
    <t>764071.0</t>
  </si>
  <si>
    <t>407210.0</t>
  </si>
  <si>
    <t>3432771.0</t>
  </si>
  <si>
    <t>5369.401</t>
  </si>
  <si>
    <t>765135.0</t>
  </si>
  <si>
    <t>407722.0</t>
  </si>
  <si>
    <t>3438719.0</t>
  </si>
  <si>
    <t>5378.705</t>
  </si>
  <si>
    <t>9.304</t>
  </si>
  <si>
    <t>766422.0</t>
  </si>
  <si>
    <t>408409.0</t>
  </si>
  <si>
    <t>3441860.0</t>
  </si>
  <si>
    <t>5383.618</t>
  </si>
  <si>
    <t>767276.0</t>
  </si>
  <si>
    <t>408821.0</t>
  </si>
  <si>
    <t>3442080.0</t>
  </si>
  <si>
    <t>5383.962</t>
  </si>
  <si>
    <t>767365.0</t>
  </si>
  <si>
    <t>408902.0</t>
  </si>
  <si>
    <t>-63.773836050284</t>
  </si>
  <si>
    <t>3448101.0</t>
  </si>
  <si>
    <t>5393.38</t>
  </si>
  <si>
    <t>768263.0</t>
  </si>
  <si>
    <t>409328.0</t>
  </si>
  <si>
    <t>118.63</t>
  </si>
  <si>
    <t>3452411.0</t>
  </si>
  <si>
    <t>5400.121</t>
  </si>
  <si>
    <t>6.479</t>
  </si>
  <si>
    <t>769419.0</t>
  </si>
  <si>
    <t>409985.0</t>
  </si>
  <si>
    <t>3456018.0</t>
  </si>
  <si>
    <t>5405.763</t>
  </si>
  <si>
    <t>6.246</t>
  </si>
  <si>
    <t>770288.0</t>
  </si>
  <si>
    <t>410438.0</t>
  </si>
  <si>
    <t>3461033.0</t>
  </si>
  <si>
    <t>5413.608</t>
  </si>
  <si>
    <t>7.844</t>
  </si>
  <si>
    <t>6.315</t>
  </si>
  <si>
    <t>771252.0</t>
  </si>
  <si>
    <t>411015.0</t>
  </si>
  <si>
    <t>3467511.0</t>
  </si>
  <si>
    <t>5423.74</t>
  </si>
  <si>
    <t>772384.0</t>
  </si>
  <si>
    <t>411681.0</t>
  </si>
  <si>
    <t>3471115.0</t>
  </si>
  <si>
    <t>5429.377</t>
  </si>
  <si>
    <t>773378.0</t>
  </si>
  <si>
    <t>412286.0</t>
  </si>
  <si>
    <t>3471712.0</t>
  </si>
  <si>
    <t>5430.311</t>
  </si>
  <si>
    <t>773412.0</t>
  </si>
  <si>
    <t>412312.0</t>
  </si>
  <si>
    <t>-33.0</t>
  </si>
  <si>
    <t>-50.9573024130599</t>
  </si>
  <si>
    <t>3479317.0</t>
  </si>
  <si>
    <t>5442.207</t>
  </si>
  <si>
    <t>11.895</t>
  </si>
  <si>
    <t>773492.0</t>
  </si>
  <si>
    <t>412373.0</t>
  </si>
  <si>
    <t>3486674.0</t>
  </si>
  <si>
    <t>5453.714</t>
  </si>
  <si>
    <t>11.508</t>
  </si>
  <si>
    <t>775075.0</t>
  </si>
  <si>
    <t>413187.0</t>
  </si>
  <si>
    <t>3493074.0</t>
  </si>
  <si>
    <t>5463.725</t>
  </si>
  <si>
    <t>10.011</t>
  </si>
  <si>
    <t>775988.0</t>
  </si>
  <si>
    <t>3497369.0</t>
  </si>
  <si>
    <t>5470.443</t>
  </si>
  <si>
    <t>776945.0</t>
  </si>
  <si>
    <t>414077.0</t>
  </si>
  <si>
    <t>3498955.0</t>
  </si>
  <si>
    <t>5472.924</t>
  </si>
  <si>
    <t>778320.0</t>
  </si>
  <si>
    <t>414812.0</t>
  </si>
  <si>
    <t>3500439.0</t>
  </si>
  <si>
    <t>5475.245</t>
  </si>
  <si>
    <t>778690.0</t>
  </si>
  <si>
    <t>415111.0</t>
  </si>
  <si>
    <t>3500704.0</t>
  </si>
  <si>
    <t>5475.659</t>
  </si>
  <si>
    <t>778809.0</t>
  </si>
  <si>
    <t>415213.0</t>
  </si>
  <si>
    <t>-42.5</t>
  </si>
  <si>
    <t>-11.66</t>
  </si>
  <si>
    <t>-65.6268288653044</t>
  </si>
  <si>
    <t>3502396.0</t>
  </si>
  <si>
    <t>5478.306</t>
  </si>
  <si>
    <t>778952.0</t>
  </si>
  <si>
    <t>415330.0</t>
  </si>
  <si>
    <t>3504485.0</t>
  </si>
  <si>
    <t>5481.573</t>
  </si>
  <si>
    <t>780297.0</t>
  </si>
  <si>
    <t>415875.0</t>
  </si>
  <si>
    <t>3506783.0</t>
  </si>
  <si>
    <t>5485.168</t>
  </si>
  <si>
    <t>781022.0</t>
  </si>
  <si>
    <t>416208.0</t>
  </si>
  <si>
    <t>3508886.0</t>
  </si>
  <si>
    <t>5488.457</t>
  </si>
  <si>
    <t>781722.0</t>
  </si>
  <si>
    <t>416547.0</t>
  </si>
  <si>
    <t>3511385.0</t>
  </si>
  <si>
    <t>5492.366</t>
  </si>
  <si>
    <t>782724.0</t>
  </si>
  <si>
    <t>417013.0</t>
  </si>
  <si>
    <t>120.87</t>
  </si>
  <si>
    <t>3513556.0</t>
  </si>
  <si>
    <t>5495.762</t>
  </si>
  <si>
    <t>783655.0</t>
  </si>
  <si>
    <t>417410.0</t>
  </si>
  <si>
    <t>3513835.0</t>
  </si>
  <si>
    <t>5496.198</t>
  </si>
  <si>
    <t>783739.0</t>
  </si>
  <si>
    <t>417490.0</t>
  </si>
  <si>
    <t>-48.6</t>
  </si>
  <si>
    <t>-8.12</t>
  </si>
  <si>
    <t>-75.0462090083246</t>
  </si>
  <si>
    <t>3515588.0</t>
  </si>
  <si>
    <t>5498.94</t>
  </si>
  <si>
    <t>784451.0</t>
  </si>
  <si>
    <t>417579.0</t>
  </si>
  <si>
    <t>3518609.0</t>
  </si>
  <si>
    <t>5503.666</t>
  </si>
  <si>
    <t>786668.0</t>
  </si>
  <si>
    <t>418042.0</t>
  </si>
  <si>
    <t>121.47</t>
  </si>
  <si>
    <t>3521150.0</t>
  </si>
  <si>
    <t>5507.64</t>
  </si>
  <si>
    <t>788051.0</t>
  </si>
  <si>
    <t>418313.0</t>
  </si>
  <si>
    <t>3523455.0</t>
  </si>
  <si>
    <t>5511.246</t>
  </si>
  <si>
    <t>789517.0</t>
  </si>
  <si>
    <t>418603.0</t>
  </si>
  <si>
    <t>3526326.0</t>
  </si>
  <si>
    <t>5515.736</t>
  </si>
  <si>
    <t>418941.0</t>
  </si>
  <si>
    <t>3528172.0</t>
  </si>
  <si>
    <t>5518.624</t>
  </si>
  <si>
    <t>792358.0</t>
  </si>
  <si>
    <t>3528456.0</t>
  </si>
  <si>
    <t>5519.068</t>
  </si>
  <si>
    <t>792410.0</t>
  </si>
  <si>
    <t>419362.0</t>
  </si>
  <si>
    <t>122.36</t>
  </si>
  <si>
    <t>-47.1</t>
  </si>
  <si>
    <t>-72.7299679895491</t>
  </si>
  <si>
    <t>3530273.0</t>
  </si>
  <si>
    <t>5521.91</t>
  </si>
  <si>
    <t>419394.0</t>
  </si>
  <si>
    <t>3532727.0</t>
  </si>
  <si>
    <t>5525.748</t>
  </si>
  <si>
    <t>794356.0</t>
  </si>
  <si>
    <t>419806.0</t>
  </si>
  <si>
    <t>3535480.0</t>
  </si>
  <si>
    <t>5530.055</t>
  </si>
  <si>
    <t>795071.0</t>
  </si>
  <si>
    <t>420028.0</t>
  </si>
  <si>
    <t>3539195.0</t>
  </si>
  <si>
    <t>5535.865</t>
  </si>
  <si>
    <t>5.811</t>
  </si>
  <si>
    <t>795915.0</t>
  </si>
  <si>
    <t>420272.0</t>
  </si>
  <si>
    <t>3541875.0</t>
  </si>
  <si>
    <t>5540.057</t>
  </si>
  <si>
    <t>797277.0</t>
  </si>
  <si>
    <t>420849.0</t>
  </si>
  <si>
    <t>3543752.0</t>
  </si>
  <si>
    <t>5542.993</t>
  </si>
  <si>
    <t>798256.0</t>
  </si>
  <si>
    <t>421248.0</t>
  </si>
  <si>
    <t>3544000.0</t>
  </si>
  <si>
    <t>5543.381</t>
  </si>
  <si>
    <t>798262.0</t>
  </si>
  <si>
    <t>421251.0</t>
  </si>
  <si>
    <t>-57.1339451297944</t>
  </si>
  <si>
    <t>3546248.0</t>
  </si>
  <si>
    <t>5546.897</t>
  </si>
  <si>
    <t>798345.0</t>
  </si>
  <si>
    <t>421275.0</t>
  </si>
  <si>
    <t>3549321.0</t>
  </si>
  <si>
    <t>5551.704</t>
  </si>
  <si>
    <t>800148.0</t>
  </si>
  <si>
    <t>421970.0</t>
  </si>
  <si>
    <t>3552159.0</t>
  </si>
  <si>
    <t>5556.143</t>
  </si>
  <si>
    <t>801234.0</t>
  </si>
  <si>
    <t>422417.0</t>
  </si>
  <si>
    <t>3554711.0</t>
  </si>
  <si>
    <t>5560.135</t>
  </si>
  <si>
    <t>802486.0</t>
  </si>
  <si>
    <t>422901.0</t>
  </si>
  <si>
    <t>3557880.0</t>
  </si>
  <si>
    <t>5565.092</t>
  </si>
  <si>
    <t>803921.0</t>
  </si>
  <si>
    <t>3560203.0</t>
  </si>
  <si>
    <t>5568.725</t>
  </si>
  <si>
    <t>805325.0</t>
  </si>
  <si>
    <t>124.36</t>
  </si>
  <si>
    <t>3560481.0</t>
  </si>
  <si>
    <t>5569.16</t>
  </si>
  <si>
    <t>-62.5</t>
  </si>
  <si>
    <t>-27.57</t>
  </si>
  <si>
    <t>-96.5100424489771</t>
  </si>
  <si>
    <t>3562676.0</t>
  </si>
  <si>
    <t>5572.593</t>
  </si>
  <si>
    <t>806683.0</t>
  </si>
  <si>
    <t>425181.0</t>
  </si>
  <si>
    <t>3565962.0</t>
  </si>
  <si>
    <t>5577.733</t>
  </si>
  <si>
    <t>808483.0</t>
  </si>
  <si>
    <t>425908.0</t>
  </si>
  <si>
    <t>3568570.0</t>
  </si>
  <si>
    <t>5581.813</t>
  </si>
  <si>
    <t>810481.0</t>
  </si>
  <si>
    <t>426881.0</t>
  </si>
  <si>
    <t>3571322.0</t>
  </si>
  <si>
    <t>5586.117</t>
  </si>
  <si>
    <t>812252.0</t>
  </si>
  <si>
    <t>427564.0</t>
  </si>
  <si>
    <t>3574873.0</t>
  </si>
  <si>
    <t>5591.671</t>
  </si>
  <si>
    <t>5.554</t>
  </si>
  <si>
    <t>814632.0</t>
  </si>
  <si>
    <t>428459.0</t>
  </si>
  <si>
    <t>3576839.0</t>
  </si>
  <si>
    <t>5594.747</t>
  </si>
  <si>
    <t>815914.0</t>
  </si>
  <si>
    <t>428998.0</t>
  </si>
  <si>
    <t>3577235.0</t>
  </si>
  <si>
    <t>5595.366</t>
  </si>
  <si>
    <t>815951.0</t>
  </si>
  <si>
    <t>429002.0</t>
  </si>
  <si>
    <t>-66.0</t>
  </si>
  <si>
    <t>-101.91460482612</t>
  </si>
  <si>
    <t>3579925.0</t>
  </si>
  <si>
    <t>5599.574</t>
  </si>
  <si>
    <t>817462.0</t>
  </si>
  <si>
    <t>429790.0</t>
  </si>
  <si>
    <t>3583675.0</t>
  </si>
  <si>
    <t>5605.439</t>
  </si>
  <si>
    <t>820681.0</t>
  </si>
  <si>
    <t>430653.0</t>
  </si>
  <si>
    <t>3586966.0</t>
  </si>
  <si>
    <t>5610.587</t>
  </si>
  <si>
    <t>823763.0</t>
  </si>
  <si>
    <t>431422.0</t>
  </si>
  <si>
    <t>3590979.0</t>
  </si>
  <si>
    <t>5616.864</t>
  </si>
  <si>
    <t>826582.0</t>
  </si>
  <si>
    <t>432246.0</t>
  </si>
  <si>
    <t>3594593.0</t>
  </si>
  <si>
    <t>5622.517</t>
  </si>
  <si>
    <t>829715.0</t>
  </si>
  <si>
    <t>433110.0</t>
  </si>
  <si>
    <t>128.12</t>
  </si>
  <si>
    <t>3597347.0</t>
  </si>
  <si>
    <t>5626.824</t>
  </si>
  <si>
    <t>433770.0</t>
  </si>
  <si>
    <t>3597888.0</t>
  </si>
  <si>
    <t>5627.671</t>
  </si>
  <si>
    <t>-35.1</t>
  </si>
  <si>
    <t>-54.2000398393455</t>
  </si>
  <si>
    <t>3598327.0</t>
  </si>
  <si>
    <t>5628.357</t>
  </si>
  <si>
    <t>831787.0</t>
  </si>
  <si>
    <t>3600581.0</t>
  </si>
  <si>
    <t>5631.883</t>
  </si>
  <si>
    <t>835381.0</t>
  </si>
  <si>
    <t>3605150.0</t>
  </si>
  <si>
    <t>5639.03</t>
  </si>
  <si>
    <t>838300.0</t>
  </si>
  <si>
    <t>435536.0</t>
  </si>
  <si>
    <t>3608283.0</t>
  </si>
  <si>
    <t>5643.93</t>
  </si>
  <si>
    <t>840994.0</t>
  </si>
  <si>
    <t>3611978.0</t>
  </si>
  <si>
    <t>5649.71</t>
  </si>
  <si>
    <t>843871.0</t>
  </si>
  <si>
    <t>437037.0</t>
  </si>
  <si>
    <t>28724.0</t>
  </si>
  <si>
    <t>3614580.0</t>
  </si>
  <si>
    <t>5653.78</t>
  </si>
  <si>
    <t>845631.0</t>
  </si>
  <si>
    <t>437533.0</t>
  </si>
  <si>
    <t>3615204.0</t>
  </si>
  <si>
    <t>5654.756</t>
  </si>
  <si>
    <t>845655.0</t>
  </si>
  <si>
    <t>-26.0</t>
  </si>
  <si>
    <t>-40.1481776587745</t>
  </si>
  <si>
    <t>3617844.0</t>
  </si>
  <si>
    <t>5658.885</t>
  </si>
  <si>
    <t>847196.0</t>
  </si>
  <si>
    <t>438053.0</t>
  </si>
  <si>
    <t>30554.0</t>
  </si>
  <si>
    <t>3621669.0</t>
  </si>
  <si>
    <t>5664.868</t>
  </si>
  <si>
    <t>850019.0</t>
  </si>
  <si>
    <t>438797.0</t>
  </si>
  <si>
    <t>3624889.0</t>
  </si>
  <si>
    <t>5669.904</t>
  </si>
  <si>
    <t>852207.0</t>
  </si>
  <si>
    <t>439276.0</t>
  </si>
  <si>
    <t>3628038.0</t>
  </si>
  <si>
    <t>5674.83</t>
  </si>
  <si>
    <t>854550.0</t>
  </si>
  <si>
    <t>439868.0</t>
  </si>
  <si>
    <t>3630988.0</t>
  </si>
  <si>
    <t>5679.444</t>
  </si>
  <si>
    <t>857078.0</t>
  </si>
  <si>
    <t>440497.0</t>
  </si>
  <si>
    <t>36254.0</t>
  </si>
  <si>
    <t>3633479.0</t>
  </si>
  <si>
    <t>5683.341</t>
  </si>
  <si>
    <t>859153.0</t>
  </si>
  <si>
    <t>440939.0</t>
  </si>
  <si>
    <t>3634134.0</t>
  </si>
  <si>
    <t>5684.365</t>
  </si>
  <si>
    <t>859158.0</t>
  </si>
  <si>
    <t>440941.0</t>
  </si>
  <si>
    <t>37235.0</t>
  </si>
  <si>
    <t>-24.243322663183</t>
  </si>
  <si>
    <t>3636681.0</t>
  </si>
  <si>
    <t>5688.349</t>
  </si>
  <si>
    <t>441456.0</t>
  </si>
  <si>
    <t>38239.0</t>
  </si>
  <si>
    <t>3641295.0</t>
  </si>
  <si>
    <t>5695.566</t>
  </si>
  <si>
    <t>864100.0</t>
  </si>
  <si>
    <t>442013.0</t>
  </si>
  <si>
    <t>3645573.0</t>
  </si>
  <si>
    <t>5702.258</t>
  </si>
  <si>
    <t>866968.0</t>
  </si>
  <si>
    <t>442450.0</t>
  </si>
  <si>
    <t>3649552.0</t>
  </si>
  <si>
    <t>5708.481</t>
  </si>
  <si>
    <t>870210.0</t>
  </si>
  <si>
    <t>442911.0</t>
  </si>
  <si>
    <t>3653843.0</t>
  </si>
  <si>
    <t>5715.193</t>
  </si>
  <si>
    <t>874558.0</t>
  </si>
  <si>
    <t>443439.0</t>
  </si>
  <si>
    <t>46642.0</t>
  </si>
  <si>
    <t>3656899.0</t>
  </si>
  <si>
    <t>5719.973</t>
  </si>
  <si>
    <t>877277.0</t>
  </si>
  <si>
    <t>443867.0</t>
  </si>
  <si>
    <t>48382.0</t>
  </si>
  <si>
    <t>3657676.0</t>
  </si>
  <si>
    <t>5721.189</t>
  </si>
  <si>
    <t>877301.0</t>
  </si>
  <si>
    <t>443869.0</t>
  </si>
  <si>
    <t>48403.0</t>
  </si>
  <si>
    <t>-13.6</t>
  </si>
  <si>
    <t>-21.0005852368974</t>
  </si>
  <si>
    <t>3660589.0</t>
  </si>
  <si>
    <t>5725.745</t>
  </si>
  <si>
    <t>880372.0</t>
  </si>
  <si>
    <t>444229.0</t>
  </si>
  <si>
    <t>3665369.0</t>
  </si>
  <si>
    <t>5733.222</t>
  </si>
  <si>
    <t>3670798.0</t>
  </si>
  <si>
    <t>5741.713</t>
  </si>
  <si>
    <t>890520.0</t>
  </si>
  <si>
    <t>445084.0</t>
  </si>
  <si>
    <t>58241.0</t>
  </si>
  <si>
    <t>3675197.0</t>
  </si>
  <si>
    <t>5748.594</t>
  </si>
  <si>
    <t>895637.0</t>
  </si>
  <si>
    <t>445494.0</t>
  </si>
  <si>
    <t>62180.0</t>
  </si>
  <si>
    <t>138.3</t>
  </si>
  <si>
    <t>3680482.0</t>
  </si>
  <si>
    <t>5756.861</t>
  </si>
  <si>
    <t>901140.0</t>
  </si>
  <si>
    <t>445845.0</t>
  </si>
  <si>
    <t>3684503.0</t>
  </si>
  <si>
    <t>5763.15</t>
  </si>
  <si>
    <t>903991.0</t>
  </si>
  <si>
    <t>446138.0</t>
  </si>
  <si>
    <t>68483.0</t>
  </si>
  <si>
    <t>3685116.0</t>
  </si>
  <si>
    <t>5764.109</t>
  </si>
  <si>
    <t>904016.0</t>
  </si>
  <si>
    <t>446139.0</t>
  </si>
  <si>
    <t>68506.0</t>
  </si>
  <si>
    <t>-9.72821227885689</t>
  </si>
  <si>
    <t>3688042.0</t>
  </si>
  <si>
    <t>5768.686</t>
  </si>
  <si>
    <t>3693804.0</t>
  </si>
  <si>
    <t>5777.699</t>
  </si>
  <si>
    <t>9.013</t>
  </si>
  <si>
    <t>914446.0</t>
  </si>
  <si>
    <t>446868.0</t>
  </si>
  <si>
    <t>3699555.0</t>
  </si>
  <si>
    <t>5786.694</t>
  </si>
  <si>
    <t>8.995</t>
  </si>
  <si>
    <t>920507.0</t>
  </si>
  <si>
    <t>447618.0</t>
  </si>
  <si>
    <t>81906.0</t>
  </si>
  <si>
    <t>3704566.0</t>
  </si>
  <si>
    <t>5794.532</t>
  </si>
  <si>
    <t>926629.0</t>
  </si>
  <si>
    <t>448324.0</t>
  </si>
  <si>
    <t>3710211.0</t>
  </si>
  <si>
    <t>5803.362</t>
  </si>
  <si>
    <t>933307.0</t>
  </si>
  <si>
    <t>449049.0</t>
  </si>
  <si>
    <t>144.12</t>
  </si>
  <si>
    <t>3714451.0</t>
  </si>
  <si>
    <t>5809.994</t>
  </si>
  <si>
    <t>936943.0</t>
  </si>
  <si>
    <t>449661.0</t>
  </si>
  <si>
    <t>94462.0</t>
  </si>
  <si>
    <t>144.68</t>
  </si>
  <si>
    <t>3715391.0</t>
  </si>
  <si>
    <t>5811.464</t>
  </si>
  <si>
    <t>937039.0</t>
  </si>
  <si>
    <t>449666.0</t>
  </si>
  <si>
    <t>94549.0</t>
  </si>
  <si>
    <t>25.941899410285</t>
  </si>
  <si>
    <t>3718417.0</t>
  </si>
  <si>
    <t>5816.197</t>
  </si>
  <si>
    <t>940952.0</t>
  </si>
  <si>
    <t>450349.0</t>
  </si>
  <si>
    <t>97254.0</t>
  </si>
  <si>
    <t>3723849.0</t>
  </si>
  <si>
    <t>5824.694</t>
  </si>
  <si>
    <t>947519.0</t>
  </si>
  <si>
    <t>451237.0</t>
  </si>
  <si>
    <t>102228.0</t>
  </si>
  <si>
    <t>5834.97</t>
  </si>
  <si>
    <t>10.277</t>
  </si>
  <si>
    <t>954244.0</t>
  </si>
  <si>
    <t>451947.0</t>
  </si>
  <si>
    <t>107760.0</t>
  </si>
  <si>
    <t>147.35</t>
  </si>
  <si>
    <t>3735044.0</t>
  </si>
  <si>
    <t>5842.204</t>
  </si>
  <si>
    <t>960790.0</t>
  </si>
  <si>
    <t>452727.0</t>
  </si>
  <si>
    <t>113055.0</t>
  </si>
  <si>
    <t>3741190.0</t>
  </si>
  <si>
    <t>5851.818</t>
  </si>
  <si>
    <t>968439.0</t>
  </si>
  <si>
    <t>453599.0</t>
  </si>
  <si>
    <t>119236.0</t>
  </si>
  <si>
    <t>3745182.0</t>
  </si>
  <si>
    <t>5858.062</t>
  </si>
  <si>
    <t>972697.0</t>
  </si>
  <si>
    <t>454247.0</t>
  </si>
  <si>
    <t>122410.0</t>
  </si>
  <si>
    <t>3745927.0</t>
  </si>
  <si>
    <t>5859.227</t>
  </si>
  <si>
    <t>973195.0</t>
  </si>
  <si>
    <t>454369.0</t>
  </si>
  <si>
    <t>122767.0</t>
  </si>
  <si>
    <t>31.6552939232645</t>
  </si>
  <si>
    <t>3748800.0</t>
  </si>
  <si>
    <t>5863.721</t>
  </si>
  <si>
    <t>977083.0</t>
  </si>
  <si>
    <t>454942.0</t>
  </si>
  <si>
    <t>3754747.0</t>
  </si>
  <si>
    <t>5873.023</t>
  </si>
  <si>
    <t>984153.0</t>
  </si>
  <si>
    <t>455614.0</t>
  </si>
  <si>
    <t>131426.0</t>
  </si>
  <si>
    <t>3760256.0</t>
  </si>
  <si>
    <t>5881.64</t>
  </si>
  <si>
    <t>992177.0</t>
  </si>
  <si>
    <t>456303.0</t>
  </si>
  <si>
    <t>138322.0</t>
  </si>
  <si>
    <t>3765020.0</t>
  </si>
  <si>
    <t>5889.092</t>
  </si>
  <si>
    <t>1000615.0</t>
  </si>
  <si>
    <t>145662.0</t>
  </si>
  <si>
    <t>3771044.0</t>
  </si>
  <si>
    <t>5898.514</t>
  </si>
  <si>
    <t>9.422</t>
  </si>
  <si>
    <t>6.671</t>
  </si>
  <si>
    <t>1009471.0</t>
  </si>
  <si>
    <t>457774.0</t>
  </si>
  <si>
    <t>3775733.0</t>
  </si>
  <si>
    <t>5905.849</t>
  </si>
  <si>
    <t>1013816.0</t>
  </si>
  <si>
    <t>458349.0</t>
  </si>
  <si>
    <t>156508.0</t>
  </si>
  <si>
    <t>156.55</t>
  </si>
  <si>
    <t>3776849.0</t>
  </si>
  <si>
    <t>5907.594</t>
  </si>
  <si>
    <t>1013953.0</t>
  </si>
  <si>
    <t>458357.0</t>
  </si>
  <si>
    <t>156634.0</t>
  </si>
  <si>
    <t>29.339052904489</t>
  </si>
  <si>
    <t>3780045.0</t>
  </si>
  <si>
    <t>5912.593</t>
  </si>
  <si>
    <t>1018297.0</t>
  </si>
  <si>
    <t>458934.0</t>
  </si>
  <si>
    <t>160032.0</t>
  </si>
  <si>
    <t>3785578.0</t>
  </si>
  <si>
    <t>5921.248</t>
  </si>
  <si>
    <t>1026369.0</t>
  </si>
  <si>
    <t>459748.0</t>
  </si>
  <si>
    <t>166808.0</t>
  </si>
  <si>
    <t>3790729.0</t>
  </si>
  <si>
    <t>5929.305</t>
  </si>
  <si>
    <t>1034024.0</t>
  </si>
  <si>
    <t>460261.0</t>
  </si>
  <si>
    <t>159.67</t>
  </si>
  <si>
    <t>3795694.0</t>
  </si>
  <si>
    <t>5937.071</t>
  </si>
  <si>
    <t>1041580.0</t>
  </si>
  <si>
    <t>460972.0</t>
  </si>
  <si>
    <t>179989.0</t>
  </si>
  <si>
    <t>3800700.0</t>
  </si>
  <si>
    <t>5944.901</t>
  </si>
  <si>
    <t>6.627</t>
  </si>
  <si>
    <t>1045418.0</t>
  </si>
  <si>
    <t>461297.0</t>
  </si>
  <si>
    <t>183321.0</t>
  </si>
  <si>
    <t>3801518.0</t>
  </si>
  <si>
    <t>5946.18</t>
  </si>
  <si>
    <t>1045435.0</t>
  </si>
  <si>
    <t>183335.0</t>
  </si>
  <si>
    <t>3801920.0</t>
  </si>
  <si>
    <t>5946.809</t>
  </si>
  <si>
    <t>1045497.0</t>
  </si>
  <si>
    <t>183394.0</t>
  </si>
  <si>
    <t>56.3618647902026</t>
  </si>
  <si>
    <t>3804906.0</t>
  </si>
  <si>
    <t>5951.48</t>
  </si>
  <si>
    <t>4.671</t>
  </si>
  <si>
    <t>1049699.0</t>
  </si>
  <si>
    <t>461786.0</t>
  </si>
  <si>
    <t>186677.0</t>
  </si>
  <si>
    <t>3809402.0</t>
  </si>
  <si>
    <t>5958.512</t>
  </si>
  <si>
    <t>1057562.0</t>
  </si>
  <si>
    <t>462579.0</t>
  </si>
  <si>
    <t>193255.0</t>
  </si>
  <si>
    <t>3813849.0</t>
  </si>
  <si>
    <t>5965.468</t>
  </si>
  <si>
    <t>1065307.0</t>
  </si>
  <si>
    <t>199704.0</t>
  </si>
  <si>
    <t>3818347.0</t>
  </si>
  <si>
    <t>5972.504</t>
  </si>
  <si>
    <t>7.036</t>
  </si>
  <si>
    <t>1072438.0</t>
  </si>
  <si>
    <t>464042.0</t>
  </si>
  <si>
    <t>3823304.0</t>
  </si>
  <si>
    <t>5980.257</t>
  </si>
  <si>
    <t>1076473.0</t>
  </si>
  <si>
    <t>464405.0</t>
  </si>
  <si>
    <t>166.22</t>
  </si>
  <si>
    <t>3824364.0</t>
  </si>
  <si>
    <t>5981.915</t>
  </si>
  <si>
    <t>3824934.0</t>
  </si>
  <si>
    <t>5982.807</t>
  </si>
  <si>
    <t>5.143</t>
  </si>
  <si>
    <t>1076497.0</t>
  </si>
  <si>
    <t>67.3254056124064</t>
  </si>
  <si>
    <t>3828489.0</t>
  </si>
  <si>
    <t>5988.367</t>
  </si>
  <si>
    <t>1080946.0</t>
  </si>
  <si>
    <t>464890.0</t>
  </si>
  <si>
    <t>212151.0</t>
  </si>
  <si>
    <t>166.92</t>
  </si>
  <si>
    <t>3835642.0</t>
  </si>
  <si>
    <t>5999.556</t>
  </si>
  <si>
    <t>11.188</t>
  </si>
  <si>
    <t>1089215.0</t>
  </si>
  <si>
    <t>3841756.0</t>
  </si>
  <si>
    <t>6009.119</t>
  </si>
  <si>
    <t>9.563</t>
  </si>
  <si>
    <t>1097462.0</t>
  </si>
  <si>
    <t>466323.0</t>
  </si>
  <si>
    <t>225504.0</t>
  </si>
  <si>
    <t>169.47</t>
  </si>
  <si>
    <t>3847869.0</t>
  </si>
  <si>
    <t>6018.681</t>
  </si>
  <si>
    <t>9.562</t>
  </si>
  <si>
    <t>1105635.0</t>
  </si>
  <si>
    <t>467040.0</t>
  </si>
  <si>
    <t>232199.0</t>
  </si>
  <si>
    <t>3854584.0</t>
  </si>
  <si>
    <t>6029.184</t>
  </si>
  <si>
    <t>1114339.0</t>
  </si>
  <si>
    <t>467851.0</t>
  </si>
  <si>
    <t>239199.0</t>
  </si>
  <si>
    <t>3859827.0</t>
  </si>
  <si>
    <t>6037.385</t>
  </si>
  <si>
    <t>8.201</t>
  </si>
  <si>
    <t>1118482.0</t>
  </si>
  <si>
    <t>468325.0</t>
  </si>
  <si>
    <t>3861143.0</t>
  </si>
  <si>
    <t>6039.443</t>
  </si>
  <si>
    <t>1118520.0</t>
  </si>
  <si>
    <t>468328.0</t>
  </si>
  <si>
    <t>242282.0</t>
  </si>
  <si>
    <t>69.6416466311819</t>
  </si>
  <si>
    <t>3864993.0</t>
  </si>
  <si>
    <t>6045.465</t>
  </si>
  <si>
    <t>1123504.0</t>
  </si>
  <si>
    <t>468848.0</t>
  </si>
  <si>
    <t>246122.0</t>
  </si>
  <si>
    <t>3871602.0</t>
  </si>
  <si>
    <t>6055.803</t>
  </si>
  <si>
    <t>1132900.0</t>
  </si>
  <si>
    <t>469663.0</t>
  </si>
  <si>
    <t>3879012.0</t>
  </si>
  <si>
    <t>6067.393</t>
  </si>
  <si>
    <t>1142067.0</t>
  </si>
  <si>
    <t>470335.0</t>
  </si>
  <si>
    <t>261795.0</t>
  </si>
  <si>
    <t>176.35</t>
  </si>
  <si>
    <t>3885392.0</t>
  </si>
  <si>
    <t>6077.373</t>
  </si>
  <si>
    <t>9.979</t>
  </si>
  <si>
    <t>1151413.0</t>
  </si>
  <si>
    <t>471179.0</t>
  </si>
  <si>
    <t>269567.0</t>
  </si>
  <si>
    <t>3892367.0</t>
  </si>
  <si>
    <t>6088.283</t>
  </si>
  <si>
    <t>1161306.0</t>
  </si>
  <si>
    <t>471934.0</t>
  </si>
  <si>
    <t>277763.0</t>
  </si>
  <si>
    <t>3897309.0</t>
  </si>
  <si>
    <t>6096.013</t>
  </si>
  <si>
    <t>1165895.0</t>
  </si>
  <si>
    <t>472368.0</t>
  </si>
  <si>
    <t>281377.0</t>
  </si>
  <si>
    <t>180.03</t>
  </si>
  <si>
    <t>3898961.0</t>
  </si>
  <si>
    <t>6098.597</t>
  </si>
  <si>
    <t>1165913.0</t>
  </si>
  <si>
    <t>472370.0</t>
  </si>
  <si>
    <t>281393.0</t>
  </si>
  <si>
    <t>-14.67</t>
  </si>
  <si>
    <t>46.0159882396723</t>
  </si>
  <si>
    <t>3902675.0</t>
  </si>
  <si>
    <t>6104.406</t>
  </si>
  <si>
    <t>1170401.0</t>
  </si>
  <si>
    <t>472699.0</t>
  </si>
  <si>
    <t>284975.0</t>
  </si>
  <si>
    <t>180.73</t>
  </si>
  <si>
    <t>3909641.0</t>
  </si>
  <si>
    <t>6115.302</t>
  </si>
  <si>
    <t>1179018.0</t>
  </si>
  <si>
    <t>473192.0</t>
  </si>
  <si>
    <t>292349.0</t>
  </si>
  <si>
    <t>3919052.0</t>
  </si>
  <si>
    <t>6130.022</t>
  </si>
  <si>
    <t>1186915.0</t>
  </si>
  <si>
    <t>473491.0</t>
  </si>
  <si>
    <t>299445.0</t>
  </si>
  <si>
    <t>183.28</t>
  </si>
  <si>
    <t>3926781.0</t>
  </si>
  <si>
    <t>6142.112</t>
  </si>
  <si>
    <t>12.089</t>
  </si>
  <si>
    <t>9.249</t>
  </si>
  <si>
    <t>1194337.0</t>
  </si>
  <si>
    <t>473860.0</t>
  </si>
  <si>
    <t>305828.0</t>
  </si>
  <si>
    <t>184.42</t>
  </si>
  <si>
    <t>3933408.0</t>
  </si>
  <si>
    <t>6152.477</t>
  </si>
  <si>
    <t>9.171</t>
  </si>
  <si>
    <t>1202367.0</t>
  </si>
  <si>
    <t>474228.0</t>
  </si>
  <si>
    <t>313032.0</t>
  </si>
  <si>
    <t>3940128.0</t>
  </si>
  <si>
    <t>6162.989</t>
  </si>
  <si>
    <t>1206581.0</t>
  </si>
  <si>
    <t>474482.0</t>
  </si>
  <si>
    <t>316861.0</t>
  </si>
  <si>
    <t>3941117.0</t>
  </si>
  <si>
    <t>6164.535</t>
  </si>
  <si>
    <t>-13.49</t>
  </si>
  <si>
    <t>25.7874833423667</t>
  </si>
  <si>
    <t>3945908.0</t>
  </si>
  <si>
    <t>6172.029</t>
  </si>
  <si>
    <t>1209553.0</t>
  </si>
  <si>
    <t>474692.0</t>
  </si>
  <si>
    <t>319206.0</t>
  </si>
  <si>
    <t>186.77</t>
  </si>
  <si>
    <t>3953803.0</t>
  </si>
  <si>
    <t>6184.378</t>
  </si>
  <si>
    <t>1214129.0</t>
  </si>
  <si>
    <t>475030.0</t>
  </si>
  <si>
    <t>322792.0</t>
  </si>
  <si>
    <t>3961503.0</t>
  </si>
  <si>
    <t>6196.422</t>
  </si>
  <si>
    <t>12.044</t>
  </si>
  <si>
    <t>1217665.0</t>
  </si>
  <si>
    <t>475213.0</t>
  </si>
  <si>
    <t>325620.0</t>
  </si>
  <si>
    <t>3968384.0</t>
  </si>
  <si>
    <t>6207.185</t>
  </si>
  <si>
    <t>1221400.0</t>
  </si>
  <si>
    <t>475517.0</t>
  </si>
  <si>
    <t>328405.0</t>
  </si>
  <si>
    <t>3974058.0</t>
  </si>
  <si>
    <t>6216.06</t>
  </si>
  <si>
    <t>1226088.0</t>
  </si>
  <si>
    <t>475776.0</t>
  </si>
  <si>
    <t>332393.0</t>
  </si>
  <si>
    <t>3979541.0</t>
  </si>
  <si>
    <t>6224.637</t>
  </si>
  <si>
    <t>8.806</t>
  </si>
  <si>
    <t>1229186.0</t>
  </si>
  <si>
    <t>475965.0</t>
  </si>
  <si>
    <t>335216.0</t>
  </si>
  <si>
    <t>3980261.0</t>
  </si>
  <si>
    <t>6225.763</t>
  </si>
  <si>
    <t>18.2210960143669</t>
  </si>
  <si>
    <t>3984589.0</t>
  </si>
  <si>
    <t>6232.533</t>
  </si>
  <si>
    <t>1231298.0</t>
  </si>
  <si>
    <t>476091.0</t>
  </si>
  <si>
    <t>336841.0</t>
  </si>
  <si>
    <t>190.13</t>
  </si>
  <si>
    <t>3991395.0</t>
  </si>
  <si>
    <t>6243.178</t>
  </si>
  <si>
    <t>1234205.0</t>
  </si>
  <si>
    <t>476260.0</t>
  </si>
  <si>
    <t>338935.0</t>
  </si>
  <si>
    <t>3997618.0</t>
  </si>
  <si>
    <t>6252.912</t>
  </si>
  <si>
    <t>1236919.0</t>
  </si>
  <si>
    <t>476402.0</t>
  </si>
  <si>
    <t>341021.0</t>
  </si>
  <si>
    <t>4003476.0</t>
  </si>
  <si>
    <t>6262.075</t>
  </si>
  <si>
    <t>1239653.0</t>
  </si>
  <si>
    <t>476606.0</t>
  </si>
  <si>
    <t>343002.0</t>
  </si>
  <si>
    <t>4007927.0</t>
  </si>
  <si>
    <t>6269.037</t>
  </si>
  <si>
    <t>1243180.0</t>
  </si>
  <si>
    <t>476784.0</t>
  </si>
  <si>
    <t>345732.0</t>
  </si>
  <si>
    <t>191.97</t>
  </si>
  <si>
    <t>4011946.0</t>
  </si>
  <si>
    <t>6275.323</t>
  </si>
  <si>
    <t>1245841.0</t>
  </si>
  <si>
    <t>476942.0</t>
  </si>
  <si>
    <t>347818.0</t>
  </si>
  <si>
    <t>4012491.0</t>
  </si>
  <si>
    <t>6276.176</t>
  </si>
  <si>
    <t>0.900000000000002</t>
  </si>
  <si>
    <t>1.38974461126527</t>
  </si>
  <si>
    <t>4016289.0</t>
  </si>
  <si>
    <t>6282.116</t>
  </si>
  <si>
    <t>7.084</t>
  </si>
  <si>
    <t>1247596.0</t>
  </si>
  <si>
    <t>477034.0</t>
  </si>
  <si>
    <t>349078.0</t>
  </si>
  <si>
    <t>4021343.0</t>
  </si>
  <si>
    <t>6290.022</t>
  </si>
  <si>
    <t>1250176.0</t>
  </si>
  <si>
    <t>477214.0</t>
  </si>
  <si>
    <t>350863.0</t>
  </si>
  <si>
    <t>4025623.0</t>
  </si>
  <si>
    <t>6296.716</t>
  </si>
  <si>
    <t>1251961.0</t>
  </si>
  <si>
    <t>477318.0</t>
  </si>
  <si>
    <t>352077.0</t>
  </si>
  <si>
    <t>4029893.0</t>
  </si>
  <si>
    <t>6303.395</t>
  </si>
  <si>
    <t>1253812.0</t>
  </si>
  <si>
    <t>477484.0</t>
  </si>
  <si>
    <t>353101.0</t>
  </si>
  <si>
    <t>193.61</t>
  </si>
  <si>
    <t>4033594.0</t>
  </si>
  <si>
    <t>6309.184</t>
  </si>
  <si>
    <t>1256052.0</t>
  </si>
  <si>
    <t>477643.0</t>
  </si>
  <si>
    <t>4036442.0</t>
  </si>
  <si>
    <t>6313.639</t>
  </si>
  <si>
    <t>1257574.0</t>
  </si>
  <si>
    <t>477831.0</t>
  </si>
  <si>
    <t>355605.0</t>
  </si>
  <si>
    <t>4036834.0</t>
  </si>
  <si>
    <t>6314.252</t>
  </si>
  <si>
    <t>-10.03</t>
  </si>
  <si>
    <t>-15.1327746559996</t>
  </si>
  <si>
    <t>4039186.0</t>
  </si>
  <si>
    <t>6317.931</t>
  </si>
  <si>
    <t>1258791.0</t>
  </si>
  <si>
    <t>478011.0</t>
  </si>
  <si>
    <t>356383.0</t>
  </si>
  <si>
    <t>194.38</t>
  </si>
  <si>
    <t>6322.921</t>
  </si>
  <si>
    <t>1260102.0</t>
  </si>
  <si>
    <t>478240.0</t>
  </si>
  <si>
    <t>357108.0</t>
  </si>
  <si>
    <t>4045079.0</t>
  </si>
  <si>
    <t>6327.149</t>
  </si>
  <si>
    <t>1261055.0</t>
  </si>
  <si>
    <t>478357.0</t>
  </si>
  <si>
    <t>357717.0</t>
  </si>
  <si>
    <t>194.73</t>
  </si>
  <si>
    <t>4047926.0</t>
  </si>
  <si>
    <t>6331.602</t>
  </si>
  <si>
    <t>1262020.0</t>
  </si>
  <si>
    <t>478491.0</t>
  </si>
  <si>
    <t>358287.0</t>
  </si>
  <si>
    <t>4049638.0</t>
  </si>
  <si>
    <t>6334.28</t>
  </si>
  <si>
    <t>1263059.0</t>
  </si>
  <si>
    <t>478622.0</t>
  </si>
  <si>
    <t>358934.0</t>
  </si>
  <si>
    <t>4051643.0</t>
  </si>
  <si>
    <t>6337.416</t>
  </si>
  <si>
    <t>1264153.0</t>
  </si>
  <si>
    <t>478762.0</t>
  </si>
  <si>
    <t>359679.0</t>
  </si>
  <si>
    <t>195.21</t>
  </si>
  <si>
    <t>4052105.0</t>
  </si>
  <si>
    <t>6338.138</t>
  </si>
  <si>
    <t>1264172.0</t>
  </si>
  <si>
    <t>359687.0</t>
  </si>
  <si>
    <t>-19.7</t>
  </si>
  <si>
    <t>-9.26</t>
  </si>
  <si>
    <t>-30.4199653799176</t>
  </si>
  <si>
    <t>4055189.0</t>
  </si>
  <si>
    <t>6342.962</t>
  </si>
  <si>
    <t>1264917.0</t>
  </si>
  <si>
    <t>478826.0</t>
  </si>
  <si>
    <t>360153.0</t>
  </si>
  <si>
    <t>4058875.0</t>
  </si>
  <si>
    <t>6348.728</t>
  </si>
  <si>
    <t>1265925.0</t>
  </si>
  <si>
    <t>478947.0</t>
  </si>
  <si>
    <t>360690.0</t>
  </si>
  <si>
    <t>195.48</t>
  </si>
  <si>
    <t>4062153.0</t>
  </si>
  <si>
    <t>6353.855</t>
  </si>
  <si>
    <t>1266579.0</t>
  </si>
  <si>
    <t>479006.0</t>
  </si>
  <si>
    <t>4064905.0</t>
  </si>
  <si>
    <t>6358.16</t>
  </si>
  <si>
    <t>1267483.0</t>
  </si>
  <si>
    <t>479086.0</t>
  </si>
  <si>
    <t>361613.0</t>
  </si>
  <si>
    <t>195.72</t>
  </si>
  <si>
    <t>4067260.0</t>
  </si>
  <si>
    <t>6361.843</t>
  </si>
  <si>
    <t>1268631.0</t>
  </si>
  <si>
    <t>479173.0</t>
  </si>
  <si>
    <t>362390.0</t>
  </si>
  <si>
    <t>4069197.0</t>
  </si>
  <si>
    <t>6364.873</t>
  </si>
  <si>
    <t>1269472.0</t>
  </si>
  <si>
    <t>479296.0</t>
  </si>
  <si>
    <t>362920.0</t>
  </si>
  <si>
    <t>196.03</t>
  </si>
  <si>
    <t>4069659.0</t>
  </si>
  <si>
    <t>6365.596</t>
  </si>
  <si>
    <t>-10.8</t>
  </si>
  <si>
    <t>-16.6769353351832</t>
  </si>
  <si>
    <t>4072206.0</t>
  </si>
  <si>
    <t>6369.58</t>
  </si>
  <si>
    <t>1269553.0</t>
  </si>
  <si>
    <t>362977.0</t>
  </si>
  <si>
    <t>4075988.0</t>
  </si>
  <si>
    <t>6375.495</t>
  </si>
  <si>
    <t>1270526.0</t>
  </si>
  <si>
    <t>479432.0</t>
  </si>
  <si>
    <t>363540.0</t>
  </si>
  <si>
    <t>4079153.0</t>
  </si>
  <si>
    <t>6380.446</t>
  </si>
  <si>
    <t>1271103.0</t>
  </si>
  <si>
    <t>479504.0</t>
  </si>
  <si>
    <t>363900.0</t>
  </si>
  <si>
    <t>4081690.0</t>
  </si>
  <si>
    <t>6384.414</t>
  </si>
  <si>
    <t>1271872.0</t>
  </si>
  <si>
    <t>479601.0</t>
  </si>
  <si>
    <t>364335.0</t>
  </si>
  <si>
    <t>4084211.0</t>
  </si>
  <si>
    <t>6388.357</t>
  </si>
  <si>
    <t>1272587.0</t>
  </si>
  <si>
    <t>479657.0</t>
  </si>
  <si>
    <t>364816.0</t>
  </si>
  <si>
    <t>4086353.0</t>
  </si>
  <si>
    <t>6391.708</t>
  </si>
  <si>
    <t>1273317.0</t>
  </si>
  <si>
    <t>479752.0</t>
  </si>
  <si>
    <t>365260.0</t>
  </si>
  <si>
    <t>4086828.0</t>
  </si>
  <si>
    <t>6392.451</t>
  </si>
  <si>
    <t>-16.1</t>
  </si>
  <si>
    <t>-24.8609869348565</t>
  </si>
  <si>
    <t>4089447.0</t>
  </si>
  <si>
    <t>6396.547</t>
  </si>
  <si>
    <t>1273378.0</t>
  </si>
  <si>
    <t>479753.0</t>
  </si>
  <si>
    <t>365301.0</t>
  </si>
  <si>
    <t>4092666.0</t>
  </si>
  <si>
    <t>6401.582</t>
  </si>
  <si>
    <t>1274103.0</t>
  </si>
  <si>
    <t>479825.0</t>
  </si>
  <si>
    <t>365705.0</t>
  </si>
  <si>
    <t>4096310.0</t>
  </si>
  <si>
    <t>6407.282</t>
  </si>
  <si>
    <t>1274500.0</t>
  </si>
  <si>
    <t>479848.0</t>
  </si>
  <si>
    <t>365995.0</t>
  </si>
  <si>
    <t>4099153.0</t>
  </si>
  <si>
    <t>6411.729</t>
  </si>
  <si>
    <t>1274971.0</t>
  </si>
  <si>
    <t>479894.0</t>
  </si>
  <si>
    <t>366287.0</t>
  </si>
  <si>
    <t>4102060.0</t>
  </si>
  <si>
    <t>6416.276</t>
  </si>
  <si>
    <t>1275585.0</t>
  </si>
  <si>
    <t>366698.0</t>
  </si>
  <si>
    <t>6419.719</t>
  </si>
  <si>
    <t>1276160.0</t>
  </si>
  <si>
    <t>479981.0</t>
  </si>
  <si>
    <t>367022.0</t>
  </si>
  <si>
    <t>4104685.0</t>
  </si>
  <si>
    <t>6420.382</t>
  </si>
  <si>
    <t>-37.8</t>
  </si>
  <si>
    <t>-19.43</t>
  </si>
  <si>
    <t>-58.3692736731413</t>
  </si>
  <si>
    <t>4107446.0</t>
  </si>
  <si>
    <t>6424.701</t>
  </si>
  <si>
    <t>1276239.0</t>
  </si>
  <si>
    <t>367077.0</t>
  </si>
  <si>
    <t>197.07</t>
  </si>
  <si>
    <t>4111128.0</t>
  </si>
  <si>
    <t>6430.46</t>
  </si>
  <si>
    <t>1276897.0</t>
  </si>
  <si>
    <t>480024.0</t>
  </si>
  <si>
    <t>367386.0</t>
  </si>
  <si>
    <t>4114850.0</t>
  </si>
  <si>
    <t>6436.282</t>
  </si>
  <si>
    <t>1277244.0</t>
  </si>
  <si>
    <t>480038.0</t>
  </si>
  <si>
    <t>367613.0</t>
  </si>
  <si>
    <t>197.23</t>
  </si>
  <si>
    <t>4118901.0</t>
  </si>
  <si>
    <t>6442.618</t>
  </si>
  <si>
    <t>1277686.0</t>
  </si>
  <si>
    <t>480070.0</t>
  </si>
  <si>
    <t>367884.0</t>
  </si>
  <si>
    <t>197.3</t>
  </si>
  <si>
    <t>4121637.0</t>
  </si>
  <si>
    <t>6446.898</t>
  </si>
  <si>
    <t>1278081.0</t>
  </si>
  <si>
    <t>480093.0</t>
  </si>
  <si>
    <t>368141.0</t>
  </si>
  <si>
    <t>4124013.0</t>
  </si>
  <si>
    <t>6450.614</t>
  </si>
  <si>
    <t>1278471.0</t>
  </si>
  <si>
    <t>480123.0</t>
  </si>
  <si>
    <t>368364.0</t>
  </si>
  <si>
    <t>4124940.0</t>
  </si>
  <si>
    <t>6452.064</t>
  </si>
  <si>
    <t>1278476.0</t>
  </si>
  <si>
    <t>368368.0</t>
  </si>
  <si>
    <t>-45.1</t>
  </si>
  <si>
    <t>-8.0</t>
  </si>
  <si>
    <t>-69.6416466311818</t>
  </si>
  <si>
    <t>4127914.0</t>
  </si>
  <si>
    <t>6456.716</t>
  </si>
  <si>
    <t>1278494.0</t>
  </si>
  <si>
    <t>480124.0</t>
  </si>
  <si>
    <t>368384.0</t>
  </si>
  <si>
    <t>4131830.0</t>
  </si>
  <si>
    <t>6462.841</t>
  </si>
  <si>
    <t>1279000.0</t>
  </si>
  <si>
    <t>480172.0</t>
  </si>
  <si>
    <t>368687.0</t>
  </si>
  <si>
    <t>4137140.0</t>
  </si>
  <si>
    <t>6471.147</t>
  </si>
  <si>
    <t>1279255.0</t>
  </si>
  <si>
    <t>368880.0</t>
  </si>
  <si>
    <t>4142057.0</t>
  </si>
  <si>
    <t>6478.838</t>
  </si>
  <si>
    <t>7.691</t>
  </si>
  <si>
    <t>1279547.0</t>
  </si>
  <si>
    <t>369061.0</t>
  </si>
  <si>
    <t>4145552.0</t>
  </si>
  <si>
    <t>6484.304</t>
  </si>
  <si>
    <t>5.343</t>
  </si>
  <si>
    <t>1279954.0</t>
  </si>
  <si>
    <t>480239.0</t>
  </si>
  <si>
    <t>369361.0</t>
  </si>
  <si>
    <t>4149018.0</t>
  </si>
  <si>
    <t>6489.726</t>
  </si>
  <si>
    <t>5.587</t>
  </si>
  <si>
    <t>1280254.0</t>
  </si>
  <si>
    <t>480269.0</t>
  </si>
  <si>
    <t>369524.0</t>
  </si>
  <si>
    <t>197.69</t>
  </si>
  <si>
    <t>4149549.0</t>
  </si>
  <si>
    <t>6490.556</t>
  </si>
  <si>
    <t>-13.27</t>
  </si>
  <si>
    <t>-89.252487256814</t>
  </si>
  <si>
    <t>4152684.0</t>
  </si>
  <si>
    <t>6495.46</t>
  </si>
  <si>
    <t>1280308.0</t>
  </si>
  <si>
    <t>480272.0</t>
  </si>
  <si>
    <t>369566.0</t>
  </si>
  <si>
    <t>4157095.0</t>
  </si>
  <si>
    <t>6502.36</t>
  </si>
  <si>
    <t>1280730.0</t>
  </si>
  <si>
    <t>480295.0</t>
  </si>
  <si>
    <t>369831.0</t>
  </si>
  <si>
    <t>4161608.0</t>
  </si>
  <si>
    <t>6509.419</t>
  </si>
  <si>
    <t>1281006.0</t>
  </si>
  <si>
    <t>480318.0</t>
  </si>
  <si>
    <t>370015.0</t>
  </si>
  <si>
    <t>197.81</t>
  </si>
  <si>
    <t>4165404.0</t>
  </si>
  <si>
    <t>6515.356</t>
  </si>
  <si>
    <t>1281357.0</t>
  </si>
  <si>
    <t>480335.0</t>
  </si>
  <si>
    <t>370260.0</t>
  </si>
  <si>
    <t>197.86</t>
  </si>
  <si>
    <t>4168711.0</t>
  </si>
  <si>
    <t>6520.529</t>
  </si>
  <si>
    <t>1281650.0</t>
  </si>
  <si>
    <t>480355.0</t>
  </si>
  <si>
    <t>370478.0</t>
  </si>
  <si>
    <t>4171392.0</t>
  </si>
  <si>
    <t>6524.722</t>
  </si>
  <si>
    <t>1281924.0</t>
  </si>
  <si>
    <t>480368.0</t>
  </si>
  <si>
    <t>370661.0</t>
  </si>
  <si>
    <t>4171823.0</t>
  </si>
  <si>
    <t>6525.396</t>
  </si>
  <si>
    <t>-64.7</t>
  </si>
  <si>
    <t>-99.9071959431811</t>
  </si>
  <si>
    <t>4174314.0</t>
  </si>
  <si>
    <t>6529.293</t>
  </si>
  <si>
    <t>1281973.0</t>
  </si>
  <si>
    <t>480376.0</t>
  </si>
  <si>
    <t>370695.0</t>
  </si>
  <si>
    <t>197.96</t>
  </si>
  <si>
    <t>4178427.0</t>
  </si>
  <si>
    <t>6535.726</t>
  </si>
  <si>
    <t>1282350.0</t>
  </si>
  <si>
    <t>480405.0</t>
  </si>
  <si>
    <t>370979.0</t>
  </si>
  <si>
    <t>198.02</t>
  </si>
  <si>
    <t>4181628.0</t>
  </si>
  <si>
    <t>6540.733</t>
  </si>
  <si>
    <t>1282578.0</t>
  </si>
  <si>
    <t>480421.0</t>
  </si>
  <si>
    <t>371154.0</t>
  </si>
  <si>
    <t>198.05</t>
  </si>
  <si>
    <t>4184556.0</t>
  </si>
  <si>
    <t>6545.313</t>
  </si>
  <si>
    <t>1282797.0</t>
  </si>
  <si>
    <t>480442.0</t>
  </si>
  <si>
    <t>371308.0</t>
  </si>
  <si>
    <t>198.08</t>
  </si>
  <si>
    <t>4186995.0</t>
  </si>
  <si>
    <t>6549.128</t>
  </si>
  <si>
    <t>480461.0</t>
  </si>
  <si>
    <t>371485.0</t>
  </si>
  <si>
    <t>198.12</t>
  </si>
  <si>
    <t>4189090.0</t>
  </si>
  <si>
    <t>6552.405</t>
  </si>
  <si>
    <t>1283262.0</t>
  </si>
  <si>
    <t>480479.0</t>
  </si>
  <si>
    <t>198.16</t>
  </si>
  <si>
    <t>4189612.0</t>
  </si>
  <si>
    <t>6553.221</t>
  </si>
  <si>
    <t>4191972.0</t>
  </si>
  <si>
    <t>6556.913</t>
  </si>
  <si>
    <t>1283292.0</t>
  </si>
  <si>
    <t>480484.0</t>
  </si>
  <si>
    <t>4195376.0</t>
  </si>
  <si>
    <t>6562.237</t>
  </si>
  <si>
    <t>1283643.0</t>
  </si>
  <si>
    <t>480515.0</t>
  </si>
  <si>
    <t>371930.0</t>
  </si>
  <si>
    <t>198.22</t>
  </si>
  <si>
    <t>4198126.0</t>
  </si>
  <si>
    <t>6566.539</t>
  </si>
  <si>
    <t>1283854.0</t>
  </si>
  <si>
    <t>480525.0</t>
  </si>
  <si>
    <t>372101.0</t>
  </si>
  <si>
    <t>4200493.0</t>
  </si>
  <si>
    <t>6570.241</t>
  </si>
  <si>
    <t>1284088.0</t>
  </si>
  <si>
    <t>480541.0</t>
  </si>
  <si>
    <t>372279.0</t>
  </si>
  <si>
    <t>4202847.0</t>
  </si>
  <si>
    <t>6573.923</t>
  </si>
  <si>
    <t>1284291.0</t>
  </si>
  <si>
    <t>480554.0</t>
  </si>
  <si>
    <t>372438.0</t>
  </si>
  <si>
    <t>198.32</t>
  </si>
  <si>
    <t>4204726.0</t>
  </si>
  <si>
    <t>6576.862</t>
  </si>
  <si>
    <t>1284469.0</t>
  </si>
  <si>
    <t>480565.0</t>
  </si>
  <si>
    <t>372581.0</t>
  </si>
  <si>
    <t>198.34</t>
  </si>
  <si>
    <t>6577.212</t>
  </si>
  <si>
    <t>-63.3</t>
  </si>
  <si>
    <t>-97.745370992324</t>
  </si>
  <si>
    <t>4205523.0</t>
  </si>
  <si>
    <t>6578.109</t>
  </si>
  <si>
    <t>4207659.0</t>
  </si>
  <si>
    <t>6581.45</t>
  </si>
  <si>
    <t>1284661.0</t>
  </si>
  <si>
    <t>480583.0</t>
  </si>
  <si>
    <t>372713.0</t>
  </si>
  <si>
    <t>198.37</t>
  </si>
  <si>
    <t>4211369.0</t>
  </si>
  <si>
    <t>6587.253</t>
  </si>
  <si>
    <t>1284830.0</t>
  </si>
  <si>
    <t>480591.0</t>
  </si>
  <si>
    <t>372857.0</t>
  </si>
  <si>
    <t>4213860.0</t>
  </si>
  <si>
    <t>6591.149</t>
  </si>
  <si>
    <t>1285012.0</t>
  </si>
  <si>
    <t>480602.0</t>
  </si>
  <si>
    <t>372996.0</t>
  </si>
  <si>
    <t>198.43</t>
  </si>
  <si>
    <t>4215634.0</t>
  </si>
  <si>
    <t>6593.924</t>
  </si>
  <si>
    <t>1285264.0</t>
  </si>
  <si>
    <t>480617.0</t>
  </si>
  <si>
    <t>373204.0</t>
  </si>
  <si>
    <t>198.47</t>
  </si>
  <si>
    <t>4217409.0</t>
  </si>
  <si>
    <t>6596.7</t>
  </si>
  <si>
    <t>1285452.0</t>
  </si>
  <si>
    <t>480630.0</t>
  </si>
  <si>
    <t>373359.0</t>
  </si>
  <si>
    <t>4217861.0</t>
  </si>
  <si>
    <t>6597.407</t>
  </si>
  <si>
    <t>1285462.0</t>
  </si>
  <si>
    <t>373369.0</t>
  </si>
  <si>
    <t>-83.3846766759162</t>
  </si>
  <si>
    <t>4219924.0</t>
  </si>
  <si>
    <t>6600.634</t>
  </si>
  <si>
    <t>1285529.0</t>
  </si>
  <si>
    <t>480632.0</t>
  </si>
  <si>
    <t>373432.0</t>
  </si>
  <si>
    <t>4222734.0</t>
  </si>
  <si>
    <t>6605.029</t>
  </si>
  <si>
    <t>1285935.0</t>
  </si>
  <si>
    <t>480641.0</t>
  </si>
  <si>
    <t>373794.0</t>
  </si>
  <si>
    <t>198.57</t>
  </si>
  <si>
    <t>4224986.0</t>
  </si>
  <si>
    <t>6608.552</t>
  </si>
  <si>
    <t>1286290.0</t>
  </si>
  <si>
    <t>480649.0</t>
  </si>
  <si>
    <t>374118.0</t>
  </si>
  <si>
    <t>4227265.0</t>
  </si>
  <si>
    <t>6612.117</t>
  </si>
  <si>
    <t>1286729.0</t>
  </si>
  <si>
    <t>480655.0</t>
  </si>
  <si>
    <t>374532.0</t>
  </si>
  <si>
    <t>4228820.0</t>
  </si>
  <si>
    <t>6614.549</t>
  </si>
  <si>
    <t>1287251.0</t>
  </si>
  <si>
    <t>480665.0</t>
  </si>
  <si>
    <t>375011.0</t>
  </si>
  <si>
    <t>4230247.0</t>
  </si>
  <si>
    <t>6616.781</t>
  </si>
  <si>
    <t>1287529.0</t>
  </si>
  <si>
    <t>480679.0</t>
  </si>
  <si>
    <t>375248.0</t>
  </si>
  <si>
    <t>4230709.0</t>
  </si>
  <si>
    <t>6617.504</t>
  </si>
  <si>
    <t>1287535.0</t>
  </si>
  <si>
    <t>375254.0</t>
  </si>
  <si>
    <t>-47.9</t>
  </si>
  <si>
    <t>-73.965296532896</t>
  </si>
  <si>
    <t>4232256.0</t>
  </si>
  <si>
    <t>6619.923</t>
  </si>
  <si>
    <t>1287630.0</t>
  </si>
  <si>
    <t>375340.0</t>
  </si>
  <si>
    <t>4234630.0</t>
  </si>
  <si>
    <t>6623.637</t>
  </si>
  <si>
    <t>2.658</t>
  </si>
  <si>
    <t>1288210.0</t>
  </si>
  <si>
    <t>480694.0</t>
  </si>
  <si>
    <t>375863.0</t>
  </si>
  <si>
    <t>4236537.0</t>
  </si>
  <si>
    <t>6626.619</t>
  </si>
  <si>
    <t>1288709.0</t>
  </si>
  <si>
    <t>480700.0</t>
  </si>
  <si>
    <t>376334.0</t>
  </si>
  <si>
    <t>4238236.0</t>
  </si>
  <si>
    <t>6629.277</t>
  </si>
  <si>
    <t>1289197.0</t>
  </si>
  <si>
    <t>480708.0</t>
  </si>
  <si>
    <t>376800.0</t>
  </si>
  <si>
    <t>4239697.0</t>
  </si>
  <si>
    <t>6631.562</t>
  </si>
  <si>
    <t>1289836.0</t>
  </si>
  <si>
    <t>480726.0</t>
  </si>
  <si>
    <t>377393.0</t>
  </si>
  <si>
    <t>4241191.0</t>
  </si>
  <si>
    <t>6633.899</t>
  </si>
  <si>
    <t>1290103.0</t>
  </si>
  <si>
    <t>480741.0</t>
  </si>
  <si>
    <t>377628.0</t>
  </si>
  <si>
    <t>199.21</t>
  </si>
  <si>
    <t>4241481.0</t>
  </si>
  <si>
    <t>6634.353</t>
  </si>
  <si>
    <t>-55.4</t>
  </si>
  <si>
    <t>-9.2</t>
  </si>
  <si>
    <t>-85.5465016267733</t>
  </si>
  <si>
    <t>4242110.0</t>
  </si>
  <si>
    <t>6635.337</t>
  </si>
  <si>
    <t>1290108.0</t>
  </si>
  <si>
    <t>377631.0</t>
  </si>
  <si>
    <t>4243860.0</t>
  </si>
  <si>
    <t>6638.074</t>
  </si>
  <si>
    <t>1290715.0</t>
  </si>
  <si>
    <t>480764.0</t>
  </si>
  <si>
    <t>378187.0</t>
  </si>
  <si>
    <t>4246198.0</t>
  </si>
  <si>
    <t>6641.731</t>
  </si>
  <si>
    <t>1291253.0</t>
  </si>
  <si>
    <t>480772.0</t>
  </si>
  <si>
    <t>378710.0</t>
  </si>
  <si>
    <t>199.39</t>
  </si>
  <si>
    <t>4248175.0</t>
  </si>
  <si>
    <t>6644.823</t>
  </si>
  <si>
    <t>1291800.0</t>
  </si>
  <si>
    <t>480779.0</t>
  </si>
  <si>
    <t>379240.0</t>
  </si>
  <si>
    <t>199.47</t>
  </si>
  <si>
    <t>4249601.0</t>
  </si>
  <si>
    <t>6647.054</t>
  </si>
  <si>
    <t>1292338.0</t>
  </si>
  <si>
    <t>480792.0</t>
  </si>
  <si>
    <t>379733.0</t>
  </si>
  <si>
    <t>4250801.0</t>
  </si>
  <si>
    <t>6648.931</t>
  </si>
  <si>
    <t>1292619.0</t>
  </si>
  <si>
    <t>480816.0</t>
  </si>
  <si>
    <t>379959.0</t>
  </si>
  <si>
    <t>4251203.0</t>
  </si>
  <si>
    <t>6649.559</t>
  </si>
  <si>
    <t>-55.5</t>
  </si>
  <si>
    <t>-85.7009176946916</t>
  </si>
  <si>
    <t>4252941.0</t>
  </si>
  <si>
    <t>6652.278</t>
  </si>
  <si>
    <t>1292786.0</t>
  </si>
  <si>
    <t>380122.0</t>
  </si>
  <si>
    <t>4254833.0</t>
  </si>
  <si>
    <t>6655.237</t>
  </si>
  <si>
    <t>1293363.0</t>
  </si>
  <si>
    <t>480843.0</t>
  </si>
  <si>
    <t>380654.0</t>
  </si>
  <si>
    <t>4256511.0</t>
  </si>
  <si>
    <t>6657.862</t>
  </si>
  <si>
    <t>1293928.0</t>
  </si>
  <si>
    <t>480859.0</t>
  </si>
  <si>
    <t>381191.0</t>
  </si>
  <si>
    <t>4257749.0</t>
  </si>
  <si>
    <t>6659.798</t>
  </si>
  <si>
    <t>1294574.0</t>
  </si>
  <si>
    <t>480875.0</t>
  </si>
  <si>
    <t>381795.0</t>
  </si>
  <si>
    <t>4258950.0</t>
  </si>
  <si>
    <t>6661.677</t>
  </si>
  <si>
    <t>1295158.0</t>
  </si>
  <si>
    <t>480888.0</t>
  </si>
  <si>
    <t>382341.0</t>
  </si>
  <si>
    <t>4259980.0</t>
  </si>
  <si>
    <t>6663.288</t>
  </si>
  <si>
    <t>1295329.0</t>
  </si>
  <si>
    <t>480899.0</t>
  </si>
  <si>
    <t>382480.0</t>
  </si>
  <si>
    <t>4260381.0</t>
  </si>
  <si>
    <t>6663.915</t>
  </si>
  <si>
    <t>1295330.0</t>
  </si>
  <si>
    <t>382481.0</t>
  </si>
  <si>
    <t>-58.6</t>
  </si>
  <si>
    <t>-90.4878158001609</t>
  </si>
  <si>
    <t>4261749.0</t>
  </si>
  <si>
    <t>6666.055</t>
  </si>
  <si>
    <t>1295479.0</t>
  </si>
  <si>
    <t>480900.0</t>
  </si>
  <si>
    <t>382628.0</t>
  </si>
  <si>
    <t>200.04</t>
  </si>
  <si>
    <t>4262883.0</t>
  </si>
  <si>
    <t>6667.829</t>
  </si>
  <si>
    <t>1296012.0</t>
  </si>
  <si>
    <t>480920.0</t>
  </si>
  <si>
    <t>383121.0</t>
  </si>
  <si>
    <t>200.13</t>
  </si>
  <si>
    <t>4264027.0</t>
  </si>
  <si>
    <t>6669.618</t>
  </si>
  <si>
    <t>1296446.0</t>
  </si>
  <si>
    <t>480935.0</t>
  </si>
  <si>
    <t>383525.0</t>
  </si>
  <si>
    <t>200.19</t>
  </si>
  <si>
    <t>4264510.0</t>
  </si>
  <si>
    <t>6670.374</t>
  </si>
  <si>
    <t>4265411.0</t>
  </si>
  <si>
    <t>6671.783</t>
  </si>
  <si>
    <t>1296924.0</t>
  </si>
  <si>
    <t>480959.0</t>
  </si>
  <si>
    <t>383960.0</t>
  </si>
  <si>
    <t>200.27</t>
  </si>
  <si>
    <t>4266270.0</t>
  </si>
  <si>
    <t>6673.127</t>
  </si>
  <si>
    <t>1297056.0</t>
  </si>
  <si>
    <t>480966.0</t>
  </si>
  <si>
    <t>384071.0</t>
  </si>
  <si>
    <t>200.29</t>
  </si>
  <si>
    <t>4266683.0</t>
  </si>
  <si>
    <t>6673.773</t>
  </si>
  <si>
    <t>-81.7</t>
  </si>
  <si>
    <t>-26.83</t>
  </si>
  <si>
    <t>-126.157927489303</t>
  </si>
  <si>
    <t>4268289.0</t>
  </si>
  <si>
    <t>6676.285</t>
  </si>
  <si>
    <t>1297143.0</t>
  </si>
  <si>
    <t>480967.0</t>
  </si>
  <si>
    <t>384154.0</t>
  </si>
  <si>
    <t>4269996.0</t>
  </si>
  <si>
    <t>6678.955</t>
  </si>
  <si>
    <t>1297591.0</t>
  </si>
  <si>
    <t>481000.0</t>
  </si>
  <si>
    <t>384543.0</t>
  </si>
  <si>
    <t>4271341.0</t>
  </si>
  <si>
    <t>6681.058</t>
  </si>
  <si>
    <t>1298018.0</t>
  </si>
  <si>
    <t>481009.0</t>
  </si>
  <si>
    <t>384949.0</t>
  </si>
  <si>
    <t>4272634.0</t>
  </si>
  <si>
    <t>6683.081</t>
  </si>
  <si>
    <t>1298445.0</t>
  </si>
  <si>
    <t>481033.0</t>
  </si>
  <si>
    <t>385339.0</t>
  </si>
  <si>
    <t>4273501.0</t>
  </si>
  <si>
    <t>6684.437</t>
  </si>
  <si>
    <t>1298789.0</t>
  </si>
  <si>
    <t>481041.0</t>
  </si>
  <si>
    <t>4274492.0</t>
  </si>
  <si>
    <t>6685.987</t>
  </si>
  <si>
    <t>1298955.0</t>
  </si>
  <si>
    <t>481058.0</t>
  </si>
  <si>
    <t>385773.0</t>
  </si>
  <si>
    <t>4274895.0</t>
  </si>
  <si>
    <t>6686.618</t>
  </si>
  <si>
    <t>-63.6</t>
  </si>
  <si>
    <t>-98.2086191960791</t>
  </si>
  <si>
    <t>4275460.0</t>
  </si>
  <si>
    <t>6687.501</t>
  </si>
  <si>
    <t>4277673.0</t>
  </si>
  <si>
    <t>6690.963</t>
  </si>
  <si>
    <t>1299276.0</t>
  </si>
  <si>
    <t>481075.0</t>
  </si>
  <si>
    <t>386060.0</t>
  </si>
  <si>
    <t>200.63</t>
  </si>
  <si>
    <t>4279611.0</t>
  </si>
  <si>
    <t>6693.994</t>
  </si>
  <si>
    <t>1299686.0</t>
  </si>
  <si>
    <t>481083.0</t>
  </si>
  <si>
    <t>386442.0</t>
  </si>
  <si>
    <t>4281145.0</t>
  </si>
  <si>
    <t>6696.394</t>
  </si>
  <si>
    <t>1300073.0</t>
  </si>
  <si>
    <t>481099.0</t>
  </si>
  <si>
    <t>4282327.0</t>
  </si>
  <si>
    <t>6698.242</t>
  </si>
  <si>
    <t>1300398.0</t>
  </si>
  <si>
    <t>481121.0</t>
  </si>
  <si>
    <t>387092.0</t>
  </si>
  <si>
    <t>4283576.0</t>
  </si>
  <si>
    <t>6700.196</t>
  </si>
  <si>
    <t>1300542.0</t>
  </si>
  <si>
    <t>481136.0</t>
  </si>
  <si>
    <t>387192.0</t>
  </si>
  <si>
    <t>200.82</t>
  </si>
  <si>
    <t>4284185.0</t>
  </si>
  <si>
    <t>6701.149</t>
  </si>
  <si>
    <t>-75.1</t>
  </si>
  <si>
    <t>-13.77</t>
  </si>
  <si>
    <t>-115.966467006691</t>
  </si>
  <si>
    <t>4286183.0</t>
  </si>
  <si>
    <t>6704.274</t>
  </si>
  <si>
    <t>1300606.0</t>
  </si>
  <si>
    <t>387254.0</t>
  </si>
  <si>
    <t>4288494.0</t>
  </si>
  <si>
    <t>6707.889</t>
  </si>
  <si>
    <t>1300985.0</t>
  </si>
  <si>
    <t>481159.0</t>
  </si>
  <si>
    <t>387575.0</t>
  </si>
  <si>
    <t>200.89</t>
  </si>
  <si>
    <t>4290387.0</t>
  </si>
  <si>
    <t>6710.849</t>
  </si>
  <si>
    <t>481171.0</t>
  </si>
  <si>
    <t>387804.0</t>
  </si>
  <si>
    <t>4292094.0</t>
  </si>
  <si>
    <t>6713.519</t>
  </si>
  <si>
    <t>481193.0</t>
  </si>
  <si>
    <t>388103.0</t>
  </si>
  <si>
    <t>200.98</t>
  </si>
  <si>
    <t>4293688.0</t>
  </si>
  <si>
    <t>6716.013</t>
  </si>
  <si>
    <t>1301981.0</t>
  </si>
  <si>
    <t>481199.0</t>
  </si>
  <si>
    <t>388484.0</t>
  </si>
  <si>
    <t>4295166.0</t>
  </si>
  <si>
    <t>6718.325</t>
  </si>
  <si>
    <t>1302103.0</t>
  </si>
  <si>
    <t>481210.0</t>
  </si>
  <si>
    <t>388584.0</t>
  </si>
  <si>
    <t>4295521.0</t>
  </si>
  <si>
    <t>6718.88</t>
  </si>
  <si>
    <t>-73.4</t>
  </si>
  <si>
    <t>-113.341393852079</t>
  </si>
  <si>
    <t>4297608.0</t>
  </si>
  <si>
    <t>6722.144</t>
  </si>
  <si>
    <t>1302150.0</t>
  </si>
  <si>
    <t>481213.0</t>
  </si>
  <si>
    <t>4299901.0</t>
  </si>
  <si>
    <t>6725.731</t>
  </si>
  <si>
    <t>1302428.0</t>
  </si>
  <si>
    <t>481225.0</t>
  </si>
  <si>
    <t>388863.0</t>
  </si>
  <si>
    <t>201.12</t>
  </si>
  <si>
    <t>1302662.0</t>
  </si>
  <si>
    <t>481238.0</t>
  </si>
  <si>
    <t>389074.0</t>
  </si>
  <si>
    <t>201.15</t>
  </si>
  <si>
    <t>1303019.0</t>
  </si>
  <si>
    <t>481252.0</t>
  </si>
  <si>
    <t>389387.0</t>
  </si>
  <si>
    <t>201.21</t>
  </si>
  <si>
    <t>1303202.0</t>
  </si>
  <si>
    <t>481269.0</t>
  </si>
  <si>
    <t>389538.0</t>
  </si>
  <si>
    <t>201.24</t>
  </si>
  <si>
    <t>-75.7</t>
  </si>
  <si>
    <t>-0.66</t>
  </si>
  <si>
    <t>-116.892963414201</t>
  </si>
  <si>
    <t>1303260.0</t>
  </si>
  <si>
    <t>481271.0</t>
  </si>
  <si>
    <t>389589.0</t>
  </si>
  <si>
    <t>1303663.0</t>
  </si>
  <si>
    <t>481291.0</t>
  </si>
  <si>
    <t>389935.0</t>
  </si>
  <si>
    <t>201.31</t>
  </si>
  <si>
    <t>1303962.0</t>
  </si>
  <si>
    <t>481305.0</t>
  </si>
  <si>
    <t>390196.0</t>
  </si>
  <si>
    <t>1304338.0</t>
  </si>
  <si>
    <t>481318.0</t>
  </si>
  <si>
    <t>390531.0</t>
  </si>
  <si>
    <t>201.41</t>
  </si>
  <si>
    <t>1304733.0</t>
  </si>
  <si>
    <t>481334.0</t>
  </si>
  <si>
    <t>390883.0</t>
  </si>
  <si>
    <t>1304883.0</t>
  </si>
  <si>
    <t>481344.0</t>
  </si>
  <si>
    <t>391005.0</t>
  </si>
  <si>
    <t>201.49</t>
  </si>
  <si>
    <t>-94.2</t>
  </si>
  <si>
    <t>-23.57</t>
  </si>
  <si>
    <t>-145.459935979098</t>
  </si>
  <si>
    <t>1304961.0</t>
  </si>
  <si>
    <t>481346.0</t>
  </si>
  <si>
    <t>391079.0</t>
  </si>
  <si>
    <t>1305286.0</t>
  </si>
  <si>
    <t>481363.0</t>
  </si>
  <si>
    <t>391362.0</t>
  </si>
  <si>
    <t>1305693.0</t>
  </si>
  <si>
    <t>481372.0</t>
  </si>
  <si>
    <t>391751.0</t>
  </si>
  <si>
    <t>201.62</t>
  </si>
  <si>
    <t>1306098.0</t>
  </si>
  <si>
    <t>481380.0</t>
  </si>
  <si>
    <t>392136.0</t>
  </si>
  <si>
    <t>1306696.0</t>
  </si>
  <si>
    <t>481387.0</t>
  </si>
  <si>
    <t>392712.0</t>
  </si>
  <si>
    <t>1306879.0</t>
  </si>
  <si>
    <t>392878.0</t>
  </si>
  <si>
    <t>-91.1</t>
  </si>
  <si>
    <t>-140.673037873629</t>
  </si>
  <si>
    <t>1307119.0</t>
  </si>
  <si>
    <t>481396.0</t>
  </si>
  <si>
    <t>393111.0</t>
  </si>
  <si>
    <t>201.84</t>
  </si>
  <si>
    <t>1308843.0</t>
  </si>
  <si>
    <t>481407.0</t>
  </si>
  <si>
    <t>394790.0</t>
  </si>
  <si>
    <t>1310335.0</t>
  </si>
  <si>
    <t>481425.0</t>
  </si>
  <si>
    <t>396246.0</t>
  </si>
  <si>
    <t>1311657.0</t>
  </si>
  <si>
    <t>481436.0</t>
  </si>
  <si>
    <t>397538.0</t>
  </si>
  <si>
    <t>202.54</t>
  </si>
  <si>
    <t>1312818.0</t>
  </si>
  <si>
    <t>481447.0</t>
  </si>
  <si>
    <t>398677.0</t>
  </si>
  <si>
    <t>1313350.0</t>
  </si>
  <si>
    <t>481451.0</t>
  </si>
  <si>
    <t>399189.0</t>
  </si>
  <si>
    <t>1313401.0</t>
  </si>
  <si>
    <t>399239.0</t>
  </si>
  <si>
    <t>202.81</t>
  </si>
  <si>
    <t>-150.092418016649</t>
  </si>
  <si>
    <t>1313642.0</t>
  </si>
  <si>
    <t>481453.0</t>
  </si>
  <si>
    <t>399474.0</t>
  </si>
  <si>
    <t>202.85</t>
  </si>
  <si>
    <t>1314966.0</t>
  </si>
  <si>
    <t>481460.0</t>
  </si>
  <si>
    <t>400774.0</t>
  </si>
  <si>
    <t>1316050.0</t>
  </si>
  <si>
    <t>481468.0</t>
  </si>
  <si>
    <t>401835.0</t>
  </si>
  <si>
    <t>1317366.0</t>
  </si>
  <si>
    <t>481472.0</t>
  </si>
  <si>
    <t>1319087.0</t>
  </si>
  <si>
    <t>481483.0</t>
  </si>
  <si>
    <t>1319784.0</t>
  </si>
  <si>
    <t>481486.0</t>
  </si>
  <si>
    <t>405503.0</t>
  </si>
  <si>
    <t>1319793.0</t>
  </si>
  <si>
    <t>405512.0</t>
  </si>
  <si>
    <t>-98.1</t>
  </si>
  <si>
    <t>-151.482162627914</t>
  </si>
  <si>
    <t>1320093.0</t>
  </si>
  <si>
    <t>481487.0</t>
  </si>
  <si>
    <t>405810.0</t>
  </si>
  <si>
    <t>203.84</t>
  </si>
  <si>
    <t>1322049.0</t>
  </si>
  <si>
    <t>481499.0</t>
  </si>
  <si>
    <t>407735.0</t>
  </si>
  <si>
    <t>1323998.0</t>
  </si>
  <si>
    <t>481507.0</t>
  </si>
  <si>
    <t>409661.0</t>
  </si>
  <si>
    <t>204.45</t>
  </si>
  <si>
    <t>1325753.0</t>
  </si>
  <si>
    <t>481518.0</t>
  </si>
  <si>
    <t>411395.0</t>
  </si>
  <si>
    <t>1327440.0</t>
  </si>
  <si>
    <t>413061.0</t>
  </si>
  <si>
    <t>1328185.0</t>
  </si>
  <si>
    <t>481530.0</t>
  </si>
  <si>
    <t>413789.0</t>
  </si>
  <si>
    <t>-138.356796854854</t>
  </si>
  <si>
    <t>1328406.0</t>
  </si>
  <si>
    <t>414009.0</t>
  </si>
  <si>
    <t>1329996.0</t>
  </si>
  <si>
    <t>481533.0</t>
  </si>
  <si>
    <t>415587.0</t>
  </si>
  <si>
    <t>1331112.0</t>
  </si>
  <si>
    <t>481538.0</t>
  </si>
  <si>
    <t>416683.0</t>
  </si>
  <si>
    <t>1332254.0</t>
  </si>
  <si>
    <t>417816.0</t>
  </si>
  <si>
    <t>1333307.0</t>
  </si>
  <si>
    <t>481543.0</t>
  </si>
  <si>
    <t>418851.0</t>
  </si>
  <si>
    <t>1333679.0</t>
  </si>
  <si>
    <t>419214.0</t>
  </si>
  <si>
    <t>1333683.0</t>
  </si>
  <si>
    <t>419218.0</t>
  </si>
  <si>
    <t>-136.349387971915</t>
  </si>
  <si>
    <t>1333874.0</t>
  </si>
  <si>
    <t>419409.0</t>
  </si>
  <si>
    <t>1335110.0</t>
  </si>
  <si>
    <t>481551.0</t>
  </si>
  <si>
    <t>420619.0</t>
  </si>
  <si>
    <t>1335976.0</t>
  </si>
  <si>
    <t>481556.0</t>
  </si>
  <si>
    <t>421469.0</t>
  </si>
  <si>
    <t>1336996.0</t>
  </si>
  <si>
    <t>481561.0</t>
  </si>
  <si>
    <t>422474.0</t>
  </si>
  <si>
    <t>206.45</t>
  </si>
  <si>
    <t>1337996.0</t>
  </si>
  <si>
    <t>481568.0</t>
  </si>
  <si>
    <t>423457.0</t>
  </si>
  <si>
    <t>206.61</t>
  </si>
  <si>
    <t>1338335.0</t>
  </si>
  <si>
    <t>481574.0</t>
  </si>
  <si>
    <t>423785.0</t>
  </si>
  <si>
    <t>-86.6</t>
  </si>
  <si>
    <t>-133.724314817303</t>
  </si>
  <si>
    <t>1338608.0</t>
  </si>
  <si>
    <t>481575.0</t>
  </si>
  <si>
    <t>424046.0</t>
  </si>
  <si>
    <t>1338962.0</t>
  </si>
  <si>
    <t>481580.0</t>
  </si>
  <si>
    <t>424393.0</t>
  </si>
  <si>
    <t>1339503.0</t>
  </si>
  <si>
    <t>481584.0</t>
  </si>
  <si>
    <t>424928.0</t>
  </si>
  <si>
    <t>1339907.0</t>
  </si>
  <si>
    <t>481592.0</t>
  </si>
  <si>
    <t>425311.0</t>
  </si>
  <si>
    <t>1339914.0</t>
  </si>
  <si>
    <t>425318.0</t>
  </si>
  <si>
    <t>-123.996102538446</t>
  </si>
  <si>
    <t>1340052.0</t>
  </si>
  <si>
    <t>481594.0</t>
  </si>
  <si>
    <t>425454.0</t>
  </si>
  <si>
    <t>206.93</t>
  </si>
  <si>
    <t>1340353.0</t>
  </si>
  <si>
    <t>481601.0</t>
  </si>
  <si>
    <t>425736.0</t>
  </si>
  <si>
    <t>1340665.0</t>
  </si>
  <si>
    <t>481604.0</t>
  </si>
  <si>
    <t>426045.0</t>
  </si>
  <si>
    <t>481606.0</t>
  </si>
  <si>
    <t>426511.0</t>
  </si>
  <si>
    <t>1341493.0</t>
  </si>
  <si>
    <t>481610.0</t>
  </si>
  <si>
    <t>426848.0</t>
  </si>
  <si>
    <t>1341537.0</t>
  </si>
  <si>
    <t>481612.0</t>
  </si>
  <si>
    <t>426889.0</t>
  </si>
  <si>
    <t>1341545.0</t>
  </si>
  <si>
    <t>426897.0</t>
  </si>
  <si>
    <t>-90.2</t>
  </si>
  <si>
    <t>-12.87</t>
  </si>
  <si>
    <t>-139.283293262364</t>
  </si>
  <si>
    <t>1341662.0</t>
  </si>
  <si>
    <t>481613.0</t>
  </si>
  <si>
    <t>427012.0</t>
  </si>
  <si>
    <t>1342112.0</t>
  </si>
  <si>
    <t>481623.0</t>
  </si>
  <si>
    <t>427449.0</t>
  </si>
  <si>
    <t>1342368.0</t>
  </si>
  <si>
    <t>427698.0</t>
  </si>
  <si>
    <t>1342660.0</t>
  </si>
  <si>
    <t>427985.0</t>
  </si>
  <si>
    <t>207.33</t>
  </si>
  <si>
    <t>1342875.0</t>
  </si>
  <si>
    <t>481626.0</t>
  </si>
  <si>
    <t>428192.0</t>
  </si>
  <si>
    <t>1342930.0</t>
  </si>
  <si>
    <t>428247.0</t>
  </si>
  <si>
    <t>207.37</t>
  </si>
  <si>
    <t>1342935.0</t>
  </si>
  <si>
    <t>428252.0</t>
  </si>
  <si>
    <t>-106.9</t>
  </si>
  <si>
    <t>-19.49</t>
  </si>
  <si>
    <t>-165.07077660473</t>
  </si>
  <si>
    <t>1343003.0</t>
  </si>
  <si>
    <t>428320.0</t>
  </si>
  <si>
    <t>207.38</t>
  </si>
  <si>
    <t>1343109.0</t>
  </si>
  <si>
    <t>481629.0</t>
  </si>
  <si>
    <t>428418.0</t>
  </si>
  <si>
    <t>1343329.0</t>
  </si>
  <si>
    <t>481634.0</t>
  </si>
  <si>
    <t>428627.0</t>
  </si>
  <si>
    <t>207.43</t>
  </si>
  <si>
    <t>1343473.0</t>
  </si>
  <si>
    <t>481638.0</t>
  </si>
  <si>
    <t>428766.0</t>
  </si>
  <si>
    <t>1343616.0</t>
  </si>
  <si>
    <t>481660.0</t>
  </si>
  <si>
    <t>428883.0</t>
  </si>
  <si>
    <t>1343675.0</t>
  </si>
  <si>
    <t>428941.0</t>
  </si>
  <si>
    <t>-117.6</t>
  </si>
  <si>
    <t>-12.49</t>
  </si>
  <si>
    <t>-181.593295871995</t>
  </si>
  <si>
    <t>1343741.0</t>
  </si>
  <si>
    <t>429005.0</t>
  </si>
  <si>
    <t>1344106.0</t>
  </si>
  <si>
    <t>481669.0</t>
  </si>
  <si>
    <t>429352.0</t>
  </si>
  <si>
    <t>207.55</t>
  </si>
  <si>
    <t>1344425.0</t>
  </si>
  <si>
    <t>481671.0</t>
  </si>
  <si>
    <t>429661.0</t>
  </si>
  <si>
    <t>1344758.0</t>
  </si>
  <si>
    <t>481675.0</t>
  </si>
  <si>
    <t>429985.0</t>
  </si>
  <si>
    <t>1345080.0</t>
  </si>
  <si>
    <t>481683.0</t>
  </si>
  <si>
    <t>430290.0</t>
  </si>
  <si>
    <t>1345104.0</t>
  </si>
  <si>
    <t>430314.0</t>
  </si>
  <si>
    <t>207.71</t>
  </si>
  <si>
    <t>-118.1</t>
  </si>
  <si>
    <t>-182.365376211587</t>
  </si>
  <si>
    <t>1345217.0</t>
  </si>
  <si>
    <t>430426.0</t>
  </si>
  <si>
    <t>1345590.0</t>
  </si>
  <si>
    <t>481686.0</t>
  </si>
  <si>
    <t>430788.0</t>
  </si>
  <si>
    <t>1346053.0</t>
  </si>
  <si>
    <t>481688.0</t>
  </si>
  <si>
    <t>431247.0</t>
  </si>
  <si>
    <t>1346437.0</t>
  </si>
  <si>
    <t>481693.0</t>
  </si>
  <si>
    <t>431622.0</t>
  </si>
  <si>
    <t>207.91</t>
  </si>
  <si>
    <t>1346866.0</t>
  </si>
  <si>
    <t>481697.0</t>
  </si>
  <si>
    <t>432038.0</t>
  </si>
  <si>
    <t>1346979.0</t>
  </si>
  <si>
    <t>481699.0</t>
  </si>
  <si>
    <t>432142.0</t>
  </si>
  <si>
    <t>1346985.0</t>
  </si>
  <si>
    <t>432148.0</t>
  </si>
  <si>
    <t>-124.2</t>
  </si>
  <si>
    <t>-7.91</t>
  </si>
  <si>
    <t>-191.784756354607</t>
  </si>
  <si>
    <t>1347106.0</t>
  </si>
  <si>
    <t>481700.0</t>
  </si>
  <si>
    <t>432267.0</t>
  </si>
  <si>
    <t>1347399.0</t>
  </si>
  <si>
    <t>481701.0</t>
  </si>
  <si>
    <t>432555.0</t>
  </si>
  <si>
    <t>1347790.0</t>
  </si>
  <si>
    <t>481704.0</t>
  </si>
  <si>
    <t>432936.0</t>
  </si>
  <si>
    <t>208.12</t>
  </si>
  <si>
    <t>1348166.0</t>
  </si>
  <si>
    <t>481709.0</t>
  </si>
  <si>
    <t>433303.0</t>
  </si>
  <si>
    <t>1348649.0</t>
  </si>
  <si>
    <t>481716.0</t>
  </si>
  <si>
    <t>433773.0</t>
  </si>
  <si>
    <t>1348726.0</t>
  </si>
  <si>
    <t>433849.0</t>
  </si>
  <si>
    <t>1348728.0</t>
  </si>
  <si>
    <t>433851.0</t>
  </si>
  <si>
    <t>-131.7</t>
  </si>
  <si>
    <t>-203.365961448484</t>
  </si>
  <si>
    <t>1348841.0</t>
  </si>
  <si>
    <t>1349246.0</t>
  </si>
  <si>
    <t>481721.0</t>
  </si>
  <si>
    <t>434360.0</t>
  </si>
  <si>
    <t>1349620.0</t>
  </si>
  <si>
    <t>481722.0</t>
  </si>
  <si>
    <t>434731.0</t>
  </si>
  <si>
    <t>1350193.0</t>
  </si>
  <si>
    <t>481723.0</t>
  </si>
  <si>
    <t>435299.0</t>
  </si>
  <si>
    <t>1350711.0</t>
  </si>
  <si>
    <t>435800.0</t>
  </si>
  <si>
    <t>1350848.0</t>
  </si>
  <si>
    <t>435935.0</t>
  </si>
  <si>
    <t>1351077.0</t>
  </si>
  <si>
    <t>481729.0</t>
  </si>
  <si>
    <t>436161.0</t>
  </si>
  <si>
    <t>1351622.0</t>
  </si>
  <si>
    <t>481732.0</t>
  </si>
  <si>
    <t>436696.0</t>
  </si>
  <si>
    <t>1352082.0</t>
  </si>
  <si>
    <t>481733.0</t>
  </si>
  <si>
    <t>437149.0</t>
  </si>
  <si>
    <t>1352700.0</t>
  </si>
  <si>
    <t>481735.0</t>
  </si>
  <si>
    <t>437758.0</t>
  </si>
  <si>
    <t>1353499.0</t>
  </si>
  <si>
    <t>481749.0</t>
  </si>
  <si>
    <t>438528.0</t>
  </si>
  <si>
    <t>1353792.0</t>
  </si>
  <si>
    <t>481751.0</t>
  </si>
  <si>
    <t>438819.0</t>
  </si>
  <si>
    <t>209.05</t>
  </si>
  <si>
    <t>1353802.0</t>
  </si>
  <si>
    <t>-133.1</t>
  </si>
  <si>
    <t>-205.527786399342</t>
  </si>
  <si>
    <t>1354002.0</t>
  </si>
  <si>
    <t>439027.0</t>
  </si>
  <si>
    <t>1354677.0</t>
  </si>
  <si>
    <t>481753.0</t>
  </si>
  <si>
    <t>439697.0</t>
  </si>
  <si>
    <t>481758.0</t>
  </si>
  <si>
    <t>440247.0</t>
  </si>
  <si>
    <t>1355898.0</t>
  </si>
  <si>
    <t>481765.0</t>
  </si>
  <si>
    <t>440899.0</t>
  </si>
  <si>
    <t>1356599.0</t>
  </si>
  <si>
    <t>481769.0</t>
  </si>
  <si>
    <t>441592.0</t>
  </si>
  <si>
    <t>209.48</t>
  </si>
  <si>
    <t>1356816.0</t>
  </si>
  <si>
    <t>441805.0</t>
  </si>
  <si>
    <t>1356817.0</t>
  </si>
  <si>
    <t>441806.0</t>
  </si>
  <si>
    <t>-126.6</t>
  </si>
  <si>
    <t>-195.490741984648</t>
  </si>
  <si>
    <t>1357177.0</t>
  </si>
  <si>
    <t>481776.0</t>
  </si>
  <si>
    <t>442159.0</t>
  </si>
  <si>
    <t>1357795.0</t>
  </si>
  <si>
    <t>481779.0</t>
  </si>
  <si>
    <t>442772.0</t>
  </si>
  <si>
    <t>1358298.0</t>
  </si>
  <si>
    <t>481780.0</t>
  </si>
  <si>
    <t>443272.0</t>
  </si>
  <si>
    <t>1358879.0</t>
  </si>
  <si>
    <t>481783.0</t>
  </si>
  <si>
    <t>443849.0</t>
  </si>
  <si>
    <t>1359456.0</t>
  </si>
  <si>
    <t>481793.0</t>
  </si>
  <si>
    <t>444410.0</t>
  </si>
  <si>
    <t>1359633.0</t>
  </si>
  <si>
    <t>444582.0</t>
  </si>
  <si>
    <t>1359717.0</t>
  </si>
  <si>
    <t>481799.0</t>
  </si>
  <si>
    <t>1360160.0</t>
  </si>
  <si>
    <t>481803.0</t>
  </si>
  <si>
    <t>445098.0</t>
  </si>
  <si>
    <t>1360609.0</t>
  </si>
  <si>
    <t>481815.0</t>
  </si>
  <si>
    <t>445531.0</t>
  </si>
  <si>
    <t>1360953.0</t>
  </si>
  <si>
    <t>445864.0</t>
  </si>
  <si>
    <t>1361124.0</t>
  </si>
  <si>
    <t>481822.0</t>
  </si>
  <si>
    <t>-143.6</t>
  </si>
  <si>
    <t>-12.54</t>
  </si>
  <si>
    <t>-221.74147353077</t>
  </si>
  <si>
    <t>1361275.0</t>
  </si>
  <si>
    <t>1361691.0</t>
  </si>
  <si>
    <t>481823.0</t>
  </si>
  <si>
    <t>446591.0</t>
  </si>
  <si>
    <t>1362090.0</t>
  </si>
  <si>
    <t>481825.0</t>
  </si>
  <si>
    <t>446988.0</t>
  </si>
  <si>
    <t>1362585.0</t>
  </si>
  <si>
    <t>481826.0</t>
  </si>
  <si>
    <t>447479.0</t>
  </si>
  <si>
    <t>1363023.0</t>
  </si>
  <si>
    <t>447913.0</t>
  </si>
  <si>
    <t>210.47</t>
  </si>
  <si>
    <t>1363152.0</t>
  </si>
  <si>
    <t>481828.0</t>
  </si>
  <si>
    <t>448036.0</t>
  </si>
  <si>
    <t>1363153.0</t>
  </si>
  <si>
    <t>448037.0</t>
  </si>
  <si>
    <t>1363302.0</t>
  </si>
  <si>
    <t>481829.0</t>
  </si>
  <si>
    <t>448184.0</t>
  </si>
  <si>
    <t>1363676.0</t>
  </si>
  <si>
    <t>481831.0</t>
  </si>
  <si>
    <t>448552.0</t>
  </si>
  <si>
    <t>1363984.0</t>
  </si>
  <si>
    <t>481832.0</t>
  </si>
  <si>
    <t>448853.0</t>
  </si>
  <si>
    <t>210.62</t>
  </si>
  <si>
    <t>1364347.0</t>
  </si>
  <si>
    <t>481835.0</t>
  </si>
  <si>
    <t>449205.0</t>
  </si>
  <si>
    <t>1364673.0</t>
  </si>
  <si>
    <t>481839.0</t>
  </si>
  <si>
    <t>449523.0</t>
  </si>
  <si>
    <t>1364825.0</t>
  </si>
  <si>
    <t>481842.0</t>
  </si>
  <si>
    <t>449670.0</t>
  </si>
  <si>
    <t>1364995.0</t>
  </si>
  <si>
    <t>481844.0</t>
  </si>
  <si>
    <t>449837.0</t>
  </si>
  <si>
    <t>1365305.0</t>
  </si>
  <si>
    <t>450145.0</t>
  </si>
  <si>
    <t>1365596.0</t>
  </si>
  <si>
    <t>481848.0</t>
  </si>
  <si>
    <t>450432.0</t>
  </si>
  <si>
    <t>210.87</t>
  </si>
  <si>
    <t>1365986.0</t>
  </si>
  <si>
    <t>481854.0</t>
  </si>
  <si>
    <t>450816.0</t>
  </si>
  <si>
    <t>1366336.0</t>
  </si>
  <si>
    <t>481859.0</t>
  </si>
  <si>
    <t>451153.0</t>
  </si>
  <si>
    <t>1366464.0</t>
  </si>
  <si>
    <t>481861.0</t>
  </si>
  <si>
    <t>451271.0</t>
  </si>
  <si>
    <t>1366590.0</t>
  </si>
  <si>
    <t>451397.0</t>
  </si>
  <si>
    <t>1366870.0</t>
  </si>
  <si>
    <t>481865.0</t>
  </si>
  <si>
    <t>451672.0</t>
  </si>
  <si>
    <t>1367151.0</t>
  </si>
  <si>
    <t>481866.0</t>
  </si>
  <si>
    <t>451949.0</t>
  </si>
  <si>
    <t>211.11</t>
  </si>
  <si>
    <t>1367472.0</t>
  </si>
  <si>
    <t>481868.0</t>
  </si>
  <si>
    <t>452255.0</t>
  </si>
  <si>
    <t>211.16</t>
  </si>
  <si>
    <t>1367736.0</t>
  </si>
  <si>
    <t>481869.0</t>
  </si>
  <si>
    <t>211.2</t>
  </si>
  <si>
    <t>1367875.0</t>
  </si>
  <si>
    <t>481870.0</t>
  </si>
  <si>
    <t>1367949.0</t>
  </si>
  <si>
    <t>452725.0</t>
  </si>
  <si>
    <t>211.23</t>
  </si>
  <si>
    <t>1368210.0</t>
  </si>
  <si>
    <t>481871.0</t>
  </si>
  <si>
    <t>452983.0</t>
  </si>
  <si>
    <t>211.27</t>
  </si>
  <si>
    <t>1368521.0</t>
  </si>
  <si>
    <t>481872.0</t>
  </si>
  <si>
    <t>453290.0</t>
  </si>
  <si>
    <t>1368806.0</t>
  </si>
  <si>
    <t>453575.0</t>
  </si>
  <si>
    <t>1369125.0</t>
  </si>
  <si>
    <t>481873.0</t>
  </si>
  <si>
    <t>453891.0</t>
  </si>
  <si>
    <t>211.41</t>
  </si>
  <si>
    <t>1369231.0</t>
  </si>
  <si>
    <t>453995.0</t>
  </si>
  <si>
    <t>462574.0</t>
  </si>
  <si>
    <t>1369265.0</t>
  </si>
  <si>
    <t>211.44</t>
  </si>
  <si>
    <t>1369533.0</t>
  </si>
  <si>
    <t>481875.0</t>
  </si>
  <si>
    <t>454294.0</t>
  </si>
  <si>
    <t>1369746.0</t>
  </si>
  <si>
    <t>481876.0</t>
  </si>
  <si>
    <t>454505.0</t>
  </si>
  <si>
    <t>1369991.0</t>
  </si>
  <si>
    <t>454746.0</t>
  </si>
  <si>
    <t>1370223.0</t>
  </si>
  <si>
    <t>481882.0</t>
  </si>
  <si>
    <t>454971.0</t>
  </si>
  <si>
    <t>211.58</t>
  </si>
  <si>
    <t>1370337.0</t>
  </si>
  <si>
    <t>481888.0</t>
  </si>
  <si>
    <t>455076.0</t>
  </si>
  <si>
    <t>1370404.0</t>
  </si>
  <si>
    <t>481890.0</t>
  </si>
  <si>
    <t>455141.0</t>
  </si>
  <si>
    <t>1370614.0</t>
  </si>
  <si>
    <t>481893.0</t>
  </si>
  <si>
    <t>455343.0</t>
  </si>
  <si>
    <t>1370802.0</t>
  </si>
  <si>
    <t>481899.0</t>
  </si>
  <si>
    <t>455522.0</t>
  </si>
  <si>
    <t>211.67</t>
  </si>
  <si>
    <t>1370986.0</t>
  </si>
  <si>
    <t>481900.0</t>
  </si>
  <si>
    <t>455703.0</t>
  </si>
  <si>
    <t>1371118.0</t>
  </si>
  <si>
    <t>481902.0</t>
  </si>
  <si>
    <t>455831.0</t>
  </si>
  <si>
    <t>1371120.0</t>
  </si>
  <si>
    <t>455833.0</t>
  </si>
  <si>
    <t>1371143.0</t>
  </si>
  <si>
    <t>455856.0</t>
  </si>
  <si>
    <t>1371153.0</t>
  </si>
  <si>
    <t>455866.0</t>
  </si>
  <si>
    <t>1371174.0</t>
  </si>
  <si>
    <t>455886.0</t>
  </si>
  <si>
    <t>1371193.0</t>
  </si>
  <si>
    <t>481903.0</t>
  </si>
  <si>
    <t>455904.0</t>
  </si>
  <si>
    <t>MAC</t>
  </si>
  <si>
    <t>Macao</t>
  </si>
  <si>
    <t>-7.19238182916655</t>
  </si>
  <si>
    <t>10.9324203803332</t>
  </si>
  <si>
    <t>-7.33</t>
  </si>
  <si>
    <t>-8.05546764866653</t>
  </si>
  <si>
    <t>17.837106936333</t>
  </si>
  <si>
    <t>-6.36</t>
  </si>
  <si>
    <t>1.72617163899997</t>
  </si>
  <si>
    <t>15.2478494778331</t>
  </si>
  <si>
    <t>27.0433556776662</t>
  </si>
  <si>
    <t>64.7314364624989</t>
  </si>
  <si>
    <t>100.981040881498</t>
  </si>
  <si>
    <t>126.010529646998</t>
  </si>
  <si>
    <t>158.520095514831</t>
  </si>
  <si>
    <t>142.409160217498</t>
  </si>
  <si>
    <t>154.060818780747</t>
  </si>
  <si>
    <t>183.837279553497</t>
  </si>
  <si>
    <t>22865.0</t>
  </si>
  <si>
    <t>24040.0</t>
  </si>
  <si>
    <t>28767.0</t>
  </si>
  <si>
    <t>32841.0</t>
  </si>
  <si>
    <t>33927.0</t>
  </si>
  <si>
    <t>36459.0</t>
  </si>
  <si>
    <t>39257.0</t>
  </si>
  <si>
    <t>44908.0</t>
  </si>
  <si>
    <t>49308.0</t>
  </si>
  <si>
    <t>51017.0</t>
  </si>
  <si>
    <t>198.078195575247</t>
  </si>
  <si>
    <t>55951.0</t>
  </si>
  <si>
    <t>56530.0</t>
  </si>
  <si>
    <t>57251.0</t>
  </si>
  <si>
    <t>58676.0</t>
  </si>
  <si>
    <t>17559.0</t>
  </si>
  <si>
    <t>60778.0</t>
  </si>
  <si>
    <t>41914.0</t>
  </si>
  <si>
    <t>62893.0</t>
  </si>
  <si>
    <t>42802.0</t>
  </si>
  <si>
    <t>43967.0</t>
  </si>
  <si>
    <t>69149.0</t>
  </si>
  <si>
    <t>71196.0</t>
  </si>
  <si>
    <t>46732.0</t>
  </si>
  <si>
    <t>73100.0</t>
  </si>
  <si>
    <t>47812.0</t>
  </si>
  <si>
    <t>25288.0</t>
  </si>
  <si>
    <t>75087.0</t>
  </si>
  <si>
    <t>48974.0</t>
  </si>
  <si>
    <t>77236.0</t>
  </si>
  <si>
    <t>79921.0</t>
  </si>
  <si>
    <t>81893.0</t>
  </si>
  <si>
    <t>52688.0</t>
  </si>
  <si>
    <t>83257.0</t>
  </si>
  <si>
    <t>85011.0</t>
  </si>
  <si>
    <t>55750.0</t>
  </si>
  <si>
    <t>30903.0</t>
  </si>
  <si>
    <t>88292.0</t>
  </si>
  <si>
    <t>56931.0</t>
  </si>
  <si>
    <t>90063.0</t>
  </si>
  <si>
    <t>31877.0</t>
  </si>
  <si>
    <t>91763.0</t>
  </si>
  <si>
    <t>32361.0</t>
  </si>
  <si>
    <t>93688.0</t>
  </si>
  <si>
    <t>60800.0</t>
  </si>
  <si>
    <t>95629.0</t>
  </si>
  <si>
    <t>62155.0</t>
  </si>
  <si>
    <t>98021.0</t>
  </si>
  <si>
    <t>100454.0</t>
  </si>
  <si>
    <t>34776.0</t>
  </si>
  <si>
    <t>102444.0</t>
  </si>
  <si>
    <t>224.11461779683</t>
  </si>
  <si>
    <t>106197.0</t>
  </si>
  <si>
    <t>69708.0</t>
  </si>
  <si>
    <t>70655.0</t>
  </si>
  <si>
    <t>37197.0</t>
  </si>
  <si>
    <t>109255.0</t>
  </si>
  <si>
    <t>71719.0</t>
  </si>
  <si>
    <t>110952.0</t>
  </si>
  <si>
    <t>72879.0</t>
  </si>
  <si>
    <t>38213.0</t>
  </si>
  <si>
    <t>112748.0</t>
  </si>
  <si>
    <t>74059.0</t>
  </si>
  <si>
    <t>38831.0</t>
  </si>
  <si>
    <t>114572.0</t>
  </si>
  <si>
    <t>39525.0</t>
  </si>
  <si>
    <t>76529.0</t>
  </si>
  <si>
    <t>118687.0</t>
  </si>
  <si>
    <t>77597.0</t>
  </si>
  <si>
    <t>122288.0</t>
  </si>
  <si>
    <t>79526.0</t>
  </si>
  <si>
    <t>80557.0</t>
  </si>
  <si>
    <t>126141.0</t>
  </si>
  <si>
    <t>81529.0</t>
  </si>
  <si>
    <t>44794.0</t>
  </si>
  <si>
    <t>128147.0</t>
  </si>
  <si>
    <t>45884.0</t>
  </si>
  <si>
    <t>130761.0</t>
  </si>
  <si>
    <t>47193.0</t>
  </si>
  <si>
    <t>132910.0</t>
  </si>
  <si>
    <t>84844.0</t>
  </si>
  <si>
    <t>48270.0</t>
  </si>
  <si>
    <t>85731.0</t>
  </si>
  <si>
    <t>49070.0</t>
  </si>
  <si>
    <t>136887.0</t>
  </si>
  <si>
    <t>86956.0</t>
  </si>
  <si>
    <t>138414.0</t>
  </si>
  <si>
    <t>87904.0</t>
  </si>
  <si>
    <t>140121.0</t>
  </si>
  <si>
    <t>88771.0</t>
  </si>
  <si>
    <t>142900.0</t>
  </si>
  <si>
    <t>90267.0</t>
  </si>
  <si>
    <t>146189.0</t>
  </si>
  <si>
    <t>92135.0</t>
  </si>
  <si>
    <t>148793.0</t>
  </si>
  <si>
    <t>55580.0</t>
  </si>
  <si>
    <t>151389.0</t>
  </si>
  <si>
    <t>95212.0</t>
  </si>
  <si>
    <t>56568.0</t>
  </si>
  <si>
    <t>154743.0</t>
  </si>
  <si>
    <t>97452.0</t>
  </si>
  <si>
    <t>57746.0</t>
  </si>
  <si>
    <t>98911.0</t>
  </si>
  <si>
    <t>58837.0</t>
  </si>
  <si>
    <t>159510.0</t>
  </si>
  <si>
    <t>100194.0</t>
  </si>
  <si>
    <t>162723.0</t>
  </si>
  <si>
    <t>102047.0</t>
  </si>
  <si>
    <t>61228.0</t>
  </si>
  <si>
    <t>166856.0</t>
  </si>
  <si>
    <t>62859.0</t>
  </si>
  <si>
    <t>173404.0</t>
  </si>
  <si>
    <t>108989.0</t>
  </si>
  <si>
    <t>234.040104721079</t>
  </si>
  <si>
    <t>177950.0</t>
  </si>
  <si>
    <t>112559.0</t>
  </si>
  <si>
    <t>66169.0</t>
  </si>
  <si>
    <t>182969.0</t>
  </si>
  <si>
    <t>116564.0</t>
  </si>
  <si>
    <t>67247.0</t>
  </si>
  <si>
    <t>187652.0</t>
  </si>
  <si>
    <t>120395.0</t>
  </si>
  <si>
    <t>192660.0</t>
  </si>
  <si>
    <t>124303.0</t>
  </si>
  <si>
    <t>69296.0</t>
  </si>
  <si>
    <t>198781.0</t>
  </si>
  <si>
    <t>129062.0</t>
  </si>
  <si>
    <t>203833.0</t>
  </si>
  <si>
    <t>132985.0</t>
  </si>
  <si>
    <t>71858.0</t>
  </si>
  <si>
    <t>209051.0</t>
  </si>
  <si>
    <t>72763.0</t>
  </si>
  <si>
    <t>215775.0</t>
  </si>
  <si>
    <t>143117.0</t>
  </si>
  <si>
    <t>73733.0</t>
  </si>
  <si>
    <t>223082.0</t>
  </si>
  <si>
    <t>149506.0</t>
  </si>
  <si>
    <t>74684.0</t>
  </si>
  <si>
    <t>230336.0</t>
  </si>
  <si>
    <t>155838.0</t>
  </si>
  <si>
    <t>75631.0</t>
  </si>
  <si>
    <t>161811.0</t>
  </si>
  <si>
    <t>244994.0</t>
  </si>
  <si>
    <t>168333.0</t>
  </si>
  <si>
    <t>250889.0</t>
  </si>
  <si>
    <t>78920.0</t>
  </si>
  <si>
    <t>177279.0</t>
  </si>
  <si>
    <t>79485.0</t>
  </si>
  <si>
    <t>261228.0</t>
  </si>
  <si>
    <t>181797.0</t>
  </si>
  <si>
    <t>267738.0</t>
  </si>
  <si>
    <t>187087.0</t>
  </si>
  <si>
    <t>81890.0</t>
  </si>
  <si>
    <t>273738.0</t>
  </si>
  <si>
    <t>191961.0</t>
  </si>
  <si>
    <t>83036.0</t>
  </si>
  <si>
    <t>279931.0</t>
  </si>
  <si>
    <t>196744.0</t>
  </si>
  <si>
    <t>84461.0</t>
  </si>
  <si>
    <t>286740.0</t>
  </si>
  <si>
    <t>201950.0</t>
  </si>
  <si>
    <t>86069.0</t>
  </si>
  <si>
    <t>291995.0</t>
  </si>
  <si>
    <t>205772.0</t>
  </si>
  <si>
    <t>87506.0</t>
  </si>
  <si>
    <t>296817.0</t>
  </si>
  <si>
    <t>209350.0</t>
  </si>
  <si>
    <t>302379.0</t>
  </si>
  <si>
    <t>213450.0</t>
  </si>
  <si>
    <t>90235.0</t>
  </si>
  <si>
    <t>307506.0</t>
  </si>
  <si>
    <t>217211.0</t>
  </si>
  <si>
    <t>91618.0</t>
  </si>
  <si>
    <t>311919.0</t>
  </si>
  <si>
    <t>220215.0</t>
  </si>
  <si>
    <t>93039.0</t>
  </si>
  <si>
    <t>316456.0</t>
  </si>
  <si>
    <t>223074.0</t>
  </si>
  <si>
    <t>321521.0</t>
  </si>
  <si>
    <t>325418.0</t>
  </si>
  <si>
    <t>228119.0</t>
  </si>
  <si>
    <t>329495.0</t>
  </si>
  <si>
    <t>229957.0</t>
  </si>
  <si>
    <t>335125.0</t>
  </si>
  <si>
    <t>232597.0</t>
  </si>
  <si>
    <t>340645.0</t>
  </si>
  <si>
    <t>235018.0</t>
  </si>
  <si>
    <t>107030.0</t>
  </si>
  <si>
    <t>273.598204781495</t>
  </si>
  <si>
    <t>347396.0</t>
  </si>
  <si>
    <t>238489.0</t>
  </si>
  <si>
    <t>110322.0</t>
  </si>
  <si>
    <t>354557.0</t>
  </si>
  <si>
    <t>113957.0</t>
  </si>
  <si>
    <t>361996.0</t>
  </si>
  <si>
    <t>245261.0</t>
  </si>
  <si>
    <t>118169.0</t>
  </si>
  <si>
    <t>367958.0</t>
  </si>
  <si>
    <t>247278.0</t>
  </si>
  <si>
    <t>373898.0</t>
  </si>
  <si>
    <t>249564.0</t>
  </si>
  <si>
    <t>125793.0</t>
  </si>
  <si>
    <t>252020.0</t>
  </si>
  <si>
    <t>387925.0</t>
  </si>
  <si>
    <t>254109.0</t>
  </si>
  <si>
    <t>394909.0</t>
  </si>
  <si>
    <t>256136.0</t>
  </si>
  <si>
    <t>140317.0</t>
  </si>
  <si>
    <t>401532.0</t>
  </si>
  <si>
    <t>257597.0</t>
  </si>
  <si>
    <t>145489.0</t>
  </si>
  <si>
    <t>407780.0</t>
  </si>
  <si>
    <t>259544.0</t>
  </si>
  <si>
    <t>149809.0</t>
  </si>
  <si>
    <t>412135.0</t>
  </si>
  <si>
    <t>261242.0</t>
  </si>
  <si>
    <t>152477.0</t>
  </si>
  <si>
    <t>417496.0</t>
  </si>
  <si>
    <t>262222.0</t>
  </si>
  <si>
    <t>423905.0</t>
  </si>
  <si>
    <t>263428.0</t>
  </si>
  <si>
    <t>162082.0</t>
  </si>
  <si>
    <t>429228.0</t>
  </si>
  <si>
    <t>166376.0</t>
  </si>
  <si>
    <t>434726.0</t>
  </si>
  <si>
    <t>265516.0</t>
  </si>
  <si>
    <t>170829.0</t>
  </si>
  <si>
    <t>440549.0</t>
  </si>
  <si>
    <t>266623.0</t>
  </si>
  <si>
    <t>175554.0</t>
  </si>
  <si>
    <t>446916.0</t>
  </si>
  <si>
    <t>267742.0</t>
  </si>
  <si>
    <t>180808.0</t>
  </si>
  <si>
    <t>451721.0</t>
  </si>
  <si>
    <t>268722.0</t>
  </si>
  <si>
    <t>184637.0</t>
  </si>
  <si>
    <t>456510.0</t>
  </si>
  <si>
    <t>269923.0</t>
  </si>
  <si>
    <t>188238.0</t>
  </si>
  <si>
    <t>461931.0</t>
  </si>
  <si>
    <t>271308.0</t>
  </si>
  <si>
    <t>192284.0</t>
  </si>
  <si>
    <t>466296.0</t>
  </si>
  <si>
    <t>272403.0</t>
  </si>
  <si>
    <t>195562.0</t>
  </si>
  <si>
    <t>470805.0</t>
  </si>
  <si>
    <t>273508.0</t>
  </si>
  <si>
    <t>475063.0</t>
  </si>
  <si>
    <t>274416.0</t>
  </si>
  <si>
    <t>202337.0</t>
  </si>
  <si>
    <t>480435.0</t>
  </si>
  <si>
    <t>275721.0</t>
  </si>
  <si>
    <t>206413.0</t>
  </si>
  <si>
    <t>484119.0</t>
  </si>
  <si>
    <t>276654.0</t>
  </si>
  <si>
    <t>209171.0</t>
  </si>
  <si>
    <t>488756.0</t>
  </si>
  <si>
    <t>212419.0</t>
  </si>
  <si>
    <t>279472.0</t>
  </si>
  <si>
    <t>215237.0</t>
  </si>
  <si>
    <t>497048.0</t>
  </si>
  <si>
    <t>280803.0</t>
  </si>
  <si>
    <t>217975.0</t>
  </si>
  <si>
    <t>282047.0</t>
  </si>
  <si>
    <t>505332.0</t>
  </si>
  <si>
    <t>283293.0</t>
  </si>
  <si>
    <t>509754.0</t>
  </si>
  <si>
    <t>284657.0</t>
  </si>
  <si>
    <t>226851.0</t>
  </si>
  <si>
    <t>275.468224057079</t>
  </si>
  <si>
    <t>513239.0</t>
  </si>
  <si>
    <t>285858.0</t>
  </si>
  <si>
    <t>229139.0</t>
  </si>
  <si>
    <t>516374.0</t>
  </si>
  <si>
    <t>286954.0</t>
  </si>
  <si>
    <t>231182.0</t>
  </si>
  <si>
    <t>519521.0</t>
  </si>
  <si>
    <t>288085.0</t>
  </si>
  <si>
    <t>233203.0</t>
  </si>
  <si>
    <t>522376.0</t>
  </si>
  <si>
    <t>289637.0</t>
  </si>
  <si>
    <t>234511.0</t>
  </si>
  <si>
    <t>523016.0</t>
  </si>
  <si>
    <t>289941.0</t>
  </si>
  <si>
    <t>234849.0</t>
  </si>
  <si>
    <t>291569.0</t>
  </si>
  <si>
    <t>236612.0</t>
  </si>
  <si>
    <t>531317.0</t>
  </si>
  <si>
    <t>293807.0</t>
  </si>
  <si>
    <t>239292.0</t>
  </si>
  <si>
    <t>540087.0</t>
  </si>
  <si>
    <t>297948.0</t>
  </si>
  <si>
    <t>243941.0</t>
  </si>
  <si>
    <t>543272.0</t>
  </si>
  <si>
    <t>299677.0</t>
  </si>
  <si>
    <t>245400.0</t>
  </si>
  <si>
    <t>547953.0</t>
  </si>
  <si>
    <t>302079.0</t>
  </si>
  <si>
    <t>247683.0</t>
  </si>
  <si>
    <t>561045.0</t>
  </si>
  <si>
    <t>309579.0</t>
  </si>
  <si>
    <t>253297.0</t>
  </si>
  <si>
    <t>568863.0</t>
  </si>
  <si>
    <t>313538.0</t>
  </si>
  <si>
    <t>257174.0</t>
  </si>
  <si>
    <t>582592.0</t>
  </si>
  <si>
    <t>320034.0</t>
  </si>
  <si>
    <t>264424.0</t>
  </si>
  <si>
    <t>598356.0</t>
  </si>
  <si>
    <t>326165.0</t>
  </si>
  <si>
    <t>274109.0</t>
  </si>
  <si>
    <t>308.984723380995</t>
  </si>
  <si>
    <t>603152.0</t>
  </si>
  <si>
    <t>327783.0</t>
  </si>
  <si>
    <t>277313.0</t>
  </si>
  <si>
    <t>607741.0</t>
  </si>
  <si>
    <t>329375.0</t>
  </si>
  <si>
    <t>621410.0</t>
  </si>
  <si>
    <t>332204.0</t>
  </si>
  <si>
    <t>291195.0</t>
  </si>
  <si>
    <t>633071.0</t>
  </si>
  <si>
    <t>338450.0</t>
  </si>
  <si>
    <t>296643.0</t>
  </si>
  <si>
    <t>649564.0</t>
  </si>
  <si>
    <t>348347.0</t>
  </si>
  <si>
    <t>303260.0</t>
  </si>
  <si>
    <t>667489.0</t>
  </si>
  <si>
    <t>360658.0</t>
  </si>
  <si>
    <t>308922.0</t>
  </si>
  <si>
    <t>672372.0</t>
  </si>
  <si>
    <t>363744.0</t>
  </si>
  <si>
    <t>310726.0</t>
  </si>
  <si>
    <t>339.624269973244</t>
  </si>
  <si>
    <t>676994.0</t>
  </si>
  <si>
    <t>367079.0</t>
  </si>
  <si>
    <t>312016.0</t>
  </si>
  <si>
    <t>684611.0</t>
  </si>
  <si>
    <t>372726.0</t>
  </si>
  <si>
    <t>313997.0</t>
  </si>
  <si>
    <t>739977.0</t>
  </si>
  <si>
    <t>417135.0</t>
  </si>
  <si>
    <t>325440.0</t>
  </si>
  <si>
    <t>106.44</t>
  </si>
  <si>
    <t>751518.0</t>
  </si>
  <si>
    <t>425260.0</t>
  </si>
  <si>
    <t>328961.0</t>
  </si>
  <si>
    <t>790170.0</t>
  </si>
  <si>
    <t>451006.0</t>
  </si>
  <si>
    <t>384.936275496994</t>
  </si>
  <si>
    <t>821561.0</t>
  </si>
  <si>
    <t>464836.0</t>
  </si>
  <si>
    <t>361897.0</t>
  </si>
  <si>
    <t>893583.0</t>
  </si>
  <si>
    <t>479857.0</t>
  </si>
  <si>
    <t>418483.0</t>
  </si>
  <si>
    <t>897014.0</t>
  </si>
  <si>
    <t>480343.0</t>
  </si>
  <si>
    <t>420969.0</t>
  </si>
  <si>
    <t>899935.0</t>
  </si>
  <si>
    <t>480892.0</t>
  </si>
  <si>
    <t>422937.0</t>
  </si>
  <si>
    <t>906441.0</t>
  </si>
  <si>
    <t>482017.0</t>
  </si>
  <si>
    <t>427325.0</t>
  </si>
  <si>
    <t>912689.0</t>
  </si>
  <si>
    <t>482895.0</t>
  </si>
  <si>
    <t>431656.0</t>
  </si>
  <si>
    <t>918971.0</t>
  </si>
  <si>
    <t>484255.0</t>
  </si>
  <si>
    <t>435527.0</t>
  </si>
  <si>
    <t>281.3</t>
  </si>
  <si>
    <t>404.64340170891</t>
  </si>
  <si>
    <t>924015.0</t>
  </si>
  <si>
    <t>485074.0</t>
  </si>
  <si>
    <t>438627.0</t>
  </si>
  <si>
    <t>926474.0</t>
  </si>
  <si>
    <t>485553.0</t>
  </si>
  <si>
    <t>440037.0</t>
  </si>
  <si>
    <t>929018.0</t>
  </si>
  <si>
    <t>486049.0</t>
  </si>
  <si>
    <t>441620.0</t>
  </si>
  <si>
    <t>930802.0</t>
  </si>
  <si>
    <t>486338.0</t>
  </si>
  <si>
    <t>442605.0</t>
  </si>
  <si>
    <t>934977.0</t>
  </si>
  <si>
    <t>487082.0</t>
  </si>
  <si>
    <t>444719.0</t>
  </si>
  <si>
    <t>134.49</t>
  </si>
  <si>
    <t>938595.0</t>
  </si>
  <si>
    <t>446555.0</t>
  </si>
  <si>
    <t>942227.0</t>
  </si>
  <si>
    <t>488314.0</t>
  </si>
  <si>
    <t>448433.0</t>
  </si>
  <si>
    <t>945950.0</t>
  </si>
  <si>
    <t>488871.0</t>
  </si>
  <si>
    <t>450342.0</t>
  </si>
  <si>
    <t>136.07</t>
  </si>
  <si>
    <t>949981.0</t>
  </si>
  <si>
    <t>489450.0</t>
  </si>
  <si>
    <t>452324.0</t>
  </si>
  <si>
    <t>952275.0</t>
  </si>
  <si>
    <t>489783.0</t>
  </si>
  <si>
    <t>453558.0</t>
  </si>
  <si>
    <t>954266.0</t>
  </si>
  <si>
    <t>490067.0</t>
  </si>
  <si>
    <t>454419.0</t>
  </si>
  <si>
    <t>956156.0</t>
  </si>
  <si>
    <t>490428.0</t>
  </si>
  <si>
    <t>455298.0</t>
  </si>
  <si>
    <t>137.54</t>
  </si>
  <si>
    <t>958743.0</t>
  </si>
  <si>
    <t>490865.0</t>
  </si>
  <si>
    <t>456329.0</t>
  </si>
  <si>
    <t>960421.0</t>
  </si>
  <si>
    <t>491162.0</t>
  </si>
  <si>
    <t>456945.0</t>
  </si>
  <si>
    <t>963077.0</t>
  </si>
  <si>
    <t>491671.0</t>
  </si>
  <si>
    <t>458034.0</t>
  </si>
  <si>
    <t>965178.0</t>
  </si>
  <si>
    <t>492002.0</t>
  </si>
  <si>
    <t>458823.0</t>
  </si>
  <si>
    <t>967344.0</t>
  </si>
  <si>
    <t>492243.0</t>
  </si>
  <si>
    <t>459583.0</t>
  </si>
  <si>
    <t>970888.0</t>
  </si>
  <si>
    <t>492828.0</t>
  </si>
  <si>
    <t>460950.0</t>
  </si>
  <si>
    <t>972604.0</t>
  </si>
  <si>
    <t>493104.0</t>
  </si>
  <si>
    <t>461609.0</t>
  </si>
  <si>
    <t>450.530797778992</t>
  </si>
  <si>
    <t>974947.0</t>
  </si>
  <si>
    <t>493491.0</t>
  </si>
  <si>
    <t>462517.0</t>
  </si>
  <si>
    <t>975878.0</t>
  </si>
  <si>
    <t>493642.0</t>
  </si>
  <si>
    <t>462859.0</t>
  </si>
  <si>
    <t>977270.0</t>
  </si>
  <si>
    <t>493856.0</t>
  </si>
  <si>
    <t>463318.0</t>
  </si>
  <si>
    <t>979041.0</t>
  </si>
  <si>
    <t>494133.0</t>
  </si>
  <si>
    <t>463904.0</t>
  </si>
  <si>
    <t>980845.0</t>
  </si>
  <si>
    <t>494416.0</t>
  </si>
  <si>
    <t>464430.0</t>
  </si>
  <si>
    <t>982600.0</t>
  </si>
  <si>
    <t>494698.0</t>
  </si>
  <si>
    <t>464879.0</t>
  </si>
  <si>
    <t>984870.0</t>
  </si>
  <si>
    <t>495078.0</t>
  </si>
  <si>
    <t>465602.0</t>
  </si>
  <si>
    <t>989499.0</t>
  </si>
  <si>
    <t>496041.0</t>
  </si>
  <si>
    <t>466732.0</t>
  </si>
  <si>
    <t>142.34</t>
  </si>
  <si>
    <t>992120.0</t>
  </si>
  <si>
    <t>496703.0</t>
  </si>
  <si>
    <t>467292.0</t>
  </si>
  <si>
    <t>994523.0</t>
  </si>
  <si>
    <t>497250.0</t>
  </si>
  <si>
    <t>467736.0</t>
  </si>
  <si>
    <t>996946.0</t>
  </si>
  <si>
    <t>497682.0</t>
  </si>
  <si>
    <t>468141.0</t>
  </si>
  <si>
    <t>999488.0</t>
  </si>
  <si>
    <t>498185.0</t>
  </si>
  <si>
    <t>468595.0</t>
  </si>
  <si>
    <t>1002337.0</t>
  </si>
  <si>
    <t>498918.0</t>
  </si>
  <si>
    <t>469128.0</t>
  </si>
  <si>
    <t>144.18</t>
  </si>
  <si>
    <t>1005378.0</t>
  </si>
  <si>
    <t>499836.0</t>
  </si>
  <si>
    <t>469841.0</t>
  </si>
  <si>
    <t>144.62</t>
  </si>
  <si>
    <t>1007906.0</t>
  </si>
  <si>
    <t>500457.0</t>
  </si>
  <si>
    <t>470284.0</t>
  </si>
  <si>
    <t>1010511.0</t>
  </si>
  <si>
    <t>501090.0</t>
  </si>
  <si>
    <t>470761.0</t>
  </si>
  <si>
    <t>145.36</t>
  </si>
  <si>
    <t>1012834.0</t>
  </si>
  <si>
    <t>501581.0</t>
  </si>
  <si>
    <t>471143.0</t>
  </si>
  <si>
    <t>1014978.0</t>
  </si>
  <si>
    <t>501999.0</t>
  </si>
  <si>
    <t>471513.0</t>
  </si>
  <si>
    <t>1017416.0</t>
  </si>
  <si>
    <t>502469.0</t>
  </si>
  <si>
    <t>471871.0</t>
  </si>
  <si>
    <t>1020354.0</t>
  </si>
  <si>
    <t>503085.0</t>
  </si>
  <si>
    <t>472366.0</t>
  </si>
  <si>
    <t>146.78</t>
  </si>
  <si>
    <t>1023489.0</t>
  </si>
  <si>
    <t>504000.0</t>
  </si>
  <si>
    <t>472999.0</t>
  </si>
  <si>
    <t>1026051.0</t>
  </si>
  <si>
    <t>504721.0</t>
  </si>
  <si>
    <t>473452.0</t>
  </si>
  <si>
    <t>1028688.0</t>
  </si>
  <si>
    <t>505364.0</t>
  </si>
  <si>
    <t>473891.0</t>
  </si>
  <si>
    <t>1031074.0</t>
  </si>
  <si>
    <t>505982.0</t>
  </si>
  <si>
    <t>474396.0</t>
  </si>
  <si>
    <t>148.32</t>
  </si>
  <si>
    <t>1033274.0</t>
  </si>
  <si>
    <t>506575.0</t>
  </si>
  <si>
    <t>474820.0</t>
  </si>
  <si>
    <t>1035345.0</t>
  </si>
  <si>
    <t>507142.0</t>
  </si>
  <si>
    <t>1037410.0</t>
  </si>
  <si>
    <t>507638.0</t>
  </si>
  <si>
    <t>71619.0</t>
  </si>
  <si>
    <t>1039254.0</t>
  </si>
  <si>
    <t>508153.0</t>
  </si>
  <si>
    <t>476200.0</t>
  </si>
  <si>
    <t>1041508.0</t>
  </si>
  <si>
    <t>508709.0</t>
  </si>
  <si>
    <t>476908.0</t>
  </si>
  <si>
    <t>73660.0</t>
  </si>
  <si>
    <t>455.133922149659</t>
  </si>
  <si>
    <t>1041721.0</t>
  </si>
  <si>
    <t>508749.0</t>
  </si>
  <si>
    <t>476954.0</t>
  </si>
  <si>
    <t>1041948.0</t>
  </si>
  <si>
    <t>508782.0</t>
  </si>
  <si>
    <t>477009.0</t>
  </si>
  <si>
    <t>508840.0</t>
  </si>
  <si>
    <t>477091.0</t>
  </si>
  <si>
    <t>1043078.0</t>
  </si>
  <si>
    <t>509055.0</t>
  </si>
  <si>
    <t>477323.0</t>
  </si>
  <si>
    <t>1045319.0</t>
  </si>
  <si>
    <t>509572.0</t>
  </si>
  <si>
    <t>478058.0</t>
  </si>
  <si>
    <t>75611.0</t>
  </si>
  <si>
    <t>1048882.0</t>
  </si>
  <si>
    <t>510421.0</t>
  </si>
  <si>
    <t>77349.0</t>
  </si>
  <si>
    <t>1050804.0</t>
  </si>
  <si>
    <t>510845.0</t>
  </si>
  <si>
    <t>479793.0</t>
  </si>
  <si>
    <t>151.16</t>
  </si>
  <si>
    <t>1052938.0</t>
  </si>
  <si>
    <t>511306.0</t>
  </si>
  <si>
    <t>480284.0</t>
  </si>
  <si>
    <t>151.46</t>
  </si>
  <si>
    <t>1055563.0</t>
  </si>
  <si>
    <t>511864.0</t>
  </si>
  <si>
    <t>480937.0</t>
  </si>
  <si>
    <t>1060471.0</t>
  </si>
  <si>
    <t>512878.0</t>
  </si>
  <si>
    <t>482131.0</t>
  </si>
  <si>
    <t>1062673.0</t>
  </si>
  <si>
    <t>513291.0</t>
  </si>
  <si>
    <t>482703.0</t>
  </si>
  <si>
    <t>85816.0</t>
  </si>
  <si>
    <t>152.86</t>
  </si>
  <si>
    <t>1064835.0</t>
  </si>
  <si>
    <t>513782.0</t>
  </si>
  <si>
    <t>483282.0</t>
  </si>
  <si>
    <t>87236.0</t>
  </si>
  <si>
    <t>1067656.0</t>
  </si>
  <si>
    <t>514290.0</t>
  </si>
  <si>
    <t>483884.0</t>
  </si>
  <si>
    <t>89231.0</t>
  </si>
  <si>
    <t>1070837.0</t>
  </si>
  <si>
    <t>514852.0</t>
  </si>
  <si>
    <t>484488.0</t>
  </si>
  <si>
    <t>91553.0</t>
  </si>
  <si>
    <t>1074173.0</t>
  </si>
  <si>
    <t>515531.0</t>
  </si>
  <si>
    <t>485170.0</t>
  </si>
  <si>
    <t>93835.0</t>
  </si>
  <si>
    <t>1077695.0</t>
  </si>
  <si>
    <t>516877.0</t>
  </si>
  <si>
    <t>486009.0</t>
  </si>
  <si>
    <t>95408.0</t>
  </si>
  <si>
    <t>1080297.0</t>
  </si>
  <si>
    <t>517657.0</t>
  </si>
  <si>
    <t>486572.0</t>
  </si>
  <si>
    <t>96734.0</t>
  </si>
  <si>
    <t>1083121.0</t>
  </si>
  <si>
    <t>518355.0</t>
  </si>
  <si>
    <t>487193.0</t>
  </si>
  <si>
    <t>98437.0</t>
  </si>
  <si>
    <t>1086159.0</t>
  </si>
  <si>
    <t>519045.0</t>
  </si>
  <si>
    <t>487697.0</t>
  </si>
  <si>
    <t>1088997.0</t>
  </si>
  <si>
    <t>519837.0</t>
  </si>
  <si>
    <t>488194.0</t>
  </si>
  <si>
    <t>102385.0</t>
  </si>
  <si>
    <t>1092080.0</t>
  </si>
  <si>
    <t>488708.0</t>
  </si>
  <si>
    <t>521902.0</t>
  </si>
  <si>
    <t>489302.0</t>
  </si>
  <si>
    <t>106723.0</t>
  </si>
  <si>
    <t>1110726.0</t>
  </si>
  <si>
    <t>527963.0</t>
  </si>
  <si>
    <t>491721.0</t>
  </si>
  <si>
    <t>113254.0</t>
  </si>
  <si>
    <t>159.78</t>
  </si>
  <si>
    <t>336.2</t>
  </si>
  <si>
    <t>483.615754193159</t>
  </si>
  <si>
    <t>1115323.0</t>
  </si>
  <si>
    <t>529598.0</t>
  </si>
  <si>
    <t>492281.0</t>
  </si>
  <si>
    <t>115899.0</t>
  </si>
  <si>
    <t>1118657.0</t>
  </si>
  <si>
    <t>530695.0</t>
  </si>
  <si>
    <t>492644.0</t>
  </si>
  <si>
    <t>117924.0</t>
  </si>
  <si>
    <t>1123724.0</t>
  </si>
  <si>
    <t>532538.0</t>
  </si>
  <si>
    <t>493132.0</t>
  </si>
  <si>
    <t>120917.0</t>
  </si>
  <si>
    <t>1129138.0</t>
  </si>
  <si>
    <t>534758.0</t>
  </si>
  <si>
    <t>493569.0</t>
  </si>
  <si>
    <t>123876.0</t>
  </si>
  <si>
    <t>162.42</t>
  </si>
  <si>
    <t>1146256.0</t>
  </si>
  <si>
    <t>543710.0</t>
  </si>
  <si>
    <t>495159.0</t>
  </si>
  <si>
    <t>130726.0</t>
  </si>
  <si>
    <t>1150812.0</t>
  </si>
  <si>
    <t>545419.0</t>
  </si>
  <si>
    <t>495649.0</t>
  </si>
  <si>
    <t>133286.0</t>
  </si>
  <si>
    <t>1154651.0</t>
  </si>
  <si>
    <t>546805.0</t>
  </si>
  <si>
    <t>495992.0</t>
  </si>
  <si>
    <t>135562.0</t>
  </si>
  <si>
    <t>1158664.0</t>
  </si>
  <si>
    <t>548370.0</t>
  </si>
  <si>
    <t>496404.0</t>
  </si>
  <si>
    <t>137831.0</t>
  </si>
  <si>
    <t>1163782.0</t>
  </si>
  <si>
    <t>550737.0</t>
  </si>
  <si>
    <t>496874.0</t>
  </si>
  <si>
    <t>140303.0</t>
  </si>
  <si>
    <t>1170192.0</t>
  </si>
  <si>
    <t>554553.0</t>
  </si>
  <si>
    <t>497632.0</t>
  </si>
  <si>
    <t>142221.0</t>
  </si>
  <si>
    <t>1174158.0</t>
  </si>
  <si>
    <t>556102.0</t>
  </si>
  <si>
    <t>498179.0</t>
  </si>
  <si>
    <t>144143.0</t>
  </si>
  <si>
    <t>1178266.0</t>
  </si>
  <si>
    <t>557718.0</t>
  </si>
  <si>
    <t>498656.0</t>
  </si>
  <si>
    <t>169.49</t>
  </si>
  <si>
    <t>1181999.0</t>
  </si>
  <si>
    <t>558780.0</t>
  </si>
  <si>
    <t>499097.0</t>
  </si>
  <si>
    <t>148768.0</t>
  </si>
  <si>
    <t>1186299.0</t>
  </si>
  <si>
    <t>560444.0</t>
  </si>
  <si>
    <t>499597.0</t>
  </si>
  <si>
    <t>151213.0</t>
  </si>
  <si>
    <t>1190277.0</t>
  </si>
  <si>
    <t>561723.0</t>
  </si>
  <si>
    <t>500160.0</t>
  </si>
  <si>
    <t>153684.0</t>
  </si>
  <si>
    <t>1195644.0</t>
  </si>
  <si>
    <t>564069.0</t>
  </si>
  <si>
    <t>500979.0</t>
  </si>
  <si>
    <t>156409.0</t>
  </si>
  <si>
    <t>171.99</t>
  </si>
  <si>
    <t>1206620.0</t>
  </si>
  <si>
    <t>569565.0</t>
  </si>
  <si>
    <t>502710.0</t>
  </si>
  <si>
    <t>160486.0</t>
  </si>
  <si>
    <t>1210824.0</t>
  </si>
  <si>
    <t>570848.0</t>
  </si>
  <si>
    <t>503468.0</t>
  </si>
  <si>
    <t>163057.0</t>
  </si>
  <si>
    <t>1214641.0</t>
  </si>
  <si>
    <t>571954.0</t>
  </si>
  <si>
    <t>504084.0</t>
  </si>
  <si>
    <t>165466.0</t>
  </si>
  <si>
    <t>1217772.0</t>
  </si>
  <si>
    <t>572819.0</t>
  </si>
  <si>
    <t>504663.0</t>
  </si>
  <si>
    <t>167416.0</t>
  </si>
  <si>
    <t>1220674.0</t>
  </si>
  <si>
    <t>573533.0</t>
  </si>
  <si>
    <t>505274.0</t>
  </si>
  <si>
    <t>169227.0</t>
  </si>
  <si>
    <t>1225442.0</t>
  </si>
  <si>
    <t>575415.0</t>
  </si>
  <si>
    <t>506238.0</t>
  </si>
  <si>
    <t>171390.0</t>
  </si>
  <si>
    <t>1234964.0</t>
  </si>
  <si>
    <t>579206.0</t>
  </si>
  <si>
    <t>508878.0</t>
  </si>
  <si>
    <t>174695.0</t>
  </si>
  <si>
    <t>177.65</t>
  </si>
  <si>
    <t>1238228.0</t>
  </si>
  <si>
    <t>579965.0</t>
  </si>
  <si>
    <t>509829.0</t>
  </si>
  <si>
    <t>176487.0</t>
  </si>
  <si>
    <t>581211.0</t>
  </si>
  <si>
    <t>511510.0</t>
  </si>
  <si>
    <t>179935.0</t>
  </si>
  <si>
    <t>1246959.0</t>
  </si>
  <si>
    <t>581872.0</t>
  </si>
  <si>
    <t>512314.0</t>
  </si>
  <si>
    <t>181527.0</t>
  </si>
  <si>
    <t>378.2</t>
  </si>
  <si>
    <t>544.031761558158</t>
  </si>
  <si>
    <t>1250891.0</t>
  </si>
  <si>
    <t>582911.0</t>
  </si>
  <si>
    <t>513652.0</t>
  </si>
  <si>
    <t>183289.0</t>
  </si>
  <si>
    <t>586351.0</t>
  </si>
  <si>
    <t>518807.0</t>
  </si>
  <si>
    <t>187663.0</t>
  </si>
  <si>
    <t>181.75</t>
  </si>
  <si>
    <t>1266055.0</t>
  </si>
  <si>
    <t>586882.0</t>
  </si>
  <si>
    <t>519858.0</t>
  </si>
  <si>
    <t>188736.0</t>
  </si>
  <si>
    <t>1268681.0</t>
  </si>
  <si>
    <t>520802.0</t>
  </si>
  <si>
    <t>190052.0</t>
  </si>
  <si>
    <t>1271351.0</t>
  </si>
  <si>
    <t>587864.0</t>
  </si>
  <si>
    <t>521791.0</t>
  </si>
  <si>
    <t>191417.0</t>
  </si>
  <si>
    <t>1274833.0</t>
  </si>
  <si>
    <t>588482.0</t>
  </si>
  <si>
    <t>523330.0</t>
  </si>
  <si>
    <t>1279855.0</t>
  </si>
  <si>
    <t>589552.0</t>
  </si>
  <si>
    <t>526181.0</t>
  </si>
  <si>
    <t>194079.0</t>
  </si>
  <si>
    <t>1286045.0</t>
  </si>
  <si>
    <t>590687.0</t>
  </si>
  <si>
    <t>528895.0</t>
  </si>
  <si>
    <t>196602.0</t>
  </si>
  <si>
    <t>1288683.0</t>
  </si>
  <si>
    <t>591197.0</t>
  </si>
  <si>
    <t>529906.0</t>
  </si>
  <si>
    <t>197951.0</t>
  </si>
  <si>
    <t>1296827.0</t>
  </si>
  <si>
    <t>592911.0</t>
  </si>
  <si>
    <t>533744.0</t>
  </si>
  <si>
    <t>200941.0</t>
  </si>
  <si>
    <t>1313215.0</t>
  </si>
  <si>
    <t>595589.0</t>
  </si>
  <si>
    <t>541667.0</t>
  </si>
  <si>
    <t>207049.0</t>
  </si>
  <si>
    <t>1315785.0</t>
  </si>
  <si>
    <t>595939.0</t>
  </si>
  <si>
    <t>542705.0</t>
  </si>
  <si>
    <t>1318437.0</t>
  </si>
  <si>
    <t>596273.0</t>
  </si>
  <si>
    <t>543761.0</t>
  </si>
  <si>
    <t>209725.0</t>
  </si>
  <si>
    <t>1326701.0</t>
  </si>
  <si>
    <t>597388.0</t>
  </si>
  <si>
    <t>548402.0</t>
  </si>
  <si>
    <t>212461.0</t>
  </si>
  <si>
    <t>190.84</t>
  </si>
  <si>
    <t>1329571.0</t>
  </si>
  <si>
    <t>597726.0</t>
  </si>
  <si>
    <t>549843.0</t>
  </si>
  <si>
    <t>213572.0</t>
  </si>
  <si>
    <t>1332518.0</t>
  </si>
  <si>
    <t>598291.0</t>
  </si>
  <si>
    <t>550902.0</t>
  </si>
  <si>
    <t>215038.0</t>
  </si>
  <si>
    <t>1334910.0</t>
  </si>
  <si>
    <t>598686.0</t>
  </si>
  <si>
    <t>551701.0</t>
  </si>
  <si>
    <t>216352.0</t>
  </si>
  <si>
    <t>192.02</t>
  </si>
  <si>
    <t>1336948.0</t>
  </si>
  <si>
    <t>598987.0</t>
  </si>
  <si>
    <t>552330.0</t>
  </si>
  <si>
    <t>217574.0</t>
  </si>
  <si>
    <t>1343196.0</t>
  </si>
  <si>
    <t>599943.0</t>
  </si>
  <si>
    <t>554728.0</t>
  </si>
  <si>
    <t>220711.0</t>
  </si>
  <si>
    <t>1347963.0</t>
  </si>
  <si>
    <t>600640.0</t>
  </si>
  <si>
    <t>557428.0</t>
  </si>
  <si>
    <t>222144.0</t>
  </si>
  <si>
    <t>420.4</t>
  </si>
  <si>
    <t>604.735464196323</t>
  </si>
  <si>
    <t>1350112.0</t>
  </si>
  <si>
    <t>601078.0</t>
  </si>
  <si>
    <t>558237.0</t>
  </si>
  <si>
    <t>1352026.0</t>
  </si>
  <si>
    <t>601310.0</t>
  </si>
  <si>
    <t>559024.0</t>
  </si>
  <si>
    <t>223982.0</t>
  </si>
  <si>
    <t>1354587.0</t>
  </si>
  <si>
    <t>559887.0</t>
  </si>
  <si>
    <t>225507.0</t>
  </si>
  <si>
    <t>1356576.0</t>
  </si>
  <si>
    <t>601925.0</t>
  </si>
  <si>
    <t>560509.0</t>
  </si>
  <si>
    <t>226767.0</t>
  </si>
  <si>
    <t>1358746.0</t>
  </si>
  <si>
    <t>602205.0</t>
  </si>
  <si>
    <t>561051.0</t>
  </si>
  <si>
    <t>195.45</t>
  </si>
  <si>
    <t>1361387.0</t>
  </si>
  <si>
    <t>602561.0</t>
  </si>
  <si>
    <t>561908.0</t>
  </si>
  <si>
    <t>229888.0</t>
  </si>
  <si>
    <t>1364432.0</t>
  </si>
  <si>
    <t>602965.0</t>
  </si>
  <si>
    <t>563371.0</t>
  </si>
  <si>
    <t>231102.0</t>
  </si>
  <si>
    <t>1366286.0</t>
  </si>
  <si>
    <t>603178.0</t>
  </si>
  <si>
    <t>564097.0</t>
  </si>
  <si>
    <t>232037.0</t>
  </si>
  <si>
    <t>196.54</t>
  </si>
  <si>
    <t>1368546.0</t>
  </si>
  <si>
    <t>603398.0</t>
  </si>
  <si>
    <t>564786.0</t>
  </si>
  <si>
    <t>1370678.0</t>
  </si>
  <si>
    <t>603652.0</t>
  </si>
  <si>
    <t>565357.0</t>
  </si>
  <si>
    <t>234903.0</t>
  </si>
  <si>
    <t>1372550.0</t>
  </si>
  <si>
    <t>603859.0</t>
  </si>
  <si>
    <t>565801.0</t>
  </si>
  <si>
    <t>236241.0</t>
  </si>
  <si>
    <t>1374341.0</t>
  </si>
  <si>
    <t>604068.0</t>
  </si>
  <si>
    <t>566203.0</t>
  </si>
  <si>
    <t>237565.0</t>
  </si>
  <si>
    <t>1376713.0</t>
  </si>
  <si>
    <t>604398.0</t>
  </si>
  <si>
    <t>566880.0</t>
  </si>
  <si>
    <t>239140.0</t>
  </si>
  <si>
    <t>1379501.0</t>
  </si>
  <si>
    <t>604771.0</t>
  </si>
  <si>
    <t>568192.0</t>
  </si>
  <si>
    <t>1381474.0</t>
  </si>
  <si>
    <t>604977.0</t>
  </si>
  <si>
    <t>568920.0</t>
  </si>
  <si>
    <t>241482.0</t>
  </si>
  <si>
    <t>1385654.0</t>
  </si>
  <si>
    <t>605560.0</t>
  </si>
  <si>
    <t>244549.0</t>
  </si>
  <si>
    <t>1387527.0</t>
  </si>
  <si>
    <t>605870.0</t>
  </si>
  <si>
    <t>570454.0</t>
  </si>
  <si>
    <t>246010.0</t>
  </si>
  <si>
    <t>199.59</t>
  </si>
  <si>
    <t>1389526.0</t>
  </si>
  <si>
    <t>606134.0</t>
  </si>
  <si>
    <t>570894.0</t>
  </si>
  <si>
    <t>247546.0</t>
  </si>
  <si>
    <t>1392157.0</t>
  </si>
  <si>
    <t>606472.0</t>
  </si>
  <si>
    <t>571541.0</t>
  </si>
  <si>
    <t>249417.0</t>
  </si>
  <si>
    <t>200.26</t>
  </si>
  <si>
    <t>1398333.0</t>
  </si>
  <si>
    <t>607210.0</t>
  </si>
  <si>
    <t>573756.0</t>
  </si>
  <si>
    <t>1399929.0</t>
  </si>
  <si>
    <t>607438.0</t>
  </si>
  <si>
    <t>574142.0</t>
  </si>
  <si>
    <t>254190.0</t>
  </si>
  <si>
    <t>201.38</t>
  </si>
  <si>
    <t>1401556.0</t>
  </si>
  <si>
    <t>607693.0</t>
  </si>
  <si>
    <t>574547.0</t>
  </si>
  <si>
    <t>255373.0</t>
  </si>
  <si>
    <t>1403114.0</t>
  </si>
  <si>
    <t>607927.0</t>
  </si>
  <si>
    <t>574921.0</t>
  </si>
  <si>
    <t>256533.0</t>
  </si>
  <si>
    <t>1404986.0</t>
  </si>
  <si>
    <t>608176.0</t>
  </si>
  <si>
    <t>257813.0</t>
  </si>
  <si>
    <t>1406982.0</t>
  </si>
  <si>
    <t>608518.0</t>
  </si>
  <si>
    <t>576274.0</t>
  </si>
  <si>
    <t>258696.0</t>
  </si>
  <si>
    <t>1408291.0</t>
  </si>
  <si>
    <t>608723.0</t>
  </si>
  <si>
    <t>576749.0</t>
  </si>
  <si>
    <t>259341.0</t>
  </si>
  <si>
    <t>1410545.0</t>
  </si>
  <si>
    <t>609044.0</t>
  </si>
  <si>
    <t>577355.0</t>
  </si>
  <si>
    <t>260856.0</t>
  </si>
  <si>
    <t>1412074.0</t>
  </si>
  <si>
    <t>609245.0</t>
  </si>
  <si>
    <t>577718.0</t>
  </si>
  <si>
    <t>262012.0</t>
  </si>
  <si>
    <t>450.4</t>
  </si>
  <si>
    <t>647.889755171322</t>
  </si>
  <si>
    <t>1413768.0</t>
  </si>
  <si>
    <t>609534.0</t>
  </si>
  <si>
    <t>578244.0</t>
  </si>
  <si>
    <t>263109.0</t>
  </si>
  <si>
    <t>203.37</t>
  </si>
  <si>
    <t>1415582.0</t>
  </si>
  <si>
    <t>609772.0</t>
  </si>
  <si>
    <t>578787.0</t>
  </si>
  <si>
    <t>264297.0</t>
  </si>
  <si>
    <t>1417243.0</t>
  </si>
  <si>
    <t>610061.0</t>
  </si>
  <si>
    <t>579442.0</t>
  </si>
  <si>
    <t>265050.0</t>
  </si>
  <si>
    <t>1418544.0</t>
  </si>
  <si>
    <t>610221.0</t>
  </si>
  <si>
    <t>579872.0</t>
  </si>
  <si>
    <t>265807.0</t>
  </si>
  <si>
    <t>1419628.0</t>
  </si>
  <si>
    <t>610336.0</t>
  </si>
  <si>
    <t>580184.0</t>
  </si>
  <si>
    <t>266490.0</t>
  </si>
  <si>
    <t>1420947.0</t>
  </si>
  <si>
    <t>610509.0</t>
  </si>
  <si>
    <t>580599.0</t>
  </si>
  <si>
    <t>1422118.0</t>
  </si>
  <si>
    <t>610664.0</t>
  </si>
  <si>
    <t>580936.0</t>
  </si>
  <si>
    <t>204.57</t>
  </si>
  <si>
    <t>1423083.0</t>
  </si>
  <si>
    <t>581169.0</t>
  </si>
  <si>
    <t>1424125.0</t>
  </si>
  <si>
    <t>610913.0</t>
  </si>
  <si>
    <t>581408.0</t>
  </si>
  <si>
    <t>269795.0</t>
  </si>
  <si>
    <t>1425618.0</t>
  </si>
  <si>
    <t>611099.0</t>
  </si>
  <si>
    <t>581796.0</t>
  </si>
  <si>
    <t>270857.0</t>
  </si>
  <si>
    <t>205.07</t>
  </si>
  <si>
    <t>1427109.0</t>
  </si>
  <si>
    <t>611296.0</t>
  </si>
  <si>
    <t>582361.0</t>
  </si>
  <si>
    <t>271651.0</t>
  </si>
  <si>
    <t>1428138.0</t>
  </si>
  <si>
    <t>611412.0</t>
  </si>
  <si>
    <t>582666.0</t>
  </si>
  <si>
    <t>272286.0</t>
  </si>
  <si>
    <t>1429252.0</t>
  </si>
  <si>
    <t>611564.0</t>
  </si>
  <si>
    <t>582973.0</t>
  </si>
  <si>
    <t>273088.0</t>
  </si>
  <si>
    <t>1430205.0</t>
  </si>
  <si>
    <t>611692.0</t>
  </si>
  <si>
    <t>583251.0</t>
  </si>
  <si>
    <t>273788.0</t>
  </si>
  <si>
    <t>1431156.0</t>
  </si>
  <si>
    <t>611828.0</t>
  </si>
  <si>
    <t>583499.0</t>
  </si>
  <si>
    <t>274489.0</t>
  </si>
  <si>
    <t>1432117.0</t>
  </si>
  <si>
    <t>611929.0</t>
  </si>
  <si>
    <t>583747.0</t>
  </si>
  <si>
    <t>275195.0</t>
  </si>
  <si>
    <t>1433482.0</t>
  </si>
  <si>
    <t>612117.0</t>
  </si>
  <si>
    <t>584149.0</t>
  </si>
  <si>
    <t>276096.0</t>
  </si>
  <si>
    <t>1434636.0</t>
  </si>
  <si>
    <t>612277.0</t>
  </si>
  <si>
    <t>584576.0</t>
  </si>
  <si>
    <t>276725.0</t>
  </si>
  <si>
    <t>206.37</t>
  </si>
  <si>
    <t>1435088.0</t>
  </si>
  <si>
    <t>612337.0</t>
  </si>
  <si>
    <t>584724.0</t>
  </si>
  <si>
    <t>276970.0</t>
  </si>
  <si>
    <t>206.43</t>
  </si>
  <si>
    <t>1435628.0</t>
  </si>
  <si>
    <t>612476.0</t>
  </si>
  <si>
    <t>584847.0</t>
  </si>
  <si>
    <t>277280.0</t>
  </si>
  <si>
    <t>206.51</t>
  </si>
  <si>
    <t>1436143.0</t>
  </si>
  <si>
    <t>612633.0</t>
  </si>
  <si>
    <t>584985.0</t>
  </si>
  <si>
    <t>277545.0</t>
  </si>
  <si>
    <t>1436522.0</t>
  </si>
  <si>
    <t>612736.0</t>
  </si>
  <si>
    <t>585086.0</t>
  </si>
  <si>
    <t>277762.0</t>
  </si>
  <si>
    <t>1437573.0</t>
  </si>
  <si>
    <t>613060.0</t>
  </si>
  <si>
    <t>585351.0</t>
  </si>
  <si>
    <t>278281.0</t>
  </si>
  <si>
    <t>1438025.0</t>
  </si>
  <si>
    <t>613178.0</t>
  </si>
  <si>
    <t>585445.0</t>
  </si>
  <si>
    <t>278530.0</t>
  </si>
  <si>
    <t>1438445.0</t>
  </si>
  <si>
    <t>613290.0</t>
  </si>
  <si>
    <t>585538.0</t>
  </si>
  <si>
    <t>278763.0</t>
  </si>
  <si>
    <t>1438953.0</t>
  </si>
  <si>
    <t>613429.0</t>
  </si>
  <si>
    <t>585679.0</t>
  </si>
  <si>
    <t>279050.0</t>
  </si>
  <si>
    <t>1439533.0</t>
  </si>
  <si>
    <t>613594.0</t>
  </si>
  <si>
    <t>279362.0</t>
  </si>
  <si>
    <t>1440097.0</t>
  </si>
  <si>
    <t>613720.0</t>
  </si>
  <si>
    <t>586020.0</t>
  </si>
  <si>
    <t>279667.0</t>
  </si>
  <si>
    <t>739.376852038321</t>
  </si>
  <si>
    <t>1440454.0</t>
  </si>
  <si>
    <t>613839.0</t>
  </si>
  <si>
    <t>586137.0</t>
  </si>
  <si>
    <t>279849.0</t>
  </si>
  <si>
    <t>1440511.0</t>
  </si>
  <si>
    <t>613867.0</t>
  </si>
  <si>
    <t>586158.0</t>
  </si>
  <si>
    <t>1440692.0</t>
  </si>
  <si>
    <t>613922.0</t>
  </si>
  <si>
    <t>279958.0</t>
  </si>
  <si>
    <t>1441062.0</t>
  </si>
  <si>
    <t>614046.0</t>
  </si>
  <si>
    <t>586320.0</t>
  </si>
  <si>
    <t>280104.0</t>
  </si>
  <si>
    <t>1441307.0</t>
  </si>
  <si>
    <t>614133.0</t>
  </si>
  <si>
    <t>586387.0</t>
  </si>
  <si>
    <t>280226.0</t>
  </si>
  <si>
    <t>1441474.0</t>
  </si>
  <si>
    <t>614195.0</t>
  </si>
  <si>
    <t>586430.0</t>
  </si>
  <si>
    <t>280310.0</t>
  </si>
  <si>
    <t>1441703.0</t>
  </si>
  <si>
    <t>614271.0</t>
  </si>
  <si>
    <t>586486.0</t>
  </si>
  <si>
    <t>280429.0</t>
  </si>
  <si>
    <t>207.39</t>
  </si>
  <si>
    <t>1442458.0</t>
  </si>
  <si>
    <t>614493.0</t>
  </si>
  <si>
    <t>586671.0</t>
  </si>
  <si>
    <t>280833.0</t>
  </si>
  <si>
    <t>1442804.0</t>
  </si>
  <si>
    <t>614592.0</t>
  </si>
  <si>
    <t>586742.0</t>
  </si>
  <si>
    <t>281012.0</t>
  </si>
  <si>
    <t>1443157.0</t>
  </si>
  <si>
    <t>614677.0</t>
  </si>
  <si>
    <t>586843.0</t>
  </si>
  <si>
    <t>281199.0</t>
  </si>
  <si>
    <t>207.59</t>
  </si>
  <si>
    <t>1443289.0</t>
  </si>
  <si>
    <t>614700.0</t>
  </si>
  <si>
    <t>586866.0</t>
  </si>
  <si>
    <t>281288.0</t>
  </si>
  <si>
    <t>1443406.0</t>
  </si>
  <si>
    <t>614726.0</t>
  </si>
  <si>
    <t>586901.0</t>
  </si>
  <si>
    <t>281356.0</t>
  </si>
  <si>
    <t>1443557.0</t>
  </si>
  <si>
    <t>614758.0</t>
  </si>
  <si>
    <t>586937.0</t>
  </si>
  <si>
    <t>281444.0</t>
  </si>
  <si>
    <t>1443706.0</t>
  </si>
  <si>
    <t>614779.0</t>
  </si>
  <si>
    <t>586977.0</t>
  </si>
  <si>
    <t>281534.0</t>
  </si>
  <si>
    <t>1443840.0</t>
  </si>
  <si>
    <t>614807.0</t>
  </si>
  <si>
    <t>587012.0</t>
  </si>
  <si>
    <t>281605.0</t>
  </si>
  <si>
    <t>1443999.0</t>
  </si>
  <si>
    <t>614846.0</t>
  </si>
  <si>
    <t>587047.0</t>
  </si>
  <si>
    <t>281687.0</t>
  </si>
  <si>
    <t>1444162.0</t>
  </si>
  <si>
    <t>614892.0</t>
  </si>
  <si>
    <t>587094.0</t>
  </si>
  <si>
    <t>281759.0</t>
  </si>
  <si>
    <t>1444311.0</t>
  </si>
  <si>
    <t>614926.0</t>
  </si>
  <si>
    <t>587133.0</t>
  </si>
  <si>
    <t>281845.0</t>
  </si>
  <si>
    <t>1444464.0</t>
  </si>
  <si>
    <t>614951.0</t>
  </si>
  <si>
    <t>587195.0</t>
  </si>
  <si>
    <t>281918.0</t>
  </si>
  <si>
    <t>1444700.0</t>
  </si>
  <si>
    <t>615022.0</t>
  </si>
  <si>
    <t>587279.0</t>
  </si>
  <si>
    <t>282019.0</t>
  </si>
  <si>
    <t>1445076.0</t>
  </si>
  <si>
    <t>615098.0</t>
  </si>
  <si>
    <t>587402.0</t>
  </si>
  <si>
    <t>282201.0</t>
  </si>
  <si>
    <t>1445437.0</t>
  </si>
  <si>
    <t>615180.0</t>
  </si>
  <si>
    <t>587521.0</t>
  </si>
  <si>
    <t>282370.0</t>
  </si>
  <si>
    <t>1445946.0</t>
  </si>
  <si>
    <t>615293.0</t>
  </si>
  <si>
    <t>587700.0</t>
  </si>
  <si>
    <t>282621.0</t>
  </si>
  <si>
    <t>1446462.0</t>
  </si>
  <si>
    <t>615410.0</t>
  </si>
  <si>
    <t>587868.0</t>
  </si>
  <si>
    <t>282869.0</t>
  </si>
  <si>
    <t>1446970.0</t>
  </si>
  <si>
    <t>615554.0</t>
  </si>
  <si>
    <t>588029.0</t>
  </si>
  <si>
    <t>283116.0</t>
  </si>
  <si>
    <t>208.14</t>
  </si>
  <si>
    <t>1447651.0</t>
  </si>
  <si>
    <t>615784.0</t>
  </si>
  <si>
    <t>588234.0</t>
  </si>
  <si>
    <t>283406.0</t>
  </si>
  <si>
    <t>542.4</t>
  </si>
  <si>
    <t>780.229580827987</t>
  </si>
  <si>
    <t>1451386.0</t>
  </si>
  <si>
    <t>616692.0</t>
  </si>
  <si>
    <t>589449.0</t>
  </si>
  <si>
    <t>285211.0</t>
  </si>
  <si>
    <t>1452931.0</t>
  </si>
  <si>
    <t>617077.0</t>
  </si>
  <si>
    <t>286205.0</t>
  </si>
  <si>
    <t>1454330.0</t>
  </si>
  <si>
    <t>287049.0</t>
  </si>
  <si>
    <t>1456299.0</t>
  </si>
  <si>
    <t>287611.0</t>
  </si>
  <si>
    <t>1457753.0</t>
  </si>
  <si>
    <t>1458855.0</t>
  </si>
  <si>
    <t>617161.0</t>
  </si>
  <si>
    <t>287997.0</t>
  </si>
  <si>
    <t>1462129.0</t>
  </si>
  <si>
    <t>618852.0</t>
  </si>
  <si>
    <t>288546.0</t>
  </si>
  <si>
    <t>1462770.0</t>
  </si>
  <si>
    <t>618943.0</t>
  </si>
  <si>
    <t>589539.0</t>
  </si>
  <si>
    <t>288723.0</t>
  </si>
  <si>
    <t>1464222.0</t>
  </si>
  <si>
    <t>619133.0</t>
  </si>
  <si>
    <t>289133.0</t>
  </si>
  <si>
    <t>1465759.0</t>
  </si>
  <si>
    <t>619357.0</t>
  </si>
  <si>
    <t>289557.0</t>
  </si>
  <si>
    <t>1467031.0</t>
  </si>
  <si>
    <t>619566.0</t>
  </si>
  <si>
    <t>289919.0</t>
  </si>
  <si>
    <t>1468142.0</t>
  </si>
  <si>
    <t>619724.0</t>
  </si>
  <si>
    <t>592552.0</t>
  </si>
  <si>
    <t>293718.0</t>
  </si>
  <si>
    <t>1469729.0</t>
  </si>
  <si>
    <t>619969.0</t>
  </si>
  <si>
    <t>592809.0</t>
  </si>
  <si>
    <t>294587.0</t>
  </si>
  <si>
    <t>1471526.0</t>
  </si>
  <si>
    <t>620288.0</t>
  </si>
  <si>
    <t>593063.0</t>
  </si>
  <si>
    <t>295575.0</t>
  </si>
  <si>
    <t>1473193.0</t>
  </si>
  <si>
    <t>620567.0</t>
  </si>
  <si>
    <t>593315.0</t>
  </si>
  <si>
    <t>296444.0</t>
  </si>
  <si>
    <t>1474802.0</t>
  </si>
  <si>
    <t>620829.0</t>
  </si>
  <si>
    <t>593542.0</t>
  </si>
  <si>
    <t>297293.0</t>
  </si>
  <si>
    <t>212.15</t>
  </si>
  <si>
    <t>1476470.0</t>
  </si>
  <si>
    <t>621081.0</t>
  </si>
  <si>
    <t>593788.0</t>
  </si>
  <si>
    <t>298163.0</t>
  </si>
  <si>
    <t>1477703.0</t>
  </si>
  <si>
    <t>621256.0</t>
  </si>
  <si>
    <t>298796.0</t>
  </si>
  <si>
    <t>212.56</t>
  </si>
  <si>
    <t>1480208.0</t>
  </si>
  <si>
    <t>621638.0</t>
  </si>
  <si>
    <t>594375.0</t>
  </si>
  <si>
    <t>300044.0</t>
  </si>
  <si>
    <t>1481827.0</t>
  </si>
  <si>
    <t>621882.0</t>
  </si>
  <si>
    <t>594639.0</t>
  </si>
  <si>
    <t>300783.0</t>
  </si>
  <si>
    <t>1483200.0</t>
  </si>
  <si>
    <t>622096.0</t>
  </si>
  <si>
    <t>594906.0</t>
  </si>
  <si>
    <t>301419.0</t>
  </si>
  <si>
    <t>1483680.0</t>
  </si>
  <si>
    <t>622167.0</t>
  </si>
  <si>
    <t>595010.0</t>
  </si>
  <si>
    <t>301646.0</t>
  </si>
  <si>
    <t>1485014.0</t>
  </si>
  <si>
    <t>622377.0</t>
  </si>
  <si>
    <t>595254.0</t>
  </si>
  <si>
    <t>302252.0</t>
  </si>
  <si>
    <t>213.62</t>
  </si>
  <si>
    <t>1487640.0</t>
  </si>
  <si>
    <t>622709.0</t>
  </si>
  <si>
    <t>595687.0</t>
  </si>
  <si>
    <t>303641.0</t>
  </si>
  <si>
    <t>1489054.0</t>
  </si>
  <si>
    <t>622925.0</t>
  </si>
  <si>
    <t>595972.0</t>
  </si>
  <si>
    <t>304315.0</t>
  </si>
  <si>
    <t>623136.0</t>
  </si>
  <si>
    <t>596295.0</t>
  </si>
  <si>
    <t>304926.0</t>
  </si>
  <si>
    <t>1491691.0</t>
  </si>
  <si>
    <t>623333.0</t>
  </si>
  <si>
    <t>596561.0</t>
  </si>
  <si>
    <t>305487.0</t>
  </si>
  <si>
    <t>567.8</t>
  </si>
  <si>
    <t>816.766880520153</t>
  </si>
  <si>
    <t>1492975.0</t>
  </si>
  <si>
    <t>623502.0</t>
  </si>
  <si>
    <t>596837.0</t>
  </si>
  <si>
    <t>214.76</t>
  </si>
  <si>
    <t>1494208.0</t>
  </si>
  <si>
    <t>623660.0</t>
  </si>
  <si>
    <t>597070.0</t>
  </si>
  <si>
    <t>306622.0</t>
  </si>
  <si>
    <t>1495364.0</t>
  </si>
  <si>
    <t>623794.0</t>
  </si>
  <si>
    <t>597324.0</t>
  </si>
  <si>
    <t>307091.0</t>
  </si>
  <si>
    <t>1496224.0</t>
  </si>
  <si>
    <t>623877.0</t>
  </si>
  <si>
    <t>597493.0</t>
  </si>
  <si>
    <t>307478.0</t>
  </si>
  <si>
    <t>215.23</t>
  </si>
  <si>
    <t>1497494.0</t>
  </si>
  <si>
    <t>624016.0</t>
  </si>
  <si>
    <t>597724.0</t>
  </si>
  <si>
    <t>307993.0</t>
  </si>
  <si>
    <t>1498867.0</t>
  </si>
  <si>
    <t>624170.0</t>
  </si>
  <si>
    <t>597975.0</t>
  </si>
  <si>
    <t>1500078.0</t>
  </si>
  <si>
    <t>624295.0</t>
  </si>
  <si>
    <t>598157.0</t>
  </si>
  <si>
    <t>309200.0</t>
  </si>
  <si>
    <t>1501249.0</t>
  </si>
  <si>
    <t>624408.0</t>
  </si>
  <si>
    <t>598334.0</t>
  </si>
  <si>
    <t>1507144.0</t>
  </si>
  <si>
    <t>625026.0</t>
  </si>
  <si>
    <t>599409.0</t>
  </si>
  <si>
    <t>312321.0</t>
  </si>
  <si>
    <t>571.2</t>
  </si>
  <si>
    <t>821.657700163986</t>
  </si>
  <si>
    <t>594.8</t>
  </si>
  <si>
    <t>855.605742397652</t>
  </si>
  <si>
    <t>1663581.0</t>
  </si>
  <si>
    <t>651282.0</t>
  </si>
  <si>
    <t>626465.0</t>
  </si>
  <si>
    <t>385834.0</t>
  </si>
  <si>
    <t>93.69</t>
  </si>
  <si>
    <t>1671039.0</t>
  </si>
  <si>
    <t>652674.0</t>
  </si>
  <si>
    <t>627712.0</t>
  </si>
  <si>
    <t>390653.0</t>
  </si>
  <si>
    <t>1683802.0</t>
  </si>
  <si>
    <t>654993.0</t>
  </si>
  <si>
    <t>629361.0</t>
  </si>
  <si>
    <t>399448.0</t>
  </si>
  <si>
    <t>242.21</t>
  </si>
  <si>
    <t>94.22</t>
  </si>
  <si>
    <t>1769461.0</t>
  </si>
  <si>
    <t>664233.0</t>
  </si>
  <si>
    <t>633100.0</t>
  </si>
  <si>
    <t>254.53</t>
  </si>
  <si>
    <t>1785391.0</t>
  </si>
  <si>
    <t>676504.0</t>
  </si>
  <si>
    <t>638637.0</t>
  </si>
  <si>
    <t>256.82</t>
  </si>
  <si>
    <t>470250.0</t>
  </si>
  <si>
    <t>1788988.0</t>
  </si>
  <si>
    <t>677097.0</t>
  </si>
  <si>
    <t>639016.0</t>
  </si>
  <si>
    <t>472875.0</t>
  </si>
  <si>
    <t>257.34</t>
  </si>
  <si>
    <t>MDG</t>
  </si>
  <si>
    <t>Madagascar</t>
  </si>
  <si>
    <t>18741.0</t>
  </si>
  <si>
    <t>23244.0</t>
  </si>
  <si>
    <t>0.3826</t>
  </si>
  <si>
    <t>0.4419</t>
  </si>
  <si>
    <t>0.4687</t>
  </si>
  <si>
    <t>0.4539</t>
  </si>
  <si>
    <t>0.4585</t>
  </si>
  <si>
    <t>0.4912</t>
  </si>
  <si>
    <t>31296.0</t>
  </si>
  <si>
    <t>0.5274</t>
  </si>
  <si>
    <t>0.4907</t>
  </si>
  <si>
    <t>0.5468</t>
  </si>
  <si>
    <t>0.4887</t>
  </si>
  <si>
    <t>0.4588</t>
  </si>
  <si>
    <t>0.4194</t>
  </si>
  <si>
    <t>37921.0</t>
  </si>
  <si>
    <t>0.4432</t>
  </si>
  <si>
    <t>0.5141</t>
  </si>
  <si>
    <t>0.5331</t>
  </si>
  <si>
    <t>0.4622</t>
  </si>
  <si>
    <t>0.4429</t>
  </si>
  <si>
    <t>0.4597</t>
  </si>
  <si>
    <t>45634.0</t>
  </si>
  <si>
    <t>46301.0</t>
  </si>
  <si>
    <t>0.3215</t>
  </si>
  <si>
    <t>48498.0</t>
  </si>
  <si>
    <t>49957.0</t>
  </si>
  <si>
    <t>50969.0</t>
  </si>
  <si>
    <t>52321.0</t>
  </si>
  <si>
    <t>52657.0</t>
  </si>
  <si>
    <t>53278.0</t>
  </si>
  <si>
    <t>53542.0</t>
  </si>
  <si>
    <t>53954.0</t>
  </si>
  <si>
    <t>54432.0</t>
  </si>
  <si>
    <t>56065.0</t>
  </si>
  <si>
    <t>56617.0</t>
  </si>
  <si>
    <t>57927.0</t>
  </si>
  <si>
    <t>60482.0</t>
  </si>
  <si>
    <t>60895.0</t>
  </si>
  <si>
    <t>65145.0</t>
  </si>
  <si>
    <t>67396.0</t>
  </si>
  <si>
    <t>67835.0</t>
  </si>
  <si>
    <t>68375.0</t>
  </si>
  <si>
    <t>68564.0</t>
  </si>
  <si>
    <t>68787.0</t>
  </si>
  <si>
    <t>69025.0</t>
  </si>
  <si>
    <t>69988.0</t>
  </si>
  <si>
    <t>70281.0</t>
  </si>
  <si>
    <t>70578.0</t>
  </si>
  <si>
    <t>70950.0</t>
  </si>
  <si>
    <t>71089.0</t>
  </si>
  <si>
    <t>72228.0</t>
  </si>
  <si>
    <t>72572.0</t>
  </si>
  <si>
    <t>73437.0</t>
  </si>
  <si>
    <t>74224.0</t>
  </si>
  <si>
    <t>74446.0</t>
  </si>
  <si>
    <t>75210.0</t>
  </si>
  <si>
    <t>75637.0</t>
  </si>
  <si>
    <t>85407.0</t>
  </si>
  <si>
    <t>87659.0</t>
  </si>
  <si>
    <t>89504.0</t>
  </si>
  <si>
    <t>91999.0</t>
  </si>
  <si>
    <t>92992.0</t>
  </si>
  <si>
    <t>95472.0</t>
  </si>
  <si>
    <t>96565.0</t>
  </si>
  <si>
    <t>100305.0</t>
  </si>
  <si>
    <t>101223.0</t>
  </si>
  <si>
    <t>102830.0</t>
  </si>
  <si>
    <t>114282.0</t>
  </si>
  <si>
    <t>116740.0</t>
  </si>
  <si>
    <t>119608.0</t>
  </si>
  <si>
    <t>122057.0</t>
  </si>
  <si>
    <t>0.3262</t>
  </si>
  <si>
    <t>0.2831</t>
  </si>
  <si>
    <t>131324.0</t>
  </si>
  <si>
    <t>0.2982</t>
  </si>
  <si>
    <t>132187.0</t>
  </si>
  <si>
    <t>135518.0</t>
  </si>
  <si>
    <t>136115.0</t>
  </si>
  <si>
    <t>137115.0</t>
  </si>
  <si>
    <t>137929.0</t>
  </si>
  <si>
    <t>138616.0</t>
  </si>
  <si>
    <t>139250.0</t>
  </si>
  <si>
    <t>139760.0</t>
  </si>
  <si>
    <t>142199.0</t>
  </si>
  <si>
    <t>143926.0</t>
  </si>
  <si>
    <t>144795.0</t>
  </si>
  <si>
    <t>145999.0</t>
  </si>
  <si>
    <t>146973.0</t>
  </si>
  <si>
    <t>0.2549</t>
  </si>
  <si>
    <t>147355.0</t>
  </si>
  <si>
    <t>5.114</t>
  </si>
  <si>
    <t>148563.0</t>
  </si>
  <si>
    <t>149929.0</t>
  </si>
  <si>
    <t>151659.0</t>
  </si>
  <si>
    <t>152945.0</t>
  </si>
  <si>
    <t>155563.0</t>
  </si>
  <si>
    <t>156363.0</t>
  </si>
  <si>
    <t>5.408</t>
  </si>
  <si>
    <t>0.3341</t>
  </si>
  <si>
    <t>158085.0</t>
  </si>
  <si>
    <t>161369.0</t>
  </si>
  <si>
    <t>0.2816</t>
  </si>
  <si>
    <t>163276.0</t>
  </si>
  <si>
    <t>164998.0</t>
  </si>
  <si>
    <t>168432.0</t>
  </si>
  <si>
    <t>0.3219</t>
  </si>
  <si>
    <t>171148.0</t>
  </si>
  <si>
    <t>172412.0</t>
  </si>
  <si>
    <t>0.3842</t>
  </si>
  <si>
    <t>174309.0</t>
  </si>
  <si>
    <t>0.3501</t>
  </si>
  <si>
    <t>175590.0</t>
  </si>
  <si>
    <t>6.072</t>
  </si>
  <si>
    <t>176797.0</t>
  </si>
  <si>
    <t>6.114</t>
  </si>
  <si>
    <t>177962.0</t>
  </si>
  <si>
    <t>178524.0</t>
  </si>
  <si>
    <t>0.3824</t>
  </si>
  <si>
    <t>179776.0</t>
  </si>
  <si>
    <t>181638.0</t>
  </si>
  <si>
    <t>182972.0</t>
  </si>
  <si>
    <t>0.3031</t>
  </si>
  <si>
    <t>184336.0</t>
  </si>
  <si>
    <t>185806.0</t>
  </si>
  <si>
    <t>186358.0</t>
  </si>
  <si>
    <t>187749.0</t>
  </si>
  <si>
    <t>188510.0</t>
  </si>
  <si>
    <t>6.519</t>
  </si>
  <si>
    <t>189996.0</t>
  </si>
  <si>
    <t>190996.0</t>
  </si>
  <si>
    <t>191570.0</t>
  </si>
  <si>
    <t>192294.0</t>
  </si>
  <si>
    <t>192894.0</t>
  </si>
  <si>
    <t>193431.0</t>
  </si>
  <si>
    <t>6.689</t>
  </si>
  <si>
    <t>194669.0</t>
  </si>
  <si>
    <t>195471.0</t>
  </si>
  <si>
    <t>196378.0</t>
  </si>
  <si>
    <t>196680.0</t>
  </si>
  <si>
    <t>0.2572</t>
  </si>
  <si>
    <t>197253.0</t>
  </si>
  <si>
    <t>197527.0</t>
  </si>
  <si>
    <t>197998.0</t>
  </si>
  <si>
    <t>198819.0</t>
  </si>
  <si>
    <t>199438.0</t>
  </si>
  <si>
    <t>200306.0</t>
  </si>
  <si>
    <t>200766.0</t>
  </si>
  <si>
    <t>201391.0</t>
  </si>
  <si>
    <t>202186.0</t>
  </si>
  <si>
    <t>202620.0</t>
  </si>
  <si>
    <t>202882.0</t>
  </si>
  <si>
    <t>203455.0</t>
  </si>
  <si>
    <t>203657.0</t>
  </si>
  <si>
    <t>36640.0</t>
  </si>
  <si>
    <t>204110.0</t>
  </si>
  <si>
    <t>204569.0</t>
  </si>
  <si>
    <t>204982.0</t>
  </si>
  <si>
    <t>205485.0</t>
  </si>
  <si>
    <t>205885.0</t>
  </si>
  <si>
    <t>206212.0</t>
  </si>
  <si>
    <t>206799.0</t>
  </si>
  <si>
    <t>207165.0</t>
  </si>
  <si>
    <t>207682.0</t>
  </si>
  <si>
    <t>208296.0</t>
  </si>
  <si>
    <t>97300.0</t>
  </si>
  <si>
    <t>208571.0</t>
  </si>
  <si>
    <t>209052.0</t>
  </si>
  <si>
    <t>209522.0</t>
  </si>
  <si>
    <t>210039.0</t>
  </si>
  <si>
    <t>210637.0</t>
  </si>
  <si>
    <t>7.285</t>
  </si>
  <si>
    <t>150329.0</t>
  </si>
  <si>
    <t>188752.0</t>
  </si>
  <si>
    <t>212610.0</t>
  </si>
  <si>
    <t>213015.0</t>
  </si>
  <si>
    <t>213591.0</t>
  </si>
  <si>
    <t>213879.0</t>
  </si>
  <si>
    <t>196291.0</t>
  </si>
  <si>
    <t>214113.0</t>
  </si>
  <si>
    <t>7.405</t>
  </si>
  <si>
    <t>197001.0</t>
  </si>
  <si>
    <t>214887.0</t>
  </si>
  <si>
    <t>7.432</t>
  </si>
  <si>
    <t>215737.0</t>
  </si>
  <si>
    <t>215874.0</t>
  </si>
  <si>
    <t>216591.0</t>
  </si>
  <si>
    <t>216763.0</t>
  </si>
  <si>
    <t>217408.0</t>
  </si>
  <si>
    <t>217915.0</t>
  </si>
  <si>
    <t>7.536</t>
  </si>
  <si>
    <t>218247.0</t>
  </si>
  <si>
    <t>7.548</t>
  </si>
  <si>
    <t>218641.0</t>
  </si>
  <si>
    <t>219035.0</t>
  </si>
  <si>
    <t>219219.0</t>
  </si>
  <si>
    <t>219930.0</t>
  </si>
  <si>
    <t>220909.0</t>
  </si>
  <si>
    <t>221313.0</t>
  </si>
  <si>
    <t>221875.0</t>
  </si>
  <si>
    <t>222031.0</t>
  </si>
  <si>
    <t>222204.0</t>
  </si>
  <si>
    <t>222304.0</t>
  </si>
  <si>
    <t>223545.0</t>
  </si>
  <si>
    <t>223746.0</t>
  </si>
  <si>
    <t>223976.0</t>
  </si>
  <si>
    <t>224221.0</t>
  </si>
  <si>
    <t>224771.0</t>
  </si>
  <si>
    <t>225006.0</t>
  </si>
  <si>
    <t>226069.0</t>
  </si>
  <si>
    <t>226580.0</t>
  </si>
  <si>
    <t>226894.0</t>
  </si>
  <si>
    <t>227155.0</t>
  </si>
  <si>
    <t>227325.0</t>
  </si>
  <si>
    <t>228175.0</t>
  </si>
  <si>
    <t>228372.0</t>
  </si>
  <si>
    <t>231233.0</t>
  </si>
  <si>
    <t>7.997</t>
  </si>
  <si>
    <t>231444.0</t>
  </si>
  <si>
    <t>8.004</t>
  </si>
  <si>
    <t>231972.0</t>
  </si>
  <si>
    <t>232478.0</t>
  </si>
  <si>
    <t>232807.0</t>
  </si>
  <si>
    <t>233113.0</t>
  </si>
  <si>
    <t>8.062</t>
  </si>
  <si>
    <t>234622.0</t>
  </si>
  <si>
    <t>235926.0</t>
  </si>
  <si>
    <t>236705.0</t>
  </si>
  <si>
    <t>237398.0</t>
  </si>
  <si>
    <t>237617.0</t>
  </si>
  <si>
    <t>240474.0</t>
  </si>
  <si>
    <t>241052.0</t>
  </si>
  <si>
    <t>8.336</t>
  </si>
  <si>
    <t>327.6</t>
  </si>
  <si>
    <t>244703.0</t>
  </si>
  <si>
    <t>245396.0</t>
  </si>
  <si>
    <t>283091.0</t>
  </si>
  <si>
    <t>330.4</t>
  </si>
  <si>
    <t>342.9</t>
  </si>
  <si>
    <t>858.1</t>
  </si>
  <si>
    <t>381633.0</t>
  </si>
  <si>
    <t>184632.0</t>
  </si>
  <si>
    <t>571.8</t>
  </si>
  <si>
    <t>606819.0</t>
  </si>
  <si>
    <t>455028.0</t>
  </si>
  <si>
    <t>406159.0</t>
  </si>
  <si>
    <t>625884.0</t>
  </si>
  <si>
    <t>473726.0</t>
  </si>
  <si>
    <t>425211.0</t>
  </si>
  <si>
    <t>685440.0</t>
  </si>
  <si>
    <t>532674.0</t>
  </si>
  <si>
    <t>484570.0</t>
  </si>
  <si>
    <t>290447.0</t>
  </si>
  <si>
    <t>742069.0</t>
  </si>
  <si>
    <t>589003.0</t>
  </si>
  <si>
    <t>541160.0</t>
  </si>
  <si>
    <t>298275.0</t>
  </si>
  <si>
    <t>307183.0</t>
  </si>
  <si>
    <t>320884.0</t>
  </si>
  <si>
    <t>331121.0</t>
  </si>
  <si>
    <t>971426.0</t>
  </si>
  <si>
    <t>817386.0</t>
  </si>
  <si>
    <t>767113.0</t>
  </si>
  <si>
    <t>341346.0</t>
  </si>
  <si>
    <t>11.805</t>
  </si>
  <si>
    <t>0.3655</t>
  </si>
  <si>
    <t>352115.0</t>
  </si>
  <si>
    <t>0.2741</t>
  </si>
  <si>
    <t>0.2382</t>
  </si>
  <si>
    <t>1148971.0</t>
  </si>
  <si>
    <t>978718.0</t>
  </si>
  <si>
    <t>926543.0</t>
  </si>
  <si>
    <t>387097.0</t>
  </si>
  <si>
    <t>1185489.0</t>
  </si>
  <si>
    <t>1007538.0</t>
  </si>
  <si>
    <t>956396.0</t>
  </si>
  <si>
    <t>0.2018</t>
  </si>
  <si>
    <t>398434.0</t>
  </si>
  <si>
    <t>1228391.0</t>
  </si>
  <si>
    <t>1038325.0</t>
  </si>
  <si>
    <t>987960.0</t>
  </si>
  <si>
    <t>401851.0</t>
  </si>
  <si>
    <t>1258980.0</t>
  </si>
  <si>
    <t>1062980.0</t>
  </si>
  <si>
    <t>1012453.0</t>
  </si>
  <si>
    <t>404843.0</t>
  </si>
  <si>
    <t>14.001</t>
  </si>
  <si>
    <t>1279175.0</t>
  </si>
  <si>
    <t>1077971.0</t>
  </si>
  <si>
    <t>1027827.0</t>
  </si>
  <si>
    <t>1306962.0</t>
  </si>
  <si>
    <t>1098703.0</t>
  </si>
  <si>
    <t>1050879.0</t>
  </si>
  <si>
    <t>1185420.0</t>
  </si>
  <si>
    <t>1051811.0</t>
  </si>
  <si>
    <t>428492.0</t>
  </si>
  <si>
    <t>1290584.0</t>
  </si>
  <si>
    <t>1156975.0</t>
  </si>
  <si>
    <t>26792.0</t>
  </si>
  <si>
    <t>1199011.0</t>
  </si>
  <si>
    <t>451753.0</t>
  </si>
  <si>
    <t>1316449.0</t>
  </si>
  <si>
    <t>1277798.0</t>
  </si>
  <si>
    <t>52244.0</t>
  </si>
  <si>
    <t>1596937.0</t>
  </si>
  <si>
    <t>1330462.0</t>
  </si>
  <si>
    <t>1289181.0</t>
  </si>
  <si>
    <t>55708.0</t>
  </si>
  <si>
    <t>1610098.0</t>
  </si>
  <si>
    <t>1340993.0</t>
  </si>
  <si>
    <t>1297671.0</t>
  </si>
  <si>
    <t>1666135.0</t>
  </si>
  <si>
    <t>1393303.0</t>
  </si>
  <si>
    <t>1341878.0</t>
  </si>
  <si>
    <t>64402.0</t>
  </si>
  <si>
    <t>1702913.0</t>
  </si>
  <si>
    <t>1441319.0</t>
  </si>
  <si>
    <t>1387190.0</t>
  </si>
  <si>
    <t>67813.0</t>
  </si>
  <si>
    <t>1735843.0</t>
  </si>
  <si>
    <t>1454997.0</t>
  </si>
  <si>
    <t>70726.0</t>
  </si>
  <si>
    <t>1776296.0</t>
  </si>
  <si>
    <t>1491857.0</t>
  </si>
  <si>
    <t>1432026.0</t>
  </si>
  <si>
    <t>74590.0</t>
  </si>
  <si>
    <t>1809232.0</t>
  </si>
  <si>
    <t>1522375.0</t>
  </si>
  <si>
    <t>1460761.0</t>
  </si>
  <si>
    <t>76383.0</t>
  </si>
  <si>
    <t>1871165.0</t>
  </si>
  <si>
    <t>1579817.0</t>
  </si>
  <si>
    <t>1515383.0</t>
  </si>
  <si>
    <t>1948290.0</t>
  </si>
  <si>
    <t>1649391.0</t>
  </si>
  <si>
    <t>1582691.0</t>
  </si>
  <si>
    <t>1999667.0</t>
  </si>
  <si>
    <t>1698424.0</t>
  </si>
  <si>
    <t>1629830.0</t>
  </si>
  <si>
    <t>2017607.0</t>
  </si>
  <si>
    <t>1738967.0</t>
  </si>
  <si>
    <t>1669079.0</t>
  </si>
  <si>
    <t>2069585.0</t>
  </si>
  <si>
    <t>1769470.0</t>
  </si>
  <si>
    <t>1697871.0</t>
  </si>
  <si>
    <t>1793522.0</t>
  </si>
  <si>
    <t>1722381.0</t>
  </si>
  <si>
    <t>2128889.0</t>
  </si>
  <si>
    <t>1821317.0</t>
  </si>
  <si>
    <t>1750071.0</t>
  </si>
  <si>
    <t>2191437.0</t>
  </si>
  <si>
    <t>1883726.0</t>
  </si>
  <si>
    <t>1810384.0</t>
  </si>
  <si>
    <t>2193427.0</t>
  </si>
  <si>
    <t>1885035.0</t>
  </si>
  <si>
    <t>1811655.0</t>
  </si>
  <si>
    <t>2278137.0</t>
  </si>
  <si>
    <t>1964151.0</t>
  </si>
  <si>
    <t>1889064.0</t>
  </si>
  <si>
    <t>10989.0</t>
  </si>
  <si>
    <t>2308343.0</t>
  </si>
  <si>
    <t>1992277.0</t>
  </si>
  <si>
    <t>1916926.0</t>
  </si>
  <si>
    <t>101498.0</t>
  </si>
  <si>
    <t>2379808.0</t>
  </si>
  <si>
    <t>2056662.0</t>
  </si>
  <si>
    <t>1981152.0</t>
  </si>
  <si>
    <t>108396.0</t>
  </si>
  <si>
    <t>MWI</t>
  </si>
  <si>
    <t>Malawi</t>
  </si>
  <si>
    <t>24475.0</t>
  </si>
  <si>
    <t>25756.0</t>
  </si>
  <si>
    <t>0.2481</t>
  </si>
  <si>
    <t>27514.0</t>
  </si>
  <si>
    <t>28688.0</t>
  </si>
  <si>
    <t>30267.0</t>
  </si>
  <si>
    <t>32680.0</t>
  </si>
  <si>
    <t>34763.0</t>
  </si>
  <si>
    <t>39764.0</t>
  </si>
  <si>
    <t>41026.0</t>
  </si>
  <si>
    <t>42015.0</t>
  </si>
  <si>
    <t>42902.0</t>
  </si>
  <si>
    <t>43503.0</t>
  </si>
  <si>
    <t>43798.0</t>
  </si>
  <si>
    <t>44219.0</t>
  </si>
  <si>
    <t>44296.0</t>
  </si>
  <si>
    <t>44511.0</t>
  </si>
  <si>
    <t>45789.0</t>
  </si>
  <si>
    <t>46036.0</t>
  </si>
  <si>
    <t>46484.0</t>
  </si>
  <si>
    <t>46857.0</t>
  </si>
  <si>
    <t>48113.0</t>
  </si>
  <si>
    <t>48556.0</t>
  </si>
  <si>
    <t>48816.0</t>
  </si>
  <si>
    <t>48963.0</t>
  </si>
  <si>
    <t>49341.0</t>
  </si>
  <si>
    <t>50989.0</t>
  </si>
  <si>
    <t>53057.0</t>
  </si>
  <si>
    <t>54015.0</t>
  </si>
  <si>
    <t>54351.0</t>
  </si>
  <si>
    <t>54566.0</t>
  </si>
  <si>
    <t>56034.0</t>
  </si>
  <si>
    <t>56135.0</t>
  </si>
  <si>
    <t>56957.0</t>
  </si>
  <si>
    <t>57265.0</t>
  </si>
  <si>
    <t>57671.0</t>
  </si>
  <si>
    <t>57905.0</t>
  </si>
  <si>
    <t>58002.0</t>
  </si>
  <si>
    <t>58225.0</t>
  </si>
  <si>
    <t>58498.0</t>
  </si>
  <si>
    <t>60308.0</t>
  </si>
  <si>
    <t>60613.0</t>
  </si>
  <si>
    <t>61492.0</t>
  </si>
  <si>
    <t>63043.0</t>
  </si>
  <si>
    <t>63505.0</t>
  </si>
  <si>
    <t>63664.0</t>
  </si>
  <si>
    <t>64707.0</t>
  </si>
  <si>
    <t>65901.0</t>
  </si>
  <si>
    <t>66516.0</t>
  </si>
  <si>
    <t>66819.0</t>
  </si>
  <si>
    <t>67281.0</t>
  </si>
  <si>
    <t>68261.0</t>
  </si>
  <si>
    <t>69398.0</t>
  </si>
  <si>
    <t>69621.0</t>
  </si>
  <si>
    <t>70356.0</t>
  </si>
  <si>
    <t>76759.0</t>
  </si>
  <si>
    <t>77683.0</t>
  </si>
  <si>
    <t>79223.0</t>
  </si>
  <si>
    <t>81943.0</t>
  </si>
  <si>
    <t>84080.0</t>
  </si>
  <si>
    <t>85449.0</t>
  </si>
  <si>
    <t>87749.0</t>
  </si>
  <si>
    <t>91068.0</t>
  </si>
  <si>
    <t>0.3635</t>
  </si>
  <si>
    <t>0.3767</t>
  </si>
  <si>
    <t>0.3768</t>
  </si>
  <si>
    <t>128509.0</t>
  </si>
  <si>
    <t>132915.0</t>
  </si>
  <si>
    <t>144185.0</t>
  </si>
  <si>
    <t>0.2865</t>
  </si>
  <si>
    <t>145679.0</t>
  </si>
  <si>
    <t>166746.0</t>
  </si>
  <si>
    <t>183239.0</t>
  </si>
  <si>
    <t>187784.0</t>
  </si>
  <si>
    <t>9.441</t>
  </si>
  <si>
    <t>210730.0</t>
  </si>
  <si>
    <t>10.595</t>
  </si>
  <si>
    <t>212470.0</t>
  </si>
  <si>
    <t>10.682</t>
  </si>
  <si>
    <t>38804.0</t>
  </si>
  <si>
    <t>54637.0</t>
  </si>
  <si>
    <t>214525.0</t>
  </si>
  <si>
    <t>90107.0</t>
  </si>
  <si>
    <t>109526.0</t>
  </si>
  <si>
    <t>111592.0</t>
  </si>
  <si>
    <t>217405.0</t>
  </si>
  <si>
    <t>10.931</t>
  </si>
  <si>
    <t>134289.0</t>
  </si>
  <si>
    <t>144979.0</t>
  </si>
  <si>
    <t>154801.0</t>
  </si>
  <si>
    <t>159574.0</t>
  </si>
  <si>
    <t>160445.0</t>
  </si>
  <si>
    <t>220384.0</t>
  </si>
  <si>
    <t>164733.0</t>
  </si>
  <si>
    <t>221996.0</t>
  </si>
  <si>
    <t>193627.0</t>
  </si>
  <si>
    <t>204258.0</t>
  </si>
  <si>
    <t>209353.0</t>
  </si>
  <si>
    <t>212615.0</t>
  </si>
  <si>
    <t>223964.0</t>
  </si>
  <si>
    <t>229220.0</t>
  </si>
  <si>
    <t>240744.0</t>
  </si>
  <si>
    <t>225576.0</t>
  </si>
  <si>
    <t>11.341</t>
  </si>
  <si>
    <t>251368.0</t>
  </si>
  <si>
    <t>257754.0</t>
  </si>
  <si>
    <t>258107.0</t>
  </si>
  <si>
    <t>260614.0</t>
  </si>
  <si>
    <t>263931.0</t>
  </si>
  <si>
    <t>267293.0</t>
  </si>
  <si>
    <t>277442.0</t>
  </si>
  <si>
    <t>281049.0</t>
  </si>
  <si>
    <t>285824.0</t>
  </si>
  <si>
    <t>290344.0</t>
  </si>
  <si>
    <t>311751.0</t>
  </si>
  <si>
    <t>318138.0</t>
  </si>
  <si>
    <t>319323.0</t>
  </si>
  <si>
    <t>320300.0</t>
  </si>
  <si>
    <t>330348.0</t>
  </si>
  <si>
    <t>332955.0</t>
  </si>
  <si>
    <t>334363.0</t>
  </si>
  <si>
    <t>335232.0</t>
  </si>
  <si>
    <t>336826.0</t>
  </si>
  <si>
    <t>341698.0</t>
  </si>
  <si>
    <t>344394.0</t>
  </si>
  <si>
    <t>344647.0</t>
  </si>
  <si>
    <t>345806.0</t>
  </si>
  <si>
    <t>347638.0</t>
  </si>
  <si>
    <t>352607.0</t>
  </si>
  <si>
    <t>354777.0</t>
  </si>
  <si>
    <t>355093.0</t>
  </si>
  <si>
    <t>355118.0</t>
  </si>
  <si>
    <t>356134.0</t>
  </si>
  <si>
    <t>357015.0</t>
  </si>
  <si>
    <t>357650.0</t>
  </si>
  <si>
    <t>359008.0</t>
  </si>
  <si>
    <t>358989.0</t>
  </si>
  <si>
    <t>359184.0</t>
  </si>
  <si>
    <t>359165.0</t>
  </si>
  <si>
    <t>367356.0</t>
  </si>
  <si>
    <t>365256.0</t>
  </si>
  <si>
    <t>369674.0</t>
  </si>
  <si>
    <t>366198.0</t>
  </si>
  <si>
    <t>374268.0</t>
  </si>
  <si>
    <t>368465.0</t>
  </si>
  <si>
    <t>370003.0</t>
  </si>
  <si>
    <t>381257.0</t>
  </si>
  <si>
    <t>371791.0</t>
  </si>
  <si>
    <t>387363.0</t>
  </si>
  <si>
    <t>373577.0</t>
  </si>
  <si>
    <t>393313.0</t>
  </si>
  <si>
    <t>375578.0</t>
  </si>
  <si>
    <t>406167.0</t>
  </si>
  <si>
    <t>378694.0</t>
  </si>
  <si>
    <t>27473.0</t>
  </si>
  <si>
    <t>413961.0</t>
  </si>
  <si>
    <t>380697.0</t>
  </si>
  <si>
    <t>33264.0</t>
  </si>
  <si>
    <t>420685.0</t>
  </si>
  <si>
    <t>383273.0</t>
  </si>
  <si>
    <t>422508.0</t>
  </si>
  <si>
    <t>383726.0</t>
  </si>
  <si>
    <t>425051.0</t>
  </si>
  <si>
    <t>384406.0</t>
  </si>
  <si>
    <t>40645.0</t>
  </si>
  <si>
    <t>426356.0</t>
  </si>
  <si>
    <t>384671.0</t>
  </si>
  <si>
    <t>427440.0</t>
  </si>
  <si>
    <t>385047.0</t>
  </si>
  <si>
    <t>260001.0</t>
  </si>
  <si>
    <t>427730.0</t>
  </si>
  <si>
    <t>385114.0</t>
  </si>
  <si>
    <t>262827.0</t>
  </si>
  <si>
    <t>428321.0</t>
  </si>
  <si>
    <t>385219.0</t>
  </si>
  <si>
    <t>428391.0</t>
  </si>
  <si>
    <t>385236.0</t>
  </si>
  <si>
    <t>43155.0</t>
  </si>
  <si>
    <t>428407.0</t>
  </si>
  <si>
    <t>385242.0</t>
  </si>
  <si>
    <t>43165.0</t>
  </si>
  <si>
    <t>265692.0</t>
  </si>
  <si>
    <t>13.358</t>
  </si>
  <si>
    <t>266867.0</t>
  </si>
  <si>
    <t>268117.0</t>
  </si>
  <si>
    <t>269547.0</t>
  </si>
  <si>
    <t>272603.0</t>
  </si>
  <si>
    <t>13.706</t>
  </si>
  <si>
    <t>273402.0</t>
  </si>
  <si>
    <t>275940.0</t>
  </si>
  <si>
    <t>277185.0</t>
  </si>
  <si>
    <t>279398.0</t>
  </si>
  <si>
    <t>14.047</t>
  </si>
  <si>
    <t>284517.0</t>
  </si>
  <si>
    <t>14.305</t>
  </si>
  <si>
    <t>287655.0</t>
  </si>
  <si>
    <t>290809.0</t>
  </si>
  <si>
    <t>14.621</t>
  </si>
  <si>
    <t>294034.0</t>
  </si>
  <si>
    <t>302784.0</t>
  </si>
  <si>
    <t>15.223</t>
  </si>
  <si>
    <t>309766.0</t>
  </si>
  <si>
    <t>15.574</t>
  </si>
  <si>
    <t>0.3422</t>
  </si>
  <si>
    <t>0.4393</t>
  </si>
  <si>
    <t>448408.0</t>
  </si>
  <si>
    <t>390738.0</t>
  </si>
  <si>
    <t>57670.0</t>
  </si>
  <si>
    <t>0.4752</t>
  </si>
  <si>
    <t>504195.0</t>
  </si>
  <si>
    <t>410724.0</t>
  </si>
  <si>
    <t>93471.0</t>
  </si>
  <si>
    <t>55787.0</t>
  </si>
  <si>
    <t>0.5159</t>
  </si>
  <si>
    <t>0.5704</t>
  </si>
  <si>
    <t>580557.0</t>
  </si>
  <si>
    <t>133032.0</t>
  </si>
  <si>
    <t>0.5374</t>
  </si>
  <si>
    <t>591863.0</t>
  </si>
  <si>
    <t>453729.0</t>
  </si>
  <si>
    <t>138134.0</t>
  </si>
  <si>
    <t>0.5014</t>
  </si>
  <si>
    <t>594333.0</t>
  </si>
  <si>
    <t>454752.0</t>
  </si>
  <si>
    <t>0.4994</t>
  </si>
  <si>
    <t>595535.0</t>
  </si>
  <si>
    <t>455207.0</t>
  </si>
  <si>
    <t>140328.0</t>
  </si>
  <si>
    <t>0.4709</t>
  </si>
  <si>
    <t>597862.0</t>
  </si>
  <si>
    <t>455763.0</t>
  </si>
  <si>
    <t>142099.0</t>
  </si>
  <si>
    <t>598408.0</t>
  </si>
  <si>
    <t>456126.0</t>
  </si>
  <si>
    <t>142282.0</t>
  </si>
  <si>
    <t>0.4487</t>
  </si>
  <si>
    <t>622218.0</t>
  </si>
  <si>
    <t>463236.0</t>
  </si>
  <si>
    <t>0.4208</t>
  </si>
  <si>
    <t>0.4129</t>
  </si>
  <si>
    <t>624077.0</t>
  </si>
  <si>
    <t>159229.0</t>
  </si>
  <si>
    <t>0.3855</t>
  </si>
  <si>
    <t>655865.0</t>
  </si>
  <si>
    <t>496636.0</t>
  </si>
  <si>
    <t>192017.0</t>
  </si>
  <si>
    <t>683097.0</t>
  </si>
  <si>
    <t>523868.0</t>
  </si>
  <si>
    <t>219249.0</t>
  </si>
  <si>
    <t>725197.0</t>
  </si>
  <si>
    <t>565968.0</t>
  </si>
  <si>
    <t>261349.0</t>
  </si>
  <si>
    <t>728748.0</t>
  </si>
  <si>
    <t>569519.0</t>
  </si>
  <si>
    <t>264900.0</t>
  </si>
  <si>
    <t>729339.0</t>
  </si>
  <si>
    <t>570110.0</t>
  </si>
  <si>
    <t>265491.0</t>
  </si>
  <si>
    <t>750138.0</t>
  </si>
  <si>
    <t>585592.0</t>
  </si>
  <si>
    <t>768280.0</t>
  </si>
  <si>
    <t>598158.0</t>
  </si>
  <si>
    <t>303470.0</t>
  </si>
  <si>
    <t>788376.0</t>
  </si>
  <si>
    <t>611442.0</t>
  </si>
  <si>
    <t>323221.0</t>
  </si>
  <si>
    <t>806316.0</t>
  </si>
  <si>
    <t>621867.0</t>
  </si>
  <si>
    <t>340565.0</t>
  </si>
  <si>
    <t>827615.0</t>
  </si>
  <si>
    <t>635098.0</t>
  </si>
  <si>
    <t>360616.0</t>
  </si>
  <si>
    <t>14124.0</t>
  </si>
  <si>
    <t>827885.0</t>
  </si>
  <si>
    <t>635311.0</t>
  </si>
  <si>
    <t>360886.0</t>
  </si>
  <si>
    <t>840736.0</t>
  </si>
  <si>
    <t>643799.0</t>
  </si>
  <si>
    <t>372544.0</t>
  </si>
  <si>
    <t>851823.0</t>
  </si>
  <si>
    <t>651096.0</t>
  </si>
  <si>
    <t>382516.0</t>
  </si>
  <si>
    <t>868988.0</t>
  </si>
  <si>
    <t>662638.0</t>
  </si>
  <si>
    <t>397700.0</t>
  </si>
  <si>
    <t>877951.0</t>
  </si>
  <si>
    <t>669053.0</t>
  </si>
  <si>
    <t>405722.0</t>
  </si>
  <si>
    <t>878138.0</t>
  </si>
  <si>
    <t>681196.0</t>
  </si>
  <si>
    <t>405896.0</t>
  </si>
  <si>
    <t>883432.0</t>
  </si>
  <si>
    <t>683640.0</t>
  </si>
  <si>
    <t>410484.0</t>
  </si>
  <si>
    <t>893062.0</t>
  </si>
  <si>
    <t>688002.0</t>
  </si>
  <si>
    <t>418255.0</t>
  </si>
  <si>
    <t>898201.0</t>
  </si>
  <si>
    <t>690515.0</t>
  </si>
  <si>
    <t>422408.0</t>
  </si>
  <si>
    <t>909438.0</t>
  </si>
  <si>
    <t>430476.0</t>
  </si>
  <si>
    <t>910347.0</t>
  </si>
  <si>
    <t>697559.0</t>
  </si>
  <si>
    <t>911292.0</t>
  </si>
  <si>
    <t>697824.0</t>
  </si>
  <si>
    <t>432188.0</t>
  </si>
  <si>
    <t>916777.0</t>
  </si>
  <si>
    <t>701061.0</t>
  </si>
  <si>
    <t>435997.0</t>
  </si>
  <si>
    <t>933541.0</t>
  </si>
  <si>
    <t>707769.0</t>
  </si>
  <si>
    <t>448000.0</t>
  </si>
  <si>
    <t>937856.0</t>
  </si>
  <si>
    <t>710897.0</t>
  </si>
  <si>
    <t>450250.0</t>
  </si>
  <si>
    <t>941059.0</t>
  </si>
  <si>
    <t>452402.0</t>
  </si>
  <si>
    <t>946765.0</t>
  </si>
  <si>
    <t>718103.0</t>
  </si>
  <si>
    <t>457324.0</t>
  </si>
  <si>
    <t>956031.0</t>
  </si>
  <si>
    <t>725381.0</t>
  </si>
  <si>
    <t>461402.0</t>
  </si>
  <si>
    <t>968300.0</t>
  </si>
  <si>
    <t>737225.0</t>
  </si>
  <si>
    <t>466208.0</t>
  </si>
  <si>
    <t>974830.0</t>
  </si>
  <si>
    <t>742169.0</t>
  </si>
  <si>
    <t>469604.0</t>
  </si>
  <si>
    <t>980682.0</t>
  </si>
  <si>
    <t>747312.0</t>
  </si>
  <si>
    <t>471299.0</t>
  </si>
  <si>
    <t>983126.0</t>
  </si>
  <si>
    <t>748937.0</t>
  </si>
  <si>
    <t>473443.0</t>
  </si>
  <si>
    <t>984653.0</t>
  </si>
  <si>
    <t>749879.0</t>
  </si>
  <si>
    <t>992736.0</t>
  </si>
  <si>
    <t>757086.0</t>
  </si>
  <si>
    <t>477387.0</t>
  </si>
  <si>
    <t>1002398.0</t>
  </si>
  <si>
    <t>765895.0</t>
  </si>
  <si>
    <t>480238.0</t>
  </si>
  <si>
    <t>1010384.0</t>
  </si>
  <si>
    <t>772276.0</t>
  </si>
  <si>
    <t>483685.0</t>
  </si>
  <si>
    <t>1019673.0</t>
  </si>
  <si>
    <t>486133.0</t>
  </si>
  <si>
    <t>1028040.0</t>
  </si>
  <si>
    <t>788138.0</t>
  </si>
  <si>
    <t>488444.0</t>
  </si>
  <si>
    <t>1030077.0</t>
  </si>
  <si>
    <t>789812.0</t>
  </si>
  <si>
    <t>489199.0</t>
  </si>
  <si>
    <t>1031041.0</t>
  </si>
  <si>
    <t>790707.0</t>
  </si>
  <si>
    <t>489593.0</t>
  </si>
  <si>
    <t>1047408.0</t>
  </si>
  <si>
    <t>804725.0</t>
  </si>
  <si>
    <t>496366.0</t>
  </si>
  <si>
    <t>1062929.0</t>
  </si>
  <si>
    <t>818939.0</t>
  </si>
  <si>
    <t>498701.0</t>
  </si>
  <si>
    <t>1066218.0</t>
  </si>
  <si>
    <t>821946.0</t>
  </si>
  <si>
    <t>1068095.0</t>
  </si>
  <si>
    <t>823582.0</t>
  </si>
  <si>
    <t>499844.0</t>
  </si>
  <si>
    <t>1068899.0</t>
  </si>
  <si>
    <t>824376.0</t>
  </si>
  <si>
    <t>499918.0</t>
  </si>
  <si>
    <t>1076184.0</t>
  </si>
  <si>
    <t>831283.0</t>
  </si>
  <si>
    <t>501296.0</t>
  </si>
  <si>
    <t>1084319.0</t>
  </si>
  <si>
    <t>839097.0</t>
  </si>
  <si>
    <t>502755.0</t>
  </si>
  <si>
    <t>1092540.0</t>
  </si>
  <si>
    <t>847103.0</t>
  </si>
  <si>
    <t>503916.0</t>
  </si>
  <si>
    <t>1099302.0</t>
  </si>
  <si>
    <t>853027.0</t>
  </si>
  <si>
    <t>505939.0</t>
  </si>
  <si>
    <t>1110470.0</t>
  </si>
  <si>
    <t>863374.0</t>
  </si>
  <si>
    <t>507463.0</t>
  </si>
  <si>
    <t>1115091.0</t>
  </si>
  <si>
    <t>867591.0</t>
  </si>
  <si>
    <t>508367.0</t>
  </si>
  <si>
    <t>1117234.0</t>
  </si>
  <si>
    <t>868390.0</t>
  </si>
  <si>
    <t>1122514.0</t>
  </si>
  <si>
    <t>872800.0</t>
  </si>
  <si>
    <t>512022.0</t>
  </si>
  <si>
    <t>1134986.0</t>
  </si>
  <si>
    <t>515519.0</t>
  </si>
  <si>
    <t>1142285.0</t>
  </si>
  <si>
    <t>890332.0</t>
  </si>
  <si>
    <t>517398.0</t>
  </si>
  <si>
    <t>1145420.0</t>
  </si>
  <si>
    <t>892844.0</t>
  </si>
  <si>
    <t>518477.0</t>
  </si>
  <si>
    <t>1148069.0</t>
  </si>
  <si>
    <t>895463.0</t>
  </si>
  <si>
    <t>518717.0</t>
  </si>
  <si>
    <t>1153801.0</t>
  </si>
  <si>
    <t>900023.0</t>
  </si>
  <si>
    <t>521378.0</t>
  </si>
  <si>
    <t>1160788.0</t>
  </si>
  <si>
    <t>906673.0</t>
  </si>
  <si>
    <t>524096.0</t>
  </si>
  <si>
    <t>1178109.0</t>
  </si>
  <si>
    <t>922158.0</t>
  </si>
  <si>
    <t>531434.0</t>
  </si>
  <si>
    <t>1183633.0</t>
  </si>
  <si>
    <t>926939.0</t>
  </si>
  <si>
    <t>533726.0</t>
  </si>
  <si>
    <t>1188689.0</t>
  </si>
  <si>
    <t>931399.0</t>
  </si>
  <si>
    <t>536108.0</t>
  </si>
  <si>
    <t>1193596.0</t>
  </si>
  <si>
    <t>933856.0</t>
  </si>
  <si>
    <t>540186.0</t>
  </si>
  <si>
    <t>1202797.0</t>
  </si>
  <si>
    <t>942538.0</t>
  </si>
  <si>
    <t>543237.0</t>
  </si>
  <si>
    <t>1211046.0</t>
  </si>
  <si>
    <t>950399.0</t>
  </si>
  <si>
    <t>545528.0</t>
  </si>
  <si>
    <t>1217829.0</t>
  </si>
  <si>
    <t>956793.0</t>
  </si>
  <si>
    <t>547803.0</t>
  </si>
  <si>
    <t>1228019.0</t>
  </si>
  <si>
    <t>965502.0</t>
  </si>
  <si>
    <t>552758.0</t>
  </si>
  <si>
    <t>1235200.0</t>
  </si>
  <si>
    <t>972402.0</t>
  </si>
  <si>
    <t>555220.0</t>
  </si>
  <si>
    <t>1238209.0</t>
  </si>
  <si>
    <t>975341.0</t>
  </si>
  <si>
    <t>556336.0</t>
  </si>
  <si>
    <t>1239625.0</t>
  </si>
  <si>
    <t>976705.0</t>
  </si>
  <si>
    <t>556696.0</t>
  </si>
  <si>
    <t>274.7</t>
  </si>
  <si>
    <t>1250865.0</t>
  </si>
  <si>
    <t>987945.0</t>
  </si>
  <si>
    <t>559511.0</t>
  </si>
  <si>
    <t>379.3</t>
  </si>
  <si>
    <t>1255245.0</t>
  </si>
  <si>
    <t>992325.0</t>
  </si>
  <si>
    <t>1259600.0</t>
  </si>
  <si>
    <t>996324.0</t>
  </si>
  <si>
    <t>1262543.0</t>
  </si>
  <si>
    <t>999267.0</t>
  </si>
  <si>
    <t>562578.0</t>
  </si>
  <si>
    <t>419.3</t>
  </si>
  <si>
    <t>1262588.0</t>
  </si>
  <si>
    <t>999312.0</t>
  </si>
  <si>
    <t>562596.0</t>
  </si>
  <si>
    <t>1268756.0</t>
  </si>
  <si>
    <t>1005209.0</t>
  </si>
  <si>
    <t>564245.0</t>
  </si>
  <si>
    <t>1275056.0</t>
  </si>
  <si>
    <t>1009900.0</t>
  </si>
  <si>
    <t>567368.0</t>
  </si>
  <si>
    <t>1280885.0</t>
  </si>
  <si>
    <t>1015183.0</t>
  </si>
  <si>
    <t>568909.0</t>
  </si>
  <si>
    <t>1288585.0</t>
  </si>
  <si>
    <t>1022443.0</t>
  </si>
  <si>
    <t>570638.0</t>
  </si>
  <si>
    <t>1301003.0</t>
  </si>
  <si>
    <t>1034021.0</t>
  </si>
  <si>
    <t>1304110.0</t>
  </si>
  <si>
    <t>1037023.0</t>
  </si>
  <si>
    <t>574069.0</t>
  </si>
  <si>
    <t>1321490.0</t>
  </si>
  <si>
    <t>1051491.0</t>
  </si>
  <si>
    <t>581126.0</t>
  </si>
  <si>
    <t>362.1</t>
  </si>
  <si>
    <t>1327347.0</t>
  </si>
  <si>
    <t>1056988.0</t>
  </si>
  <si>
    <t>582261.0</t>
  </si>
  <si>
    <t>398.3</t>
  </si>
  <si>
    <t>1343225.0</t>
  </si>
  <si>
    <t>1072510.0</t>
  </si>
  <si>
    <t>585050.0</t>
  </si>
  <si>
    <t>1351108.0</t>
  </si>
  <si>
    <t>1080248.0</t>
  </si>
  <si>
    <t>586686.0</t>
  </si>
  <si>
    <t>1353479.0</t>
  </si>
  <si>
    <t>1082542.0</t>
  </si>
  <si>
    <t>587303.0</t>
  </si>
  <si>
    <t>1373921.0</t>
  </si>
  <si>
    <t>1100295.0</t>
  </si>
  <si>
    <t>594360.0</t>
  </si>
  <si>
    <t>612.8</t>
  </si>
  <si>
    <t>1382977.0</t>
  </si>
  <si>
    <t>1109062.0</t>
  </si>
  <si>
    <t>595701.0</t>
  </si>
  <si>
    <t>1392740.0</t>
  </si>
  <si>
    <t>1118611.0</t>
  </si>
  <si>
    <t>597572.0</t>
  </si>
  <si>
    <t>1399007.0</t>
  </si>
  <si>
    <t>1124719.0</t>
  </si>
  <si>
    <t>598539.0</t>
  </si>
  <si>
    <t>306.4</t>
  </si>
  <si>
    <t>1407233.0</t>
  </si>
  <si>
    <t>1132740.0</t>
  </si>
  <si>
    <t>599857.0</t>
  </si>
  <si>
    <t>1407652.0</t>
  </si>
  <si>
    <t>1133159.0</t>
  </si>
  <si>
    <t>599981.0</t>
  </si>
  <si>
    <t>1414261.0</t>
  </si>
  <si>
    <t>1139688.0</t>
  </si>
  <si>
    <t>601650.0</t>
  </si>
  <si>
    <t>1431650.0</t>
  </si>
  <si>
    <t>1156465.0</t>
  </si>
  <si>
    <t>605045.0</t>
  </si>
  <si>
    <t>1450801.0</t>
  </si>
  <si>
    <t>1175255.0</t>
  </si>
  <si>
    <t>608389.0</t>
  </si>
  <si>
    <t>1470951.0</t>
  </si>
  <si>
    <t>1189293.0</t>
  </si>
  <si>
    <t>616905.0</t>
  </si>
  <si>
    <t>1194939.0</t>
  </si>
  <si>
    <t>617998.0</t>
  </si>
  <si>
    <t>1480569.0</t>
  </si>
  <si>
    <t>1198406.0</t>
  </si>
  <si>
    <t>618597.0</t>
  </si>
  <si>
    <t>1491386.0</t>
  </si>
  <si>
    <t>1209064.0</t>
  </si>
  <si>
    <t>620710.0</t>
  </si>
  <si>
    <t>1501147.0</t>
  </si>
  <si>
    <t>1218720.0</t>
  </si>
  <si>
    <t>622676.0</t>
  </si>
  <si>
    <t>1511574.0</t>
  </si>
  <si>
    <t>1228790.0</t>
  </si>
  <si>
    <t>624598.0</t>
  </si>
  <si>
    <t>1527726.0</t>
  </si>
  <si>
    <t>1244627.0</t>
  </si>
  <si>
    <t>627844.0</t>
  </si>
  <si>
    <t>1538737.0</t>
  </si>
  <si>
    <t>1254993.0</t>
  </si>
  <si>
    <t>630750.0</t>
  </si>
  <si>
    <t>1553347.0</t>
  </si>
  <si>
    <t>1269594.0</t>
  </si>
  <si>
    <t>633344.0</t>
  </si>
  <si>
    <t>1560093.0</t>
  </si>
  <si>
    <t>1276252.0</t>
  </si>
  <si>
    <t>634909.0</t>
  </si>
  <si>
    <t>1575674.0</t>
  </si>
  <si>
    <t>1291833.0</t>
  </si>
  <si>
    <t>638108.0</t>
  </si>
  <si>
    <t>1587487.0</t>
  </si>
  <si>
    <t>1303646.0</t>
  </si>
  <si>
    <t>640796.0</t>
  </si>
  <si>
    <t>1600509.0</t>
  </si>
  <si>
    <t>1316668.0</t>
  </si>
  <si>
    <t>643709.0</t>
  </si>
  <si>
    <t>1628757.0</t>
  </si>
  <si>
    <t>1344916.0</t>
  </si>
  <si>
    <t>649824.0</t>
  </si>
  <si>
    <t>1639533.0</t>
  </si>
  <si>
    <t>1355692.0</t>
  </si>
  <si>
    <t>651693.0</t>
  </si>
  <si>
    <t>1653578.0</t>
  </si>
  <si>
    <t>1369737.0</t>
  </si>
  <si>
    <t>654927.0</t>
  </si>
  <si>
    <t>1658953.0</t>
  </si>
  <si>
    <t>1375112.0</t>
  </si>
  <si>
    <t>656393.0</t>
  </si>
  <si>
    <t>0.4458</t>
  </si>
  <si>
    <t>1674378.0</t>
  </si>
  <si>
    <t>1390537.0</t>
  </si>
  <si>
    <t>658650.0</t>
  </si>
  <si>
    <t>1684374.0</t>
  </si>
  <si>
    <t>1400533.0</t>
  </si>
  <si>
    <t>660596.0</t>
  </si>
  <si>
    <t>0.6355</t>
  </si>
  <si>
    <t>1713473.0</t>
  </si>
  <si>
    <t>1429632.0</t>
  </si>
  <si>
    <t>666188.0</t>
  </si>
  <si>
    <t>1730888.0</t>
  </si>
  <si>
    <t>1447047.0</t>
  </si>
  <si>
    <t>669895.0</t>
  </si>
  <si>
    <t>0.7871</t>
  </si>
  <si>
    <t>1739356.0</t>
  </si>
  <si>
    <t>1455515.0</t>
  </si>
  <si>
    <t>671609.0</t>
  </si>
  <si>
    <t>0.7866</t>
  </si>
  <si>
    <t>1745048.0</t>
  </si>
  <si>
    <t>1461207.0</t>
  </si>
  <si>
    <t>672819.0</t>
  </si>
  <si>
    <t>0.7944</t>
  </si>
  <si>
    <t>1745919.0</t>
  </si>
  <si>
    <t>1462078.0</t>
  </si>
  <si>
    <t>673093.0</t>
  </si>
  <si>
    <t>0.7493</t>
  </si>
  <si>
    <t>1764634.0</t>
  </si>
  <si>
    <t>1476496.0</t>
  </si>
  <si>
    <t>680558.0</t>
  </si>
  <si>
    <t>0.7482</t>
  </si>
  <si>
    <t>1777862.0</t>
  </si>
  <si>
    <t>1485490.0</t>
  </si>
  <si>
    <t>687294.0</t>
  </si>
  <si>
    <t>0.7194</t>
  </si>
  <si>
    <t>0.6703</t>
  </si>
  <si>
    <t>1800908.0</t>
  </si>
  <si>
    <t>1492675.0</t>
  </si>
  <si>
    <t>705769.0</t>
  </si>
  <si>
    <t>1808866.0</t>
  </si>
  <si>
    <t>1494459.0</t>
  </si>
  <si>
    <t>0.6351</t>
  </si>
  <si>
    <t>1808971.0</t>
  </si>
  <si>
    <t>712848.0</t>
  </si>
  <si>
    <t>0.5955</t>
  </si>
  <si>
    <t>1809081.0</t>
  </si>
  <si>
    <t>712958.0</t>
  </si>
  <si>
    <t>0.5857</t>
  </si>
  <si>
    <t>1813469.0</t>
  </si>
  <si>
    <t>1494625.0</t>
  </si>
  <si>
    <t>717180.0</t>
  </si>
  <si>
    <t>0.5512</t>
  </si>
  <si>
    <t>1816292.0</t>
  </si>
  <si>
    <t>1494687.0</t>
  </si>
  <si>
    <t>719941.0</t>
  </si>
  <si>
    <t>0.5277</t>
  </si>
  <si>
    <t>1498064.0</t>
  </si>
  <si>
    <t>732128.0</t>
  </si>
  <si>
    <t>14836.0</t>
  </si>
  <si>
    <t>1834597.0</t>
  </si>
  <si>
    <t>1498093.0</t>
  </si>
  <si>
    <t>735555.0</t>
  </si>
  <si>
    <t>0.4877</t>
  </si>
  <si>
    <t>1838226.0</t>
  </si>
  <si>
    <t>1498199.0</t>
  </si>
  <si>
    <t>739078.0</t>
  </si>
  <si>
    <t>0.4922</t>
  </si>
  <si>
    <t>1840646.0</t>
  </si>
  <si>
    <t>1498758.0</t>
  </si>
  <si>
    <t>740970.0</t>
  </si>
  <si>
    <t>0.4989</t>
  </si>
  <si>
    <t>1847917.0</t>
  </si>
  <si>
    <t>1498902.0</t>
  </si>
  <si>
    <t>748097.0</t>
  </si>
  <si>
    <t>0.4751</t>
  </si>
  <si>
    <t>0.4375</t>
  </si>
  <si>
    <t>1855128.0</t>
  </si>
  <si>
    <t>1499022.0</t>
  </si>
  <si>
    <t>755188.0</t>
  </si>
  <si>
    <t>508874.0</t>
  </si>
  <si>
    <t>25.585</t>
  </si>
  <si>
    <t>1856253.0</t>
  </si>
  <si>
    <t>1499048.0</t>
  </si>
  <si>
    <t>756287.0</t>
  </si>
  <si>
    <t>1858118.0</t>
  </si>
  <si>
    <t>1499194.0</t>
  </si>
  <si>
    <t>758006.0</t>
  </si>
  <si>
    <t>1859497.0</t>
  </si>
  <si>
    <t>1499419.0</t>
  </si>
  <si>
    <t>759160.0</t>
  </si>
  <si>
    <t>1860760.0</t>
  </si>
  <si>
    <t>1499600.0</t>
  </si>
  <si>
    <t>760242.0</t>
  </si>
  <si>
    <t>517237.0</t>
  </si>
  <si>
    <t>1864968.0</t>
  </si>
  <si>
    <t>1500540.0</t>
  </si>
  <si>
    <t>763510.0</t>
  </si>
  <si>
    <t>518559.0</t>
  </si>
  <si>
    <t>1867161.0</t>
  </si>
  <si>
    <t>1500616.0</t>
  </si>
  <si>
    <t>765627.0</t>
  </si>
  <si>
    <t>1869809.0</t>
  </si>
  <si>
    <t>1501186.0</t>
  </si>
  <si>
    <t>767705.0</t>
  </si>
  <si>
    <t>1870093.0</t>
  </si>
  <si>
    <t>1501201.0</t>
  </si>
  <si>
    <t>767974.0</t>
  </si>
  <si>
    <t>522048.0</t>
  </si>
  <si>
    <t>26.247</t>
  </si>
  <si>
    <t>1870335.0</t>
  </si>
  <si>
    <t>768216.0</t>
  </si>
  <si>
    <t>1870776.0</t>
  </si>
  <si>
    <t>1501273.0</t>
  </si>
  <si>
    <t>768585.0</t>
  </si>
  <si>
    <t>1871874.0</t>
  </si>
  <si>
    <t>1501526.0</t>
  </si>
  <si>
    <t>769430.0</t>
  </si>
  <si>
    <t>524181.0</t>
  </si>
  <si>
    <t>26.354</t>
  </si>
  <si>
    <t>1873527.0</t>
  </si>
  <si>
    <t>1502197.0</t>
  </si>
  <si>
    <t>770412.0</t>
  </si>
  <si>
    <t>1875194.0</t>
  </si>
  <si>
    <t>1502721.0</t>
  </si>
  <si>
    <t>771555.0</t>
  </si>
  <si>
    <t>1877787.0</t>
  </si>
  <si>
    <t>1504060.0</t>
  </si>
  <si>
    <t>772809.0</t>
  </si>
  <si>
    <t>527504.0</t>
  </si>
  <si>
    <t>527860.0</t>
  </si>
  <si>
    <t>26.539</t>
  </si>
  <si>
    <t>1881955.0</t>
  </si>
  <si>
    <t>1505307.0</t>
  </si>
  <si>
    <t>775730.0</t>
  </si>
  <si>
    <t>528593.0</t>
  </si>
  <si>
    <t>1882770.0</t>
  </si>
  <si>
    <t>1505495.0</t>
  </si>
  <si>
    <t>776360.0</t>
  </si>
  <si>
    <t>1884754.0</t>
  </si>
  <si>
    <t>1506374.0</t>
  </si>
  <si>
    <t>777476.0</t>
  </si>
  <si>
    <t>1886464.0</t>
  </si>
  <si>
    <t>1507119.0</t>
  </si>
  <si>
    <t>778458.0</t>
  </si>
  <si>
    <t>1887249.0</t>
  </si>
  <si>
    <t>1507221.0</t>
  </si>
  <si>
    <t>779145.0</t>
  </si>
  <si>
    <t>532347.0</t>
  </si>
  <si>
    <t>1888190.0</t>
  </si>
  <si>
    <t>1507462.0</t>
  </si>
  <si>
    <t>779845.0</t>
  </si>
  <si>
    <t>1890032.0</t>
  </si>
  <si>
    <t>1508115.0</t>
  </si>
  <si>
    <t>781244.0</t>
  </si>
  <si>
    <t>535086.0</t>
  </si>
  <si>
    <t>26.903</t>
  </si>
  <si>
    <t>1891088.0</t>
  </si>
  <si>
    <t>1508444.0</t>
  </si>
  <si>
    <t>782066.0</t>
  </si>
  <si>
    <t>1892871.0</t>
  </si>
  <si>
    <t>1509167.0</t>
  </si>
  <si>
    <t>783165.0</t>
  </si>
  <si>
    <t>535771.0</t>
  </si>
  <si>
    <t>26.937</t>
  </si>
  <si>
    <t>1894993.0</t>
  </si>
  <si>
    <t>1509501.0</t>
  </si>
  <si>
    <t>784997.0</t>
  </si>
  <si>
    <t>1896669.0</t>
  </si>
  <si>
    <t>1510077.0</t>
  </si>
  <si>
    <t>786184.0</t>
  </si>
  <si>
    <t>537671.0</t>
  </si>
  <si>
    <t>27.033</t>
  </si>
  <si>
    <t>1900156.0</t>
  </si>
  <si>
    <t>788297.0</t>
  </si>
  <si>
    <t>539131.0</t>
  </si>
  <si>
    <t>27.106</t>
  </si>
  <si>
    <t>1911459.0</t>
  </si>
  <si>
    <t>1512381.0</t>
  </si>
  <si>
    <t>798798.0</t>
  </si>
  <si>
    <t>1912743.0</t>
  </si>
  <si>
    <t>1513665.0</t>
  </si>
  <si>
    <t>798800.0</t>
  </si>
  <si>
    <t>540563.0</t>
  </si>
  <si>
    <t>1913310.0</t>
  </si>
  <si>
    <t>1514232.0</t>
  </si>
  <si>
    <t>798802.0</t>
  </si>
  <si>
    <t>1913872.0</t>
  </si>
  <si>
    <t>1514794.0</t>
  </si>
  <si>
    <t>1914274.0</t>
  </si>
  <si>
    <t>1515196.0</t>
  </si>
  <si>
    <t>798825.0</t>
  </si>
  <si>
    <t>542492.0</t>
  </si>
  <si>
    <t>27.275</t>
  </si>
  <si>
    <t>1914281.0</t>
  </si>
  <si>
    <t>1515203.0</t>
  </si>
  <si>
    <t>798827.0</t>
  </si>
  <si>
    <t>543557.0</t>
  </si>
  <si>
    <t>27.329</t>
  </si>
  <si>
    <t>1918712.0</t>
  </si>
  <si>
    <t>1516598.0</t>
  </si>
  <si>
    <t>802147.0</t>
  </si>
  <si>
    <t>544043.0</t>
  </si>
  <si>
    <t>27.353</t>
  </si>
  <si>
    <t>1920564.0</t>
  </si>
  <si>
    <t>1517191.0</t>
  </si>
  <si>
    <t>803474.0</t>
  </si>
  <si>
    <t>544896.0</t>
  </si>
  <si>
    <t>1920672.0</t>
  </si>
  <si>
    <t>1517232.0</t>
  </si>
  <si>
    <t>803541.0</t>
  </si>
  <si>
    <t>545444.0</t>
  </si>
  <si>
    <t>1536112.0</t>
  </si>
  <si>
    <t>811786.0</t>
  </si>
  <si>
    <t>547521.0</t>
  </si>
  <si>
    <t>27.528</t>
  </si>
  <si>
    <t>548601.0</t>
  </si>
  <si>
    <t>549568.0</t>
  </si>
  <si>
    <t>549985.0</t>
  </si>
  <si>
    <t>27.652</t>
  </si>
  <si>
    <t>550454.0</t>
  </si>
  <si>
    <t>27.675</t>
  </si>
  <si>
    <t>551664.0</t>
  </si>
  <si>
    <t>552093.0</t>
  </si>
  <si>
    <t>27.758</t>
  </si>
  <si>
    <t>552610.0</t>
  </si>
  <si>
    <t>27.784</t>
  </si>
  <si>
    <t>1993981.0</t>
  </si>
  <si>
    <t>1570322.0</t>
  </si>
  <si>
    <t>861888.0</t>
  </si>
  <si>
    <t>556909.0</t>
  </si>
  <si>
    <t>558538.0</t>
  </si>
  <si>
    <t>28.082</t>
  </si>
  <si>
    <t>560213.0</t>
  </si>
  <si>
    <t>562051.0</t>
  </si>
  <si>
    <t>28.258</t>
  </si>
  <si>
    <t>564374.0</t>
  </si>
  <si>
    <t>28.375</t>
  </si>
  <si>
    <t>566101.0</t>
  </si>
  <si>
    <t>28.462</t>
  </si>
  <si>
    <t>568690.0</t>
  </si>
  <si>
    <t>571585.0</t>
  </si>
  <si>
    <t>172.1</t>
  </si>
  <si>
    <t>2054585.0</t>
  </si>
  <si>
    <t>908688.0</t>
  </si>
  <si>
    <t>573085.0</t>
  </si>
  <si>
    <t>28.813</t>
  </si>
  <si>
    <t>574139.0</t>
  </si>
  <si>
    <t>28.866</t>
  </si>
  <si>
    <t>574956.0</t>
  </si>
  <si>
    <t>28.907</t>
  </si>
  <si>
    <t>576216.0</t>
  </si>
  <si>
    <t>28.971</t>
  </si>
  <si>
    <t>576970.0</t>
  </si>
  <si>
    <t>29.008</t>
  </si>
  <si>
    <t>578807.0</t>
  </si>
  <si>
    <t>29.101</t>
  </si>
  <si>
    <t>579375.0</t>
  </si>
  <si>
    <t>579865.0</t>
  </si>
  <si>
    <t>2166402.0</t>
  </si>
  <si>
    <t>1139589.0</t>
  </si>
  <si>
    <t>55189.0</t>
  </si>
  <si>
    <t>582844.0</t>
  </si>
  <si>
    <t>29.304</t>
  </si>
  <si>
    <t>2047317.0</t>
  </si>
  <si>
    <t>64387.0</t>
  </si>
  <si>
    <t>46521.0</t>
  </si>
  <si>
    <t>37588.0</t>
  </si>
  <si>
    <t>583926.0</t>
  </si>
  <si>
    <t>29.358</t>
  </si>
  <si>
    <t>28655.0</t>
  </si>
  <si>
    <t>17101.0</t>
  </si>
  <si>
    <t>584489.0</t>
  </si>
  <si>
    <t>29.386</t>
  </si>
  <si>
    <t>585481.0</t>
  </si>
  <si>
    <t>29.436</t>
  </si>
  <si>
    <t>586566.0</t>
  </si>
  <si>
    <t>29.491</t>
  </si>
  <si>
    <t>587353.0</t>
  </si>
  <si>
    <t>589303.0</t>
  </si>
  <si>
    <t>3171945.0</t>
  </si>
  <si>
    <t>2125294.0</t>
  </si>
  <si>
    <t>1517989.0</t>
  </si>
  <si>
    <t>21417.0</t>
  </si>
  <si>
    <t>23781.0</t>
  </si>
  <si>
    <t>23620.0</t>
  </si>
  <si>
    <t>3810791.0</t>
  </si>
  <si>
    <t>2469812.0</t>
  </si>
  <si>
    <t>1932524.0</t>
  </si>
  <si>
    <t>16264.0</t>
  </si>
  <si>
    <t>4121001.0</t>
  </si>
  <si>
    <t>2719685.0</t>
  </si>
  <si>
    <t>2045943.0</t>
  </si>
  <si>
    <t>18583.0</t>
  </si>
  <si>
    <t>22255.0</t>
  </si>
  <si>
    <t>4323160.0</t>
  </si>
  <si>
    <t>3041539.0</t>
  </si>
  <si>
    <t>2247799.0</t>
  </si>
  <si>
    <t>18897.0</t>
  </si>
  <si>
    <t>4575245.0</t>
  </si>
  <si>
    <t>3162840.0</t>
  </si>
  <si>
    <t>2378583.0</t>
  </si>
  <si>
    <t>3231900.0</t>
  </si>
  <si>
    <t>2496426.0</t>
  </si>
  <si>
    <t>172419.0</t>
  </si>
  <si>
    <t>25318.0</t>
  </si>
  <si>
    <t>63916.0</t>
  </si>
  <si>
    <t>36906.0</t>
  </si>
  <si>
    <t>5619203.0</t>
  </si>
  <si>
    <t>3748590.0</t>
  </si>
  <si>
    <t>2949082.0</t>
  </si>
  <si>
    <t>64596.0</t>
  </si>
  <si>
    <t>54624.0</t>
  </si>
  <si>
    <t>27166.0</t>
  </si>
  <si>
    <t>5752582.0</t>
  </si>
  <si>
    <t>3827376.0</t>
  </si>
  <si>
    <t>3019136.0</t>
  </si>
  <si>
    <t>206825.0</t>
  </si>
  <si>
    <t>5930743.0</t>
  </si>
  <si>
    <t>3920784.0</t>
  </si>
  <si>
    <t>3094056.0</t>
  </si>
  <si>
    <t>509839.0</t>
  </si>
  <si>
    <t>21746.0</t>
  </si>
  <si>
    <t>19893.0</t>
  </si>
  <si>
    <t>16187.0</t>
  </si>
  <si>
    <t>17410.0</t>
  </si>
  <si>
    <t>6367571.0</t>
  </si>
  <si>
    <t>4587043.0</t>
  </si>
  <si>
    <t>3685148.0</t>
  </si>
  <si>
    <t>1807355.0</t>
  </si>
  <si>
    <t>MYS</t>
  </si>
  <si>
    <t>Malaysia</t>
  </si>
  <si>
    <t>580.5</t>
  </si>
  <si>
    <t>17.104611509338</t>
  </si>
  <si>
    <t>245.2</t>
  </si>
  <si>
    <t>2.2393634361924</t>
  </si>
  <si>
    <t>23913.0</t>
  </si>
  <si>
    <t>30628.0</t>
  </si>
  <si>
    <t>38218.0</t>
  </si>
  <si>
    <t>52720.0</t>
  </si>
  <si>
    <t>56595.0</t>
  </si>
  <si>
    <t>63135.0</t>
  </si>
  <si>
    <t>68437.0</t>
  </si>
  <si>
    <t>73173.0</t>
  </si>
  <si>
    <t>-5.89</t>
  </si>
  <si>
    <t>-24.8009500558309</t>
  </si>
  <si>
    <t>92710.0</t>
  </si>
  <si>
    <t>99266.0</t>
  </si>
  <si>
    <t>107484.0</t>
  </si>
  <si>
    <t>116425.0</t>
  </si>
  <si>
    <t>124826.0</t>
  </si>
  <si>
    <t>140108.0</t>
  </si>
  <si>
    <t>148819.0</t>
  </si>
  <si>
    <t>156844.0</t>
  </si>
  <si>
    <t>166997.0</t>
  </si>
  <si>
    <t>176432.0</t>
  </si>
  <si>
    <t>183641.0</t>
  </si>
  <si>
    <t>189515.0</t>
  </si>
  <si>
    <t>197263.0</t>
  </si>
  <si>
    <t>207060.0</t>
  </si>
  <si>
    <t>216455.0</t>
  </si>
  <si>
    <t>225755.0</t>
  </si>
  <si>
    <t>235403.0</t>
  </si>
  <si>
    <t>7.011</t>
  </si>
  <si>
    <t>244514.0</t>
  </si>
  <si>
    <t>253814.0</t>
  </si>
  <si>
    <t>263817.0</t>
  </si>
  <si>
    <t>276001.0</t>
  </si>
  <si>
    <t>288734.0</t>
  </si>
  <si>
    <t>12.758</t>
  </si>
  <si>
    <t>304321.0</t>
  </si>
  <si>
    <t>318280.0</t>
  </si>
  <si>
    <t>327722.0</t>
  </si>
  <si>
    <t>10.755</t>
  </si>
  <si>
    <t>340051.0</t>
  </si>
  <si>
    <t>352622.0</t>
  </si>
  <si>
    <t>12686.0</t>
  </si>
  <si>
    <t>23.042</t>
  </si>
  <si>
    <t>367094.0</t>
  </si>
  <si>
    <t>379136.0</t>
  </si>
  <si>
    <t>-2595.6</t>
  </si>
  <si>
    <t>-11.86</t>
  </si>
  <si>
    <t>-76.4801544076448</t>
  </si>
  <si>
    <t>393145.0</t>
  </si>
  <si>
    <t>404298.0</t>
  </si>
  <si>
    <t>416835.0</t>
  </si>
  <si>
    <t>9.635</t>
  </si>
  <si>
    <t>426666.0</t>
  </si>
  <si>
    <t>12.708</t>
  </si>
  <si>
    <t>437601.0</t>
  </si>
  <si>
    <t>450496.0</t>
  </si>
  <si>
    <t>13.418</t>
  </si>
  <si>
    <t>464230.0</t>
  </si>
  <si>
    <t>13.827</t>
  </si>
  <si>
    <t>475953.0</t>
  </si>
  <si>
    <t>17.679</t>
  </si>
  <si>
    <t>486370.0</t>
  </si>
  <si>
    <t>496512.0</t>
  </si>
  <si>
    <t>14.789</t>
  </si>
  <si>
    <t>506319.0</t>
  </si>
  <si>
    <t>15.081</t>
  </si>
  <si>
    <t>213.5</t>
  </si>
  <si>
    <t>516822.0</t>
  </si>
  <si>
    <t>15.394</t>
  </si>
  <si>
    <t>527252.0</t>
  </si>
  <si>
    <t>15.704</t>
  </si>
  <si>
    <t>539275.0</t>
  </si>
  <si>
    <t>16.062</t>
  </si>
  <si>
    <t>550875.0</t>
  </si>
  <si>
    <t>16.408</t>
  </si>
  <si>
    <t>562283.0</t>
  </si>
  <si>
    <t>13.996</t>
  </si>
  <si>
    <t>571228.0</t>
  </si>
  <si>
    <t>8945.0</t>
  </si>
  <si>
    <t>313.9</t>
  </si>
  <si>
    <t>582975.0</t>
  </si>
  <si>
    <t>356.5</t>
  </si>
  <si>
    <t>13.112</t>
  </si>
  <si>
    <t>593966.0</t>
  </si>
  <si>
    <t>17.691</t>
  </si>
  <si>
    <t>606465.0</t>
  </si>
  <si>
    <t>344.4</t>
  </si>
  <si>
    <t>617884.0</t>
  </si>
  <si>
    <t>18.404</t>
  </si>
  <si>
    <t>327.5</t>
  </si>
  <si>
    <t>12.022</t>
  </si>
  <si>
    <t>629176.0</t>
  </si>
  <si>
    <t>277.7</t>
  </si>
  <si>
    <t>639271.0</t>
  </si>
  <si>
    <t>19.041</t>
  </si>
  <si>
    <t>646859.0</t>
  </si>
  <si>
    <t>654601.0</t>
  </si>
  <si>
    <t>661916.0</t>
  </si>
  <si>
    <t>670137.0</t>
  </si>
  <si>
    <t>681010.0</t>
  </si>
  <si>
    <t>694104.0</t>
  </si>
  <si>
    <t>703419.0</t>
  </si>
  <si>
    <t>9.134</t>
  </si>
  <si>
    <t>712050.0</t>
  </si>
  <si>
    <t>21.208</t>
  </si>
  <si>
    <t>-3932.5</t>
  </si>
  <si>
    <t>-115.872325168771</t>
  </si>
  <si>
    <t>720193.0</t>
  </si>
  <si>
    <t>21.451</t>
  </si>
  <si>
    <t>6.806</t>
  </si>
  <si>
    <t>732371.0</t>
  </si>
  <si>
    <t>21.814</t>
  </si>
  <si>
    <t>258.1</t>
  </si>
  <si>
    <t>744536.0</t>
  </si>
  <si>
    <t>22.176</t>
  </si>
  <si>
    <t>755966.0</t>
  </si>
  <si>
    <t>22.516</t>
  </si>
  <si>
    <t>769452.0</t>
  </si>
  <si>
    <t>780218.0</t>
  </si>
  <si>
    <t>787697.0</t>
  </si>
  <si>
    <t>794408.0</t>
  </si>
  <si>
    <t>23.661</t>
  </si>
  <si>
    <t>801162.0</t>
  </si>
  <si>
    <t>23.863</t>
  </si>
  <si>
    <t>808575.0</t>
  </si>
  <si>
    <t>24.083</t>
  </si>
  <si>
    <t>6.659</t>
  </si>
  <si>
    <t>820155.0</t>
  </si>
  <si>
    <t>24.428</t>
  </si>
  <si>
    <t>526.1</t>
  </si>
  <si>
    <t>827276.0</t>
  </si>
  <si>
    <t>834013.0</t>
  </si>
  <si>
    <t>24.841</t>
  </si>
  <si>
    <t>378.8</t>
  </si>
  <si>
    <t>839842.0</t>
  </si>
  <si>
    <t>25.015</t>
  </si>
  <si>
    <t>843924.0</t>
  </si>
  <si>
    <t>850322.0</t>
  </si>
  <si>
    <t>25.327</t>
  </si>
  <si>
    <t>290.9</t>
  </si>
  <si>
    <t>856672.0</t>
  </si>
  <si>
    <t>25.516</t>
  </si>
  <si>
    <t>862639.0</t>
  </si>
  <si>
    <t>25.694</t>
  </si>
  <si>
    <t>265.5</t>
  </si>
  <si>
    <t>868960.0</t>
  </si>
  <si>
    <t>874622.0</t>
  </si>
  <si>
    <t>365.8</t>
  </si>
  <si>
    <t>5.628</t>
  </si>
  <si>
    <t>879871.0</t>
  </si>
  <si>
    <t>26.207</t>
  </si>
  <si>
    <t>886162.0</t>
  </si>
  <si>
    <t>454.2</t>
  </si>
  <si>
    <t>893116.0</t>
  </si>
  <si>
    <t>26.602</t>
  </si>
  <si>
    <t>503.4</t>
  </si>
  <si>
    <t>900567.0</t>
  </si>
  <si>
    <t>26.823</t>
  </si>
  <si>
    <t>907910.0</t>
  </si>
  <si>
    <t>27.042</t>
  </si>
  <si>
    <t>915252.0</t>
  </si>
  <si>
    <t>27.261</t>
  </si>
  <si>
    <t>921159.0</t>
  </si>
  <si>
    <t>27.437</t>
  </si>
  <si>
    <t>775.6</t>
  </si>
  <si>
    <t>925502.0</t>
  </si>
  <si>
    <t>27.566</t>
  </si>
  <si>
    <t>930945.0</t>
  </si>
  <si>
    <t>895.7</t>
  </si>
  <si>
    <t>938949.0</t>
  </si>
  <si>
    <t>27.967</t>
  </si>
  <si>
    <t>935.4</t>
  </si>
  <si>
    <t>-5484.0</t>
  </si>
  <si>
    <t>-6.08</t>
  </si>
  <si>
    <t>-10.43</t>
  </si>
  <si>
    <t>-161.587751106304</t>
  </si>
  <si>
    <t>946012.0</t>
  </si>
  <si>
    <t>28.177</t>
  </si>
  <si>
    <t>1032.8</t>
  </si>
  <si>
    <t>953922.0</t>
  </si>
  <si>
    <t>960869.0</t>
  </si>
  <si>
    <t>967328.0</t>
  </si>
  <si>
    <t>1099.3</t>
  </si>
  <si>
    <t>971975.0</t>
  </si>
  <si>
    <t>1602.5</t>
  </si>
  <si>
    <t>977692.0</t>
  </si>
  <si>
    <t>29.121</t>
  </si>
  <si>
    <t>1507.8</t>
  </si>
  <si>
    <t>983781.0</t>
  </si>
  <si>
    <t>29.302</t>
  </si>
  <si>
    <t>990550.0</t>
  </si>
  <si>
    <t>1203.7</t>
  </si>
  <si>
    <t>996610.0</t>
  </si>
  <si>
    <t>1067.2</t>
  </si>
  <si>
    <t>1002372.0</t>
  </si>
  <si>
    <t>864.7</t>
  </si>
  <si>
    <t>1007046.0</t>
  </si>
  <si>
    <t>29.995</t>
  </si>
  <si>
    <t>863.5</t>
  </si>
  <si>
    <t>1011179.0</t>
  </si>
  <si>
    <t>30.118</t>
  </si>
  <si>
    <t>712.9</t>
  </si>
  <si>
    <t>1016069.0</t>
  </si>
  <si>
    <t>30.264</t>
  </si>
  <si>
    <t>673.2</t>
  </si>
  <si>
    <t>1022124.0</t>
  </si>
  <si>
    <t>30.444</t>
  </si>
  <si>
    <t>697.2</t>
  </si>
  <si>
    <t>1028984.0</t>
  </si>
  <si>
    <t>30.648</t>
  </si>
  <si>
    <t>674.3</t>
  </si>
  <si>
    <t>1034693.0</t>
  </si>
  <si>
    <t>30.818</t>
  </si>
  <si>
    <t>705.2</t>
  </si>
  <si>
    <t>1038634.0</t>
  </si>
  <si>
    <t>30.936</t>
  </si>
  <si>
    <t>614.5</t>
  </si>
  <si>
    <t>1041896.0</t>
  </si>
  <si>
    <t>580.9</t>
  </si>
  <si>
    <t>1045950.0</t>
  </si>
  <si>
    <t>1049304.0</t>
  </si>
  <si>
    <t>31.254</t>
  </si>
  <si>
    <t>1053584.0</t>
  </si>
  <si>
    <t>31.381</t>
  </si>
  <si>
    <t>1058197.0</t>
  </si>
  <si>
    <t>31.518</t>
  </si>
  <si>
    <t>301.1</t>
  </si>
  <si>
    <t>1063024.0</t>
  </si>
  <si>
    <t>31.662</t>
  </si>
  <si>
    <t>1071156.0</t>
  </si>
  <si>
    <t>31.904</t>
  </si>
  <si>
    <t>1075987.0</t>
  </si>
  <si>
    <t>32.048</t>
  </si>
  <si>
    <t>1082245.0</t>
  </si>
  <si>
    <t>32.235</t>
  </si>
  <si>
    <t>1086844.0</t>
  </si>
  <si>
    <t>32.372</t>
  </si>
  <si>
    <t>259.8</t>
  </si>
  <si>
    <t>1093751.0</t>
  </si>
  <si>
    <t>32.577</t>
  </si>
  <si>
    <t>1100723.0</t>
  </si>
  <si>
    <t>304.1</t>
  </si>
  <si>
    <t>1105231.0</t>
  </si>
  <si>
    <t>32.919</t>
  </si>
  <si>
    <t>324.5</t>
  </si>
  <si>
    <t>-7249.3</t>
  </si>
  <si>
    <t>-11.44</t>
  </si>
  <si>
    <t>-213.602859973547</t>
  </si>
  <si>
    <t>1109702.0</t>
  </si>
  <si>
    <t>33.053</t>
  </si>
  <si>
    <t>381.7</t>
  </si>
  <si>
    <t>1113647.0</t>
  </si>
  <si>
    <t>369.2</t>
  </si>
  <si>
    <t>1121294.0</t>
  </si>
  <si>
    <t>33.398</t>
  </si>
  <si>
    <t>402.5</t>
  </si>
  <si>
    <t>1127861.0</t>
  </si>
  <si>
    <t>33.593</t>
  </si>
  <si>
    <t>695.2</t>
  </si>
  <si>
    <t>1135899.0</t>
  </si>
  <si>
    <t>33.833</t>
  </si>
  <si>
    <t>1143909.0</t>
  </si>
  <si>
    <t>34.071</t>
  </si>
  <si>
    <t>583.6</t>
  </si>
  <si>
    <t>1151731.0</t>
  </si>
  <si>
    <t>34.304</t>
  </si>
  <si>
    <t>534.5</t>
  </si>
  <si>
    <t>1158162.0</t>
  </si>
  <si>
    <t>570.1</t>
  </si>
  <si>
    <t>1164562.0</t>
  </si>
  <si>
    <t>606.2</t>
  </si>
  <si>
    <t>1171274.0</t>
  </si>
  <si>
    <t>34.886</t>
  </si>
  <si>
    <t>537.4</t>
  </si>
  <si>
    <t>1178838.0</t>
  </si>
  <si>
    <t>35.112</t>
  </si>
  <si>
    <t>504.7</t>
  </si>
  <si>
    <t>1188028.0</t>
  </si>
  <si>
    <t>35.385</t>
  </si>
  <si>
    <t>572.8</t>
  </si>
  <si>
    <t>1196707.0</t>
  </si>
  <si>
    <t>35.644</t>
  </si>
  <si>
    <t>580.2</t>
  </si>
  <si>
    <t>1203348.0</t>
  </si>
  <si>
    <t>35.842</t>
  </si>
  <si>
    <t>600.2</t>
  </si>
  <si>
    <t>1208632.0</t>
  </si>
  <si>
    <t>480.7</t>
  </si>
  <si>
    <t>1213167.0</t>
  </si>
  <si>
    <t>36.134</t>
  </si>
  <si>
    <t>415.5</t>
  </si>
  <si>
    <t>406.8</t>
  </si>
  <si>
    <t>1227049.0</t>
  </si>
  <si>
    <t>1235235.0</t>
  </si>
  <si>
    <t>36.792</t>
  </si>
  <si>
    <t>1240603.0</t>
  </si>
  <si>
    <t>395.5</t>
  </si>
  <si>
    <t>1246583.0</t>
  </si>
  <si>
    <t>432.3</t>
  </si>
  <si>
    <t>524.8</t>
  </si>
  <si>
    <t>1257235.0</t>
  </si>
  <si>
    <t>37.447</t>
  </si>
  <si>
    <t>657.7</t>
  </si>
  <si>
    <t>1264095.0</t>
  </si>
  <si>
    <t>37.651</t>
  </si>
  <si>
    <t>722.9</t>
  </si>
  <si>
    <t>1272527.0</t>
  </si>
  <si>
    <t>37.902</t>
  </si>
  <si>
    <t>1280005.0</t>
  </si>
  <si>
    <t>799.5</t>
  </si>
  <si>
    <t>1287892.0</t>
  </si>
  <si>
    <t>844.5</t>
  </si>
  <si>
    <t>1295175.0</t>
  </si>
  <si>
    <t>852.5</t>
  </si>
  <si>
    <t>1304011.0</t>
  </si>
  <si>
    <t>872.6</t>
  </si>
  <si>
    <t>1313517.0</t>
  </si>
  <si>
    <t>39.123</t>
  </si>
  <si>
    <t>1322538.0</t>
  </si>
  <si>
    <t>-8323.0</t>
  </si>
  <si>
    <t>-6.9</t>
  </si>
  <si>
    <t>-245.239761571439</t>
  </si>
  <si>
    <t>1330899.0</t>
  </si>
  <si>
    <t>39.641</t>
  </si>
  <si>
    <t>1339678.0</t>
  </si>
  <si>
    <t>864.9</t>
  </si>
  <si>
    <t>1347107.0</t>
  </si>
  <si>
    <t>40.124</t>
  </si>
  <si>
    <t>759.1</t>
  </si>
  <si>
    <t>1353321.0</t>
  </si>
  <si>
    <t>1359241.0</t>
  </si>
  <si>
    <t>746.4</t>
  </si>
  <si>
    <t>1364996.0</t>
  </si>
  <si>
    <t>817.1</t>
  </si>
  <si>
    <t>1371128.0</t>
  </si>
  <si>
    <t>40.839</t>
  </si>
  <si>
    <t>1380037.0</t>
  </si>
  <si>
    <t>41.104</t>
  </si>
  <si>
    <t>1388307.0</t>
  </si>
  <si>
    <t>41.351</t>
  </si>
  <si>
    <t>1399339.0</t>
  </si>
  <si>
    <t>41.679</t>
  </si>
  <si>
    <t>6.748</t>
  </si>
  <si>
    <t>1409009.0</t>
  </si>
  <si>
    <t>41.967</t>
  </si>
  <si>
    <t>1416669.0</t>
  </si>
  <si>
    <t>42.196</t>
  </si>
  <si>
    <t>1426044.0</t>
  </si>
  <si>
    <t>42.475</t>
  </si>
  <si>
    <t>1437669.0</t>
  </si>
  <si>
    <t>42.821</t>
  </si>
  <si>
    <t>1449004.0</t>
  </si>
  <si>
    <t>43.159</t>
  </si>
  <si>
    <t>7.337</t>
  </si>
  <si>
    <t>1456421.0</t>
  </si>
  <si>
    <t>1465251.0</t>
  </si>
  <si>
    <t>43.643</t>
  </si>
  <si>
    <t>1474487.0</t>
  </si>
  <si>
    <t>43.918</t>
  </si>
  <si>
    <t>1483591.0</t>
  </si>
  <si>
    <t>44.189</t>
  </si>
  <si>
    <t>1491935.0</t>
  </si>
  <si>
    <t>44.437</t>
  </si>
  <si>
    <t>1502133.0</t>
  </si>
  <si>
    <t>44.741</t>
  </si>
  <si>
    <t>1514355.0</t>
  </si>
  <si>
    <t>45.105</t>
  </si>
  <si>
    <t>1524710.0</t>
  </si>
  <si>
    <t>45.414</t>
  </si>
  <si>
    <t>1534315.0</t>
  </si>
  <si>
    <t>1545713.0</t>
  </si>
  <si>
    <t>46.039</t>
  </si>
  <si>
    <t>1554300.0</t>
  </si>
  <si>
    <t>46.295</t>
  </si>
  <si>
    <t>1561803.0</t>
  </si>
  <si>
    <t>46.518</t>
  </si>
  <si>
    <t>1574778.0</t>
  </si>
  <si>
    <t>46.905</t>
  </si>
  <si>
    <t>1590755.0</t>
  </si>
  <si>
    <t>15977.0</t>
  </si>
  <si>
    <t>9.458</t>
  </si>
  <si>
    <t>1605034.0</t>
  </si>
  <si>
    <t>47.806</t>
  </si>
  <si>
    <t>-9340.9</t>
  </si>
  <si>
    <t>-6.92</t>
  </si>
  <si>
    <t>-275.232498962232</t>
  </si>
  <si>
    <t>10.932</t>
  </si>
  <si>
    <t>1618795.0</t>
  </si>
  <si>
    <t>1632217.0</t>
  </si>
  <si>
    <t>16.471</t>
  </si>
  <si>
    <t>1645603.0</t>
  </si>
  <si>
    <t>49.014</t>
  </si>
  <si>
    <t>1659563.0</t>
  </si>
  <si>
    <t>1675628.0</t>
  </si>
  <si>
    <t>49.909</t>
  </si>
  <si>
    <t>14407.0</t>
  </si>
  <si>
    <t>1689846.0</t>
  </si>
  <si>
    <t>50.332</t>
  </si>
  <si>
    <t>14156.0</t>
  </si>
  <si>
    <t>1707625.0</t>
  </si>
  <si>
    <t>50.862</t>
  </si>
  <si>
    <t>1728445.0</t>
  </si>
  <si>
    <t>1747861.0</t>
  </si>
  <si>
    <t>1766236.0</t>
  </si>
  <si>
    <t>52.607</t>
  </si>
  <si>
    <t>1784248.0</t>
  </si>
  <si>
    <t>53.144</t>
  </si>
  <si>
    <t>33.561</t>
  </si>
  <si>
    <t>1803957.0</t>
  </si>
  <si>
    <t>53.731</t>
  </si>
  <si>
    <t>1825878.0</t>
  </si>
  <si>
    <t>54.384</t>
  </si>
  <si>
    <t>1848212.0</t>
  </si>
  <si>
    <t>1873602.0</t>
  </si>
  <si>
    <t>55.805</t>
  </si>
  <si>
    <t>1896150.0</t>
  </si>
  <si>
    <t>56.477</t>
  </si>
  <si>
    <t>1917543.0</t>
  </si>
  <si>
    <t>21393.0</t>
  </si>
  <si>
    <t>57.114</t>
  </si>
  <si>
    <t>1940276.0</t>
  </si>
  <si>
    <t>57.791</t>
  </si>
  <si>
    <t>22290.0</t>
  </si>
  <si>
    <t>1961270.0</t>
  </si>
  <si>
    <t>58.417</t>
  </si>
  <si>
    <t>1982726.0</t>
  </si>
  <si>
    <t>59.056</t>
  </si>
  <si>
    <t>2001979.0</t>
  </si>
  <si>
    <t>59.629</t>
  </si>
  <si>
    <t>2029528.0</t>
  </si>
  <si>
    <t>27549.0</t>
  </si>
  <si>
    <t>2057963.0</t>
  </si>
  <si>
    <t>28435.0</t>
  </si>
  <si>
    <t>61.297</t>
  </si>
  <si>
    <t>23116.0</t>
  </si>
  <si>
    <t>40.633</t>
  </si>
  <si>
    <t>2087424.0</t>
  </si>
  <si>
    <t>29461.0</t>
  </si>
  <si>
    <t>2114538.0</t>
  </si>
  <si>
    <t>27114.0</t>
  </si>
  <si>
    <t>2144033.0</t>
  </si>
  <si>
    <t>2173528.0</t>
  </si>
  <si>
    <t>64.739</t>
  </si>
  <si>
    <t>2212335.0</t>
  </si>
  <si>
    <t>30051.0</t>
  </si>
  <si>
    <t>51.888</t>
  </si>
  <si>
    <t>2249925.0</t>
  </si>
  <si>
    <t>37590.0</t>
  </si>
  <si>
    <t>67.014</t>
  </si>
  <si>
    <t>31485.0</t>
  </si>
  <si>
    <t>2277275.0</t>
  </si>
  <si>
    <t>67.829</t>
  </si>
  <si>
    <t>2299582.0</t>
  </si>
  <si>
    <t>68.493</t>
  </si>
  <si>
    <t>-10281.8</t>
  </si>
  <si>
    <t>-302.956407608461</t>
  </si>
  <si>
    <t>2322867.0</t>
  </si>
  <si>
    <t>23285.0</t>
  </si>
  <si>
    <t>69.187</t>
  </si>
  <si>
    <t>45.819</t>
  </si>
  <si>
    <t>2347519.0</t>
  </si>
  <si>
    <t>24652.0</t>
  </si>
  <si>
    <t>69.921</t>
  </si>
  <si>
    <t>29069.0</t>
  </si>
  <si>
    <t>2383660.0</t>
  </si>
  <si>
    <t>70.997</t>
  </si>
  <si>
    <t>2416734.0</t>
  </si>
  <si>
    <t>2460778.0</t>
  </si>
  <si>
    <t>73.294</t>
  </si>
  <si>
    <t>30122.0</t>
  </si>
  <si>
    <t>2494253.0</t>
  </si>
  <si>
    <t>33475.0</t>
  </si>
  <si>
    <t>74.291</t>
  </si>
  <si>
    <t>2518193.0</t>
  </si>
  <si>
    <t>23940.0</t>
  </si>
  <si>
    <t>2540054.0</t>
  </si>
  <si>
    <t>75.656</t>
  </si>
  <si>
    <t>2564629.0</t>
  </si>
  <si>
    <t>24575.0</t>
  </si>
  <si>
    <t>76.388</t>
  </si>
  <si>
    <t>31016.0</t>
  </si>
  <si>
    <t>83.593</t>
  </si>
  <si>
    <t>2590814.0</t>
  </si>
  <si>
    <t>77.168</t>
  </si>
  <si>
    <t>2620462.0</t>
  </si>
  <si>
    <t>78.051</t>
  </si>
  <si>
    <t>29104.0</t>
  </si>
  <si>
    <t>2658699.0</t>
  </si>
  <si>
    <t>2697209.0</t>
  </si>
  <si>
    <t>2729077.0</t>
  </si>
  <si>
    <t>81.286</t>
  </si>
  <si>
    <t>2752206.0</t>
  </si>
  <si>
    <t>2774193.0</t>
  </si>
  <si>
    <t>29938.0</t>
  </si>
  <si>
    <t>2802393.0</t>
  </si>
  <si>
    <t>83.469</t>
  </si>
  <si>
    <t>30226.0</t>
  </si>
  <si>
    <t>2831964.0</t>
  </si>
  <si>
    <t>29571.0</t>
  </si>
  <si>
    <t>2855443.0</t>
  </si>
  <si>
    <t>28106.0</t>
  </si>
  <si>
    <t>2878399.0</t>
  </si>
  <si>
    <t>85.733</t>
  </si>
  <si>
    <t>2901422.0</t>
  </si>
  <si>
    <t>86.419</t>
  </si>
  <si>
    <t>24621.0</t>
  </si>
  <si>
    <t>2918208.0</t>
  </si>
  <si>
    <t>86.919</t>
  </si>
  <si>
    <t>2937493.0</t>
  </si>
  <si>
    <t>87.493</t>
  </si>
  <si>
    <t>2959726.0</t>
  </si>
  <si>
    <t>88.156</t>
  </si>
  <si>
    <t>2982976.0</t>
  </si>
  <si>
    <t>23250.0</t>
  </si>
  <si>
    <t>88.848</t>
  </si>
  <si>
    <t>3007587.0</t>
  </si>
  <si>
    <t>89.581</t>
  </si>
  <si>
    <t>3029661.0</t>
  </si>
  <si>
    <t>3047708.0</t>
  </si>
  <si>
    <t>90.776</t>
  </si>
  <si>
    <t>3069657.0</t>
  </si>
  <si>
    <t>21636.0</t>
  </si>
  <si>
    <t>117.242</t>
  </si>
  <si>
    <t>3090205.0</t>
  </si>
  <si>
    <t>92.042</t>
  </si>
  <si>
    <t>-12121.7</t>
  </si>
  <si>
    <t>-357.169628480177</t>
  </si>
  <si>
    <t>3113576.0</t>
  </si>
  <si>
    <t>92.738</t>
  </si>
  <si>
    <t>3138299.0</t>
  </si>
  <si>
    <t>93.474</t>
  </si>
  <si>
    <t>84.448</t>
  </si>
  <si>
    <t>3170028.0</t>
  </si>
  <si>
    <t>94.419</t>
  </si>
  <si>
    <t>3201142.0</t>
  </si>
  <si>
    <t>95.346</t>
  </si>
  <si>
    <t>3226796.0</t>
  </si>
  <si>
    <t>3254343.0</t>
  </si>
  <si>
    <t>27547.0</t>
  </si>
  <si>
    <t>96.931</t>
  </si>
  <si>
    <t>3284193.0</t>
  </si>
  <si>
    <t>3329547.0</t>
  </si>
  <si>
    <t>99.171</t>
  </si>
  <si>
    <t>30853.0</t>
  </si>
  <si>
    <t>3379650.0</t>
  </si>
  <si>
    <t>50103.0</t>
  </si>
  <si>
    <t>100.663</t>
  </si>
  <si>
    <t>34479.0</t>
  </si>
  <si>
    <t>3426746.0</t>
  </si>
  <si>
    <t>47096.0</t>
  </si>
  <si>
    <t>102.066</t>
  </si>
  <si>
    <t>36674.0</t>
  </si>
  <si>
    <t>3466621.0</t>
  </si>
  <si>
    <t>103.254</t>
  </si>
  <si>
    <t>3499090.0</t>
  </si>
  <si>
    <t>104.221</t>
  </si>
  <si>
    <t>3532220.0</t>
  </si>
  <si>
    <t>105.207</t>
  </si>
  <si>
    <t>3574018.0</t>
  </si>
  <si>
    <t>106.452</t>
  </si>
  <si>
    <t>41404.0</t>
  </si>
  <si>
    <t>3620341.0</t>
  </si>
  <si>
    <t>46323.0</t>
  </si>
  <si>
    <t>107.832</t>
  </si>
  <si>
    <t>3674320.0</t>
  </si>
  <si>
    <t>53979.0</t>
  </si>
  <si>
    <t>42096.0</t>
  </si>
  <si>
    <t>79.438</t>
  </si>
  <si>
    <t>3725960.0</t>
  </si>
  <si>
    <t>110.978</t>
  </si>
  <si>
    <t>3777236.0</t>
  </si>
  <si>
    <t>51276.0</t>
  </si>
  <si>
    <t>112.505</t>
  </si>
  <si>
    <t>3818137.0</t>
  </si>
  <si>
    <t>40901.0</t>
  </si>
  <si>
    <t>113.723</t>
  </si>
  <si>
    <t>45578.0</t>
  </si>
  <si>
    <t>3853548.0</t>
  </si>
  <si>
    <t>114.778</t>
  </si>
  <si>
    <t>45904.0</t>
  </si>
  <si>
    <t>89.516</t>
  </si>
  <si>
    <t>3895946.0</t>
  </si>
  <si>
    <t>116.041</t>
  </si>
  <si>
    <t>3947358.0</t>
  </si>
  <si>
    <t>51412.0</t>
  </si>
  <si>
    <t>117.572</t>
  </si>
  <si>
    <t>46717.0</t>
  </si>
  <si>
    <t>3998162.0</t>
  </si>
  <si>
    <t>119.086</t>
  </si>
  <si>
    <t>4047168.0</t>
  </si>
  <si>
    <t>49006.0</t>
  </si>
  <si>
    <t>120.545</t>
  </si>
  <si>
    <t>4081811.0</t>
  </si>
  <si>
    <t>34643.0</t>
  </si>
  <si>
    <t>4114207.0</t>
  </si>
  <si>
    <t>32396.0</t>
  </si>
  <si>
    <t>4147179.0</t>
  </si>
  <si>
    <t>4180160.0</t>
  </si>
  <si>
    <t>124.506</t>
  </si>
  <si>
    <t>40602.0</t>
  </si>
  <si>
    <t>4227593.0</t>
  </si>
  <si>
    <t>125.919</t>
  </si>
  <si>
    <t>4274894.0</t>
  </si>
  <si>
    <t>127.328</t>
  </si>
  <si>
    <t>39533.0</t>
  </si>
  <si>
    <t>4317441.0</t>
  </si>
  <si>
    <t>128.595</t>
  </si>
  <si>
    <t>38610.0</t>
  </si>
  <si>
    <t>-13603.8</t>
  </si>
  <si>
    <t>-7.55</t>
  </si>
  <si>
    <t>-400.840162016766</t>
  </si>
  <si>
    <t>4357082.0</t>
  </si>
  <si>
    <t>129.776</t>
  </si>
  <si>
    <t>4402319.0</t>
  </si>
  <si>
    <t>45237.0</t>
  </si>
  <si>
    <t>4438924.0</t>
  </si>
  <si>
    <t>36605.0</t>
  </si>
  <si>
    <t>132.214</t>
  </si>
  <si>
    <t>4484885.0</t>
  </si>
  <si>
    <t>133.583</t>
  </si>
  <si>
    <t>4548137.0</t>
  </si>
  <si>
    <t>63252.0</t>
  </si>
  <si>
    <t>135.467</t>
  </si>
  <si>
    <t>4613341.0</t>
  </si>
  <si>
    <t>137.409</t>
  </si>
  <si>
    <t>4688527.0</t>
  </si>
  <si>
    <t>75186.0</t>
  </si>
  <si>
    <t>139.648</t>
  </si>
  <si>
    <t>4761933.0</t>
  </si>
  <si>
    <t>73406.0</t>
  </si>
  <si>
    <t>100.447</t>
  </si>
  <si>
    <t>4832750.0</t>
  </si>
  <si>
    <t>70817.0</t>
  </si>
  <si>
    <t>143.944</t>
  </si>
  <si>
    <t>61490.0</t>
  </si>
  <si>
    <t>4895523.0</t>
  </si>
  <si>
    <t>65228.0</t>
  </si>
  <si>
    <t>4958622.0</t>
  </si>
  <si>
    <t>147.693</t>
  </si>
  <si>
    <t>5041898.0</t>
  </si>
  <si>
    <t>83276.0</t>
  </si>
  <si>
    <t>150.173</t>
  </si>
  <si>
    <t>70537.0</t>
  </si>
  <si>
    <t>5124871.0</t>
  </si>
  <si>
    <t>152.645</t>
  </si>
  <si>
    <t>73076.0</t>
  </si>
  <si>
    <t>5214814.0</t>
  </si>
  <si>
    <t>155.324</t>
  </si>
  <si>
    <t>75184.0</t>
  </si>
  <si>
    <t>120.012</t>
  </si>
  <si>
    <t>5303601.0</t>
  </si>
  <si>
    <t>88787.0</t>
  </si>
  <si>
    <t>157.968</t>
  </si>
  <si>
    <t>77381.0</t>
  </si>
  <si>
    <t>5381676.0</t>
  </si>
  <si>
    <t>78075.0</t>
  </si>
  <si>
    <t>160.294</t>
  </si>
  <si>
    <t>78418.0</t>
  </si>
  <si>
    <t>5458566.0</t>
  </si>
  <si>
    <t>76890.0</t>
  </si>
  <si>
    <t>162.584</t>
  </si>
  <si>
    <t>80435.0</t>
  </si>
  <si>
    <t>5534418.0</t>
  </si>
  <si>
    <t>75852.0</t>
  </si>
  <si>
    <t>164.843</t>
  </si>
  <si>
    <t>82257.0</t>
  </si>
  <si>
    <t>5636551.0</t>
  </si>
  <si>
    <t>102133.0</t>
  </si>
  <si>
    <t>167.885</t>
  </si>
  <si>
    <t>84950.0</t>
  </si>
  <si>
    <t>5731326.0</t>
  </si>
  <si>
    <t>94775.0</t>
  </si>
  <si>
    <t>170.708</t>
  </si>
  <si>
    <t>86636.0</t>
  </si>
  <si>
    <t>5826773.0</t>
  </si>
  <si>
    <t>173.551</t>
  </si>
  <si>
    <t>87423.0</t>
  </si>
  <si>
    <t>5923949.0</t>
  </si>
  <si>
    <t>176.445</t>
  </si>
  <si>
    <t>88621.0</t>
  </si>
  <si>
    <t>6010901.0</t>
  </si>
  <si>
    <t>179.035</t>
  </si>
  <si>
    <t>89889.0</t>
  </si>
  <si>
    <t>6077938.0</t>
  </si>
  <si>
    <t>67037.0</t>
  </si>
  <si>
    <t>181.032</t>
  </si>
  <si>
    <t>88482.0</t>
  </si>
  <si>
    <t>6147973.0</t>
  </si>
  <si>
    <t>183.118</t>
  </si>
  <si>
    <t>6241110.0</t>
  </si>
  <si>
    <t>93137.0</t>
  </si>
  <si>
    <t>185.892</t>
  </si>
  <si>
    <t>86366.0</t>
  </si>
  <si>
    <t>6328514.0</t>
  </si>
  <si>
    <t>87404.0</t>
  </si>
  <si>
    <t>188.495</t>
  </si>
  <si>
    <t>6402351.0</t>
  </si>
  <si>
    <t>73837.0</t>
  </si>
  <si>
    <t>190.694</t>
  </si>
  <si>
    <t>82225.0</t>
  </si>
  <si>
    <t>6478707.0</t>
  </si>
  <si>
    <t>76356.0</t>
  </si>
  <si>
    <t>192.969</t>
  </si>
  <si>
    <t>6555646.0</t>
  </si>
  <si>
    <t>76939.0</t>
  </si>
  <si>
    <t>160.94</t>
  </si>
  <si>
    <t>6608122.0</t>
  </si>
  <si>
    <t>-13248.6</t>
  </si>
  <si>
    <t>-390.374084483404</t>
  </si>
  <si>
    <t>157.256</t>
  </si>
  <si>
    <t>6661922.0</t>
  </si>
  <si>
    <t>198.426</t>
  </si>
  <si>
    <t>73421.0</t>
  </si>
  <si>
    <t>6745843.0</t>
  </si>
  <si>
    <t>83921.0</t>
  </si>
  <si>
    <t>200.925</t>
  </si>
  <si>
    <t>72105.0</t>
  </si>
  <si>
    <t>6821616.0</t>
  </si>
  <si>
    <t>75773.0</t>
  </si>
  <si>
    <t>70443.0</t>
  </si>
  <si>
    <t>6906807.0</t>
  </si>
  <si>
    <t>72065.0</t>
  </si>
  <si>
    <t>6987181.0</t>
  </si>
  <si>
    <t>208.114</t>
  </si>
  <si>
    <t>72639.0</t>
  </si>
  <si>
    <t>7060681.0</t>
  </si>
  <si>
    <t>210.303</t>
  </si>
  <si>
    <t>72148.0</t>
  </si>
  <si>
    <t>7115347.0</t>
  </si>
  <si>
    <t>211.931</t>
  </si>
  <si>
    <t>7195103.0</t>
  </si>
  <si>
    <t>214.307</t>
  </si>
  <si>
    <t>76169.0</t>
  </si>
  <si>
    <t>7277169.0</t>
  </si>
  <si>
    <t>216.751</t>
  </si>
  <si>
    <t>75904.0</t>
  </si>
  <si>
    <t>7362050.0</t>
  </si>
  <si>
    <t>84881.0</t>
  </si>
  <si>
    <t>219.279</t>
  </si>
  <si>
    <t>77205.0</t>
  </si>
  <si>
    <t>7434476.0</t>
  </si>
  <si>
    <t>72426.0</t>
  </si>
  <si>
    <t>221.436</t>
  </si>
  <si>
    <t>75381.0</t>
  </si>
  <si>
    <t>7475485.0</t>
  </si>
  <si>
    <t>41009.0</t>
  </si>
  <si>
    <t>222.658</t>
  </si>
  <si>
    <t>69758.0</t>
  </si>
  <si>
    <t>7509032.0</t>
  </si>
  <si>
    <t>64050.0</t>
  </si>
  <si>
    <t>7542625.0</t>
  </si>
  <si>
    <t>224.658</t>
  </si>
  <si>
    <t>61040.0</t>
  </si>
  <si>
    <t>7600881.0</t>
  </si>
  <si>
    <t>7674435.0</t>
  </si>
  <si>
    <t>228.584</t>
  </si>
  <si>
    <t>56752.0</t>
  </si>
  <si>
    <t>7751122.0</t>
  </si>
  <si>
    <t>230.868</t>
  </si>
  <si>
    <t>7832252.0</t>
  </si>
  <si>
    <t>233.284</t>
  </si>
  <si>
    <t>7912055.0</t>
  </si>
  <si>
    <t>235.661</t>
  </si>
  <si>
    <t>62367.0</t>
  </si>
  <si>
    <t>7981613.0</t>
  </si>
  <si>
    <t>237.733</t>
  </si>
  <si>
    <t>67512.0</t>
  </si>
  <si>
    <t>8035766.0</t>
  </si>
  <si>
    <t>239.346</t>
  </si>
  <si>
    <t>70449.0</t>
  </si>
  <si>
    <t>100.978</t>
  </si>
  <si>
    <t>8109636.0</t>
  </si>
  <si>
    <t>73870.0</t>
  </si>
  <si>
    <t>241.546</t>
  </si>
  <si>
    <t>72679.0</t>
  </si>
  <si>
    <t>8195746.0</t>
  </si>
  <si>
    <t>86110.0</t>
  </si>
  <si>
    <t>244.111</t>
  </si>
  <si>
    <t>74473.0</t>
  </si>
  <si>
    <t>8270868.0</t>
  </si>
  <si>
    <t>75122.0</t>
  </si>
  <si>
    <t>246.348</t>
  </si>
  <si>
    <t>74249.0</t>
  </si>
  <si>
    <t>71.748</t>
  </si>
  <si>
    <t>8356797.0</t>
  </si>
  <si>
    <t>85929.0</t>
  </si>
  <si>
    <t>248.908</t>
  </si>
  <si>
    <t>74935.0</t>
  </si>
  <si>
    <t>8437018.0</t>
  </si>
  <si>
    <t>251.297</t>
  </si>
  <si>
    <t>8500585.0</t>
  </si>
  <si>
    <t>63567.0</t>
  </si>
  <si>
    <t>74139.0</t>
  </si>
  <si>
    <t>7.602</t>
  </si>
  <si>
    <t>8560111.0</t>
  </si>
  <si>
    <t>254.963</t>
  </si>
  <si>
    <t>-13629.4</t>
  </si>
  <si>
    <t>-401.594473911062</t>
  </si>
  <si>
    <t>67.004</t>
  </si>
  <si>
    <t>8621231.0</t>
  </si>
  <si>
    <t>256.784</t>
  </si>
  <si>
    <t>73085.0</t>
  </si>
  <si>
    <t>34182.0</t>
  </si>
  <si>
    <t>34156.0</t>
  </si>
  <si>
    <t>8686138.0</t>
  </si>
  <si>
    <t>64907.0</t>
  </si>
  <si>
    <t>258.717</t>
  </si>
  <si>
    <t>70056.0</t>
  </si>
  <si>
    <t>8752370.0</t>
  </si>
  <si>
    <t>260.69</t>
  </si>
  <si>
    <t>78571.0</t>
  </si>
  <si>
    <t>78535.0</t>
  </si>
  <si>
    <t>8819899.0</t>
  </si>
  <si>
    <t>67529.0</t>
  </si>
  <si>
    <t>262.701</t>
  </si>
  <si>
    <t>98101.0</t>
  </si>
  <si>
    <t>98048.0</t>
  </si>
  <si>
    <t>8878644.0</t>
  </si>
  <si>
    <t>58745.0</t>
  </si>
  <si>
    <t>264.451</t>
  </si>
  <si>
    <t>112480.0</t>
  </si>
  <si>
    <t>8932953.0</t>
  </si>
  <si>
    <t>266.069</t>
  </si>
  <si>
    <t>61767.0</t>
  </si>
  <si>
    <t>128328.0</t>
  </si>
  <si>
    <t>128265.0</t>
  </si>
  <si>
    <t>8973949.0</t>
  </si>
  <si>
    <t>40996.0</t>
  </si>
  <si>
    <t>267.29</t>
  </si>
  <si>
    <t>59120.0</t>
  </si>
  <si>
    <t>140930.0</t>
  </si>
  <si>
    <t>140860.0</t>
  </si>
  <si>
    <t>9027005.0</t>
  </si>
  <si>
    <t>168156.0</t>
  </si>
  <si>
    <t>9086591.0</t>
  </si>
  <si>
    <t>270.645</t>
  </si>
  <si>
    <t>198288.0</t>
  </si>
  <si>
    <t>198138.0</t>
  </si>
  <si>
    <t>9145545.0</t>
  </si>
  <si>
    <t>58954.0</t>
  </si>
  <si>
    <t>272.401</t>
  </si>
  <si>
    <t>56168.0</t>
  </si>
  <si>
    <t>226913.0</t>
  </si>
  <si>
    <t>9205101.0</t>
  </si>
  <si>
    <t>274.175</t>
  </si>
  <si>
    <t>253599.0</t>
  </si>
  <si>
    <t>253429.0</t>
  </si>
  <si>
    <t>52.301</t>
  </si>
  <si>
    <t>9259000.0</t>
  </si>
  <si>
    <t>53899.0</t>
  </si>
  <si>
    <t>275.78</t>
  </si>
  <si>
    <t>54337.0</t>
  </si>
  <si>
    <t>279736.0</t>
  </si>
  <si>
    <t>23894.0</t>
  </si>
  <si>
    <t>9305279.0</t>
  </si>
  <si>
    <t>46279.0</t>
  </si>
  <si>
    <t>277.158</t>
  </si>
  <si>
    <t>296801.0</t>
  </si>
  <si>
    <t>296618.0</t>
  </si>
  <si>
    <t>9339600.0</t>
  </si>
  <si>
    <t>34321.0</t>
  </si>
  <si>
    <t>307117.0</t>
  </si>
  <si>
    <t>306929.0</t>
  </si>
  <si>
    <t>23741.0</t>
  </si>
  <si>
    <t>23724.0</t>
  </si>
  <si>
    <t>9391347.0</t>
  </si>
  <si>
    <t>51747.0</t>
  </si>
  <si>
    <t>279.722</t>
  </si>
  <si>
    <t>52049.0</t>
  </si>
  <si>
    <t>327324.0</t>
  </si>
  <si>
    <t>9451419.0</t>
  </si>
  <si>
    <t>60072.0</t>
  </si>
  <si>
    <t>281.511</t>
  </si>
  <si>
    <t>52118.0</t>
  </si>
  <si>
    <t>352999.0</t>
  </si>
  <si>
    <t>352802.0</t>
  </si>
  <si>
    <t>22102.0</t>
  </si>
  <si>
    <t>9513856.0</t>
  </si>
  <si>
    <t>62437.0</t>
  </si>
  <si>
    <t>283.371</t>
  </si>
  <si>
    <t>373864.0</t>
  </si>
  <si>
    <t>373601.0</t>
  </si>
  <si>
    <t>9575491.0</t>
  </si>
  <si>
    <t>285.207</t>
  </si>
  <si>
    <t>391977.0</t>
  </si>
  <si>
    <t>390916.0</t>
  </si>
  <si>
    <t>9634507.0</t>
  </si>
  <si>
    <t>59016.0</t>
  </si>
  <si>
    <t>286.964</t>
  </si>
  <si>
    <t>53644.0</t>
  </si>
  <si>
    <t>406555.0</t>
  </si>
  <si>
    <t>401658.0</t>
  </si>
  <si>
    <t>18117.0</t>
  </si>
  <si>
    <t>9688710.0</t>
  </si>
  <si>
    <t>288.579</t>
  </si>
  <si>
    <t>54776.0</t>
  </si>
  <si>
    <t>420370.0</t>
  </si>
  <si>
    <t>409359.0</t>
  </si>
  <si>
    <t>9726362.0</t>
  </si>
  <si>
    <t>55252.0</t>
  </si>
  <si>
    <t>435938.0</t>
  </si>
  <si>
    <t>419074.0</t>
  </si>
  <si>
    <t>16869.0</t>
  </si>
  <si>
    <t>15568.0</t>
  </si>
  <si>
    <t>9782655.0</t>
  </si>
  <si>
    <t>56293.0</t>
  </si>
  <si>
    <t>291.377</t>
  </si>
  <si>
    <t>460237.0</t>
  </si>
  <si>
    <t>428795.0</t>
  </si>
  <si>
    <t>31447.0</t>
  </si>
  <si>
    <t>24299.0</t>
  </si>
  <si>
    <t>9838043.0</t>
  </si>
  <si>
    <t>55388.0</t>
  </si>
  <si>
    <t>293.027</t>
  </si>
  <si>
    <t>489423.0</t>
  </si>
  <si>
    <t>56.102</t>
  </si>
  <si>
    <t>9899077.0</t>
  </si>
  <si>
    <t>294.845</t>
  </si>
  <si>
    <t>55032.0</t>
  </si>
  <si>
    <t>518547.0</t>
  </si>
  <si>
    <t>443394.0</t>
  </si>
  <si>
    <t>75158.0</t>
  </si>
  <si>
    <t>29124.0</t>
  </si>
  <si>
    <t>9958557.0</t>
  </si>
  <si>
    <t>296.616</t>
  </si>
  <si>
    <t>54724.0</t>
  </si>
  <si>
    <t>544355.0</t>
  </si>
  <si>
    <t>449830.0</t>
  </si>
  <si>
    <t>94530.0</t>
  </si>
  <si>
    <t>10012509.0</t>
  </si>
  <si>
    <t>561112.0</t>
  </si>
  <si>
    <t>453769.0</t>
  </si>
  <si>
    <t>107348.0</t>
  </si>
  <si>
    <t>56.249</t>
  </si>
  <si>
    <t>10059081.0</t>
  </si>
  <si>
    <t>455473.0</t>
  </si>
  <si>
    <t>10095144.0</t>
  </si>
  <si>
    <t>300.685</t>
  </si>
  <si>
    <t>52683.0</t>
  </si>
  <si>
    <t>593886.0</t>
  </si>
  <si>
    <t>459157.0</t>
  </si>
  <si>
    <t>134734.0</t>
  </si>
  <si>
    <t>10146140.0</t>
  </si>
  <si>
    <t>50996.0</t>
  </si>
  <si>
    <t>302.203</t>
  </si>
  <si>
    <t>629139.0</t>
  </si>
  <si>
    <t>467022.0</t>
  </si>
  <si>
    <t>162122.0</t>
  </si>
  <si>
    <t>35253.0</t>
  </si>
  <si>
    <t>52.772</t>
  </si>
  <si>
    <t>10202857.0</t>
  </si>
  <si>
    <t>303.893</t>
  </si>
  <si>
    <t>52116.0</t>
  </si>
  <si>
    <t>670086.0</t>
  </si>
  <si>
    <t>478551.0</t>
  </si>
  <si>
    <t>191540.0</t>
  </si>
  <si>
    <t>10262589.0</t>
  </si>
  <si>
    <t>305.672</t>
  </si>
  <si>
    <t>51930.0</t>
  </si>
  <si>
    <t>707565.0</t>
  </si>
  <si>
    <t>488503.0</t>
  </si>
  <si>
    <t>219067.0</t>
  </si>
  <si>
    <t>37479.0</t>
  </si>
  <si>
    <t>-14213.4</t>
  </si>
  <si>
    <t>-6.27</t>
  </si>
  <si>
    <t>-418.802213999699</t>
  </si>
  <si>
    <t>10320502.0</t>
  </si>
  <si>
    <t>57913.0</t>
  </si>
  <si>
    <t>750043.0</t>
  </si>
  <si>
    <t>504416.0</t>
  </si>
  <si>
    <t>29384.0</t>
  </si>
  <si>
    <t>10380663.0</t>
  </si>
  <si>
    <t>60161.0</t>
  </si>
  <si>
    <t>309.189</t>
  </si>
  <si>
    <t>52593.0</t>
  </si>
  <si>
    <t>780537.0</t>
  </si>
  <si>
    <t>511995.0</t>
  </si>
  <si>
    <t>268547.0</t>
  </si>
  <si>
    <t>30494.0</t>
  </si>
  <si>
    <t>31346.0</t>
  </si>
  <si>
    <t>10428782.0</t>
  </si>
  <si>
    <t>48119.0</t>
  </si>
  <si>
    <t>310.622</t>
  </si>
  <si>
    <t>797970.0</t>
  </si>
  <si>
    <t>514676.0</t>
  </si>
  <si>
    <t>283299.0</t>
  </si>
  <si>
    <t>10465643.0</t>
  </si>
  <si>
    <t>311.72</t>
  </si>
  <si>
    <t>52928.0</t>
  </si>
  <si>
    <t>813170.0</t>
  </si>
  <si>
    <t>520706.0</t>
  </si>
  <si>
    <t>292469.0</t>
  </si>
  <si>
    <t>10516595.0</t>
  </si>
  <si>
    <t>313.237</t>
  </si>
  <si>
    <t>52922.0</t>
  </si>
  <si>
    <t>841879.0</t>
  </si>
  <si>
    <t>529908.0</t>
  </si>
  <si>
    <t>311976.0</t>
  </si>
  <si>
    <t>28709.0</t>
  </si>
  <si>
    <t>10576614.0</t>
  </si>
  <si>
    <t>60019.0</t>
  </si>
  <si>
    <t>315.025</t>
  </si>
  <si>
    <t>874613.0</t>
  </si>
  <si>
    <t>540938.0</t>
  </si>
  <si>
    <t>333680.0</t>
  </si>
  <si>
    <t>29218.0</t>
  </si>
  <si>
    <t>10638090.0</t>
  </si>
  <si>
    <t>316.856</t>
  </si>
  <si>
    <t>905669.0</t>
  </si>
  <si>
    <t>553666.0</t>
  </si>
  <si>
    <t>352008.0</t>
  </si>
  <si>
    <t>10700964.0</t>
  </si>
  <si>
    <t>62874.0</t>
  </si>
  <si>
    <t>318.729</t>
  </si>
  <si>
    <t>54352.0</t>
  </si>
  <si>
    <t>932575.0</t>
  </si>
  <si>
    <t>565760.0</t>
  </si>
  <si>
    <t>366820.0</t>
  </si>
  <si>
    <t>10758983.0</t>
  </si>
  <si>
    <t>58019.0</t>
  </si>
  <si>
    <t>320.457</t>
  </si>
  <si>
    <t>54046.0</t>
  </si>
  <si>
    <t>954203.0</t>
  </si>
  <si>
    <t>572994.0</t>
  </si>
  <si>
    <t>381217.0</t>
  </si>
  <si>
    <t>10810953.0</t>
  </si>
  <si>
    <t>51970.0</t>
  </si>
  <si>
    <t>322.005</t>
  </si>
  <si>
    <t>54596.0</t>
  </si>
  <si>
    <t>969948.0</t>
  </si>
  <si>
    <t>578667.0</t>
  </si>
  <si>
    <t>391289.0</t>
  </si>
  <si>
    <t>10850262.0</t>
  </si>
  <si>
    <t>323.176</t>
  </si>
  <si>
    <t>54946.0</t>
  </si>
  <si>
    <t>993146.0</t>
  </si>
  <si>
    <t>591144.0</t>
  </si>
  <si>
    <t>402010.0</t>
  </si>
  <si>
    <t>10907481.0</t>
  </si>
  <si>
    <t>57219.0</t>
  </si>
  <si>
    <t>324.88</t>
  </si>
  <si>
    <t>1032482.0</t>
  </si>
  <si>
    <t>616516.0</t>
  </si>
  <si>
    <t>415974.0</t>
  </si>
  <si>
    <t>27229.0</t>
  </si>
  <si>
    <t>64.117</t>
  </si>
  <si>
    <t>10978410.0</t>
  </si>
  <si>
    <t>70929.0</t>
  </si>
  <si>
    <t>326.993</t>
  </si>
  <si>
    <t>57399.0</t>
  </si>
  <si>
    <t>1057003.0</t>
  </si>
  <si>
    <t>633334.0</t>
  </si>
  <si>
    <t>423677.0</t>
  </si>
  <si>
    <t>26056.0</t>
  </si>
  <si>
    <t>11047169.0</t>
  </si>
  <si>
    <t>68759.0</t>
  </si>
  <si>
    <t>329.041</t>
  </si>
  <si>
    <t>1085705.0</t>
  </si>
  <si>
    <t>654284.0</t>
  </si>
  <si>
    <t>431429.0</t>
  </si>
  <si>
    <t>11117695.0</t>
  </si>
  <si>
    <t>331.141</t>
  </si>
  <si>
    <t>1112983.0</t>
  </si>
  <si>
    <t>672391.0</t>
  </si>
  <si>
    <t>440600.0</t>
  </si>
  <si>
    <t>15233.0</t>
  </si>
  <si>
    <t>11189296.0</t>
  </si>
  <si>
    <t>333.274</t>
  </si>
  <si>
    <t>1132542.0</t>
  </si>
  <si>
    <t>688024.0</t>
  </si>
  <si>
    <t>444526.0</t>
  </si>
  <si>
    <t>11254532.0</t>
  </si>
  <si>
    <t>335.217</t>
  </si>
  <si>
    <t>1142235.0</t>
  </si>
  <si>
    <t>696602.0</t>
  </si>
  <si>
    <t>445641.0</t>
  </si>
  <si>
    <t>24612.0</t>
  </si>
  <si>
    <t>11306039.0</t>
  </si>
  <si>
    <t>336.751</t>
  </si>
  <si>
    <t>1152166.0</t>
  </si>
  <si>
    <t>702766.0</t>
  </si>
  <si>
    <t>449408.0</t>
  </si>
  <si>
    <t>22717.0</t>
  </si>
  <si>
    <t>11371170.0</t>
  </si>
  <si>
    <t>65131.0</t>
  </si>
  <si>
    <t>338.691</t>
  </si>
  <si>
    <t>66241.0</t>
  </si>
  <si>
    <t>1185339.0</t>
  </si>
  <si>
    <t>727442.0</t>
  </si>
  <si>
    <t>457905.0</t>
  </si>
  <si>
    <t>11451417.0</t>
  </si>
  <si>
    <t>341.081</t>
  </si>
  <si>
    <t>67572.0</t>
  </si>
  <si>
    <t>749530.0</t>
  </si>
  <si>
    <t>469198.0</t>
  </si>
  <si>
    <t>16599.0</t>
  </si>
  <si>
    <t>11532675.0</t>
  </si>
  <si>
    <t>343.501</t>
  </si>
  <si>
    <t>69358.0</t>
  </si>
  <si>
    <t>1246453.0</t>
  </si>
  <si>
    <t>765373.0</t>
  </si>
  <si>
    <t>481088.0</t>
  </si>
  <si>
    <t>27733.0</t>
  </si>
  <si>
    <t>22964.0</t>
  </si>
  <si>
    <t>11614622.0</t>
  </si>
  <si>
    <t>81947.0</t>
  </si>
  <si>
    <t>345.942</t>
  </si>
  <si>
    <t>70990.0</t>
  </si>
  <si>
    <t>1276041.0</t>
  </si>
  <si>
    <t>779769.0</t>
  </si>
  <si>
    <t>496280.0</t>
  </si>
  <si>
    <t>11699889.0</t>
  </si>
  <si>
    <t>85267.0</t>
  </si>
  <si>
    <t>348.482</t>
  </si>
  <si>
    <t>1294964.0</t>
  </si>
  <si>
    <t>791991.0</t>
  </si>
  <si>
    <t>502981.0</t>
  </si>
  <si>
    <t>11772261.0</t>
  </si>
  <si>
    <t>350.638</t>
  </si>
  <si>
    <t>73961.0</t>
  </si>
  <si>
    <t>1306445.0</t>
  </si>
  <si>
    <t>799984.0</t>
  </si>
  <si>
    <t>506469.0</t>
  </si>
  <si>
    <t>14769.0</t>
  </si>
  <si>
    <t>11830635.0</t>
  </si>
  <si>
    <t>352.376</t>
  </si>
  <si>
    <t>74942.0</t>
  </si>
  <si>
    <t>1321297.0</t>
  </si>
  <si>
    <t>809098.0</t>
  </si>
  <si>
    <t>512207.0</t>
  </si>
  <si>
    <t>24162.0</t>
  </si>
  <si>
    <t>11901590.0</t>
  </si>
  <si>
    <t>70955.0</t>
  </si>
  <si>
    <t>354.49</t>
  </si>
  <si>
    <t>75774.0</t>
  </si>
  <si>
    <t>1351614.0</t>
  </si>
  <si>
    <t>830469.0</t>
  </si>
  <si>
    <t>521153.0</t>
  </si>
  <si>
    <t>11988176.0</t>
  </si>
  <si>
    <t>86586.0</t>
  </si>
  <si>
    <t>357.069</t>
  </si>
  <si>
    <t>76680.0</t>
  </si>
  <si>
    <t>1386340.0</t>
  </si>
  <si>
    <t>853296.0</t>
  </si>
  <si>
    <t>533052.0</t>
  </si>
  <si>
    <t>11.963</t>
  </si>
  <si>
    <t>12076470.0</t>
  </si>
  <si>
    <t>88294.0</t>
  </si>
  <si>
    <t>359.698</t>
  </si>
  <si>
    <t>77685.0</t>
  </si>
  <si>
    <t>879769.0</t>
  </si>
  <si>
    <t>546323.0</t>
  </si>
  <si>
    <t>12157568.0</t>
  </si>
  <si>
    <t>362.114</t>
  </si>
  <si>
    <t>1438625.0</t>
  </si>
  <si>
    <t>886242.0</t>
  </si>
  <si>
    <t>552391.0</t>
  </si>
  <si>
    <t>23226.0</t>
  </si>
  <si>
    <t>12239710.0</t>
  </si>
  <si>
    <t>82142.0</t>
  </si>
  <si>
    <t>364.561</t>
  </si>
  <si>
    <t>77117.0</t>
  </si>
  <si>
    <t>1465346.0</t>
  </si>
  <si>
    <t>904041.0</t>
  </si>
  <si>
    <t>561313.0</t>
  </si>
  <si>
    <t>24340.0</t>
  </si>
  <si>
    <t>-14491.6</t>
  </si>
  <si>
    <t>-5.99</t>
  </si>
  <si>
    <t>-426.999462788498</t>
  </si>
  <si>
    <t>12302410.0</t>
  </si>
  <si>
    <t>366.428</t>
  </si>
  <si>
    <t>75736.0</t>
  </si>
  <si>
    <t>1470853.0</t>
  </si>
  <si>
    <t>906973.0</t>
  </si>
  <si>
    <t>563888.0</t>
  </si>
  <si>
    <t>23487.0</t>
  </si>
  <si>
    <t>12359581.0</t>
  </si>
  <si>
    <t>57171.0</t>
  </si>
  <si>
    <t>368.131</t>
  </si>
  <si>
    <t>75564.0</t>
  </si>
  <si>
    <t>1486639.0</t>
  </si>
  <si>
    <t>914634.0</t>
  </si>
  <si>
    <t>572013.0</t>
  </si>
  <si>
    <t>12434014.0</t>
  </si>
  <si>
    <t>370.348</t>
  </si>
  <si>
    <t>1537933.0</t>
  </si>
  <si>
    <t>939177.0</t>
  </si>
  <si>
    <t>598764.0</t>
  </si>
  <si>
    <t>51294.0</t>
  </si>
  <si>
    <t>12528085.0</t>
  </si>
  <si>
    <t>94071.0</t>
  </si>
  <si>
    <t>373.15</t>
  </si>
  <si>
    <t>77130.0</t>
  </si>
  <si>
    <t>1587786.0</t>
  </si>
  <si>
    <t>969321.0</t>
  </si>
  <si>
    <t>618473.0</t>
  </si>
  <si>
    <t>49853.0</t>
  </si>
  <si>
    <t>13.348</t>
  </si>
  <si>
    <t>12622219.0</t>
  </si>
  <si>
    <t>375.954</t>
  </si>
  <si>
    <t>1642844.0</t>
  </si>
  <si>
    <t>1001464.0</t>
  </si>
  <si>
    <t>641389.0</t>
  </si>
  <si>
    <t>55058.0</t>
  </si>
  <si>
    <t>12714651.0</t>
  </si>
  <si>
    <t>92432.0</t>
  </si>
  <si>
    <t>378.707</t>
  </si>
  <si>
    <t>79583.0</t>
  </si>
  <si>
    <t>1698734.0</t>
  </si>
  <si>
    <t>1038563.0</t>
  </si>
  <si>
    <t>660180.0</t>
  </si>
  <si>
    <t>55890.0</t>
  </si>
  <si>
    <t>116.506</t>
  </si>
  <si>
    <t>12802028.0</t>
  </si>
  <si>
    <t>381.309</t>
  </si>
  <si>
    <t>80331.0</t>
  </si>
  <si>
    <t>1746605.0</t>
  </si>
  <si>
    <t>1070936.0</t>
  </si>
  <si>
    <t>675678.0</t>
  </si>
  <si>
    <t>47871.0</t>
  </si>
  <si>
    <t>12881997.0</t>
  </si>
  <si>
    <t>79969.0</t>
  </si>
  <si>
    <t>383.691</t>
  </si>
  <si>
    <t>1773775.0</t>
  </si>
  <si>
    <t>1089658.0</t>
  </si>
  <si>
    <t>684126.0</t>
  </si>
  <si>
    <t>12949093.0</t>
  </si>
  <si>
    <t>67096.0</t>
  </si>
  <si>
    <t>385.69</t>
  </si>
  <si>
    <t>84216.0</t>
  </si>
  <si>
    <t>1806314.0</t>
  </si>
  <si>
    <t>1115591.0</t>
  </si>
  <si>
    <t>690734.0</t>
  </si>
  <si>
    <t>13012592.0</t>
  </si>
  <si>
    <t>82654.0</t>
  </si>
  <si>
    <t>1867949.0</t>
  </si>
  <si>
    <t>1152342.0</t>
  </si>
  <si>
    <t>715618.0</t>
  </si>
  <si>
    <t>47145.0</t>
  </si>
  <si>
    <t>13115044.0</t>
  </si>
  <si>
    <t>102452.0</t>
  </si>
  <si>
    <t>390.632</t>
  </si>
  <si>
    <t>83851.0</t>
  </si>
  <si>
    <t>1916970.0</t>
  </si>
  <si>
    <t>1182898.0</t>
  </si>
  <si>
    <t>734083.0</t>
  </si>
  <si>
    <t>47026.0</t>
  </si>
  <si>
    <t>18.504</t>
  </si>
  <si>
    <t>13198734.0</t>
  </si>
  <si>
    <t>83690.0</t>
  </si>
  <si>
    <t>393.125</t>
  </si>
  <si>
    <t>82359.0</t>
  </si>
  <si>
    <t>1935153.0</t>
  </si>
  <si>
    <t>1193249.0</t>
  </si>
  <si>
    <t>741915.0</t>
  </si>
  <si>
    <t>13253760.0</t>
  </si>
  <si>
    <t>394.764</t>
  </si>
  <si>
    <t>1935277.0</t>
  </si>
  <si>
    <t>1193362.0</t>
  </si>
  <si>
    <t>741926.0</t>
  </si>
  <si>
    <t>22114.0</t>
  </si>
  <si>
    <t>13300985.0</t>
  </si>
  <si>
    <t>47225.0</t>
  </si>
  <si>
    <t>396.171</t>
  </si>
  <si>
    <t>1935347.0</t>
  </si>
  <si>
    <t>741935.0</t>
  </si>
  <si>
    <t>13364213.0</t>
  </si>
  <si>
    <t>63228.0</t>
  </si>
  <si>
    <t>398.054</t>
  </si>
  <si>
    <t>1946341.0</t>
  </si>
  <si>
    <t>1203813.0</t>
  </si>
  <si>
    <t>742539.0</t>
  </si>
  <si>
    <t>13432008.0</t>
  </si>
  <si>
    <t>400.073</t>
  </si>
  <si>
    <t>1956720.0</t>
  </si>
  <si>
    <t>1213858.0</t>
  </si>
  <si>
    <t>229.77</t>
  </si>
  <si>
    <t>13526995.0</t>
  </si>
  <si>
    <t>94987.0</t>
  </si>
  <si>
    <t>73486.0</t>
  </si>
  <si>
    <t>2017463.0</t>
  </si>
  <si>
    <t>1246382.0</t>
  </si>
  <si>
    <t>771092.0</t>
  </si>
  <si>
    <t>60743.0</t>
  </si>
  <si>
    <t>13641319.0</t>
  </si>
  <si>
    <t>114324.0</t>
  </si>
  <si>
    <t>406.308</t>
  </si>
  <si>
    <t>2095758.0</t>
  </si>
  <si>
    <t>1292265.0</t>
  </si>
  <si>
    <t>803504.0</t>
  </si>
  <si>
    <t>78295.0</t>
  </si>
  <si>
    <t>15624.0</t>
  </si>
  <si>
    <t>13761604.0</t>
  </si>
  <si>
    <t>409.89</t>
  </si>
  <si>
    <t>80410.0</t>
  </si>
  <si>
    <t>2180185.0</t>
  </si>
  <si>
    <t>1342535.0</t>
  </si>
  <si>
    <t>837661.0</t>
  </si>
  <si>
    <t>35005.0</t>
  </si>
  <si>
    <t>13882534.0</t>
  </si>
  <si>
    <t>120930.0</t>
  </si>
  <si>
    <t>413.492</t>
  </si>
  <si>
    <t>2261550.0</t>
  </si>
  <si>
    <t>1401885.0</t>
  </si>
  <si>
    <t>859676.0</t>
  </si>
  <si>
    <t>81365.0</t>
  </si>
  <si>
    <t>46610.0</t>
  </si>
  <si>
    <t>14008721.0</t>
  </si>
  <si>
    <t>126187.0</t>
  </si>
  <si>
    <t>417.251</t>
  </si>
  <si>
    <t>101105.0</t>
  </si>
  <si>
    <t>2322758.0</t>
  </si>
  <si>
    <t>1444179.0</t>
  </si>
  <si>
    <t>878590.0</t>
  </si>
  <si>
    <t>61208.0</t>
  </si>
  <si>
    <t>55344.0</t>
  </si>
  <si>
    <t>14125578.0</t>
  </si>
  <si>
    <t>116857.0</t>
  </si>
  <si>
    <t>420.731</t>
  </si>
  <si>
    <t>108766.0</t>
  </si>
  <si>
    <t>2369506.0</t>
  </si>
  <si>
    <t>1487557.0</t>
  </si>
  <si>
    <t>881960.0</t>
  </si>
  <si>
    <t>269.991</t>
  </si>
  <si>
    <t>14236423.0</t>
  </si>
  <si>
    <t>110845.0</t>
  </si>
  <si>
    <t>424.033</t>
  </si>
  <si>
    <t>114916.0</t>
  </si>
  <si>
    <t>2416012.0</t>
  </si>
  <si>
    <t>1525629.0</t>
  </si>
  <si>
    <t>890394.0</t>
  </si>
  <si>
    <t>46506.0</t>
  </si>
  <si>
    <t>65613.0</t>
  </si>
  <si>
    <t>44539.0</t>
  </si>
  <si>
    <t>14347786.0</t>
  </si>
  <si>
    <t>111363.0</t>
  </si>
  <si>
    <t>427.35</t>
  </si>
  <si>
    <t>117256.0</t>
  </si>
  <si>
    <t>2511977.0</t>
  </si>
  <si>
    <t>1595430.0</t>
  </si>
  <si>
    <t>916558.0</t>
  </si>
  <si>
    <t>95965.0</t>
  </si>
  <si>
    <t>49864.0</t>
  </si>
  <si>
    <t>14476647.0</t>
  </si>
  <si>
    <t>128861.0</t>
  </si>
  <si>
    <t>431.188</t>
  </si>
  <si>
    <t>119333.0</t>
  </si>
  <si>
    <t>2612716.0</t>
  </si>
  <si>
    <t>1665357.0</t>
  </si>
  <si>
    <t>947370.0</t>
  </si>
  <si>
    <t>100739.0</t>
  </si>
  <si>
    <t>73851.0</t>
  </si>
  <si>
    <t>53299.0</t>
  </si>
  <si>
    <t>14599066.0</t>
  </si>
  <si>
    <t>122419.0</t>
  </si>
  <si>
    <t>434.834</t>
  </si>
  <si>
    <t>2635183.0</t>
  </si>
  <si>
    <t>1685913.0</t>
  </si>
  <si>
    <t>949281.0</t>
  </si>
  <si>
    <t>22467.0</t>
  </si>
  <si>
    <t>14722558.0</t>
  </si>
  <si>
    <t>123492.0</t>
  </si>
  <si>
    <t>438.512</t>
  </si>
  <si>
    <t>2743835.0</t>
  </si>
  <si>
    <t>1744871.0</t>
  </si>
  <si>
    <t>998975.0</t>
  </si>
  <si>
    <t>108652.0</t>
  </si>
  <si>
    <t>68898.0</t>
  </si>
  <si>
    <t>48998.0</t>
  </si>
  <si>
    <t>14856470.0</t>
  </si>
  <si>
    <t>133912.0</t>
  </si>
  <si>
    <t>442.501</t>
  </si>
  <si>
    <t>121107.0</t>
  </si>
  <si>
    <t>2818472.0</t>
  </si>
  <si>
    <t>1791866.0</t>
  </si>
  <si>
    <t>1026617.0</t>
  </si>
  <si>
    <t>14974885.0</t>
  </si>
  <si>
    <t>118415.0</t>
  </si>
  <si>
    <t>446.028</t>
  </si>
  <si>
    <t>121330.0</t>
  </si>
  <si>
    <t>2884731.0</t>
  </si>
  <si>
    <t>1843031.0</t>
  </si>
  <si>
    <t>1041711.0</t>
  </si>
  <si>
    <t>66259.0</t>
  </si>
  <si>
    <t>15071032.0</t>
  </si>
  <si>
    <t>96147.0</t>
  </si>
  <si>
    <t>448.892</t>
  </si>
  <si>
    <t>119230.0</t>
  </si>
  <si>
    <t>2947622.0</t>
  </si>
  <si>
    <t>1881473.0</t>
  </si>
  <si>
    <t>1066160.0</t>
  </si>
  <si>
    <t>62891.0</t>
  </si>
  <si>
    <t>75944.0</t>
  </si>
  <si>
    <t>50835.0</t>
  </si>
  <si>
    <t>15178369.0</t>
  </si>
  <si>
    <t>107337.0</t>
  </si>
  <si>
    <t>452.089</t>
  </si>
  <si>
    <t>118655.0</t>
  </si>
  <si>
    <t>3044062.0</t>
  </si>
  <si>
    <t>1949177.0</t>
  </si>
  <si>
    <t>1094896.0</t>
  </si>
  <si>
    <t>96440.0</t>
  </si>
  <si>
    <t>76012.0</t>
  </si>
  <si>
    <t>-12006.8</t>
  </si>
  <si>
    <t>-353.784064548355</t>
  </si>
  <si>
    <t>15290288.0</t>
  </si>
  <si>
    <t>111919.0</t>
  </si>
  <si>
    <t>455.422</t>
  </si>
  <si>
    <t>116234.0</t>
  </si>
  <si>
    <t>3144077.0</t>
  </si>
  <si>
    <t>2024718.0</t>
  </si>
  <si>
    <t>1119370.0</t>
  </si>
  <si>
    <t>100015.0</t>
  </si>
  <si>
    <t>75909.0</t>
  </si>
  <si>
    <t>15405519.0</t>
  </si>
  <si>
    <t>115231.0</t>
  </si>
  <si>
    <t>458.854</t>
  </si>
  <si>
    <t>115208.0</t>
  </si>
  <si>
    <t>3251110.0</t>
  </si>
  <si>
    <t>2121848.0</t>
  </si>
  <si>
    <t>1129273.0</t>
  </si>
  <si>
    <t>87990.0</t>
  </si>
  <si>
    <t>15517279.0</t>
  </si>
  <si>
    <t>462.183</t>
  </si>
  <si>
    <t>113532.0</t>
  </si>
  <si>
    <t>3370513.0</t>
  </si>
  <si>
    <t>2233362.0</t>
  </si>
  <si>
    <t>1137162.0</t>
  </si>
  <si>
    <t>69784.0</t>
  </si>
  <si>
    <t>15627656.0</t>
  </si>
  <si>
    <t>110377.0</t>
  </si>
  <si>
    <t>465.471</t>
  </si>
  <si>
    <t>110169.0</t>
  </si>
  <si>
    <t>3462034.0</t>
  </si>
  <si>
    <t>2319888.0</t>
  </si>
  <si>
    <t>1142157.0</t>
  </si>
  <si>
    <t>91521.0</t>
  </si>
  <si>
    <t>75432.0</t>
  </si>
  <si>
    <t>15725962.0</t>
  </si>
  <si>
    <t>98306.0</t>
  </si>
  <si>
    <t>468.399</t>
  </si>
  <si>
    <t>107297.0</t>
  </si>
  <si>
    <t>3535718.0</t>
  </si>
  <si>
    <t>2392164.0</t>
  </si>
  <si>
    <t>1143565.0</t>
  </si>
  <si>
    <t>73684.0</t>
  </si>
  <si>
    <t>92998.0</t>
  </si>
  <si>
    <t>78448.0</t>
  </si>
  <si>
    <t>15812201.0</t>
  </si>
  <si>
    <t>470.967</t>
  </si>
  <si>
    <t>3618575.0</t>
  </si>
  <si>
    <t>2473401.0</t>
  </si>
  <si>
    <t>1145185.0</t>
  </si>
  <si>
    <t>84561.0</t>
  </si>
  <si>
    <t>34.622</t>
  </si>
  <si>
    <t>15892367.0</t>
  </si>
  <si>
    <t>80166.0</t>
  </si>
  <si>
    <t>473.355</t>
  </si>
  <si>
    <t>102000.0</t>
  </si>
  <si>
    <t>3684556.0</t>
  </si>
  <si>
    <t>2534273.0</t>
  </si>
  <si>
    <t>1150294.0</t>
  </si>
  <si>
    <t>65981.0</t>
  </si>
  <si>
    <t>91499.0</t>
  </si>
  <si>
    <t>15986973.0</t>
  </si>
  <si>
    <t>94606.0</t>
  </si>
  <si>
    <t>476.173</t>
  </si>
  <si>
    <t>99526.0</t>
  </si>
  <si>
    <t>3839618.0</t>
  </si>
  <si>
    <t>2642877.0</t>
  </si>
  <si>
    <t>1196752.0</t>
  </si>
  <si>
    <t>155062.0</t>
  </si>
  <si>
    <t>88308.0</t>
  </si>
  <si>
    <t>16092843.0</t>
  </si>
  <si>
    <t>105870.0</t>
  </si>
  <si>
    <t>479.326</t>
  </si>
  <si>
    <t>98189.0</t>
  </si>
  <si>
    <t>3996851.0</t>
  </si>
  <si>
    <t>2759284.0</t>
  </si>
  <si>
    <t>1237578.0</t>
  </si>
  <si>
    <t>157233.0</t>
  </si>
  <si>
    <t>91062.0</t>
  </si>
  <si>
    <t>16194661.0</t>
  </si>
  <si>
    <t>101818.0</t>
  </si>
  <si>
    <t>482.359</t>
  </si>
  <si>
    <t>96769.0</t>
  </si>
  <si>
    <t>4158238.0</t>
  </si>
  <si>
    <t>2873149.0</t>
  </si>
  <si>
    <t>1285101.0</t>
  </si>
  <si>
    <t>112532.0</t>
  </si>
  <si>
    <t>16291448.0</t>
  </si>
  <si>
    <t>485.242</t>
  </si>
  <si>
    <t>94827.0</t>
  </si>
  <si>
    <t>4284977.0</t>
  </si>
  <si>
    <t>2969574.0</t>
  </si>
  <si>
    <t>1315415.0</t>
  </si>
  <si>
    <t>126739.0</t>
  </si>
  <si>
    <t>117563.0</t>
  </si>
  <si>
    <t>92812.0</t>
  </si>
  <si>
    <t>16378795.0</t>
  </si>
  <si>
    <t>487.843</t>
  </si>
  <si>
    <t>93262.0</t>
  </si>
  <si>
    <t>4422709.0</t>
  </si>
  <si>
    <t>3073088.0</t>
  </si>
  <si>
    <t>1349633.0</t>
  </si>
  <si>
    <t>137732.0</t>
  </si>
  <si>
    <t>126713.0</t>
  </si>
  <si>
    <t>201.661</t>
  </si>
  <si>
    <t>16451557.0</t>
  </si>
  <si>
    <t>490.011</t>
  </si>
  <si>
    <t>91337.0</t>
  </si>
  <si>
    <t>4554799.0</t>
  </si>
  <si>
    <t>3178150.0</t>
  </si>
  <si>
    <t>1376661.0</t>
  </si>
  <si>
    <t>132090.0</t>
  </si>
  <si>
    <t>133746.0</t>
  </si>
  <si>
    <t>16532615.0</t>
  </si>
  <si>
    <t>81058.0</t>
  </si>
  <si>
    <t>492.425</t>
  </si>
  <si>
    <t>91464.0</t>
  </si>
  <si>
    <t>4758883.0</t>
  </si>
  <si>
    <t>3326252.0</t>
  </si>
  <si>
    <t>1432643.0</t>
  </si>
  <si>
    <t>204084.0</t>
  </si>
  <si>
    <t>153475.0</t>
  </si>
  <si>
    <t>113140.0</t>
  </si>
  <si>
    <t>16621315.0</t>
  </si>
  <si>
    <t>88700.0</t>
  </si>
  <si>
    <t>495.067</t>
  </si>
  <si>
    <t>90620.0</t>
  </si>
  <si>
    <t>4982352.0</t>
  </si>
  <si>
    <t>3493442.0</t>
  </si>
  <si>
    <t>1488922.0</t>
  </si>
  <si>
    <t>223469.0</t>
  </si>
  <si>
    <t>163248.0</t>
  </si>
  <si>
    <t>121509.0</t>
  </si>
  <si>
    <t>16700147.0</t>
  </si>
  <si>
    <t>78832.0</t>
  </si>
  <si>
    <t>497.415</t>
  </si>
  <si>
    <t>86758.0</t>
  </si>
  <si>
    <t>5197067.0</t>
  </si>
  <si>
    <t>3699849.0</t>
  </si>
  <si>
    <t>1497230.0</t>
  </si>
  <si>
    <t>214715.0</t>
  </si>
  <si>
    <t>171459.0</t>
  </si>
  <si>
    <t>134366.0</t>
  </si>
  <si>
    <t>32.972</t>
  </si>
  <si>
    <t>16787569.0</t>
  </si>
  <si>
    <t>500.019</t>
  </si>
  <si>
    <t>5426779.0</t>
  </si>
  <si>
    <t>3885072.0</t>
  </si>
  <si>
    <t>1541719.0</t>
  </si>
  <si>
    <t>229712.0</t>
  </si>
  <si>
    <t>181220.0</t>
  </si>
  <si>
    <t>144560.0</t>
  </si>
  <si>
    <t>16877268.0</t>
  </si>
  <si>
    <t>89699.0</t>
  </si>
  <si>
    <t>502.691</t>
  </si>
  <si>
    <t>83689.0</t>
  </si>
  <si>
    <t>5612746.0</t>
  </si>
  <si>
    <t>4038246.0</t>
  </si>
  <si>
    <t>1574512.0</t>
  </si>
  <si>
    <t>185967.0</t>
  </si>
  <si>
    <t>152667.0</t>
  </si>
  <si>
    <t>16959419.0</t>
  </si>
  <si>
    <t>505.137</t>
  </si>
  <si>
    <t>5785054.0</t>
  </si>
  <si>
    <t>4174199.0</t>
  </si>
  <si>
    <t>1610867.0</t>
  </si>
  <si>
    <t>194621.0</t>
  </si>
  <si>
    <t>157302.0</t>
  </si>
  <si>
    <t>17023247.0</t>
  </si>
  <si>
    <t>507.039</t>
  </si>
  <si>
    <t>5931860.0</t>
  </si>
  <si>
    <t>4296747.0</t>
  </si>
  <si>
    <t>1635125.0</t>
  </si>
  <si>
    <t>146806.0</t>
  </si>
  <si>
    <t>196723.0</t>
  </si>
  <si>
    <t>159800.0</t>
  </si>
  <si>
    <t>17096494.0</t>
  </si>
  <si>
    <t>509.22</t>
  </si>
  <si>
    <t>80554.0</t>
  </si>
  <si>
    <t>6177894.0</t>
  </si>
  <si>
    <t>4487973.0</t>
  </si>
  <si>
    <t>1689933.0</t>
  </si>
  <si>
    <t>246034.0</t>
  </si>
  <si>
    <t>165960.0</t>
  </si>
  <si>
    <t>17178751.0</t>
  </si>
  <si>
    <t>511.67</t>
  </si>
  <si>
    <t>79634.0</t>
  </si>
  <si>
    <t>6438283.0</t>
  </si>
  <si>
    <t>4687266.0</t>
  </si>
  <si>
    <t>1751029.0</t>
  </si>
  <si>
    <t>260389.0</t>
  </si>
  <si>
    <t>207990.0</t>
  </si>
  <si>
    <t>170546.0</t>
  </si>
  <si>
    <t>17260490.0</t>
  </si>
  <si>
    <t>514.105</t>
  </si>
  <si>
    <t>80049.0</t>
  </si>
  <si>
    <t>6703952.0</t>
  </si>
  <si>
    <t>4872716.0</t>
  </si>
  <si>
    <t>1831248.0</t>
  </si>
  <si>
    <t>265669.0</t>
  </si>
  <si>
    <t>215269.0</t>
  </si>
  <si>
    <t>167552.0</t>
  </si>
  <si>
    <t>32.677</t>
  </si>
  <si>
    <t>17337903.0</t>
  </si>
  <si>
    <t>516.411</t>
  </si>
  <si>
    <t>78619.0</t>
  </si>
  <si>
    <t>6981901.0</t>
  </si>
  <si>
    <t>5055791.0</t>
  </si>
  <si>
    <t>1926122.0</t>
  </si>
  <si>
    <t>277949.0</t>
  </si>
  <si>
    <t>222160.0</t>
  </si>
  <si>
    <t>167246.0</t>
  </si>
  <si>
    <t>17418462.0</t>
  </si>
  <si>
    <t>80559.0</t>
  </si>
  <si>
    <t>518.81</t>
  </si>
  <si>
    <t>7205114.0</t>
  </si>
  <si>
    <t>5210672.0</t>
  </si>
  <si>
    <t>1994454.0</t>
  </si>
  <si>
    <t>223213.0</t>
  </si>
  <si>
    <t>227481.0</t>
  </si>
  <si>
    <t>167489.0</t>
  </si>
  <si>
    <t>17491853.0</t>
  </si>
  <si>
    <t>520.996</t>
  </si>
  <si>
    <t>7404316.0</t>
  </si>
  <si>
    <t>5353455.0</t>
  </si>
  <si>
    <t>2050874.0</t>
  </si>
  <si>
    <t>231323.0</t>
  </si>
  <si>
    <t>168465.0</t>
  </si>
  <si>
    <t>17555444.0</t>
  </si>
  <si>
    <t>63591.0</t>
  </si>
  <si>
    <t>522.89</t>
  </si>
  <si>
    <t>76028.0</t>
  </si>
  <si>
    <t>7582378.0</t>
  </si>
  <si>
    <t>5465258.0</t>
  </si>
  <si>
    <t>2117133.0</t>
  </si>
  <si>
    <t>235788.0</t>
  </si>
  <si>
    <t>166930.0</t>
  </si>
  <si>
    <t>17629547.0</t>
  </si>
  <si>
    <t>74103.0</t>
  </si>
  <si>
    <t>525.097</t>
  </si>
  <si>
    <t>76150.0</t>
  </si>
  <si>
    <t>7792656.0</t>
  </si>
  <si>
    <t>5631853.0</t>
  </si>
  <si>
    <t>2160816.0</t>
  </si>
  <si>
    <t>210278.0</t>
  </si>
  <si>
    <t>230680.0</t>
  </si>
  <si>
    <t>163411.0</t>
  </si>
  <si>
    <t>17720688.0</t>
  </si>
  <si>
    <t>91141.0</t>
  </si>
  <si>
    <t>527.812</t>
  </si>
  <si>
    <t>77420.0</t>
  </si>
  <si>
    <t>8037153.0</t>
  </si>
  <si>
    <t>5790784.0</t>
  </si>
  <si>
    <t>2246382.0</t>
  </si>
  <si>
    <t>244497.0</t>
  </si>
  <si>
    <t>228410.0</t>
  </si>
  <si>
    <t>157645.0</t>
  </si>
  <si>
    <t>17818224.0</t>
  </si>
  <si>
    <t>530.717</t>
  </si>
  <si>
    <t>79676.0</t>
  </si>
  <si>
    <t>8308101.0</t>
  </si>
  <si>
    <t>5964863.0</t>
  </si>
  <si>
    <t>2343251.0</t>
  </si>
  <si>
    <t>270948.0</t>
  </si>
  <si>
    <t>229164.0</t>
  </si>
  <si>
    <t>156021.0</t>
  </si>
  <si>
    <t>-9500.6</t>
  </si>
  <si>
    <t>-279.938108709073</t>
  </si>
  <si>
    <t>255.67</t>
  </si>
  <si>
    <t>17916254.0</t>
  </si>
  <si>
    <t>533.637</t>
  </si>
  <si>
    <t>82622.0</t>
  </si>
  <si>
    <t>8578506.0</t>
  </si>
  <si>
    <t>6148627.0</t>
  </si>
  <si>
    <t>2429893.0</t>
  </si>
  <si>
    <t>270405.0</t>
  </si>
  <si>
    <t>228086.0</t>
  </si>
  <si>
    <t>156119.0</t>
  </si>
  <si>
    <t>18012756.0</t>
  </si>
  <si>
    <t>536.511</t>
  </si>
  <si>
    <t>8819535.0</t>
  </si>
  <si>
    <t>6318892.0</t>
  </si>
  <si>
    <t>2500657.0</t>
  </si>
  <si>
    <t>241029.0</t>
  </si>
  <si>
    <t>230632.0</t>
  </si>
  <si>
    <t>18098596.0</t>
  </si>
  <si>
    <t>85840.0</t>
  </si>
  <si>
    <t>539.068</t>
  </si>
  <si>
    <t>9043827.0</t>
  </si>
  <si>
    <t>6463718.0</t>
  </si>
  <si>
    <t>224292.0</t>
  </si>
  <si>
    <t>234216.0</t>
  </si>
  <si>
    <t>18167317.0</t>
  </si>
  <si>
    <t>541.115</t>
  </si>
  <si>
    <t>6598835.0</t>
  </si>
  <si>
    <t>2661012.0</t>
  </si>
  <si>
    <t>216006.0</t>
  </si>
  <si>
    <t>239636.0</t>
  </si>
  <si>
    <t>161940.0</t>
  </si>
  <si>
    <t>18254077.0</t>
  </si>
  <si>
    <t>86760.0</t>
  </si>
  <si>
    <t>543.699</t>
  </si>
  <si>
    <t>89219.0</t>
  </si>
  <si>
    <t>9588034.0</t>
  </si>
  <si>
    <t>6805466.0</t>
  </si>
  <si>
    <t>2782582.0</t>
  </si>
  <si>
    <t>328201.0</t>
  </si>
  <si>
    <t>256483.0</t>
  </si>
  <si>
    <t>167659.0</t>
  </si>
  <si>
    <t>18347081.0</t>
  </si>
  <si>
    <t>93004.0</t>
  </si>
  <si>
    <t>546.469</t>
  </si>
  <si>
    <t>89485.0</t>
  </si>
  <si>
    <t>9944580.0</t>
  </si>
  <si>
    <t>7022629.0</t>
  </si>
  <si>
    <t>2921965.0</t>
  </si>
  <si>
    <t>356546.0</t>
  </si>
  <si>
    <t>272490.0</t>
  </si>
  <si>
    <t>18449494.0</t>
  </si>
  <si>
    <t>102413.0</t>
  </si>
  <si>
    <t>549.519</t>
  </si>
  <si>
    <t>90181.0</t>
  </si>
  <si>
    <t>10340178.0</t>
  </si>
  <si>
    <t>7241538.0</t>
  </si>
  <si>
    <t>3098654.0</t>
  </si>
  <si>
    <t>395598.0</t>
  </si>
  <si>
    <t>290297.0</t>
  </si>
  <si>
    <t>182382.0</t>
  </si>
  <si>
    <t>18556000.0</t>
  </si>
  <si>
    <t>106506.0</t>
  </si>
  <si>
    <t>552.692</t>
  </si>
  <si>
    <t>91392.0</t>
  </si>
  <si>
    <t>10730997.0</t>
  </si>
  <si>
    <t>7471634.0</t>
  </si>
  <si>
    <t>3259377.0</t>
  </si>
  <si>
    <t>390819.0</t>
  </si>
  <si>
    <t>307499.0</t>
  </si>
  <si>
    <t>189001.0</t>
  </si>
  <si>
    <t>18670371.0</t>
  </si>
  <si>
    <t>114371.0</t>
  </si>
  <si>
    <t>556.098</t>
  </si>
  <si>
    <t>11081724.0</t>
  </si>
  <si>
    <t>7692447.0</t>
  </si>
  <si>
    <t>3389291.0</t>
  </si>
  <si>
    <t>350727.0</t>
  </si>
  <si>
    <t>323170.0</t>
  </si>
  <si>
    <t>196222.0</t>
  </si>
  <si>
    <t>246.89</t>
  </si>
  <si>
    <t>18773202.0</t>
  </si>
  <si>
    <t>102831.0</t>
  </si>
  <si>
    <t>559.161</t>
  </si>
  <si>
    <t>11418407.0</t>
  </si>
  <si>
    <t>7912275.0</t>
  </si>
  <si>
    <t>3506146.0</t>
  </si>
  <si>
    <t>336683.0</t>
  </si>
  <si>
    <t>339226.0</t>
  </si>
  <si>
    <t>206937.0</t>
  </si>
  <si>
    <t>18868351.0</t>
  </si>
  <si>
    <t>95149.0</t>
  </si>
  <si>
    <t>561.995</t>
  </si>
  <si>
    <t>100148.0</t>
  </si>
  <si>
    <t>11716722.0</t>
  </si>
  <si>
    <t>8107098.0</t>
  </si>
  <si>
    <t>3609638.0</t>
  </si>
  <si>
    <t>298315.0</t>
  </si>
  <si>
    <t>350984.0</t>
  </si>
  <si>
    <t>215466.0</t>
  </si>
  <si>
    <t>18987028.0</t>
  </si>
  <si>
    <t>118677.0</t>
  </si>
  <si>
    <t>565.53</t>
  </si>
  <si>
    <t>12151879.0</t>
  </si>
  <si>
    <t>8379111.0</t>
  </si>
  <si>
    <t>3772782.0</t>
  </si>
  <si>
    <t>435157.0</t>
  </si>
  <si>
    <t>366264.0</t>
  </si>
  <si>
    <t>224806.0</t>
  </si>
  <si>
    <t>19125392.0</t>
  </si>
  <si>
    <t>138364.0</t>
  </si>
  <si>
    <t>569.651</t>
  </si>
  <si>
    <t>111187.0</t>
  </si>
  <si>
    <t>12592061.0</t>
  </si>
  <si>
    <t>8647765.0</t>
  </si>
  <si>
    <t>3944310.0</t>
  </si>
  <si>
    <t>440182.0</t>
  </si>
  <si>
    <t>378212.0</t>
  </si>
  <si>
    <t>11144.0</t>
  </si>
  <si>
    <t>19267036.0</t>
  </si>
  <si>
    <t>141644.0</t>
  </si>
  <si>
    <t>573.87</t>
  </si>
  <si>
    <t>116792.0</t>
  </si>
  <si>
    <t>13051644.0</t>
  </si>
  <si>
    <t>8943170.0</t>
  </si>
  <si>
    <t>4108488.0</t>
  </si>
  <si>
    <t>387352.0</t>
  </si>
  <si>
    <t>243090.0</t>
  </si>
  <si>
    <t>19418992.0</t>
  </si>
  <si>
    <t>151956.0</t>
  </si>
  <si>
    <t>578.396</t>
  </si>
  <si>
    <t>123285.0</t>
  </si>
  <si>
    <t>13530981.0</t>
  </si>
  <si>
    <t>9261105.0</t>
  </si>
  <si>
    <t>4269890.0</t>
  </si>
  <si>
    <t>479337.0</t>
  </si>
  <si>
    <t>399998.0</t>
  </si>
  <si>
    <t>255639.0</t>
  </si>
  <si>
    <t>19562741.0</t>
  </si>
  <si>
    <t>582.678</t>
  </si>
  <si>
    <t>127481.0</t>
  </si>
  <si>
    <t>13949228.0</t>
  </si>
  <si>
    <t>9545064.0</t>
  </si>
  <si>
    <t>4404178.0</t>
  </si>
  <si>
    <t>418247.0</t>
  </si>
  <si>
    <t>409643.0</t>
  </si>
  <si>
    <t>264660.0</t>
  </si>
  <si>
    <t>19698032.0</t>
  </si>
  <si>
    <t>135291.0</t>
  </si>
  <si>
    <t>586.707</t>
  </si>
  <si>
    <t>132119.0</t>
  </si>
  <si>
    <t>14346978.0</t>
  </si>
  <si>
    <t>9809897.0</t>
  </si>
  <si>
    <t>4537095.0</t>
  </si>
  <si>
    <t>397750.0</t>
  </si>
  <si>
    <t>19808043.0</t>
  </si>
  <si>
    <t>110011.0</t>
  </si>
  <si>
    <t>589.984</t>
  </si>
  <si>
    <t>134242.0</t>
  </si>
  <si>
    <t>14703881.0</t>
  </si>
  <si>
    <t>10062565.0</t>
  </si>
  <si>
    <t>4641330.0</t>
  </si>
  <si>
    <t>356903.0</t>
  </si>
  <si>
    <t>426737.0</t>
  </si>
  <si>
    <t>279352.0</t>
  </si>
  <si>
    <t>19941988.0</t>
  </si>
  <si>
    <t>133945.0</t>
  </si>
  <si>
    <t>593.973</t>
  </si>
  <si>
    <t>136423.0</t>
  </si>
  <si>
    <t>15147460.0</t>
  </si>
  <si>
    <t>10351480.0</t>
  </si>
  <si>
    <t>4795994.0</t>
  </si>
  <si>
    <t>443579.0</t>
  </si>
  <si>
    <t>427940.0</t>
  </si>
  <si>
    <t>281767.0</t>
  </si>
  <si>
    <t>20038618.0</t>
  </si>
  <si>
    <t>596.852</t>
  </si>
  <si>
    <t>15459623.0</t>
  </si>
  <si>
    <t>10560101.0</t>
  </si>
  <si>
    <t>4899536.0</t>
  </si>
  <si>
    <t>409652.0</t>
  </si>
  <si>
    <t>273191.0</t>
  </si>
  <si>
    <t>20175911.0</t>
  </si>
  <si>
    <t>600.941</t>
  </si>
  <si>
    <t>15919509.0</t>
  </si>
  <si>
    <t>10849304.0</t>
  </si>
  <si>
    <t>5070219.0</t>
  </si>
  <si>
    <t>459886.0</t>
  </si>
  <si>
    <t>409695.0</t>
  </si>
  <si>
    <t>272305.0</t>
  </si>
  <si>
    <t>349.576</t>
  </si>
  <si>
    <t>20330900.0</t>
  </si>
  <si>
    <t>154989.0</t>
  </si>
  <si>
    <t>605.557</t>
  </si>
  <si>
    <t>130273.0</t>
  </si>
  <si>
    <t>16440009.0</t>
  </si>
  <si>
    <t>11192835.0</t>
  </si>
  <si>
    <t>5247188.0</t>
  </si>
  <si>
    <t>520500.0</t>
  </si>
  <si>
    <t>415575.0</t>
  </si>
  <si>
    <t>20487343.0</t>
  </si>
  <si>
    <t>156443.0</t>
  </si>
  <si>
    <t>610.217</t>
  </si>
  <si>
    <t>132086.0</t>
  </si>
  <si>
    <t>16919481.0</t>
  </si>
  <si>
    <t>11507602.0</t>
  </si>
  <si>
    <t>5411893.0</t>
  </si>
  <si>
    <t>479472.0</t>
  </si>
  <si>
    <t>424322.0</t>
  </si>
  <si>
    <t>280363.0</t>
  </si>
  <si>
    <t>370.526</t>
  </si>
  <si>
    <t>20625337.0</t>
  </si>
  <si>
    <t>137994.0</t>
  </si>
  <si>
    <t>614.327</t>
  </si>
  <si>
    <t>132472.0</t>
  </si>
  <si>
    <t>17353263.0</t>
  </si>
  <si>
    <t>11803681.0</t>
  </si>
  <si>
    <t>5549596.0</t>
  </si>
  <si>
    <t>433782.0</t>
  </si>
  <si>
    <t>429469.0</t>
  </si>
  <si>
    <t>284826.0</t>
  </si>
  <si>
    <t>354.232</t>
  </si>
  <si>
    <t>20745156.0</t>
  </si>
  <si>
    <t>119819.0</t>
  </si>
  <si>
    <t>617.896</t>
  </si>
  <si>
    <t>133873.0</t>
  </si>
  <si>
    <t>17771008.0</t>
  </si>
  <si>
    <t>12096264.0</t>
  </si>
  <si>
    <t>5674758.0</t>
  </si>
  <si>
    <t>417745.0</t>
  </si>
  <si>
    <t>438161.0</t>
  </si>
  <si>
    <t>290528.0</t>
  </si>
  <si>
    <t>13011.0</t>
  </si>
  <si>
    <t>20894359.0</t>
  </si>
  <si>
    <t>149203.0</t>
  </si>
  <si>
    <t>622.34</t>
  </si>
  <si>
    <t>136053.0</t>
  </si>
  <si>
    <t>18309704.0</t>
  </si>
  <si>
    <t>12439175.0</t>
  </si>
  <si>
    <t>5870543.0</t>
  </si>
  <si>
    <t>538696.0</t>
  </si>
  <si>
    <t>451749.0</t>
  </si>
  <si>
    <t>298242.0</t>
  </si>
  <si>
    <t>398.666</t>
  </si>
  <si>
    <t>21048931.0</t>
  </si>
  <si>
    <t>154572.0</t>
  </si>
  <si>
    <t>626.944</t>
  </si>
  <si>
    <t>144330.0</t>
  </si>
  <si>
    <t>4.299</t>
  </si>
  <si>
    <t>18882479.0</t>
  </si>
  <si>
    <t>12805901.0</t>
  </si>
  <si>
    <t>6076592.0</t>
  </si>
  <si>
    <t>488979.0</t>
  </si>
  <si>
    <t>320829.0</t>
  </si>
  <si>
    <t>21200229.0</t>
  </si>
  <si>
    <t>151298.0</t>
  </si>
  <si>
    <t>631.45</t>
  </si>
  <si>
    <t>146331.0</t>
  </si>
  <si>
    <t>19465502.0</t>
  </si>
  <si>
    <t>13181545.0</t>
  </si>
  <si>
    <t>6283973.0</t>
  </si>
  <si>
    <t>583023.0</t>
  </si>
  <si>
    <t>506570.0</t>
  </si>
  <si>
    <t>333177.0</t>
  </si>
  <si>
    <t>21359629.0</t>
  </si>
  <si>
    <t>159400.0</t>
  </si>
  <si>
    <t>636.198</t>
  </si>
  <si>
    <t>146961.0</t>
  </si>
  <si>
    <t>20047523.0</t>
  </si>
  <si>
    <t>13544807.0</t>
  </si>
  <si>
    <t>6502736.0</t>
  </si>
  <si>
    <t>582021.0</t>
  </si>
  <si>
    <t>515359.0</t>
  </si>
  <si>
    <t>335996.0</t>
  </si>
  <si>
    <t>21514227.0</t>
  </si>
  <si>
    <t>154598.0</t>
  </si>
  <si>
    <t>640.803</t>
  </si>
  <si>
    <t>146698.0</t>
  </si>
  <si>
    <t>20584005.0</t>
  </si>
  <si>
    <t>13878062.0</t>
  </si>
  <si>
    <t>6705963.0</t>
  </si>
  <si>
    <t>536482.0</t>
  </si>
  <si>
    <t>523503.0</t>
  </si>
  <si>
    <t>338637.0</t>
  </si>
  <si>
    <t>21650440.0</t>
  </si>
  <si>
    <t>644.86</t>
  </si>
  <si>
    <t>146443.0</t>
  </si>
  <si>
    <t>21128536.0</t>
  </si>
  <si>
    <t>14214855.0</t>
  </si>
  <si>
    <t>6913703.0</t>
  </si>
  <si>
    <t>544531.0</t>
  </si>
  <si>
    <t>539325.0</t>
  </si>
  <si>
    <t>344453.0</t>
  </si>
  <si>
    <t>-786.199999999999</t>
  </si>
  <si>
    <t>-23.165625441243</t>
  </si>
  <si>
    <t>21757280.0</t>
  </si>
  <si>
    <t>648.042</t>
  </si>
  <si>
    <t>144589.0</t>
  </si>
  <si>
    <t>21624947.0</t>
  </si>
  <si>
    <t>14525553.0</t>
  </si>
  <si>
    <t>7099418.0</t>
  </si>
  <si>
    <t>496411.0</t>
  </si>
  <si>
    <t>347041.0</t>
  </si>
  <si>
    <t>21903556.0</t>
  </si>
  <si>
    <t>652.399</t>
  </si>
  <si>
    <t>144171.0</t>
  </si>
  <si>
    <t>22114466.0</t>
  </si>
  <si>
    <t>14762681.0</t>
  </si>
  <si>
    <t>7351809.0</t>
  </si>
  <si>
    <t>489519.0</t>
  </si>
  <si>
    <t>543537.0</t>
  </si>
  <si>
    <t>331929.0</t>
  </si>
  <si>
    <t>22074036.0</t>
  </si>
  <si>
    <t>170480.0</t>
  </si>
  <si>
    <t>657.477</t>
  </si>
  <si>
    <t>146444.0</t>
  </si>
  <si>
    <t>22619874.0</t>
  </si>
  <si>
    <t>15016860.0</t>
  </si>
  <si>
    <t>7603039.0</t>
  </si>
  <si>
    <t>505408.0</t>
  </si>
  <si>
    <t>533914.0</t>
  </si>
  <si>
    <t>22231921.0</t>
  </si>
  <si>
    <t>157885.0</t>
  </si>
  <si>
    <t>662.179</t>
  </si>
  <si>
    <t>4.703</t>
  </si>
  <si>
    <t>147385.0</t>
  </si>
  <si>
    <t>23136573.0</t>
  </si>
  <si>
    <t>15259890.0</t>
  </si>
  <si>
    <t>7876709.0</t>
  </si>
  <si>
    <t>516699.0</t>
  </si>
  <si>
    <t>524439.0</t>
  </si>
  <si>
    <t>296906.0</t>
  </si>
  <si>
    <t>22386307.0</t>
  </si>
  <si>
    <t>666.778</t>
  </si>
  <si>
    <t>146668.0</t>
  </si>
  <si>
    <t>23675892.0</t>
  </si>
  <si>
    <t>15496022.0</t>
  </si>
  <si>
    <t>8179897.0</t>
  </si>
  <si>
    <t>539319.0</t>
  </si>
  <si>
    <t>518338.0</t>
  </si>
  <si>
    <t>278745.0</t>
  </si>
  <si>
    <t>22543919.0</t>
  </si>
  <si>
    <t>157612.0</t>
  </si>
  <si>
    <t>671.472</t>
  </si>
  <si>
    <t>147099.0</t>
  </si>
  <si>
    <t>24147582.0</t>
  </si>
  <si>
    <t>15701595.0</t>
  </si>
  <si>
    <t>8446015.0</t>
  </si>
  <si>
    <t>471690.0</t>
  </si>
  <si>
    <t>509082.0</t>
  </si>
  <si>
    <t>260505.0</t>
  </si>
  <si>
    <t>22688868.0</t>
  </si>
  <si>
    <t>144949.0</t>
  </si>
  <si>
    <t>675.789</t>
  </si>
  <si>
    <t>148347.0</t>
  </si>
  <si>
    <t>24600224.0</t>
  </si>
  <si>
    <t>15906756.0</t>
  </si>
  <si>
    <t>8693497.0</t>
  </si>
  <si>
    <t>452642.0</t>
  </si>
  <si>
    <t>495955.0</t>
  </si>
  <si>
    <t>241700.0</t>
  </si>
  <si>
    <t>22811928.0</t>
  </si>
  <si>
    <t>123060.0</t>
  </si>
  <si>
    <t>679.455</t>
  </si>
  <si>
    <t>150664.0</t>
  </si>
  <si>
    <t>25012522.0</t>
  </si>
  <si>
    <t>16079172.0</t>
  </si>
  <si>
    <t>8933380.0</t>
  </si>
  <si>
    <t>412298.0</t>
  </si>
  <si>
    <t>483939.0</t>
  </si>
  <si>
    <t>14070.0</t>
  </si>
  <si>
    <t>15895.0</t>
  </si>
  <si>
    <t>22965490.0</t>
  </si>
  <si>
    <t>153562.0</t>
  </si>
  <si>
    <t>684.029</t>
  </si>
  <si>
    <t>151705.0</t>
  </si>
  <si>
    <t>25501119.0</t>
  </si>
  <si>
    <t>16282774.0</t>
  </si>
  <si>
    <t>9218379.0</t>
  </si>
  <si>
    <t>488597.0</t>
  </si>
  <si>
    <t>483808.0</t>
  </si>
  <si>
    <t>217156.0</t>
  </si>
  <si>
    <t>23110055.0</t>
  </si>
  <si>
    <t>144565.0</t>
  </si>
  <si>
    <t>688.334</t>
  </si>
  <si>
    <t>148003.0</t>
  </si>
  <si>
    <t>25880307.0</t>
  </si>
  <si>
    <t>16459980.0</t>
  </si>
  <si>
    <t>9420363.0</t>
  </si>
  <si>
    <t>379188.0</t>
  </si>
  <si>
    <t>465776.0</t>
  </si>
  <si>
    <t>23280547.0</t>
  </si>
  <si>
    <t>170492.0</t>
  </si>
  <si>
    <t>693.413</t>
  </si>
  <si>
    <t>149804.0</t>
  </si>
  <si>
    <t>26400546.0</t>
  </si>
  <si>
    <t>16705243.0</t>
  </si>
  <si>
    <t>9695344.0</t>
  </si>
  <si>
    <t>466282.0</t>
  </si>
  <si>
    <t>206479.0</t>
  </si>
  <si>
    <t>23461785.0</t>
  </si>
  <si>
    <t>181238.0</t>
  </si>
  <si>
    <t>698.811</t>
  </si>
  <si>
    <t>153640.0</t>
  </si>
  <si>
    <t>26953535.0</t>
  </si>
  <si>
    <t>16923945.0</t>
  </si>
  <si>
    <t>10029634.0</t>
  </si>
  <si>
    <t>552989.0</t>
  </si>
  <si>
    <t>468235.0</t>
  </si>
  <si>
    <t>203989.0</t>
  </si>
  <si>
    <t>23629478.0</t>
  </si>
  <si>
    <t>167693.0</t>
  </si>
  <si>
    <t>703.806</t>
  </si>
  <si>
    <t>155080.0</t>
  </si>
  <si>
    <t>27451214.0</t>
  </si>
  <si>
    <t>17110081.0</t>
  </si>
  <si>
    <t>10341179.0</t>
  </si>
  <si>
    <t>497679.0</t>
  </si>
  <si>
    <t>471947.0</t>
  </si>
  <si>
    <t>201212.0</t>
  </si>
  <si>
    <t>23785899.0</t>
  </si>
  <si>
    <t>708.465</t>
  </si>
  <si>
    <t>156719.0</t>
  </si>
  <si>
    <t>27922899.0</t>
  </si>
  <si>
    <t>17291812.0</t>
  </si>
  <si>
    <t>10631133.0</t>
  </si>
  <si>
    <t>471685.0</t>
  </si>
  <si>
    <t>474668.0</t>
  </si>
  <si>
    <t>197865.0</t>
  </si>
  <si>
    <t>23920929.0</t>
  </si>
  <si>
    <t>135030.0</t>
  </si>
  <si>
    <t>712.486</t>
  </si>
  <si>
    <t>28363680.0</t>
  </si>
  <si>
    <t>17450575.0</t>
  </si>
  <si>
    <t>10913152.0</t>
  </si>
  <si>
    <t>440781.0</t>
  </si>
  <si>
    <t>478737.0</t>
  </si>
  <si>
    <t>195915.0</t>
  </si>
  <si>
    <t>477.927</t>
  </si>
  <si>
    <t>24081086.0</t>
  </si>
  <si>
    <t>160157.0</t>
  </si>
  <si>
    <t>717.257</t>
  </si>
  <si>
    <t>159371.0</t>
  </si>
  <si>
    <t>28890748.0</t>
  </si>
  <si>
    <t>17642030.0</t>
  </si>
  <si>
    <t>11248765.0</t>
  </si>
  <si>
    <t>527068.0</t>
  </si>
  <si>
    <t>484233.0</t>
  </si>
  <si>
    <t>194179.0</t>
  </si>
  <si>
    <t>24260041.0</t>
  </si>
  <si>
    <t>178955.0</t>
  </si>
  <si>
    <t>722.587</t>
  </si>
  <si>
    <t>164284.0</t>
  </si>
  <si>
    <t>29440817.0</t>
  </si>
  <si>
    <t>17841546.0</t>
  </si>
  <si>
    <t>11599322.0</t>
  </si>
  <si>
    <t>550069.0</t>
  </si>
  <si>
    <t>508644.0</t>
  </si>
  <si>
    <t>14987.0</t>
  </si>
  <si>
    <t>197367.0</t>
  </si>
  <si>
    <t>42.931</t>
  </si>
  <si>
    <t>24431691.0</t>
  </si>
  <si>
    <t>171650.0</t>
  </si>
  <si>
    <t>727.699</t>
  </si>
  <si>
    <t>164449.0</t>
  </si>
  <si>
    <t>30013713.0</t>
  </si>
  <si>
    <t>18049208.0</t>
  </si>
  <si>
    <t>11964560.0</t>
  </si>
  <si>
    <t>572896.0</t>
  </si>
  <si>
    <t>516167.0</t>
  </si>
  <si>
    <t>191995.0</t>
  </si>
  <si>
    <t>24603549.0</t>
  </si>
  <si>
    <t>171858.0</t>
  </si>
  <si>
    <t>732.818</t>
  </si>
  <si>
    <t>163109.0</t>
  </si>
  <si>
    <t>30563512.0</t>
  </si>
  <si>
    <t>18246582.0</t>
  </si>
  <si>
    <t>12316989.0</t>
  </si>
  <si>
    <t>549799.0</t>
  </si>
  <si>
    <t>515711.0</t>
  </si>
  <si>
    <t>188948.0</t>
  </si>
  <si>
    <t>24761412.0</t>
  </si>
  <si>
    <t>157863.0</t>
  </si>
  <si>
    <t>737.52</t>
  </si>
  <si>
    <t>161705.0</t>
  </si>
  <si>
    <t>31079077.0</t>
  </si>
  <si>
    <t>18420146.0</t>
  </si>
  <si>
    <t>12658991.0</t>
  </si>
  <si>
    <t>515565.0</t>
  </si>
  <si>
    <t>518266.0</t>
  </si>
  <si>
    <t>187152.0</t>
  </si>
  <si>
    <t>24904914.0</t>
  </si>
  <si>
    <t>143502.0</t>
  </si>
  <si>
    <t>741.794</t>
  </si>
  <si>
    <t>159859.0</t>
  </si>
  <si>
    <t>31581086.0</t>
  </si>
  <si>
    <t>18595886.0</t>
  </si>
  <si>
    <t>12985270.0</t>
  </si>
  <si>
    <t>502009.0</t>
  </si>
  <si>
    <t>522598.0</t>
  </si>
  <si>
    <t>186296.0</t>
  </si>
  <si>
    <t>13852.0</t>
  </si>
  <si>
    <t>25030815.0</t>
  </si>
  <si>
    <t>125901.0</t>
  </si>
  <si>
    <t>745.544</t>
  </si>
  <si>
    <t>158555.0</t>
  </si>
  <si>
    <t>32047234.0</t>
  </si>
  <si>
    <t>18747157.0</t>
  </si>
  <si>
    <t>13300149.0</t>
  </si>
  <si>
    <t>466148.0</t>
  </si>
  <si>
    <t>526222.0</t>
  </si>
  <si>
    <t>15505.0</t>
  </si>
  <si>
    <t>185226.0</t>
  </si>
  <si>
    <t>25185670.0</t>
  </si>
  <si>
    <t>154855.0</t>
  </si>
  <si>
    <t>750.157</t>
  </si>
  <si>
    <t>157798.0</t>
  </si>
  <si>
    <t>32466892.0</t>
  </si>
  <si>
    <t>18909976.0</t>
  </si>
  <si>
    <t>13556988.0</t>
  </si>
  <si>
    <t>510878.0</t>
  </si>
  <si>
    <t>181135.0</t>
  </si>
  <si>
    <t>25363192.0</t>
  </si>
  <si>
    <t>177522.0</t>
  </si>
  <si>
    <t>755.444</t>
  </si>
  <si>
    <t>157593.0</t>
  </si>
  <si>
    <t>32914314.0</t>
  </si>
  <si>
    <t>19080482.0</t>
  </si>
  <si>
    <t>13833905.0</t>
  </si>
  <si>
    <t>447422.0</t>
  </si>
  <si>
    <t>496214.0</t>
  </si>
  <si>
    <t>176991.0</t>
  </si>
  <si>
    <t>25531505.0</t>
  </si>
  <si>
    <t>168313.0</t>
  </si>
  <si>
    <t>760.458</t>
  </si>
  <si>
    <t>157116.0</t>
  </si>
  <si>
    <t>33366779.0</t>
  </si>
  <si>
    <t>19257342.0</t>
  </si>
  <si>
    <t>14109510.0</t>
  </si>
  <si>
    <t>452465.0</t>
  </si>
  <si>
    <t>479009.0</t>
  </si>
  <si>
    <t>172591.0</t>
  </si>
  <si>
    <t>25686584.0</t>
  </si>
  <si>
    <t>155079.0</t>
  </si>
  <si>
    <t>765.077</t>
  </si>
  <si>
    <t>154719.0</t>
  </si>
  <si>
    <t>33807190.0</t>
  </si>
  <si>
    <t>19432329.0</t>
  </si>
  <si>
    <t>14376912.0</t>
  </si>
  <si>
    <t>440411.0</t>
  </si>
  <si>
    <t>99.61</t>
  </si>
  <si>
    <t>169392.0</t>
  </si>
  <si>
    <t>25841166.0</t>
  </si>
  <si>
    <t>154582.0</t>
  </si>
  <si>
    <t>769.681</t>
  </si>
  <si>
    <t>34185447.0</t>
  </si>
  <si>
    <t>19593502.0</t>
  </si>
  <si>
    <t>14595387.0</t>
  </si>
  <si>
    <t>378257.0</t>
  </si>
  <si>
    <t>443767.0</t>
  </si>
  <si>
    <t>167622.0</t>
  </si>
  <si>
    <t>25975970.0</t>
  </si>
  <si>
    <t>134804.0</t>
  </si>
  <si>
    <t>773.696</t>
  </si>
  <si>
    <t>153008.0</t>
  </si>
  <si>
    <t>34559859.0</t>
  </si>
  <si>
    <t>19764129.0</t>
  </si>
  <si>
    <t>14806156.0</t>
  </si>
  <si>
    <t>374412.0</t>
  </si>
  <si>
    <t>425539.0</t>
  </si>
  <si>
    <t>166892.0</t>
  </si>
  <si>
    <t>15184.0</t>
  </si>
  <si>
    <t>26084662.0</t>
  </si>
  <si>
    <t>108692.0</t>
  </si>
  <si>
    <t>776.933</t>
  </si>
  <si>
    <t>150550.0</t>
  </si>
  <si>
    <t>34893153.0</t>
  </si>
  <si>
    <t>19926924.0</t>
  </si>
  <si>
    <t>14984400.0</t>
  </si>
  <si>
    <t>333294.0</t>
  </si>
  <si>
    <t>406560.0</t>
  </si>
  <si>
    <t>168538.0</t>
  </si>
  <si>
    <t>26241069.0</t>
  </si>
  <si>
    <t>781.592</t>
  </si>
  <si>
    <t>35285822.0</t>
  </si>
  <si>
    <t>20127673.0</t>
  </si>
  <si>
    <t>15180582.0</t>
  </si>
  <si>
    <t>392669.0</t>
  </si>
  <si>
    <t>402704.0</t>
  </si>
  <si>
    <t>173957.0</t>
  </si>
  <si>
    <t>26363767.0</t>
  </si>
  <si>
    <t>122698.0</t>
  </si>
  <si>
    <t>785.246</t>
  </si>
  <si>
    <t>142939.0</t>
  </si>
  <si>
    <t>35573802.0</t>
  </si>
  <si>
    <t>20259726.0</t>
  </si>
  <si>
    <t>15339074.0</t>
  </si>
  <si>
    <t>287980.0</t>
  </si>
  <si>
    <t>379927.0</t>
  </si>
  <si>
    <t>168463.0</t>
  </si>
  <si>
    <t>10607.8</t>
  </si>
  <si>
    <t>312.562098137392</t>
  </si>
  <si>
    <t>26528993.0</t>
  </si>
  <si>
    <t>165226.0</t>
  </si>
  <si>
    <t>790.168</t>
  </si>
  <si>
    <t>142498.0</t>
  </si>
  <si>
    <t>36005492.0</t>
  </si>
  <si>
    <t>20464590.0</t>
  </si>
  <si>
    <t>15568646.0</t>
  </si>
  <si>
    <t>431690.0</t>
  </si>
  <si>
    <t>376959.0</t>
  </si>
  <si>
    <t>106.09</t>
  </si>
  <si>
    <t>172464.0</t>
  </si>
  <si>
    <t>26689260.0</t>
  </si>
  <si>
    <t>160267.0</t>
  </si>
  <si>
    <t>794.941</t>
  </si>
  <si>
    <t>36410829.0</t>
  </si>
  <si>
    <t>20665659.0</t>
  </si>
  <si>
    <t>15776591.0</t>
  </si>
  <si>
    <t>405337.0</t>
  </si>
  <si>
    <t>371948.0</t>
  </si>
  <si>
    <t>107.29</t>
  </si>
  <si>
    <t>176190.0</t>
  </si>
  <si>
    <t>14133.0</t>
  </si>
  <si>
    <t>26836770.0</t>
  </si>
  <si>
    <t>799.335</t>
  </si>
  <si>
    <t>142229.0</t>
  </si>
  <si>
    <t>36770704.0</t>
  </si>
  <si>
    <t>20828871.0</t>
  </si>
  <si>
    <t>15979139.0</t>
  </si>
  <si>
    <t>359875.0</t>
  </si>
  <si>
    <t>369322.0</t>
  </si>
  <si>
    <t>108.35</t>
  </si>
  <si>
    <t>176481.0</t>
  </si>
  <si>
    <t>26969818.0</t>
  </si>
  <si>
    <t>133048.0</t>
  </si>
  <si>
    <t>803.298</t>
  </si>
  <si>
    <t>141978.0</t>
  </si>
  <si>
    <t>37107449.0</t>
  </si>
  <si>
    <t>20984696.0</t>
  </si>
  <si>
    <t>16167583.0</t>
  </si>
  <si>
    <t>336745.0</t>
  </si>
  <si>
    <t>174367.0</t>
  </si>
  <si>
    <t>13709.0</t>
  </si>
  <si>
    <t>27080315.0</t>
  </si>
  <si>
    <t>110497.0</t>
  </si>
  <si>
    <t>806.589</t>
  </si>
  <si>
    <t>142236.0</t>
  </si>
  <si>
    <t>37424693.0</t>
  </si>
  <si>
    <t>21137759.0</t>
  </si>
  <si>
    <t>16338856.0</t>
  </si>
  <si>
    <t>317244.0</t>
  </si>
  <si>
    <t>361649.0</t>
  </si>
  <si>
    <t>172976.0</t>
  </si>
  <si>
    <t>27242634.0</t>
  </si>
  <si>
    <t>162319.0</t>
  </si>
  <si>
    <t>811.424</t>
  </si>
  <si>
    <t>143081.0</t>
  </si>
  <si>
    <t>37768592.0</t>
  </si>
  <si>
    <t>21284276.0</t>
  </si>
  <si>
    <t>16539231.0</t>
  </si>
  <si>
    <t>343899.0</t>
  </si>
  <si>
    <t>354681.0</t>
  </si>
  <si>
    <t>165229.0</t>
  </si>
  <si>
    <t>27407186.0</t>
  </si>
  <si>
    <t>164552.0</t>
  </si>
  <si>
    <t>816.325</t>
  </si>
  <si>
    <t>149060.0</t>
  </si>
  <si>
    <t>38121047.0</t>
  </si>
  <si>
    <t>21431522.0</t>
  </si>
  <si>
    <t>16746951.0</t>
  </si>
  <si>
    <t>352455.0</t>
  </si>
  <si>
    <t>112.32</t>
  </si>
  <si>
    <t>167399.0</t>
  </si>
  <si>
    <t>27563935.0</t>
  </si>
  <si>
    <t>156749.0</t>
  </si>
  <si>
    <t>820.994</t>
  </si>
  <si>
    <t>147849.0</t>
  </si>
  <si>
    <t>38473628.0</t>
  </si>
  <si>
    <t>21572895.0</t>
  </si>
  <si>
    <t>16960383.0</t>
  </si>
  <si>
    <t>352581.0</t>
  </si>
  <si>
    <t>352591.0</t>
  </si>
  <si>
    <t>113.36</t>
  </si>
  <si>
    <t>158329.0</t>
  </si>
  <si>
    <t>27707856.0</t>
  </si>
  <si>
    <t>143921.0</t>
  </si>
  <si>
    <t>825.28</t>
  </si>
  <si>
    <t>145514.0</t>
  </si>
  <si>
    <t>38827500.0</t>
  </si>
  <si>
    <t>21722650.0</t>
  </si>
  <si>
    <t>17168605.0</t>
  </si>
  <si>
    <t>353872.0</t>
  </si>
  <si>
    <t>345239.0</t>
  </si>
  <si>
    <t>150999.0</t>
  </si>
  <si>
    <t>27840077.0</t>
  </si>
  <si>
    <t>132221.0</t>
  </si>
  <si>
    <t>829.218</t>
  </si>
  <si>
    <t>143330.0</t>
  </si>
  <si>
    <t>39145746.0</t>
  </si>
  <si>
    <t>21849029.0</t>
  </si>
  <si>
    <t>17366820.0</t>
  </si>
  <si>
    <t>318246.0</t>
  </si>
  <si>
    <t>339292.0</t>
  </si>
  <si>
    <t>145737.0</t>
  </si>
  <si>
    <t>27964725.0</t>
  </si>
  <si>
    <t>124648.0</t>
  </si>
  <si>
    <t>832.931</t>
  </si>
  <si>
    <t>142130.0</t>
  </si>
  <si>
    <t>39432516.0</t>
  </si>
  <si>
    <t>21953293.0</t>
  </si>
  <si>
    <t>17556868.0</t>
  </si>
  <si>
    <t>286770.0</t>
  </si>
  <si>
    <t>36.449</t>
  </si>
  <si>
    <t>28064385.0</t>
  </si>
  <si>
    <t>99660.0</t>
  </si>
  <si>
    <t>835.9</t>
  </si>
  <si>
    <t>39684219.0</t>
  </si>
  <si>
    <t>22043830.0</t>
  </si>
  <si>
    <t>17723937.0</t>
  </si>
  <si>
    <t>322789.0</t>
  </si>
  <si>
    <t>129439.0</t>
  </si>
  <si>
    <t>28199647.0</t>
  </si>
  <si>
    <t>135262.0</t>
  </si>
  <si>
    <t>839.928</t>
  </si>
  <si>
    <t>136716.0</t>
  </si>
  <si>
    <t>39936413.0</t>
  </si>
  <si>
    <t>22126581.0</t>
  </si>
  <si>
    <t>17897483.0</t>
  </si>
  <si>
    <t>252194.0</t>
  </si>
  <si>
    <t>309689.0</t>
  </si>
  <si>
    <t>120329.0</t>
  </si>
  <si>
    <t>28347738.0</t>
  </si>
  <si>
    <t>148091.0</t>
  </si>
  <si>
    <t>844.339</t>
  </si>
  <si>
    <t>134365.0</t>
  </si>
  <si>
    <t>40204793.0</t>
  </si>
  <si>
    <t>22210719.0</t>
  </si>
  <si>
    <t>18087419.0</t>
  </si>
  <si>
    <t>268380.0</t>
  </si>
  <si>
    <t>297678.0</t>
  </si>
  <si>
    <t>111314.0</t>
  </si>
  <si>
    <t>28490139.0</t>
  </si>
  <si>
    <t>142401.0</t>
  </si>
  <si>
    <t>848.581</t>
  </si>
  <si>
    <t>132315.0</t>
  </si>
  <si>
    <t>40479187.0</t>
  </si>
  <si>
    <t>22289179.0</t>
  </si>
  <si>
    <t>18287061.0</t>
  </si>
  <si>
    <t>274394.0</t>
  </si>
  <si>
    <t>286508.0</t>
  </si>
  <si>
    <t>102326.0</t>
  </si>
  <si>
    <t>28586499.0</t>
  </si>
  <si>
    <t>851.451</t>
  </si>
  <si>
    <t>125520.0</t>
  </si>
  <si>
    <t>40700283.0</t>
  </si>
  <si>
    <t>22358715.0</t>
  </si>
  <si>
    <t>18441720.0</t>
  </si>
  <si>
    <t>267540.0</t>
  </si>
  <si>
    <t>90866.0</t>
  </si>
  <si>
    <t>28693643.0</t>
  </si>
  <si>
    <t>107144.0</t>
  </si>
  <si>
    <t>854.642</t>
  </si>
  <si>
    <t>121938.0</t>
  </si>
  <si>
    <t>40964066.0</t>
  </si>
  <si>
    <t>22443467.0</t>
  </si>
  <si>
    <t>18624242.0</t>
  </si>
  <si>
    <t>263783.0</t>
  </si>
  <si>
    <t>259760.0</t>
  </si>
  <si>
    <t>84920.0</t>
  </si>
  <si>
    <t>28798460.0</t>
  </si>
  <si>
    <t>104817.0</t>
  </si>
  <si>
    <t>857.764</t>
  </si>
  <si>
    <t>119105.0</t>
  </si>
  <si>
    <t>41219594.0</t>
  </si>
  <si>
    <t>22527146.0</t>
  </si>
  <si>
    <t>18800652.0</t>
  </si>
  <si>
    <t>28907774.0</t>
  </si>
  <si>
    <t>109314.0</t>
  </si>
  <si>
    <t>861.02</t>
  </si>
  <si>
    <t>120484.0</t>
  </si>
  <si>
    <t>41458811.0</t>
  </si>
  <si>
    <t>22596928.0</t>
  </si>
  <si>
    <t>18973204.0</t>
  </si>
  <si>
    <t>239217.0</t>
  </si>
  <si>
    <t>253513.0</t>
  </si>
  <si>
    <t>79014.0</t>
  </si>
  <si>
    <t>29073271.0</t>
  </si>
  <si>
    <t>165497.0</t>
  </si>
  <si>
    <t>865.949</t>
  </si>
  <si>
    <t>124803.0</t>
  </si>
  <si>
    <t>41771774.0</t>
  </si>
  <si>
    <t>22701073.0</t>
  </si>
  <si>
    <t>19184612.0</t>
  </si>
  <si>
    <t>312963.0</t>
  </si>
  <si>
    <t>262194.0</t>
  </si>
  <si>
    <t>323.382</t>
  </si>
  <si>
    <t>29236935.0</t>
  </si>
  <si>
    <t>163664.0</t>
  </si>
  <si>
    <t>870.824</t>
  </si>
  <si>
    <t>127028.0</t>
  </si>
  <si>
    <t>42047983.0</t>
  </si>
  <si>
    <t>22832464.0</t>
  </si>
  <si>
    <t>19333173.0</t>
  </si>
  <si>
    <t>276209.0</t>
  </si>
  <si>
    <t>263313.0</t>
  </si>
  <si>
    <t>88821.0</t>
  </si>
  <si>
    <t>268.753</t>
  </si>
  <si>
    <t>29413247.0</t>
  </si>
  <si>
    <t>176312.0</t>
  </si>
  <si>
    <t>876.075</t>
  </si>
  <si>
    <t>131873.0</t>
  </si>
  <si>
    <t>42389797.0</t>
  </si>
  <si>
    <t>22964511.0</t>
  </si>
  <si>
    <t>19548073.0</t>
  </si>
  <si>
    <t>341814.0</t>
  </si>
  <si>
    <t>272944.0</t>
  </si>
  <si>
    <t>96476.0</t>
  </si>
  <si>
    <t>29556744.0</t>
  </si>
  <si>
    <t>143497.0</t>
  </si>
  <si>
    <t>880.35</t>
  </si>
  <si>
    <t>138606.0</t>
  </si>
  <si>
    <t>42738285.0</t>
  </si>
  <si>
    <t>23106024.0</t>
  </si>
  <si>
    <t>19757223.0</t>
  </si>
  <si>
    <t>348488.0</t>
  </si>
  <si>
    <t>291143.0</t>
  </si>
  <si>
    <t>106758.0</t>
  </si>
  <si>
    <t>29698604.0</t>
  </si>
  <si>
    <t>884.575</t>
  </si>
  <si>
    <t>143566.0</t>
  </si>
  <si>
    <t>43030922.0</t>
  </si>
  <si>
    <t>23230872.0</t>
  </si>
  <si>
    <t>19926237.0</t>
  </si>
  <si>
    <t>292637.0</t>
  </si>
  <si>
    <t>295265.0</t>
  </si>
  <si>
    <t>29811723.0</t>
  </si>
  <si>
    <t>113119.0</t>
  </si>
  <si>
    <t>887.944</t>
  </si>
  <si>
    <t>144752.0</t>
  </si>
  <si>
    <t>4.311</t>
  </si>
  <si>
    <t>43309617.0</t>
  </si>
  <si>
    <t>23353435.0</t>
  </si>
  <si>
    <t>20084713.0</t>
  </si>
  <si>
    <t>278695.0</t>
  </si>
  <si>
    <t>298575.0</t>
  </si>
  <si>
    <t>118041.0</t>
  </si>
  <si>
    <t>29.554</t>
  </si>
  <si>
    <t>29906534.0</t>
  </si>
  <si>
    <t>890.768</t>
  </si>
  <si>
    <t>142680.0</t>
  </si>
  <si>
    <t>43593498.0</t>
  </si>
  <si>
    <t>23476456.0</t>
  </si>
  <si>
    <t>20247407.0</t>
  </si>
  <si>
    <t>283881.0</t>
  </si>
  <si>
    <t>304955.0</t>
  </si>
  <si>
    <t>125647.0</t>
  </si>
  <si>
    <t>30064256.0</t>
  </si>
  <si>
    <t>157722.0</t>
  </si>
  <si>
    <t>895.466</t>
  </si>
  <si>
    <t>141569.0</t>
  </si>
  <si>
    <t>43931951.0</t>
  </si>
  <si>
    <t>23653757.0</t>
  </si>
  <si>
    <t>20409623.0</t>
  </si>
  <si>
    <t>338453.0</t>
  </si>
  <si>
    <t>308597.0</t>
  </si>
  <si>
    <t>136098.0</t>
  </si>
  <si>
    <t>30216451.0</t>
  </si>
  <si>
    <t>899.999</t>
  </si>
  <si>
    <t>44276726.0</t>
  </si>
  <si>
    <t>23830350.0</t>
  </si>
  <si>
    <t>20580396.0</t>
  </si>
  <si>
    <t>344775.0</t>
  </si>
  <si>
    <t>318392.0</t>
  </si>
  <si>
    <t>142555.0</t>
  </si>
  <si>
    <t>30362107.0</t>
  </si>
  <si>
    <t>145656.0</t>
  </si>
  <si>
    <t>904.337</t>
  </si>
  <si>
    <t>135551.0</t>
  </si>
  <si>
    <t>44632938.0</t>
  </si>
  <si>
    <t>24029066.0</t>
  </si>
  <si>
    <t>20739276.0</t>
  </si>
  <si>
    <t>356212.0</t>
  </si>
  <si>
    <t>320449.0</t>
  </si>
  <si>
    <t>152079.0</t>
  </si>
  <si>
    <t>30501862.0</t>
  </si>
  <si>
    <t>139755.0</t>
  </si>
  <si>
    <t>908.5</t>
  </si>
  <si>
    <t>135017.0</t>
  </si>
  <si>
    <t>44977092.0</t>
  </si>
  <si>
    <t>24204537.0</t>
  </si>
  <si>
    <t>20911802.0</t>
  </si>
  <si>
    <t>344154.0</t>
  </si>
  <si>
    <t>319830.0</t>
  </si>
  <si>
    <t>156930.0</t>
  </si>
  <si>
    <t>18246.6</t>
  </si>
  <si>
    <t>537.641695721425</t>
  </si>
  <si>
    <t>30640069.0</t>
  </si>
  <si>
    <t>138207.0</t>
  </si>
  <si>
    <t>912.616</t>
  </si>
  <si>
    <t>134495.0</t>
  </si>
  <si>
    <t>45226547.0</t>
  </si>
  <si>
    <t>24311995.0</t>
  </si>
  <si>
    <t>21055386.0</t>
  </si>
  <si>
    <t>249455.0</t>
  </si>
  <si>
    <t>313661.0</t>
  </si>
  <si>
    <t>154446.0</t>
  </si>
  <si>
    <t>26.018</t>
  </si>
  <si>
    <t>30742265.0</t>
  </si>
  <si>
    <t>102196.0</t>
  </si>
  <si>
    <t>915.66</t>
  </si>
  <si>
    <t>132935.0</t>
  </si>
  <si>
    <t>45450801.0</t>
  </si>
  <si>
    <t>24406654.0</t>
  </si>
  <si>
    <t>21186749.0</t>
  </si>
  <si>
    <t>305883.0</t>
  </si>
  <si>
    <t>30839736.0</t>
  </si>
  <si>
    <t>97471.0</t>
  </si>
  <si>
    <t>918.564</t>
  </si>
  <si>
    <t>133315.0</t>
  </si>
  <si>
    <t>45669418.0</t>
  </si>
  <si>
    <t>24506996.0</t>
  </si>
  <si>
    <t>21305790.0</t>
  </si>
  <si>
    <t>218617.0</t>
  </si>
  <si>
    <t>296560.0</t>
  </si>
  <si>
    <t>147220.0</t>
  </si>
  <si>
    <t>25.429</t>
  </si>
  <si>
    <t>31016116.0</t>
  </si>
  <si>
    <t>176380.0</t>
  </si>
  <si>
    <t>923.817</t>
  </si>
  <si>
    <t>135980.0</t>
  </si>
  <si>
    <t>45906537.0</t>
  </si>
  <si>
    <t>24638719.0</t>
  </si>
  <si>
    <t>21412600.0</t>
  </si>
  <si>
    <t>237119.0</t>
  </si>
  <si>
    <t>140709.0</t>
  </si>
  <si>
    <t>31173889.0</t>
  </si>
  <si>
    <t>157773.0</t>
  </si>
  <si>
    <t>928.516</t>
  </si>
  <si>
    <t>136777.0</t>
  </si>
  <si>
    <t>46141739.0</t>
  </si>
  <si>
    <t>24767004.0</t>
  </si>
  <si>
    <t>21521591.0</t>
  </si>
  <si>
    <t>235202.0</t>
  </si>
  <si>
    <t>266430.0</t>
  </si>
  <si>
    <t>133808.0</t>
  </si>
  <si>
    <t>31324128.0</t>
  </si>
  <si>
    <t>150239.0</t>
  </si>
  <si>
    <t>932.991</t>
  </si>
  <si>
    <t>137432.0</t>
  </si>
  <si>
    <t>46361679.0</t>
  </si>
  <si>
    <t>24885244.0</t>
  </si>
  <si>
    <t>21625757.0</t>
  </si>
  <si>
    <t>219940.0</t>
  </si>
  <si>
    <t>122311.0</t>
  </si>
  <si>
    <t>31459641.0</t>
  </si>
  <si>
    <t>135513.0</t>
  </si>
  <si>
    <t>937.027</t>
  </si>
  <si>
    <t>136826.0</t>
  </si>
  <si>
    <t>46567222.0</t>
  </si>
  <si>
    <t>24997537.0</t>
  </si>
  <si>
    <t>21721041.0</t>
  </si>
  <si>
    <t>205543.0</t>
  </si>
  <si>
    <t>227161.0</t>
  </si>
  <si>
    <t>113286.0</t>
  </si>
  <si>
    <t>31582787.0</t>
  </si>
  <si>
    <t>123146.0</t>
  </si>
  <si>
    <t>940.695</t>
  </si>
  <si>
    <t>134674.0</t>
  </si>
  <si>
    <t>46752170.0</t>
  </si>
  <si>
    <t>25075341.0</t>
  </si>
  <si>
    <t>21829345.0</t>
  </si>
  <si>
    <t>217946.0</t>
  </si>
  <si>
    <t>31678796.0</t>
  </si>
  <si>
    <t>943.555</t>
  </si>
  <si>
    <t>133790.0</t>
  </si>
  <si>
    <t>46904227.0</t>
  </si>
  <si>
    <t>25117941.0</t>
  </si>
  <si>
    <t>21940246.0</t>
  </si>
  <si>
    <t>152057.0</t>
  </si>
  <si>
    <t>207632.0</t>
  </si>
  <si>
    <t>101612.0</t>
  </si>
  <si>
    <t>31771217.0</t>
  </si>
  <si>
    <t>92421.0</t>
  </si>
  <si>
    <t>946.308</t>
  </si>
  <si>
    <t>133069.0</t>
  </si>
  <si>
    <t>47041735.0</t>
  </si>
  <si>
    <t>25151909.0</t>
  </si>
  <si>
    <t>22044618.0</t>
  </si>
  <si>
    <t>196045.0</t>
  </si>
  <si>
    <t>92130.0</t>
  </si>
  <si>
    <t>31932448.0</t>
  </si>
  <si>
    <t>161231.0</t>
  </si>
  <si>
    <t>951.11</t>
  </si>
  <si>
    <t>130905.0</t>
  </si>
  <si>
    <t>47238484.0</t>
  </si>
  <si>
    <t>25207999.0</t>
  </si>
  <si>
    <t>22187097.0</t>
  </si>
  <si>
    <t>196749.0</t>
  </si>
  <si>
    <t>190278.0</t>
  </si>
  <si>
    <t>81326.0</t>
  </si>
  <si>
    <t>32080794.0</t>
  </si>
  <si>
    <t>148346.0</t>
  </si>
  <si>
    <t>955.529</t>
  </si>
  <si>
    <t>129558.0</t>
  </si>
  <si>
    <t>47456319.0</t>
  </si>
  <si>
    <t>25267248.0</t>
  </si>
  <si>
    <t>22347300.0</t>
  </si>
  <si>
    <t>217835.0</t>
  </si>
  <si>
    <t>187797.0</t>
  </si>
  <si>
    <t>21.274</t>
  </si>
  <si>
    <t>32216609.0</t>
  </si>
  <si>
    <t>135815.0</t>
  </si>
  <si>
    <t>959.574</t>
  </si>
  <si>
    <t>127497.0</t>
  </si>
  <si>
    <t>47674496.0</t>
  </si>
  <si>
    <t>25322057.0</t>
  </si>
  <si>
    <t>22509966.0</t>
  </si>
  <si>
    <t>187545.0</t>
  </si>
  <si>
    <t>20.685</t>
  </si>
  <si>
    <t>32348949.0</t>
  </si>
  <si>
    <t>963.516</t>
  </si>
  <si>
    <t>127044.0</t>
  </si>
  <si>
    <t>47891593.0</t>
  </si>
  <si>
    <t>25366546.0</t>
  </si>
  <si>
    <t>22681362.0</t>
  </si>
  <si>
    <t>217097.0</t>
  </si>
  <si>
    <t>189196.0</t>
  </si>
  <si>
    <t>52716.0</t>
  </si>
  <si>
    <t>32486758.0</t>
  </si>
  <si>
    <t>137809.0</t>
  </si>
  <si>
    <t>967.62</t>
  </si>
  <si>
    <t>129139.0</t>
  </si>
  <si>
    <t>48077769.0</t>
  </si>
  <si>
    <t>25405729.0</t>
  </si>
  <si>
    <t>22819844.0</t>
  </si>
  <si>
    <t>17466.0</t>
  </si>
  <si>
    <t>186176.0</t>
  </si>
  <si>
    <t>189371.0</t>
  </si>
  <si>
    <t>141.66</t>
  </si>
  <si>
    <t>47198.0</t>
  </si>
  <si>
    <t>20.449</t>
  </si>
  <si>
    <t>32592286.0</t>
  </si>
  <si>
    <t>105528.0</t>
  </si>
  <si>
    <t>970.763</t>
  </si>
  <si>
    <t>48216130.0</t>
  </si>
  <si>
    <t>25422898.0</t>
  </si>
  <si>
    <t>22938122.0</t>
  </si>
  <si>
    <t>187415.0</t>
  </si>
  <si>
    <t>169.72</t>
  </si>
  <si>
    <t>32680968.0</t>
  </si>
  <si>
    <t>973.405</t>
  </si>
  <si>
    <t>129964.0</t>
  </si>
  <si>
    <t>48358924.0</t>
  </si>
  <si>
    <t>25441200.0</t>
  </si>
  <si>
    <t>23061137.0</t>
  </si>
  <si>
    <t>188170.0</t>
  </si>
  <si>
    <t>41327.0</t>
  </si>
  <si>
    <t>32836742.0</t>
  </si>
  <si>
    <t>155774.0</t>
  </si>
  <si>
    <t>978.044</t>
  </si>
  <si>
    <t>48576256.0</t>
  </si>
  <si>
    <t>25475571.0</t>
  </si>
  <si>
    <t>23236126.0</t>
  </si>
  <si>
    <t>217332.0</t>
  </si>
  <si>
    <t>191110.0</t>
  </si>
  <si>
    <t>38225.0</t>
  </si>
  <si>
    <t>32938928.0</t>
  </si>
  <si>
    <t>102186.0</t>
  </si>
  <si>
    <t>981.088</t>
  </si>
  <si>
    <t>122591.0</t>
  </si>
  <si>
    <t>48716427.0</t>
  </si>
  <si>
    <t>25491772.0</t>
  </si>
  <si>
    <t>23359673.0</t>
  </si>
  <si>
    <t>140171.0</t>
  </si>
  <si>
    <t>180015.0</t>
  </si>
  <si>
    <t>143.54</t>
  </si>
  <si>
    <t>33086570.0</t>
  </si>
  <si>
    <t>985.486</t>
  </si>
  <si>
    <t>124280.0</t>
  </si>
  <si>
    <t>48985795.0</t>
  </si>
  <si>
    <t>25524191.0</t>
  </si>
  <si>
    <t>23580585.0</t>
  </si>
  <si>
    <t>51803.0</t>
  </si>
  <si>
    <t>269368.0</t>
  </si>
  <si>
    <t>33223302.0</t>
  </si>
  <si>
    <t>136732.0</t>
  </si>
  <si>
    <t>989.558</t>
  </si>
  <si>
    <t>124908.0</t>
  </si>
  <si>
    <t>49233706.0</t>
  </si>
  <si>
    <t>25558534.0</t>
  </si>
  <si>
    <t>23775220.0</t>
  </si>
  <si>
    <t>247911.0</t>
  </si>
  <si>
    <t>191730.0</t>
  </si>
  <si>
    <t>145.07</t>
  </si>
  <si>
    <t>27427.0</t>
  </si>
  <si>
    <t>33347142.0</t>
  </si>
  <si>
    <t>123840.0</t>
  </si>
  <si>
    <t>993.247</t>
  </si>
  <si>
    <t>122912.0</t>
  </si>
  <si>
    <t>49400889.0</t>
  </si>
  <si>
    <t>25588692.0</t>
  </si>
  <si>
    <t>23895399.0</t>
  </si>
  <si>
    <t>167183.0</t>
  </si>
  <si>
    <t>26138.0</t>
  </si>
  <si>
    <t>33443140.0</t>
  </si>
  <si>
    <t>95998.0</t>
  </si>
  <si>
    <t>996.106</t>
  </si>
  <si>
    <t>121551.0</t>
  </si>
  <si>
    <t>49522162.0</t>
  </si>
  <si>
    <t>25601274.0</t>
  </si>
  <si>
    <t>23996282.0</t>
  </si>
  <si>
    <t>99679.0</t>
  </si>
  <si>
    <t>121273.0</t>
  </si>
  <si>
    <t>186576.0</t>
  </si>
  <si>
    <t>145.92</t>
  </si>
  <si>
    <t>33533438.0</t>
  </si>
  <si>
    <t>90298.0</t>
  </si>
  <si>
    <t>998.796</t>
  </si>
  <si>
    <t>121781.0</t>
  </si>
  <si>
    <t>49654504.0</t>
  </si>
  <si>
    <t>25613640.0</t>
  </si>
  <si>
    <t>24108529.0</t>
  </si>
  <si>
    <t>132342.0</t>
  </si>
  <si>
    <t>185083.0</t>
  </si>
  <si>
    <t>33691535.0</t>
  </si>
  <si>
    <t>158097.0</t>
  </si>
  <si>
    <t>1003.505</t>
  </si>
  <si>
    <t>122113.0</t>
  </si>
  <si>
    <t>49847838.0</t>
  </si>
  <si>
    <t>25639052.0</t>
  </si>
  <si>
    <t>24255438.0</t>
  </si>
  <si>
    <t>130660.0</t>
  </si>
  <si>
    <t>193334.0</t>
  </si>
  <si>
    <t>181655.0</t>
  </si>
  <si>
    <t>23354.0</t>
  </si>
  <si>
    <t>33827916.0</t>
  </si>
  <si>
    <t>136381.0</t>
  </si>
  <si>
    <t>1007.567</t>
  </si>
  <si>
    <t>126998.0</t>
  </si>
  <si>
    <t>50037826.0</t>
  </si>
  <si>
    <t>25665379.0</t>
  </si>
  <si>
    <t>24397429.0</t>
  </si>
  <si>
    <t>153462.0</t>
  </si>
  <si>
    <t>189988.0</t>
  </si>
  <si>
    <t>188771.0</t>
  </si>
  <si>
    <t>24801.0</t>
  </si>
  <si>
    <t>33962277.0</t>
  </si>
  <si>
    <t>134361.0</t>
  </si>
  <si>
    <t>1011.569</t>
  </si>
  <si>
    <t>125101.0</t>
  </si>
  <si>
    <t>50214502.0</t>
  </si>
  <si>
    <t>25686424.0</t>
  </si>
  <si>
    <t>24526067.0</t>
  </si>
  <si>
    <t>181778.0</t>
  </si>
  <si>
    <t>176676.0</t>
  </si>
  <si>
    <t>175530.0</t>
  </si>
  <si>
    <t>34082375.0</t>
  </si>
  <si>
    <t>120098.0</t>
  </si>
  <si>
    <t>1015.146</t>
  </si>
  <si>
    <t>122725.0</t>
  </si>
  <si>
    <t>50409077.0</t>
  </si>
  <si>
    <t>25707608.0</t>
  </si>
  <si>
    <t>24647034.0</t>
  </si>
  <si>
    <t>194575.0</t>
  </si>
  <si>
    <t>167910.0</t>
  </si>
  <si>
    <t>141.846</t>
  </si>
  <si>
    <t>34193965.0</t>
  </si>
  <si>
    <t>111590.0</t>
  </si>
  <si>
    <t>1018.469</t>
  </si>
  <si>
    <t>120975.0</t>
  </si>
  <si>
    <t>50555363.0</t>
  </si>
  <si>
    <t>25723928.0</t>
  </si>
  <si>
    <t>24731626.0</t>
  </si>
  <si>
    <t>281603.0</t>
  </si>
  <si>
    <t>146286.0</t>
  </si>
  <si>
    <t>164925.0</t>
  </si>
  <si>
    <t>34289494.0</t>
  </si>
  <si>
    <t>95529.0</t>
  </si>
  <si>
    <t>1021.315</t>
  </si>
  <si>
    <t>120908.0</t>
  </si>
  <si>
    <t>50635803.0</t>
  </si>
  <si>
    <t>25731684.0</t>
  </si>
  <si>
    <t>24783609.0</t>
  </si>
  <si>
    <t>302859.0</t>
  </si>
  <si>
    <t>80440.0</t>
  </si>
  <si>
    <t>34383623.0</t>
  </si>
  <si>
    <t>94129.0</t>
  </si>
  <si>
    <t>1024.118</t>
  </si>
  <si>
    <t>50703526.0</t>
  </si>
  <si>
    <t>25738646.0</t>
  </si>
  <si>
    <t>24827708.0</t>
  </si>
  <si>
    <t>319927.0</t>
  </si>
  <si>
    <t>67723.0</t>
  </si>
  <si>
    <t>149860.0</t>
  </si>
  <si>
    <t>22483.4</t>
  </si>
  <si>
    <t>662.480314227477</t>
  </si>
  <si>
    <t>34549815.0</t>
  </si>
  <si>
    <t>166192.0</t>
  </si>
  <si>
    <t>1029.068</t>
  </si>
  <si>
    <t>122611.0</t>
  </si>
  <si>
    <t>50816665.0</t>
  </si>
  <si>
    <t>25748924.0</t>
  </si>
  <si>
    <t>24886175.0</t>
  </si>
  <si>
    <t>364868.0</t>
  </si>
  <si>
    <t>113139.0</t>
  </si>
  <si>
    <t>138404.0</t>
  </si>
  <si>
    <t>34679900.0</t>
  </si>
  <si>
    <t>1032.943</t>
  </si>
  <si>
    <t>50943730.0</t>
  </si>
  <si>
    <t>25759389.0</t>
  </si>
  <si>
    <t>24945375.0</t>
  </si>
  <si>
    <t>423053.0</t>
  </si>
  <si>
    <t>129415.0</t>
  </si>
  <si>
    <t>150.11</t>
  </si>
  <si>
    <t>34802881.0</t>
  </si>
  <si>
    <t>122981.0</t>
  </si>
  <si>
    <t>1036.606</t>
  </si>
  <si>
    <t>120086.0</t>
  </si>
  <si>
    <t>51063543.0</t>
  </si>
  <si>
    <t>25768539.0</t>
  </si>
  <si>
    <t>24990592.0</t>
  </si>
  <si>
    <t>488974.0</t>
  </si>
  <si>
    <t>121292.0</t>
  </si>
  <si>
    <t>34880705.0</t>
  </si>
  <si>
    <t>77824.0</t>
  </si>
  <si>
    <t>1038.924</t>
  </si>
  <si>
    <t>114047.0</t>
  </si>
  <si>
    <t>51107889.0</t>
  </si>
  <si>
    <t>25771903.0</t>
  </si>
  <si>
    <t>25010296.0</t>
  </si>
  <si>
    <t>510494.0</t>
  </si>
  <si>
    <t>44346.0</t>
  </si>
  <si>
    <t>16.176</t>
  </si>
  <si>
    <t>34972801.0</t>
  </si>
  <si>
    <t>92096.0</t>
  </si>
  <si>
    <t>1041.667</t>
  </si>
  <si>
    <t>111262.0</t>
  </si>
  <si>
    <t>51194459.0</t>
  </si>
  <si>
    <t>25777981.0</t>
  </si>
  <si>
    <t>25042320.0</t>
  </si>
  <si>
    <t>559137.0</t>
  </si>
  <si>
    <t>86570.0</t>
  </si>
  <si>
    <t>35063297.0</t>
  </si>
  <si>
    <t>90496.0</t>
  </si>
  <si>
    <t>1044.363</t>
  </si>
  <si>
    <t>110543.0</t>
  </si>
  <si>
    <t>51239504.0</t>
  </si>
  <si>
    <t>25783231.0</t>
  </si>
  <si>
    <t>25056395.0</t>
  </si>
  <si>
    <t>86243.0</t>
  </si>
  <si>
    <t>35168051.0</t>
  </si>
  <si>
    <t>104754.0</t>
  </si>
  <si>
    <t>1047.483</t>
  </si>
  <si>
    <t>51280905.0</t>
  </si>
  <si>
    <t>25787176.0</t>
  </si>
  <si>
    <t>25071264.0</t>
  </si>
  <si>
    <t>607875.0</t>
  </si>
  <si>
    <t>82483.0</t>
  </si>
  <si>
    <t>35339424.0</t>
  </si>
  <si>
    <t>171373.0</t>
  </si>
  <si>
    <t>1052.587</t>
  </si>
  <si>
    <t>112801.0</t>
  </si>
  <si>
    <t>51394130.0</t>
  </si>
  <si>
    <t>25794177.0</t>
  </si>
  <si>
    <t>25117242.0</t>
  </si>
  <si>
    <t>668429.0</t>
  </si>
  <si>
    <t>113225.0</t>
  </si>
  <si>
    <t>82495.0</t>
  </si>
  <si>
    <t>35511524.0</t>
  </si>
  <si>
    <t>172100.0</t>
  </si>
  <si>
    <t>1057.713</t>
  </si>
  <si>
    <t>118803.0</t>
  </si>
  <si>
    <t>51514057.0</t>
  </si>
  <si>
    <t>25802981.0</t>
  </si>
  <si>
    <t>25149192.0</t>
  </si>
  <si>
    <t>748048.0</t>
  </si>
  <si>
    <t>119927.0</t>
  </si>
  <si>
    <t>35669358.0</t>
  </si>
  <si>
    <t>157834.0</t>
  </si>
  <si>
    <t>1062.414</t>
  </si>
  <si>
    <t>123782.0</t>
  </si>
  <si>
    <t>51650380.0</t>
  </si>
  <si>
    <t>25811643.0</t>
  </si>
  <si>
    <t>25189325.0</t>
  </si>
  <si>
    <t>836005.0</t>
  </si>
  <si>
    <t>136323.0</t>
  </si>
  <si>
    <t>83834.0</t>
  </si>
  <si>
    <t>35803763.0</t>
  </si>
  <si>
    <t>134405.0</t>
  </si>
  <si>
    <t>1066.417</t>
  </si>
  <si>
    <t>131865.0</t>
  </si>
  <si>
    <t>51800007.0</t>
  </si>
  <si>
    <t>25821294.0</t>
  </si>
  <si>
    <t>25234772.0</t>
  </si>
  <si>
    <t>931161.0</t>
  </si>
  <si>
    <t>149627.0</t>
  </si>
  <si>
    <t>98874.0</t>
  </si>
  <si>
    <t>35925515.0</t>
  </si>
  <si>
    <t>121752.0</t>
  </si>
  <si>
    <t>1070.044</t>
  </si>
  <si>
    <t>136102.0</t>
  </si>
  <si>
    <t>51919372.0</t>
  </si>
  <si>
    <t>25829354.0</t>
  </si>
  <si>
    <t>25269905.0</t>
  </si>
  <si>
    <t>1007638.0</t>
  </si>
  <si>
    <t>119365.0</t>
  </si>
  <si>
    <t>103559.0</t>
  </si>
  <si>
    <t>36022659.0</t>
  </si>
  <si>
    <t>1072.937</t>
  </si>
  <si>
    <t>137052.0</t>
  </si>
  <si>
    <t>51979099.0</t>
  </si>
  <si>
    <t>25833473.0</t>
  </si>
  <si>
    <t>25286607.0</t>
  </si>
  <si>
    <t>1046936.0</t>
  </si>
  <si>
    <t>105656.0</t>
  </si>
  <si>
    <t>36123077.0</t>
  </si>
  <si>
    <t>100418.0</t>
  </si>
  <si>
    <t>1075.928</t>
  </si>
  <si>
    <t>136432.0</t>
  </si>
  <si>
    <t>52025926.0</t>
  </si>
  <si>
    <t>25837484.0</t>
  </si>
  <si>
    <t>25298209.0</t>
  </si>
  <si>
    <t>1078570.0</t>
  </si>
  <si>
    <t>46827.0</t>
  </si>
  <si>
    <t>106432.0</t>
  </si>
  <si>
    <t>36300531.0</t>
  </si>
  <si>
    <t>177454.0</t>
  </si>
  <si>
    <t>1081.214</t>
  </si>
  <si>
    <t>52132714.0</t>
  </si>
  <si>
    <t>25844273.0</t>
  </si>
  <si>
    <t>25325984.0</t>
  </si>
  <si>
    <t>1151327.0</t>
  </si>
  <si>
    <t>106788.0</t>
  </si>
  <si>
    <t>153.61</t>
  </si>
  <si>
    <t>36446765.0</t>
  </si>
  <si>
    <t>146234.0</t>
  </si>
  <si>
    <t>1085.569</t>
  </si>
  <si>
    <t>133606.0</t>
  </si>
  <si>
    <t>52258268.0</t>
  </si>
  <si>
    <t>25851730.0</t>
  </si>
  <si>
    <t>25352920.0</t>
  </si>
  <si>
    <t>1242990.0</t>
  </si>
  <si>
    <t>125554.0</t>
  </si>
  <si>
    <t>106316.0</t>
  </si>
  <si>
    <t>153.98</t>
  </si>
  <si>
    <t>36587928.0</t>
  </si>
  <si>
    <t>141163.0</t>
  </si>
  <si>
    <t>1089.774</t>
  </si>
  <si>
    <t>131224.0</t>
  </si>
  <si>
    <t>52381198.0</t>
  </si>
  <si>
    <t>25858472.0</t>
  </si>
  <si>
    <t>25374498.0</t>
  </si>
  <si>
    <t>1337853.0</t>
  </si>
  <si>
    <t>104403.0</t>
  </si>
  <si>
    <t>36711202.0</t>
  </si>
  <si>
    <t>1093.446</t>
  </si>
  <si>
    <t>52509963.0</t>
  </si>
  <si>
    <t>25866247.0</t>
  </si>
  <si>
    <t>25396339.0</t>
  </si>
  <si>
    <t>1437375.0</t>
  </si>
  <si>
    <t>128765.0</t>
  </si>
  <si>
    <t>101422.0</t>
  </si>
  <si>
    <t>154.72</t>
  </si>
  <si>
    <t>36823881.0</t>
  </si>
  <si>
    <t>112679.0</t>
  </si>
  <si>
    <t>1096.802</t>
  </si>
  <si>
    <t>128338.0</t>
  </si>
  <si>
    <t>52619292.0</t>
  </si>
  <si>
    <t>25873631.0</t>
  </si>
  <si>
    <t>25414361.0</t>
  </si>
  <si>
    <t>1521783.0</t>
  </si>
  <si>
    <t>109329.0</t>
  </si>
  <si>
    <t>36915010.0</t>
  </si>
  <si>
    <t>91129.0</t>
  </si>
  <si>
    <t>1099.516</t>
  </si>
  <si>
    <t>52667894.0</t>
  </si>
  <si>
    <t>25877008.0</t>
  </si>
  <si>
    <t>25421135.0</t>
  </si>
  <si>
    <t>48602.0</t>
  </si>
  <si>
    <t>98399.0</t>
  </si>
  <si>
    <t>37006071.0</t>
  </si>
  <si>
    <t>1102.228</t>
  </si>
  <si>
    <t>126142.0</t>
  </si>
  <si>
    <t>52707191.0</t>
  </si>
  <si>
    <t>25879832.0</t>
  </si>
  <si>
    <t>25426441.0</t>
  </si>
  <si>
    <t>1591634.0</t>
  </si>
  <si>
    <t>132.889</t>
  </si>
  <si>
    <t>37169074.0</t>
  </si>
  <si>
    <t>163003.0</t>
  </si>
  <si>
    <t>1107.083</t>
  </si>
  <si>
    <t>124078.0</t>
  </si>
  <si>
    <t>52820446.0</t>
  </si>
  <si>
    <t>25885144.0</t>
  </si>
  <si>
    <t>25438983.0</t>
  </si>
  <si>
    <t>1687064.0</t>
  </si>
  <si>
    <t>37310418.0</t>
  </si>
  <si>
    <t>141344.0</t>
  </si>
  <si>
    <t>1111.293</t>
  </si>
  <si>
    <t>123379.0</t>
  </si>
  <si>
    <t>52960797.0</t>
  </si>
  <si>
    <t>25890722.0</t>
  </si>
  <si>
    <t>25450168.0</t>
  </si>
  <si>
    <t>1810712.0</t>
  </si>
  <si>
    <t>140351.0</t>
  </si>
  <si>
    <t>100361.0</t>
  </si>
  <si>
    <t>130.413</t>
  </si>
  <si>
    <t>37451278.0</t>
  </si>
  <si>
    <t>1115.489</t>
  </si>
  <si>
    <t>53104338.0</t>
  </si>
  <si>
    <t>25896214.0</t>
  </si>
  <si>
    <t>25459306.0</t>
  </si>
  <si>
    <t>1939679.0</t>
  </si>
  <si>
    <t>143541.0</t>
  </si>
  <si>
    <t>103306.0</t>
  </si>
  <si>
    <t>15.204</t>
  </si>
  <si>
    <t>37575353.0</t>
  </si>
  <si>
    <t>124075.0</t>
  </si>
  <si>
    <t>1119.184</t>
  </si>
  <si>
    <t>53248484.0</t>
  </si>
  <si>
    <t>25902373.0</t>
  </si>
  <si>
    <t>25465765.0</t>
  </si>
  <si>
    <t>2071322.0</t>
  </si>
  <si>
    <t>144146.0</t>
  </si>
  <si>
    <t>105503.0</t>
  </si>
  <si>
    <t>15.116</t>
  </si>
  <si>
    <t>37675840.0</t>
  </si>
  <si>
    <t>100487.0</t>
  </si>
  <si>
    <t>1122.177</t>
  </si>
  <si>
    <t>121708.0</t>
  </si>
  <si>
    <t>53365437.0</t>
  </si>
  <si>
    <t>25907521.0</t>
  </si>
  <si>
    <t>25472864.0</t>
  </si>
  <si>
    <t>2176079.0</t>
  </si>
  <si>
    <t>116953.0</t>
  </si>
  <si>
    <t>106592.0</t>
  </si>
  <si>
    <t>37760764.0</t>
  </si>
  <si>
    <t>1124.707</t>
  </si>
  <si>
    <t>120822.0</t>
  </si>
  <si>
    <t>53422419.0</t>
  </si>
  <si>
    <t>25910173.0</t>
  </si>
  <si>
    <t>25478509.0</t>
  </si>
  <si>
    <t>2224788.0</t>
  </si>
  <si>
    <t>107789.0</t>
  </si>
  <si>
    <t>37852703.0</t>
  </si>
  <si>
    <t>91939.0</t>
  </si>
  <si>
    <t>1127.445</t>
  </si>
  <si>
    <t>120947.0</t>
  </si>
  <si>
    <t>53466362.0</t>
  </si>
  <si>
    <t>25912572.0</t>
  </si>
  <si>
    <t>25482341.0</t>
  </si>
  <si>
    <t>2262729.0</t>
  </si>
  <si>
    <t>14.939</t>
  </si>
  <si>
    <t>37999992.0</t>
  </si>
  <si>
    <t>147289.0</t>
  </si>
  <si>
    <t>1131.832</t>
  </si>
  <si>
    <t>118703.0</t>
  </si>
  <si>
    <t>53578981.0</t>
  </si>
  <si>
    <t>25917392.0</t>
  </si>
  <si>
    <t>25489607.0</t>
  </si>
  <si>
    <t>2363409.0</t>
  </si>
  <si>
    <t>112619.0</t>
  </si>
  <si>
    <t>157.87</t>
  </si>
  <si>
    <t>38145857.0</t>
  </si>
  <si>
    <t>145865.0</t>
  </si>
  <si>
    <t>1136.177</t>
  </si>
  <si>
    <t>119348.0</t>
  </si>
  <si>
    <t>53718640.0</t>
  </si>
  <si>
    <t>25922793.0</t>
  </si>
  <si>
    <t>25498825.0</t>
  </si>
  <si>
    <t>2489020.0</t>
  </si>
  <si>
    <t>139659.0</t>
  </si>
  <si>
    <t>108263.0</t>
  </si>
  <si>
    <t>24581.2</t>
  </si>
  <si>
    <t>724.292638128062</t>
  </si>
  <si>
    <t>14.733</t>
  </si>
  <si>
    <t>38279360.0</t>
  </si>
  <si>
    <t>133503.0</t>
  </si>
  <si>
    <t>1140.153</t>
  </si>
  <si>
    <t>118297.0</t>
  </si>
  <si>
    <t>53866021.0</t>
  </si>
  <si>
    <t>25928498.0</t>
  </si>
  <si>
    <t>25507492.0</t>
  </si>
  <si>
    <t>2622868.0</t>
  </si>
  <si>
    <t>147381.0</t>
  </si>
  <si>
    <t>108812.0</t>
  </si>
  <si>
    <t>38396397.0</t>
  </si>
  <si>
    <t>117037.0</t>
  </si>
  <si>
    <t>1143.639</t>
  </si>
  <si>
    <t>117292.0</t>
  </si>
  <si>
    <t>54021346.0</t>
  </si>
  <si>
    <t>25934281.0</t>
  </si>
  <si>
    <t>25516984.0</t>
  </si>
  <si>
    <t>2763164.0</t>
  </si>
  <si>
    <t>38502111.0</t>
  </si>
  <si>
    <t>1146.788</t>
  </si>
  <si>
    <t>118039.0</t>
  </si>
  <si>
    <t>54151286.0</t>
  </si>
  <si>
    <t>25938983.0</t>
  </si>
  <si>
    <t>25524289.0</t>
  </si>
  <si>
    <t>2881281.0</t>
  </si>
  <si>
    <t>129940.0</t>
  </si>
  <si>
    <t>112264.0</t>
  </si>
  <si>
    <t>38592120.0</t>
  </si>
  <si>
    <t>90009.0</t>
  </si>
  <si>
    <t>1149.469</t>
  </si>
  <si>
    <t>54223613.0</t>
  </si>
  <si>
    <t>25942718.0</t>
  </si>
  <si>
    <t>25529147.0</t>
  </si>
  <si>
    <t>2945458.0</t>
  </si>
  <si>
    <t>114456.0</t>
  </si>
  <si>
    <t>38687223.0</t>
  </si>
  <si>
    <t>95103.0</t>
  </si>
  <si>
    <t>1152.301</t>
  </si>
  <si>
    <t>119217.0</t>
  </si>
  <si>
    <t>54281134.0</t>
  </si>
  <si>
    <t>25944900.0</t>
  </si>
  <si>
    <t>25532577.0</t>
  </si>
  <si>
    <t>2997789.0</t>
  </si>
  <si>
    <t>116396.0</t>
  </si>
  <si>
    <t>38847930.0</t>
  </si>
  <si>
    <t>160707.0</t>
  </si>
  <si>
    <t>1157.088</t>
  </si>
  <si>
    <t>121134.0</t>
  </si>
  <si>
    <t>54383990.0</t>
  </si>
  <si>
    <t>25950396.0</t>
  </si>
  <si>
    <t>25539612.0</t>
  </si>
  <si>
    <t>3088677.0</t>
  </si>
  <si>
    <t>102856.0</t>
  </si>
  <si>
    <t>115001.0</t>
  </si>
  <si>
    <t>160.24</t>
  </si>
  <si>
    <t>114.296</t>
  </si>
  <si>
    <t>38998152.0</t>
  </si>
  <si>
    <t>1161.562</t>
  </si>
  <si>
    <t>121756.0</t>
  </si>
  <si>
    <t>54514105.0</t>
  </si>
  <si>
    <t>25955546.0</t>
  </si>
  <si>
    <t>25546926.0</t>
  </si>
  <si>
    <t>3206685.0</t>
  </si>
  <si>
    <t>130115.0</t>
  </si>
  <si>
    <t>113638.0</t>
  </si>
  <si>
    <t>160.63</t>
  </si>
  <si>
    <t>39144530.0</t>
  </si>
  <si>
    <t>146378.0</t>
  </si>
  <si>
    <t>1165.922</t>
  </si>
  <si>
    <t>123596.0</t>
  </si>
  <si>
    <t>54645078.0</t>
  </si>
  <si>
    <t>25960761.0</t>
  </si>
  <si>
    <t>25553895.0</t>
  </si>
  <si>
    <t>3325782.0</t>
  </si>
  <si>
    <t>130973.0</t>
  </si>
  <si>
    <t>111294.0</t>
  </si>
  <si>
    <t>39270173.0</t>
  </si>
  <si>
    <t>125643.0</t>
  </si>
  <si>
    <t>1169.665</t>
  </si>
  <si>
    <t>124825.0</t>
  </si>
  <si>
    <t>54791747.0</t>
  </si>
  <si>
    <t>25966232.0</t>
  </si>
  <si>
    <t>25562310.0</t>
  </si>
  <si>
    <t>3459035.0</t>
  </si>
  <si>
    <t>110057.0</t>
  </si>
  <si>
    <t>39384977.0</t>
  </si>
  <si>
    <t>114804.0</t>
  </si>
  <si>
    <t>1173.084</t>
  </si>
  <si>
    <t>126124.0</t>
  </si>
  <si>
    <t>54920427.0</t>
  </si>
  <si>
    <t>25970504.0</t>
  </si>
  <si>
    <t>25569826.0</t>
  </si>
  <si>
    <t>3576262.0</t>
  </si>
  <si>
    <t>128680.0</t>
  </si>
  <si>
    <t>109877.0</t>
  </si>
  <si>
    <t>161.82</t>
  </si>
  <si>
    <t>39476445.0</t>
  </si>
  <si>
    <t>91468.0</t>
  </si>
  <si>
    <t>1175.808</t>
  </si>
  <si>
    <t>126332.0</t>
  </si>
  <si>
    <t>54994634.0</t>
  </si>
  <si>
    <t>25972075.0</t>
  </si>
  <si>
    <t>25572733.0</t>
  </si>
  <si>
    <t>3646101.0</t>
  </si>
  <si>
    <t>74207.0</t>
  </si>
  <si>
    <t>110146.0</t>
  </si>
  <si>
    <t>39581504.0</t>
  </si>
  <si>
    <t>105059.0</t>
  </si>
  <si>
    <t>1178.938</t>
  </si>
  <si>
    <t>127754.0</t>
  </si>
  <si>
    <t>55064504.0</t>
  </si>
  <si>
    <t>25973727.0</t>
  </si>
  <si>
    <t>25575287.0</t>
  </si>
  <si>
    <t>3711918.0</t>
  </si>
  <si>
    <t>69870.0</t>
  </si>
  <si>
    <t>111910.0</t>
  </si>
  <si>
    <t>39741865.0</t>
  </si>
  <si>
    <t>1183.714</t>
  </si>
  <si>
    <t>127705.0</t>
  </si>
  <si>
    <t>55198646.0</t>
  </si>
  <si>
    <t>25978049.0</t>
  </si>
  <si>
    <t>25580869.0</t>
  </si>
  <si>
    <t>3836366.0</t>
  </si>
  <si>
    <t>134142.0</t>
  </si>
  <si>
    <t>39879265.0</t>
  </si>
  <si>
    <t>137400.0</t>
  </si>
  <si>
    <t>1187.806</t>
  </si>
  <si>
    <t>125873.0</t>
  </si>
  <si>
    <t>55365490.0</t>
  </si>
  <si>
    <t>25982485.0</t>
  </si>
  <si>
    <t>25586525.0</t>
  </si>
  <si>
    <t>3993397.0</t>
  </si>
  <si>
    <t>166844.0</t>
  </si>
  <si>
    <t>121626.0</t>
  </si>
  <si>
    <t>40026526.0</t>
  </si>
  <si>
    <t>147261.0</t>
  </si>
  <si>
    <t>1192.193</t>
  </si>
  <si>
    <t>125999.0</t>
  </si>
  <si>
    <t>55540511.0</t>
  </si>
  <si>
    <t>25987113.0</t>
  </si>
  <si>
    <t>25592376.0</t>
  </si>
  <si>
    <t>4158315.0</t>
  </si>
  <si>
    <t>175021.0</t>
  </si>
  <si>
    <t>40151723.0</t>
  </si>
  <si>
    <t>1195.922</t>
  </si>
  <si>
    <t>125936.0</t>
  </si>
  <si>
    <t>55718377.0</t>
  </si>
  <si>
    <t>25991844.0</t>
  </si>
  <si>
    <t>25599056.0</t>
  </si>
  <si>
    <t>4325030.0</t>
  </si>
  <si>
    <t>177866.0</t>
  </si>
  <si>
    <t>164.18</t>
  </si>
  <si>
    <t>40261213.0</t>
  </si>
  <si>
    <t>109490.0</t>
  </si>
  <si>
    <t>1199.183</t>
  </si>
  <si>
    <t>125177.0</t>
  </si>
  <si>
    <t>55884183.0</t>
  </si>
  <si>
    <t>25995162.0</t>
  </si>
  <si>
    <t>25604238.0</t>
  </si>
  <si>
    <t>4482538.0</t>
  </si>
  <si>
    <t>165806.0</t>
  </si>
  <si>
    <t>137679.0</t>
  </si>
  <si>
    <t>40354734.0</t>
  </si>
  <si>
    <t>93521.0</t>
  </si>
  <si>
    <t>1201.968</t>
  </si>
  <si>
    <t>125470.0</t>
  </si>
  <si>
    <t>55958181.0</t>
  </si>
  <si>
    <t>25996546.0</t>
  </si>
  <si>
    <t>25606617.0</t>
  </si>
  <si>
    <t>4552978.0</t>
  </si>
  <si>
    <t>73998.0</t>
  </si>
  <si>
    <t>164.88</t>
  </si>
  <si>
    <t>40446668.0</t>
  </si>
  <si>
    <t>91934.0</t>
  </si>
  <si>
    <t>1204.707</t>
  </si>
  <si>
    <t>123595.0</t>
  </si>
  <si>
    <t>56039568.0</t>
  </si>
  <si>
    <t>25998183.0</t>
  </si>
  <si>
    <t>25608881.0</t>
  </si>
  <si>
    <t>4630760.0</t>
  </si>
  <si>
    <t>81387.0</t>
  </si>
  <si>
    <t>165.12</t>
  </si>
  <si>
    <t>40591900.0</t>
  </si>
  <si>
    <t>145232.0</t>
  </si>
  <si>
    <t>1209.032</t>
  </si>
  <si>
    <t>56189933.0</t>
  </si>
  <si>
    <t>26001792.0</t>
  </si>
  <si>
    <t>25613649.0</t>
  </si>
  <si>
    <t>4772964.0</t>
  </si>
  <si>
    <t>150365.0</t>
  </si>
  <si>
    <t>141612.0</t>
  </si>
  <si>
    <t>40730649.0</t>
  </si>
  <si>
    <t>138749.0</t>
  </si>
  <si>
    <t>1213.165</t>
  </si>
  <si>
    <t>56362542.0</t>
  </si>
  <si>
    <t>26005278.0</t>
  </si>
  <si>
    <t>25618440.0</t>
  </si>
  <si>
    <t>4937472.0</t>
  </si>
  <si>
    <t>172609.0</t>
  </si>
  <si>
    <t>142436.0</t>
  </si>
  <si>
    <t>40862059.0</t>
  </si>
  <si>
    <t>131410.0</t>
  </si>
  <si>
    <t>1217.079</t>
  </si>
  <si>
    <t>119362.0</t>
  </si>
  <si>
    <t>56544629.0</t>
  </si>
  <si>
    <t>26008872.0</t>
  </si>
  <si>
    <t>25623477.0</t>
  </si>
  <si>
    <t>5111211.0</t>
  </si>
  <si>
    <t>182087.0</t>
  </si>
  <si>
    <t>143445.0</t>
  </si>
  <si>
    <t>40978543.0</t>
  </si>
  <si>
    <t>116484.0</t>
  </si>
  <si>
    <t>1220.549</t>
  </si>
  <si>
    <t>118117.0</t>
  </si>
  <si>
    <t>56727320.0</t>
  </si>
  <si>
    <t>26012689.0</t>
  </si>
  <si>
    <t>25629128.0</t>
  </si>
  <si>
    <t>5284625.0</t>
  </si>
  <si>
    <t>182691.0</t>
  </si>
  <si>
    <t>9.989</t>
  </si>
  <si>
    <t>41078605.0</t>
  </si>
  <si>
    <t>100062.0</t>
  </si>
  <si>
    <t>1223.529</t>
  </si>
  <si>
    <t>116770.0</t>
  </si>
  <si>
    <t>56872297.0</t>
  </si>
  <si>
    <t>26015107.0</t>
  </si>
  <si>
    <t>25633312.0</t>
  </si>
  <si>
    <t>5423105.0</t>
  </si>
  <si>
    <t>144977.0</t>
  </si>
  <si>
    <t>141159.0</t>
  </si>
  <si>
    <t>41162003.0</t>
  </si>
  <si>
    <t>1226.013</t>
  </si>
  <si>
    <t>115324.0</t>
  </si>
  <si>
    <t>56898690.0</t>
  </si>
  <si>
    <t>26015729.0</t>
  </si>
  <si>
    <t>25634752.0</t>
  </si>
  <si>
    <t>5447529.0</t>
  </si>
  <si>
    <t>134358.0</t>
  </si>
  <si>
    <t>41248304.0</t>
  </si>
  <si>
    <t>86301.0</t>
  </si>
  <si>
    <t>1228.583</t>
  </si>
  <si>
    <t>114519.0</t>
  </si>
  <si>
    <t>56964664.0</t>
  </si>
  <si>
    <t>26016665.0</t>
  </si>
  <si>
    <t>25636314.0</t>
  </si>
  <si>
    <t>5511064.0</t>
  </si>
  <si>
    <t>65974.0</t>
  </si>
  <si>
    <t>132157.0</t>
  </si>
  <si>
    <t>41388641.0</t>
  </si>
  <si>
    <t>1232.763</t>
  </si>
  <si>
    <t>113820.0</t>
  </si>
  <si>
    <t>57098085.0</t>
  </si>
  <si>
    <t>26020214.0</t>
  </si>
  <si>
    <t>25641784.0</t>
  </si>
  <si>
    <t>5635663.0</t>
  </si>
  <si>
    <t>133421.0</t>
  </si>
  <si>
    <t>129736.0</t>
  </si>
  <si>
    <t>41518609.0</t>
  </si>
  <si>
    <t>129968.0</t>
  </si>
  <si>
    <t>1236.634</t>
  </si>
  <si>
    <t>112566.0</t>
  </si>
  <si>
    <t>57256122.0</t>
  </si>
  <si>
    <t>26023911.0</t>
  </si>
  <si>
    <t>25646894.0</t>
  </si>
  <si>
    <t>5785097.0</t>
  </si>
  <si>
    <t>127654.0</t>
  </si>
  <si>
    <t>41644729.0</t>
  </si>
  <si>
    <t>126120.0</t>
  </si>
  <si>
    <t>1240.391</t>
  </si>
  <si>
    <t>111810.0</t>
  </si>
  <si>
    <t>57446750.0</t>
  </si>
  <si>
    <t>26027585.0</t>
  </si>
  <si>
    <t>25652194.0</t>
  </si>
  <si>
    <t>5966973.0</t>
  </si>
  <si>
    <t>128874.0</t>
  </si>
  <si>
    <t>169.27</t>
  </si>
  <si>
    <t>41753215.0</t>
  </si>
  <si>
    <t>1243.622</t>
  </si>
  <si>
    <t>57657936.0</t>
  </si>
  <si>
    <t>26031252.0</t>
  </si>
  <si>
    <t>25657322.0</t>
  </si>
  <si>
    <t>6169535.0</t>
  </si>
  <si>
    <t>211186.0</t>
  </si>
  <si>
    <t>132945.0</t>
  </si>
  <si>
    <t>41845740.0</t>
  </si>
  <si>
    <t>1246.378</t>
  </si>
  <si>
    <t>109591.0</t>
  </si>
  <si>
    <t>57844275.0</t>
  </si>
  <si>
    <t>26034329.0</t>
  </si>
  <si>
    <t>25662085.0</t>
  </si>
  <si>
    <t>6348319.0</t>
  </si>
  <si>
    <t>186339.0</t>
  </si>
  <si>
    <t>26278.8</t>
  </si>
  <si>
    <t>774.312945618591</t>
  </si>
  <si>
    <t>41917427.0</t>
  </si>
  <si>
    <t>71687.0</t>
  </si>
  <si>
    <t>1248.513</t>
  </si>
  <si>
    <t>107918.0</t>
  </si>
  <si>
    <t>57886747.0</t>
  </si>
  <si>
    <t>26034939.0</t>
  </si>
  <si>
    <t>25662991.0</t>
  </si>
  <si>
    <t>6389343.0</t>
  </si>
  <si>
    <t>42472.0</t>
  </si>
  <si>
    <t>42008180.0</t>
  </si>
  <si>
    <t>1251.216</t>
  </si>
  <si>
    <t>108554.0</t>
  </si>
  <si>
    <t>57983761.0</t>
  </si>
  <si>
    <t>26036433.0</t>
  </si>
  <si>
    <t>25664524.0</t>
  </si>
  <si>
    <t>6483450.0</t>
  </si>
  <si>
    <t>145585.0</t>
  </si>
  <si>
    <t>42160551.0</t>
  </si>
  <si>
    <t>152371.0</t>
  </si>
  <si>
    <t>1255.755</t>
  </si>
  <si>
    <t>110273.0</t>
  </si>
  <si>
    <t>58198282.0</t>
  </si>
  <si>
    <t>26039475.0</t>
  </si>
  <si>
    <t>25668707.0</t>
  </si>
  <si>
    <t>6690912.0</t>
  </si>
  <si>
    <t>214521.0</t>
  </si>
  <si>
    <t>157171.0</t>
  </si>
  <si>
    <t>171.48</t>
  </si>
  <si>
    <t>42301568.0</t>
  </si>
  <si>
    <t>141017.0</t>
  </si>
  <si>
    <t>1259.955</t>
  </si>
  <si>
    <t>111851.0</t>
  </si>
  <si>
    <t>58445217.0</t>
  </si>
  <si>
    <t>26042691.0</t>
  </si>
  <si>
    <t>25673002.0</t>
  </si>
  <si>
    <t>6930608.0</t>
  </si>
  <si>
    <t>246935.0</t>
  </si>
  <si>
    <t>169871.0</t>
  </si>
  <si>
    <t>172.21</t>
  </si>
  <si>
    <t>42430299.0</t>
  </si>
  <si>
    <t>128731.0</t>
  </si>
  <si>
    <t>1263.789</t>
  </si>
  <si>
    <t>112224.0</t>
  </si>
  <si>
    <t>58696109.0</t>
  </si>
  <si>
    <t>26045807.0</t>
  </si>
  <si>
    <t>25677355.0</t>
  </si>
  <si>
    <t>7174301.0</t>
  </si>
  <si>
    <t>250892.0</t>
  </si>
  <si>
    <t>178480.0</t>
  </si>
  <si>
    <t>42542045.0</t>
  </si>
  <si>
    <t>1267.118</t>
  </si>
  <si>
    <t>58954498.0</t>
  </si>
  <si>
    <t>26049067.0</t>
  </si>
  <si>
    <t>25682241.0</t>
  </si>
  <si>
    <t>7424799.0</t>
  </si>
  <si>
    <t>258389.0</t>
  </si>
  <si>
    <t>42648327.0</t>
  </si>
  <si>
    <t>106282.0</t>
  </si>
  <si>
    <t>1270.283</t>
  </si>
  <si>
    <t>114655.0</t>
  </si>
  <si>
    <t>59176708.0</t>
  </si>
  <si>
    <t>26052055.0</t>
  </si>
  <si>
    <t>25685934.0</t>
  </si>
  <si>
    <t>7640518.0</t>
  </si>
  <si>
    <t>222210.0</t>
  </si>
  <si>
    <t>190348.0</t>
  </si>
  <si>
    <t>174.37</t>
  </si>
  <si>
    <t>42741566.0</t>
  </si>
  <si>
    <t>93239.0</t>
  </si>
  <si>
    <t>1273.06</t>
  </si>
  <si>
    <t>117734.0</t>
  </si>
  <si>
    <t>59305101.0</t>
  </si>
  <si>
    <t>26053435.0</t>
  </si>
  <si>
    <t>25687247.0</t>
  </si>
  <si>
    <t>7766324.0</t>
  </si>
  <si>
    <t>128393.0</t>
  </si>
  <si>
    <t>202622.0</t>
  </si>
  <si>
    <t>42843381.0</t>
  </si>
  <si>
    <t>101815.0</t>
  </si>
  <si>
    <t>1276.093</t>
  </si>
  <si>
    <t>59418105.0</t>
  </si>
  <si>
    <t>26054670.0</t>
  </si>
  <si>
    <t>25688912.0</t>
  </si>
  <si>
    <t>7876682.0</t>
  </si>
  <si>
    <t>113004.0</t>
  </si>
  <si>
    <t>204906.0</t>
  </si>
  <si>
    <t>175.08</t>
  </si>
  <si>
    <t>42987924.0</t>
  </si>
  <si>
    <t>144543.0</t>
  </si>
  <si>
    <t>1280.398</t>
  </si>
  <si>
    <t>118196.0</t>
  </si>
  <si>
    <t>59646593.0</t>
  </si>
  <si>
    <t>26057087.0</t>
  </si>
  <si>
    <t>25692402.0</t>
  </si>
  <si>
    <t>8099483.0</t>
  </si>
  <si>
    <t>228488.0</t>
  </si>
  <si>
    <t>206902.0</t>
  </si>
  <si>
    <t>175.75</t>
  </si>
  <si>
    <t>43108409.0</t>
  </si>
  <si>
    <t>1283.987</t>
  </si>
  <si>
    <t>115263.0</t>
  </si>
  <si>
    <t>59905280.0</t>
  </si>
  <si>
    <t>26059397.0</t>
  </si>
  <si>
    <t>25695745.0</t>
  </si>
  <si>
    <t>8352597.0</t>
  </si>
  <si>
    <t>258687.0</t>
  </si>
  <si>
    <t>208580.0</t>
  </si>
  <si>
    <t>43226016.0</t>
  </si>
  <si>
    <t>117607.0</t>
  </si>
  <si>
    <t>1287.49</t>
  </si>
  <si>
    <t>113674.0</t>
  </si>
  <si>
    <t>60166586.0</t>
  </si>
  <si>
    <t>26061688.0</t>
  </si>
  <si>
    <t>25699209.0</t>
  </si>
  <si>
    <t>8608338.0</t>
  </si>
  <si>
    <t>261306.0</t>
  </si>
  <si>
    <t>210068.0</t>
  </si>
  <si>
    <t>43308969.0</t>
  </si>
  <si>
    <t>82953.0</t>
  </si>
  <si>
    <t>1289.96</t>
  </si>
  <si>
    <t>109561.0</t>
  </si>
  <si>
    <t>60439190.0</t>
  </si>
  <si>
    <t>26064049.0</t>
  </si>
  <si>
    <t>25702871.0</t>
  </si>
  <si>
    <t>8875035.0</t>
  </si>
  <si>
    <t>272604.0</t>
  </si>
  <si>
    <t>212099.0</t>
  </si>
  <si>
    <t>43429909.0</t>
  </si>
  <si>
    <t>120940.0</t>
  </si>
  <si>
    <t>1293.563</t>
  </si>
  <si>
    <t>111655.0</t>
  </si>
  <si>
    <t>60679723.0</t>
  </si>
  <si>
    <t>26065955.0</t>
  </si>
  <si>
    <t>25705263.0</t>
  </si>
  <si>
    <t>9111361.0</t>
  </si>
  <si>
    <t>214716.0</t>
  </si>
  <si>
    <t>43517783.0</t>
  </si>
  <si>
    <t>1296.18</t>
  </si>
  <si>
    <t>60850277.0</t>
  </si>
  <si>
    <t>26067217.0</t>
  </si>
  <si>
    <t>25706227.0</t>
  </si>
  <si>
    <t>9279913.0</t>
  </si>
  <si>
    <t>170554.0</t>
  </si>
  <si>
    <t>43605494.0</t>
  </si>
  <si>
    <t>1298.792</t>
  </si>
  <si>
    <t>108873.0</t>
  </si>
  <si>
    <t>61000391.0</t>
  </si>
  <si>
    <t>26068161.0</t>
  </si>
  <si>
    <t>25707143.0</t>
  </si>
  <si>
    <t>9428213.0</t>
  </si>
  <si>
    <t>150114.0</t>
  </si>
  <si>
    <t>226041.0</t>
  </si>
  <si>
    <t>43749431.0</t>
  </si>
  <si>
    <t>143937.0</t>
  </si>
  <si>
    <t>1303.08</t>
  </si>
  <si>
    <t>108787.0</t>
  </si>
  <si>
    <t>61248645.0</t>
  </si>
  <si>
    <t>26070323.0</t>
  </si>
  <si>
    <t>25710464.0</t>
  </si>
  <si>
    <t>9671136.0</t>
  </si>
  <si>
    <t>248254.0</t>
  </si>
  <si>
    <t>228865.0</t>
  </si>
  <si>
    <t>43854797.0</t>
  </si>
  <si>
    <t>1306.218</t>
  </si>
  <si>
    <t>106627.0</t>
  </si>
  <si>
    <t>61382335.0</t>
  </si>
  <si>
    <t>26071462.0</t>
  </si>
  <si>
    <t>25712036.0</t>
  </si>
  <si>
    <t>9802170.0</t>
  </si>
  <si>
    <t>133690.0</t>
  </si>
  <si>
    <t>211008.0</t>
  </si>
  <si>
    <t>43982131.0</t>
  </si>
  <si>
    <t>127334.0</t>
  </si>
  <si>
    <t>1310.011</t>
  </si>
  <si>
    <t>108016.0</t>
  </si>
  <si>
    <t>61656271.0</t>
  </si>
  <si>
    <t>26073907.0</t>
  </si>
  <si>
    <t>25716735.0</t>
  </si>
  <si>
    <t>10069364.0</t>
  </si>
  <si>
    <t>273936.0</t>
  </si>
  <si>
    <t>212812.0</t>
  </si>
  <si>
    <t>181.67</t>
  </si>
  <si>
    <t>44111348.0</t>
  </si>
  <si>
    <t>129217.0</t>
  </si>
  <si>
    <t>1313.859</t>
  </si>
  <si>
    <t>114626.0</t>
  </si>
  <si>
    <t>61909789.0</t>
  </si>
  <si>
    <t>26075879.0</t>
  </si>
  <si>
    <t>25720362.0</t>
  </si>
  <si>
    <t>10317429.0</t>
  </si>
  <si>
    <t>253518.0</t>
  </si>
  <si>
    <t>210086.0</t>
  </si>
  <si>
    <t>182.42</t>
  </si>
  <si>
    <t>44213791.0</t>
  </si>
  <si>
    <t>102443.0</t>
  </si>
  <si>
    <t>1316.911</t>
  </si>
  <si>
    <t>62112141.0</t>
  </si>
  <si>
    <t>26077532.0</t>
  </si>
  <si>
    <t>25723314.0</t>
  </si>
  <si>
    <t>10515260.0</t>
  </si>
  <si>
    <t>202352.0</t>
  </si>
  <si>
    <t>204631.0</t>
  </si>
  <si>
    <t>44308922.0</t>
  </si>
  <si>
    <t>1319.744</t>
  </si>
  <si>
    <t>113020.0</t>
  </si>
  <si>
    <t>62273101.0</t>
  </si>
  <si>
    <t>26078653.0</t>
  </si>
  <si>
    <t>25724122.0</t>
  </si>
  <si>
    <t>10674352.0</t>
  </si>
  <si>
    <t>160960.0</t>
  </si>
  <si>
    <t>203261.0</t>
  </si>
  <si>
    <t>183.49</t>
  </si>
  <si>
    <t>44405328.0</t>
  </si>
  <si>
    <t>96406.0</t>
  </si>
  <si>
    <t>1322.616</t>
  </si>
  <si>
    <t>114262.0</t>
  </si>
  <si>
    <t>62407485.0</t>
  </si>
  <si>
    <t>26079577.0</t>
  </si>
  <si>
    <t>25725241.0</t>
  </si>
  <si>
    <t>10806790.0</t>
  </si>
  <si>
    <t>134384.0</t>
  </si>
  <si>
    <t>201013.0</t>
  </si>
  <si>
    <t>183.89</t>
  </si>
  <si>
    <t>44555966.0</t>
  </si>
  <si>
    <t>150638.0</t>
  </si>
  <si>
    <t>1327.102</t>
  </si>
  <si>
    <t>115219.0</t>
  </si>
  <si>
    <t>62615724.0</t>
  </si>
  <si>
    <t>26081741.0</t>
  </si>
  <si>
    <t>25728220.0</t>
  </si>
  <si>
    <t>11010120.0</t>
  </si>
  <si>
    <t>208239.0</t>
  </si>
  <si>
    <t>195297.0</t>
  </si>
  <si>
    <t>44679817.0</t>
  </si>
  <si>
    <t>123851.0</t>
  </si>
  <si>
    <t>1330.791</t>
  </si>
  <si>
    <t>117860.0</t>
  </si>
  <si>
    <t>62834533.0</t>
  </si>
  <si>
    <t>26084029.0</t>
  </si>
  <si>
    <t>25731123.0</t>
  </si>
  <si>
    <t>11223816.0</t>
  </si>
  <si>
    <t>218809.0</t>
  </si>
  <si>
    <t>207457.0</t>
  </si>
  <si>
    <t>185.14</t>
  </si>
  <si>
    <t>71.836</t>
  </si>
  <si>
    <t>44821460.0</t>
  </si>
  <si>
    <t>141643.0</t>
  </si>
  <si>
    <t>1335.01</t>
  </si>
  <si>
    <t>119904.0</t>
  </si>
  <si>
    <t>63047897.0</t>
  </si>
  <si>
    <t>26085874.0</t>
  </si>
  <si>
    <t>25733792.0</t>
  </si>
  <si>
    <t>11432792.0</t>
  </si>
  <si>
    <t>198804.0</t>
  </si>
  <si>
    <t>185.77</t>
  </si>
  <si>
    <t>44942038.0</t>
  </si>
  <si>
    <t>120578.0</t>
  </si>
  <si>
    <t>1338.601</t>
  </si>
  <si>
    <t>118670.0</t>
  </si>
  <si>
    <t>63257744.0</t>
  </si>
  <si>
    <t>26087774.0</t>
  </si>
  <si>
    <t>25736681.0</t>
  </si>
  <si>
    <t>11638027.0</t>
  </si>
  <si>
    <t>192565.0</t>
  </si>
  <si>
    <t>106826.0</t>
  </si>
  <si>
    <t>1341.783</t>
  </si>
  <si>
    <t>63441313.0</t>
  </si>
  <si>
    <t>26089628.0</t>
  </si>
  <si>
    <t>25739459.0</t>
  </si>
  <si>
    <t>11817117.0</t>
  </si>
  <si>
    <t>183569.0</t>
  </si>
  <si>
    <t>189882.0</t>
  </si>
  <si>
    <t>59.991</t>
  </si>
  <si>
    <t>45140728.0</t>
  </si>
  <si>
    <t>91864.0</t>
  </si>
  <si>
    <t>1344.519</t>
  </si>
  <si>
    <t>63542087.0</t>
  </si>
  <si>
    <t>26090441.0</t>
  </si>
  <si>
    <t>25740466.0</t>
  </si>
  <si>
    <t>11916120.0</t>
  </si>
  <si>
    <t>100774.0</t>
  </si>
  <si>
    <t>45228194.0</t>
  </si>
  <si>
    <t>87466.0</t>
  </si>
  <si>
    <t>1347.125</t>
  </si>
  <si>
    <t>117552.0</t>
  </si>
  <si>
    <t>63625161.0</t>
  </si>
  <si>
    <t>26091024.0</t>
  </si>
  <si>
    <t>25741324.0</t>
  </si>
  <si>
    <t>11997809.0</t>
  </si>
  <si>
    <t>173954.0</t>
  </si>
  <si>
    <t>45334920.0</t>
  </si>
  <si>
    <t>106726.0</t>
  </si>
  <si>
    <t>1350.304</t>
  </si>
  <si>
    <t>111279.0</t>
  </si>
  <si>
    <t>63724204.0</t>
  </si>
  <si>
    <t>26092088.0</t>
  </si>
  <si>
    <t>25743102.0</t>
  </si>
  <si>
    <t>12094063.0</t>
  </si>
  <si>
    <t>158354.0</t>
  </si>
  <si>
    <t>26533.8</t>
  </si>
  <si>
    <t>781.826599253184</t>
  </si>
  <si>
    <t>45412566.0</t>
  </si>
  <si>
    <t>77646.0</t>
  </si>
  <si>
    <t>1352.616</t>
  </si>
  <si>
    <t>63753598.0</t>
  </si>
  <si>
    <t>26092345.0</t>
  </si>
  <si>
    <t>25743456.0</t>
  </si>
  <si>
    <t>12122879.0</t>
  </si>
  <si>
    <t>187.85</t>
  </si>
  <si>
    <t>45493950.0</t>
  </si>
  <si>
    <t>1355.04</t>
  </si>
  <si>
    <t>96070.0</t>
  </si>
  <si>
    <t>63784322.0</t>
  </si>
  <si>
    <t>26092702.0</t>
  </si>
  <si>
    <t>25743964.0</t>
  </si>
  <si>
    <t>12152818.0</t>
  </si>
  <si>
    <t>105204.0</t>
  </si>
  <si>
    <t>45628978.0</t>
  </si>
  <si>
    <t>135028.0</t>
  </si>
  <si>
    <t>1359.062</t>
  </si>
  <si>
    <t>63888256.0</t>
  </si>
  <si>
    <t>26095378.0</t>
  </si>
  <si>
    <t>25746801.0</t>
  </si>
  <si>
    <t>12251351.0</t>
  </si>
  <si>
    <t>103934.0</t>
  </si>
  <si>
    <t>45763421.0</t>
  </si>
  <si>
    <t>1363.066</t>
  </si>
  <si>
    <t>102080.0</t>
  </si>
  <si>
    <t>63981110.0</t>
  </si>
  <si>
    <t>26098208.0</t>
  </si>
  <si>
    <t>25748726.0</t>
  </si>
  <si>
    <t>12339490.0</t>
  </si>
  <si>
    <t>92854.0</t>
  </si>
  <si>
    <t>188.52</t>
  </si>
  <si>
    <t>45898270.0</t>
  </si>
  <si>
    <t>134849.0</t>
  </si>
  <si>
    <t>1367.083</t>
  </si>
  <si>
    <t>108220.0</t>
  </si>
  <si>
    <t>64056643.0</t>
  </si>
  <si>
    <t>26114337.0</t>
  </si>
  <si>
    <t>25749631.0</t>
  </si>
  <si>
    <t>12398077.0</t>
  </si>
  <si>
    <t>188.74</t>
  </si>
  <si>
    <t>46048828.0</t>
  </si>
  <si>
    <t>1371.567</t>
  </si>
  <si>
    <t>117233.0</t>
  </si>
  <si>
    <t>64127694.0</t>
  </si>
  <si>
    <t>26130982.0</t>
  </si>
  <si>
    <t>25750482.0</t>
  </si>
  <si>
    <t>12451691.0</t>
  </si>
  <si>
    <t>71051.0</t>
  </si>
  <si>
    <t>71790.0</t>
  </si>
  <si>
    <t>46300495.0</t>
  </si>
  <si>
    <t>251667.0</t>
  </si>
  <si>
    <t>1379.063</t>
  </si>
  <si>
    <t>137939.0</t>
  </si>
  <si>
    <t>64251680.0</t>
  </si>
  <si>
    <t>26140856.0</t>
  </si>
  <si>
    <t>25752946.0</t>
  </si>
  <si>
    <t>12563439.0</t>
  </si>
  <si>
    <t>123986.0</t>
  </si>
  <si>
    <t>75354.0</t>
  </si>
  <si>
    <t>189.32</t>
  </si>
  <si>
    <t>46526887.0</t>
  </si>
  <si>
    <t>226392.0</t>
  </si>
  <si>
    <t>1385.806</t>
  </si>
  <si>
    <t>159189.0</t>
  </si>
  <si>
    <t>64409829.0</t>
  </si>
  <si>
    <t>26152216.0</t>
  </si>
  <si>
    <t>25754656.0</t>
  </si>
  <si>
    <t>12708608.0</t>
  </si>
  <si>
    <t>158149.0</t>
  </si>
  <si>
    <t>93747.0</t>
  </si>
  <si>
    <t>46782830.0</t>
  </si>
  <si>
    <t>255943.0</t>
  </si>
  <si>
    <t>1393.43</t>
  </si>
  <si>
    <t>184126.0</t>
  </si>
  <si>
    <t>64580977.0</t>
  </si>
  <si>
    <t>26167085.0</t>
  </si>
  <si>
    <t>25756965.0</t>
  </si>
  <si>
    <t>12862764.0</t>
  </si>
  <si>
    <t>113808.0</t>
  </si>
  <si>
    <t>47020266.0</t>
  </si>
  <si>
    <t>237436.0</t>
  </si>
  <si>
    <t>1400.502</t>
  </si>
  <si>
    <t>198755.0</t>
  </si>
  <si>
    <t>64759735.0</t>
  </si>
  <si>
    <t>26186213.0</t>
  </si>
  <si>
    <t>25759016.0</t>
  </si>
  <si>
    <t>13020489.0</t>
  </si>
  <si>
    <t>178758.0</t>
  </si>
  <si>
    <t>124497.0</t>
  </si>
  <si>
    <t>47231155.0</t>
  </si>
  <si>
    <t>210889.0</t>
  </si>
  <si>
    <t>1406.783</t>
  </si>
  <si>
    <t>209676.0</t>
  </si>
  <si>
    <t>64925089.0</t>
  </si>
  <si>
    <t>26207840.0</t>
  </si>
  <si>
    <t>25760849.0</t>
  </si>
  <si>
    <t>13162515.0</t>
  </si>
  <si>
    <t>165354.0</t>
  </si>
  <si>
    <t>134854.0</t>
  </si>
  <si>
    <t>47427460.0</t>
  </si>
  <si>
    <t>1412.63</t>
  </si>
  <si>
    <t>218456.0</t>
  </si>
  <si>
    <t>65072996.0</t>
  </si>
  <si>
    <t>26248378.0</t>
  </si>
  <si>
    <t>25761732.0</t>
  </si>
  <si>
    <t>13269108.0</t>
  </si>
  <si>
    <t>147907.0</t>
  </si>
  <si>
    <t>145193.0</t>
  </si>
  <si>
    <t>47627586.0</t>
  </si>
  <si>
    <t>1418.591</t>
  </si>
  <si>
    <t>225537.0</t>
  </si>
  <si>
    <t>65194510.0</t>
  </si>
  <si>
    <t>26284517.0</t>
  </si>
  <si>
    <t>25762586.0</t>
  </si>
  <si>
    <t>13353731.0</t>
  </si>
  <si>
    <t>121514.0</t>
  </si>
  <si>
    <t>152402.0</t>
  </si>
  <si>
    <t>47908453.0</t>
  </si>
  <si>
    <t>280867.0</t>
  </si>
  <si>
    <t>1426.956</t>
  </si>
  <si>
    <t>229708.0</t>
  </si>
  <si>
    <t>65348269.0</t>
  </si>
  <si>
    <t>26324502.0</t>
  </si>
  <si>
    <t>25764366.0</t>
  </si>
  <si>
    <t>13465931.0</t>
  </si>
  <si>
    <t>156656.0</t>
  </si>
  <si>
    <t>48188448.0</t>
  </si>
  <si>
    <t>279995.0</t>
  </si>
  <si>
    <t>1435.296</t>
  </si>
  <si>
    <t>237366.0</t>
  </si>
  <si>
    <t>65506888.0</t>
  </si>
  <si>
    <t>26368193.0</t>
  </si>
  <si>
    <t>25766361.0</t>
  </si>
  <si>
    <t>13579108.0</t>
  </si>
  <si>
    <t>158619.0</t>
  </si>
  <si>
    <t>156723.0</t>
  </si>
  <si>
    <t>48471718.0</t>
  </si>
  <si>
    <t>283270.0</t>
  </si>
  <si>
    <t>1443.733</t>
  </si>
  <si>
    <t>241270.0</t>
  </si>
  <si>
    <t>65675467.0</t>
  </si>
  <si>
    <t>26414813.0</t>
  </si>
  <si>
    <t>25768278.0</t>
  </si>
  <si>
    <t>13699482.0</t>
  </si>
  <si>
    <t>168579.0</t>
  </si>
  <si>
    <t>156356.0</t>
  </si>
  <si>
    <t>193.51</t>
  </si>
  <si>
    <t>48742414.0</t>
  </si>
  <si>
    <t>270696.0</t>
  </si>
  <si>
    <t>1451.796</t>
  </si>
  <si>
    <t>246021.0</t>
  </si>
  <si>
    <t>65853328.0</t>
  </si>
  <si>
    <t>26470185.0</t>
  </si>
  <si>
    <t>25770142.0</t>
  </si>
  <si>
    <t>13820186.0</t>
  </si>
  <si>
    <t>177861.0</t>
  </si>
  <si>
    <t>156228.0</t>
  </si>
  <si>
    <t>48994390.0</t>
  </si>
  <si>
    <t>1459.301</t>
  </si>
  <si>
    <t>251891.0</t>
  </si>
  <si>
    <t>66016597.0</t>
  </si>
  <si>
    <t>26515195.0</t>
  </si>
  <si>
    <t>25771939.0</t>
  </si>
  <si>
    <t>13936814.0</t>
  </si>
  <si>
    <t>163269.0</t>
  </si>
  <si>
    <t>49215870.0</t>
  </si>
  <si>
    <t>221480.0</t>
  </si>
  <si>
    <t>1465.898</t>
  </si>
  <si>
    <t>255487.0</t>
  </si>
  <si>
    <t>66171336.0</t>
  </si>
  <si>
    <t>26589504.0</t>
  </si>
  <si>
    <t>25772699.0</t>
  </si>
  <si>
    <t>14016556.0</t>
  </si>
  <si>
    <t>154739.0</t>
  </si>
  <si>
    <t>156906.0</t>
  </si>
  <si>
    <t>49437565.0</t>
  </si>
  <si>
    <t>221695.0</t>
  </si>
  <si>
    <t>1472.501</t>
  </si>
  <si>
    <t>258568.0</t>
  </si>
  <si>
    <t>7.701</t>
  </si>
  <si>
    <t>66302253.0</t>
  </si>
  <si>
    <t>26651660.0</t>
  </si>
  <si>
    <t>25773271.0</t>
  </si>
  <si>
    <t>14084821.0</t>
  </si>
  <si>
    <t>158249.0</t>
  </si>
  <si>
    <t>195.36</t>
  </si>
  <si>
    <t>52449.0</t>
  </si>
  <si>
    <t>189.079</t>
  </si>
  <si>
    <t>49735330.0</t>
  </si>
  <si>
    <t>297765.0</t>
  </si>
  <si>
    <t>1481.37</t>
  </si>
  <si>
    <t>260982.0</t>
  </si>
  <si>
    <t>66443764.0</t>
  </si>
  <si>
    <t>26705679.0</t>
  </si>
  <si>
    <t>25774495.0</t>
  </si>
  <si>
    <t>14171157.0</t>
  </si>
  <si>
    <t>141511.0</t>
  </si>
  <si>
    <t>156499.0</t>
  </si>
  <si>
    <t>49993585.0</t>
  </si>
  <si>
    <t>258255.0</t>
  </si>
  <si>
    <t>1489.062</t>
  </si>
  <si>
    <t>257877.0</t>
  </si>
  <si>
    <t>66596281.0</t>
  </si>
  <si>
    <t>26759145.0</t>
  </si>
  <si>
    <t>25775251.0</t>
  </si>
  <si>
    <t>14269511.0</t>
  </si>
  <si>
    <t>55850.0</t>
  </si>
  <si>
    <t>50243083.0</t>
  </si>
  <si>
    <t>249498.0</t>
  </si>
  <si>
    <t>1496.493</t>
  </si>
  <si>
    <t>253052.0</t>
  </si>
  <si>
    <t>66744012.0</t>
  </si>
  <si>
    <t>26808761.0</t>
  </si>
  <si>
    <t>25775910.0</t>
  </si>
  <si>
    <t>14367015.0</t>
  </si>
  <si>
    <t>147731.0</t>
  </si>
  <si>
    <t>152649.0</t>
  </si>
  <si>
    <t>196.66</t>
  </si>
  <si>
    <t>56278.0</t>
  </si>
  <si>
    <t>50456439.0</t>
  </si>
  <si>
    <t>213356.0</t>
  </si>
  <si>
    <t>1502.848</t>
  </si>
  <si>
    <t>244861.0</t>
  </si>
  <si>
    <t>66885244.0</t>
  </si>
  <si>
    <t>26857913.0</t>
  </si>
  <si>
    <t>25777052.0</t>
  </si>
  <si>
    <t>14458049.0</t>
  </si>
  <si>
    <t>141232.0</t>
  </si>
  <si>
    <t>147417.0</t>
  </si>
  <si>
    <t>50649065.0</t>
  </si>
  <si>
    <t>192626.0</t>
  </si>
  <si>
    <t>1508.586</t>
  </si>
  <si>
    <t>236382.0</t>
  </si>
  <si>
    <t>67021301.0</t>
  </si>
  <si>
    <t>26903775.0</t>
  </si>
  <si>
    <t>25778228.0</t>
  </si>
  <si>
    <t>14547132.0</t>
  </si>
  <si>
    <t>136057.0</t>
  </si>
  <si>
    <t>197.48</t>
  </si>
  <si>
    <t>50811963.0</t>
  </si>
  <si>
    <t>162898.0</t>
  </si>
  <si>
    <t>1513.438</t>
  </si>
  <si>
    <t>67143399.0</t>
  </si>
  <si>
    <t>26960285.0</t>
  </si>
  <si>
    <t>25779165.0</t>
  </si>
  <si>
    <t>14611984.0</t>
  </si>
  <si>
    <t>122098.0</t>
  </si>
  <si>
    <t>138866.0</t>
  </si>
  <si>
    <t>197.84</t>
  </si>
  <si>
    <t>52969.0</t>
  </si>
  <si>
    <t>50972927.0</t>
  </si>
  <si>
    <t>160964.0</t>
  </si>
  <si>
    <t>1518.232</t>
  </si>
  <si>
    <t>219337.0</t>
  </si>
  <si>
    <t>67247235.0</t>
  </si>
  <si>
    <t>27003323.0</t>
  </si>
  <si>
    <t>25780020.0</t>
  </si>
  <si>
    <t>14672130.0</t>
  </si>
  <si>
    <t>103836.0</t>
  </si>
  <si>
    <t>10.637</t>
  </si>
  <si>
    <t>51203044.0</t>
  </si>
  <si>
    <t>230117.0</t>
  </si>
  <si>
    <t>1525.086</t>
  </si>
  <si>
    <t>209673.0</t>
  </si>
  <si>
    <t>67367059.0</t>
  </si>
  <si>
    <t>27038684.0</t>
  </si>
  <si>
    <t>25781509.0</t>
  </si>
  <si>
    <t>14755184.0</t>
  </si>
  <si>
    <t>119824.0</t>
  </si>
  <si>
    <t>131899.0</t>
  </si>
  <si>
    <t>27042.8</t>
  </si>
  <si>
    <t>796.824441213999</t>
  </si>
  <si>
    <t>51421477.0</t>
  </si>
  <si>
    <t>218433.0</t>
  </si>
  <si>
    <t>1531.592</t>
  </si>
  <si>
    <t>203985.0</t>
  </si>
  <si>
    <t>67471857.0</t>
  </si>
  <si>
    <t>27065987.0</t>
  </si>
  <si>
    <t>25782966.0</t>
  </si>
  <si>
    <t>14831255.0</t>
  </si>
  <si>
    <t>104798.0</t>
  </si>
  <si>
    <t>125082.0</t>
  </si>
  <si>
    <t>51638671.0</t>
  </si>
  <si>
    <t>217194.0</t>
  </si>
  <si>
    <t>1538.061</t>
  </si>
  <si>
    <t>6.469</t>
  </si>
  <si>
    <t>67572893.0</t>
  </si>
  <si>
    <t>27093783.0</t>
  </si>
  <si>
    <t>25784562.0</t>
  </si>
  <si>
    <t>14902953.0</t>
  </si>
  <si>
    <t>118412.0</t>
  </si>
  <si>
    <t>40717.0</t>
  </si>
  <si>
    <t>51831027.0</t>
  </si>
  <si>
    <t>192356.0</t>
  </si>
  <si>
    <t>1543.79</t>
  </si>
  <si>
    <t>5.729</t>
  </si>
  <si>
    <t>196370.0</t>
  </si>
  <si>
    <t>67672420.0</t>
  </si>
  <si>
    <t>27118253.0</t>
  </si>
  <si>
    <t>25786215.0</t>
  </si>
  <si>
    <t>14976406.0</t>
  </si>
  <si>
    <t>99527.0</t>
  </si>
  <si>
    <t>112454.0</t>
  </si>
  <si>
    <t>52002989.0</t>
  </si>
  <si>
    <t>171962.0</t>
  </si>
  <si>
    <t>1548.912</t>
  </si>
  <si>
    <t>193418.0</t>
  </si>
  <si>
    <t>5.761</t>
  </si>
  <si>
    <t>67756771.0</t>
  </si>
  <si>
    <t>27142046.0</t>
  </si>
  <si>
    <t>25788009.0</t>
  </si>
  <si>
    <t>15035244.0</t>
  </si>
  <si>
    <t>84351.0</t>
  </si>
  <si>
    <t>105067.0</t>
  </si>
  <si>
    <t>199.65</t>
  </si>
  <si>
    <t>34039.0</t>
  </si>
  <si>
    <t>52151893.0</t>
  </si>
  <si>
    <t>148904.0</t>
  </si>
  <si>
    <t>1553.347</t>
  </si>
  <si>
    <t>4.435</t>
  </si>
  <si>
    <t>191419.0</t>
  </si>
  <si>
    <t>67827578.0</t>
  </si>
  <si>
    <t>27173196.0</t>
  </si>
  <si>
    <t>25789259.0</t>
  </si>
  <si>
    <t>15073809.0</t>
  </si>
  <si>
    <t>199.86</t>
  </si>
  <si>
    <t>11.197</t>
  </si>
  <si>
    <t>52262023.0</t>
  </si>
  <si>
    <t>110130.0</t>
  </si>
  <si>
    <t>1556.628</t>
  </si>
  <si>
    <t>184157.0</t>
  </si>
  <si>
    <t>67886420.0</t>
  </si>
  <si>
    <t>27198350.0</t>
  </si>
  <si>
    <t>25790387.0</t>
  </si>
  <si>
    <t>15106519.0</t>
  </si>
  <si>
    <t>91312.0</t>
  </si>
  <si>
    <t>200.03</t>
  </si>
  <si>
    <t>52528891.0</t>
  </si>
  <si>
    <t>266868.0</t>
  </si>
  <si>
    <t>1564.576</t>
  </si>
  <si>
    <t>189407.0</t>
  </si>
  <si>
    <t>67952438.0</t>
  </si>
  <si>
    <t>27214973.0</t>
  </si>
  <si>
    <t>25792371.0</t>
  </si>
  <si>
    <t>15153998.0</t>
  </si>
  <si>
    <t>66018.0</t>
  </si>
  <si>
    <t>200.22</t>
  </si>
  <si>
    <t>10.991</t>
  </si>
  <si>
    <t>52787892.0</t>
  </si>
  <si>
    <t>259001.0</t>
  </si>
  <si>
    <t>1572.291</t>
  </si>
  <si>
    <t>7.714</t>
  </si>
  <si>
    <t>195202.0</t>
  </si>
  <si>
    <t>68023534.0</t>
  </si>
  <si>
    <t>27235222.0</t>
  </si>
  <si>
    <t>25794513.0</t>
  </si>
  <si>
    <t>15202911.0</t>
  </si>
  <si>
    <t>71096.0</t>
  </si>
  <si>
    <t>78811.0</t>
  </si>
  <si>
    <t>53043209.0</t>
  </si>
  <si>
    <t>255317.0</t>
  </si>
  <si>
    <t>1579.895</t>
  </si>
  <si>
    <t>200648.0</t>
  </si>
  <si>
    <t>68088202.0</t>
  </si>
  <si>
    <t>27254477.0</t>
  </si>
  <si>
    <t>25796489.0</t>
  </si>
  <si>
    <t>15246410.0</t>
  </si>
  <si>
    <t>64668.0</t>
  </si>
  <si>
    <t>73616.0</t>
  </si>
  <si>
    <t>53265972.0</t>
  </si>
  <si>
    <t>222763.0</t>
  </si>
  <si>
    <t>1586.53</t>
  </si>
  <si>
    <t>204992.0</t>
  </si>
  <si>
    <t>68154832.0</t>
  </si>
  <si>
    <t>27275167.0</t>
  </si>
  <si>
    <t>25798490.0</t>
  </si>
  <si>
    <t>15290442.0</t>
  </si>
  <si>
    <t>53463396.0</t>
  </si>
  <si>
    <t>197424.0</t>
  </si>
  <si>
    <t>1592.411</t>
  </si>
  <si>
    <t>208630.0</t>
  </si>
  <si>
    <t>68214862.0</t>
  </si>
  <si>
    <t>27299776.0</t>
  </si>
  <si>
    <t>25800498.0</t>
  </si>
  <si>
    <t>15323965.0</t>
  </si>
  <si>
    <t>60030.0</t>
  </si>
  <si>
    <t>65442.0</t>
  </si>
  <si>
    <t>13519.0</t>
  </si>
  <si>
    <t>53630178.0</t>
  </si>
  <si>
    <t>166782.0</t>
  </si>
  <si>
    <t>1597.378</t>
  </si>
  <si>
    <t>211184.0</t>
  </si>
  <si>
    <t>68263798.0</t>
  </si>
  <si>
    <t>27326491.0</t>
  </si>
  <si>
    <t>25802033.0</t>
  </si>
  <si>
    <t>15344762.0</t>
  </si>
  <si>
    <t>62317.0</t>
  </si>
  <si>
    <t>53807488.0</t>
  </si>
  <si>
    <t>177310.0</t>
  </si>
  <si>
    <t>1602.659</t>
  </si>
  <si>
    <t>220781.0</t>
  </si>
  <si>
    <t>68310115.0</t>
  </si>
  <si>
    <t>27350516.0</t>
  </si>
  <si>
    <t>25803636.0</t>
  </si>
  <si>
    <t>15365578.0</t>
  </si>
  <si>
    <t>46317.0</t>
  </si>
  <si>
    <t>212.298</t>
  </si>
  <si>
    <t>13193.0</t>
  </si>
  <si>
    <t>54046806.0</t>
  </si>
  <si>
    <t>239318.0</t>
  </si>
  <si>
    <t>1609.788</t>
  </si>
  <si>
    <t>7.128</t>
  </si>
  <si>
    <t>216845.0</t>
  </si>
  <si>
    <t>68363948.0</t>
  </si>
  <si>
    <t>27365695.0</t>
  </si>
  <si>
    <t>25805999.0</t>
  </si>
  <si>
    <t>15402056.0</t>
  </si>
  <si>
    <t>54258986.0</t>
  </si>
  <si>
    <t>212180.0</t>
  </si>
  <si>
    <t>1616.107</t>
  </si>
  <si>
    <t>68423177.0</t>
  </si>
  <si>
    <t>27384366.0</t>
  </si>
  <si>
    <t>25808024.0</t>
  </si>
  <si>
    <t>15440681.0</t>
  </si>
  <si>
    <t>59229.0</t>
  </si>
  <si>
    <t>57092.0</t>
  </si>
  <si>
    <t>54447477.0</t>
  </si>
  <si>
    <t>188491.0</t>
  </si>
  <si>
    <t>1621.722</t>
  </si>
  <si>
    <t>200610.0</t>
  </si>
  <si>
    <t>68473198.0</t>
  </si>
  <si>
    <t>27398348.0</t>
  </si>
  <si>
    <t>25810215.0</t>
  </si>
  <si>
    <t>15474961.0</t>
  </si>
  <si>
    <t>54624976.0</t>
  </si>
  <si>
    <t>177499.0</t>
  </si>
  <si>
    <t>1627.008</t>
  </si>
  <si>
    <t>194143.0</t>
  </si>
  <si>
    <t>68521260.0</t>
  </si>
  <si>
    <t>27412770.0</t>
  </si>
  <si>
    <t>25812605.0</t>
  </si>
  <si>
    <t>15506538.0</t>
  </si>
  <si>
    <t>48062.0</t>
  </si>
  <si>
    <t>52347.0</t>
  </si>
  <si>
    <t>54781337.0</t>
  </si>
  <si>
    <t>156361.0</t>
  </si>
  <si>
    <t>1631.666</t>
  </si>
  <si>
    <t>68563786.0</t>
  </si>
  <si>
    <t>27432307.0</t>
  </si>
  <si>
    <t>25814522.0</t>
  </si>
  <si>
    <t>15527724.0</t>
  </si>
  <si>
    <t>42526.0</t>
  </si>
  <si>
    <t>54914787.0</t>
  </si>
  <si>
    <t>133450.0</t>
  </si>
  <si>
    <t>1635.64</t>
  </si>
  <si>
    <t>183516.0</t>
  </si>
  <si>
    <t>68600017.0</t>
  </si>
  <si>
    <t>27449013.0</t>
  </si>
  <si>
    <t>25815926.0</t>
  </si>
  <si>
    <t>15546042.0</t>
  </si>
  <si>
    <t>36231.0</t>
  </si>
  <si>
    <t>55059494.0</t>
  </si>
  <si>
    <t>144707.0</t>
  </si>
  <si>
    <t>1639.951</t>
  </si>
  <si>
    <t>178858.0</t>
  </si>
  <si>
    <t>68629044.0</t>
  </si>
  <si>
    <t>27460026.0</t>
  </si>
  <si>
    <t>25817213.0</t>
  </si>
  <si>
    <t>15563000.0</t>
  </si>
  <si>
    <t>45561.0</t>
  </si>
  <si>
    <t>55257886.0</t>
  </si>
  <si>
    <t>1645.86</t>
  </si>
  <si>
    <t>173011.0</t>
  </si>
  <si>
    <t>68658645.0</t>
  </si>
  <si>
    <t>27465254.0</t>
  </si>
  <si>
    <t>25819106.0</t>
  </si>
  <si>
    <t>15585547.0</t>
  </si>
  <si>
    <t>55434131.0</t>
  </si>
  <si>
    <t>176245.0</t>
  </si>
  <si>
    <t>1651.109</t>
  </si>
  <si>
    <t>167878.0</t>
  </si>
  <si>
    <t>68689142.0</t>
  </si>
  <si>
    <t>27472039.0</t>
  </si>
  <si>
    <t>25820720.0</t>
  </si>
  <si>
    <t>15607699.0</t>
  </si>
  <si>
    <t>30497.0</t>
  </si>
  <si>
    <t>37995.0</t>
  </si>
  <si>
    <t>55592018.0</t>
  </si>
  <si>
    <t>157887.0</t>
  </si>
  <si>
    <t>1655.812</t>
  </si>
  <si>
    <t>163506.0</t>
  </si>
  <si>
    <t>68718290.0</t>
  </si>
  <si>
    <t>27478612.0</t>
  </si>
  <si>
    <t>25822336.0</t>
  </si>
  <si>
    <t>15628839.0</t>
  </si>
  <si>
    <t>35013.0</t>
  </si>
  <si>
    <t>55735385.0</t>
  </si>
  <si>
    <t>143367.0</t>
  </si>
  <si>
    <t>1660.082</t>
  </si>
  <si>
    <t>158630.0</t>
  </si>
  <si>
    <t>68748584.0</t>
  </si>
  <si>
    <t>27485780.0</t>
  </si>
  <si>
    <t>25824216.0</t>
  </si>
  <si>
    <t>15650277.0</t>
  </si>
  <si>
    <t>32475.0</t>
  </si>
  <si>
    <t>202.57</t>
  </si>
  <si>
    <t>55857791.0</t>
  </si>
  <si>
    <t>1663.728</t>
  </si>
  <si>
    <t>68782971.0</t>
  </si>
  <si>
    <t>27498994.0</t>
  </si>
  <si>
    <t>25825787.0</t>
  </si>
  <si>
    <t>15669980.0</t>
  </si>
  <si>
    <t>55959553.0</t>
  </si>
  <si>
    <t>1666.759</t>
  </si>
  <si>
    <t>149252.0</t>
  </si>
  <si>
    <t>68816157.0</t>
  </si>
  <si>
    <t>27512884.0</t>
  </si>
  <si>
    <t>25826904.0</t>
  </si>
  <si>
    <t>15688202.0</t>
  </si>
  <si>
    <t>202.77</t>
  </si>
  <si>
    <t>56071885.0</t>
  </si>
  <si>
    <t>112332.0</t>
  </si>
  <si>
    <t>1670.105</t>
  </si>
  <si>
    <t>144627.0</t>
  </si>
  <si>
    <t>68841324.0</t>
  </si>
  <si>
    <t>27519710.0</t>
  </si>
  <si>
    <t>25827859.0</t>
  </si>
  <si>
    <t>15705640.0</t>
  </si>
  <si>
    <t>25167.0</t>
  </si>
  <si>
    <t>56232277.0</t>
  </si>
  <si>
    <t>160392.0</t>
  </si>
  <si>
    <t>1674.882</t>
  </si>
  <si>
    <t>139199.0</t>
  </si>
  <si>
    <t>68885134.0</t>
  </si>
  <si>
    <t>27524682.0</t>
  </si>
  <si>
    <t>25829789.0</t>
  </si>
  <si>
    <t>15742707.0</t>
  </si>
  <si>
    <t>43810.0</t>
  </si>
  <si>
    <t>32356.0</t>
  </si>
  <si>
    <t>56361721.0</t>
  </si>
  <si>
    <t>129444.0</t>
  </si>
  <si>
    <t>1678.737</t>
  </si>
  <si>
    <t>68935475.0</t>
  </si>
  <si>
    <t>27531133.0</t>
  </si>
  <si>
    <t>25831605.0</t>
  </si>
  <si>
    <t>15784957.0</t>
  </si>
  <si>
    <t>35190.0</t>
  </si>
  <si>
    <t>56482026.0</t>
  </si>
  <si>
    <t>1682.321</t>
  </si>
  <si>
    <t>127144.0</t>
  </si>
  <si>
    <t>68989805.0</t>
  </si>
  <si>
    <t>27537063.0</t>
  </si>
  <si>
    <t>25833242.0</t>
  </si>
  <si>
    <t>15831892.0</t>
  </si>
  <si>
    <t>56587539.0</t>
  </si>
  <si>
    <t>105513.0</t>
  </si>
  <si>
    <t>1685.463</t>
  </si>
  <si>
    <t>121736.0</t>
  </si>
  <si>
    <t>69049818.0</t>
  </si>
  <si>
    <t>27544916.0</t>
  </si>
  <si>
    <t>25835421.0</t>
  </si>
  <si>
    <t>15881941.0</t>
  </si>
  <si>
    <t>31859.6</t>
  </si>
  <si>
    <t>938.752938575204</t>
  </si>
  <si>
    <t>56682945.0</t>
  </si>
  <si>
    <t>95406.0</t>
  </si>
  <si>
    <t>1688.305</t>
  </si>
  <si>
    <t>117879.0</t>
  </si>
  <si>
    <t>69086624.0</t>
  </si>
  <si>
    <t>27556090.0</t>
  </si>
  <si>
    <t>25838404.0</t>
  </si>
  <si>
    <t>15904789.0</t>
  </si>
  <si>
    <t>36806.0</t>
  </si>
  <si>
    <t>43379.0</t>
  </si>
  <si>
    <t>56763766.0</t>
  </si>
  <si>
    <t>80821.0</t>
  </si>
  <si>
    <t>1690.712</t>
  </si>
  <si>
    <t>69114351.0</t>
  </si>
  <si>
    <t>27565713.0</t>
  </si>
  <si>
    <t>25844516.0</t>
  </si>
  <si>
    <t>15916819.0</t>
  </si>
  <si>
    <t>56839791.0</t>
  </si>
  <si>
    <t>76025.0</t>
  </si>
  <si>
    <t>1692.977</t>
  </si>
  <si>
    <t>109701.0</t>
  </si>
  <si>
    <t>69132411.0</t>
  </si>
  <si>
    <t>27568577.0</t>
  </si>
  <si>
    <t>25855392.0</t>
  </si>
  <si>
    <t>15921162.0</t>
  </si>
  <si>
    <t>56969985.0</t>
  </si>
  <si>
    <t>130194.0</t>
  </si>
  <si>
    <t>1696.855</t>
  </si>
  <si>
    <t>69156521.0</t>
  </si>
  <si>
    <t>27571928.0</t>
  </si>
  <si>
    <t>25864587.0</t>
  </si>
  <si>
    <t>15932731.0</t>
  </si>
  <si>
    <t>57075133.0</t>
  </si>
  <si>
    <t>1699.987</t>
  </si>
  <si>
    <t>101916.0</t>
  </si>
  <si>
    <t>69181678.0</t>
  </si>
  <si>
    <t>27575368.0</t>
  </si>
  <si>
    <t>25874055.0</t>
  </si>
  <si>
    <t>15945012.0</t>
  </si>
  <si>
    <t>25157.0</t>
  </si>
  <si>
    <t>57171315.0</t>
  </si>
  <si>
    <t>96182.0</t>
  </si>
  <si>
    <t>1702.851</t>
  </si>
  <si>
    <t>69209665.0</t>
  </si>
  <si>
    <t>27579280.0</t>
  </si>
  <si>
    <t>25886777.0</t>
  </si>
  <si>
    <t>15956707.0</t>
  </si>
  <si>
    <t>203.93</t>
  </si>
  <si>
    <t>57260150.0</t>
  </si>
  <si>
    <t>1705.497</t>
  </si>
  <si>
    <t>96087.0</t>
  </si>
  <si>
    <t>69241609.0</t>
  </si>
  <si>
    <t>27583831.0</t>
  </si>
  <si>
    <t>25902950.0</t>
  </si>
  <si>
    <t>15967942.0</t>
  </si>
  <si>
    <t>57337556.0</t>
  </si>
  <si>
    <t>1707.803</t>
  </si>
  <si>
    <t>93516.0</t>
  </si>
  <si>
    <t>69279486.0</t>
  </si>
  <si>
    <t>27591212.0</t>
  </si>
  <si>
    <t>25924703.0</t>
  </si>
  <si>
    <t>15976758.0</t>
  </si>
  <si>
    <t>37877.0</t>
  </si>
  <si>
    <t>27552.0</t>
  </si>
  <si>
    <t>57399930.0</t>
  </si>
  <si>
    <t>1709.661</t>
  </si>
  <si>
    <t>90881.0</t>
  </si>
  <si>
    <t>69324445.0</t>
  </si>
  <si>
    <t>27598761.0</t>
  </si>
  <si>
    <t>25955125.0</t>
  </si>
  <si>
    <t>15983769.0</t>
  </si>
  <si>
    <t>44959.0</t>
  </si>
  <si>
    <t>204.27</t>
  </si>
  <si>
    <t>57465350.0</t>
  </si>
  <si>
    <t>65420.0</t>
  </si>
  <si>
    <t>1711.609</t>
  </si>
  <si>
    <t>89366.0</t>
  </si>
  <si>
    <t>69365631.0</t>
  </si>
  <si>
    <t>27603104.0</t>
  </si>
  <si>
    <t>25985446.0</t>
  </si>
  <si>
    <t>15990300.0</t>
  </si>
  <si>
    <t>33317.0</t>
  </si>
  <si>
    <t>57567470.0</t>
  </si>
  <si>
    <t>102120.0</t>
  </si>
  <si>
    <t>1714.651</t>
  </si>
  <si>
    <t>85355.0</t>
  </si>
  <si>
    <t>69414920.0</t>
  </si>
  <si>
    <t>27607988.0</t>
  </si>
  <si>
    <t>26019372.0</t>
  </si>
  <si>
    <t>16000789.0</t>
  </si>
  <si>
    <t>36914.0</t>
  </si>
  <si>
    <t>57647844.0</t>
  </si>
  <si>
    <t>1717.045</t>
  </si>
  <si>
    <t>69463721.0</t>
  </si>
  <si>
    <t>27613033.0</t>
  </si>
  <si>
    <t>26054483.0</t>
  </si>
  <si>
    <t>16009475.0</t>
  </si>
  <si>
    <t>40292.0</t>
  </si>
  <si>
    <t>57725182.0</t>
  </si>
  <si>
    <t>77338.0</t>
  </si>
  <si>
    <t>1719.348</t>
  </si>
  <si>
    <t>69514528.0</t>
  </si>
  <si>
    <t>27619152.0</t>
  </si>
  <si>
    <t>26091294.0</t>
  </si>
  <si>
    <t>16017402.0</t>
  </si>
  <si>
    <t>43552.0</t>
  </si>
  <si>
    <t>57792132.0</t>
  </si>
  <si>
    <t>1721.342</t>
  </si>
  <si>
    <t>75997.0</t>
  </si>
  <si>
    <t>69576743.0</t>
  </si>
  <si>
    <t>27628403.0</t>
  </si>
  <si>
    <t>26135908.0</t>
  </si>
  <si>
    <t>16025779.0</t>
  </si>
  <si>
    <t>62215.0</t>
  </si>
  <si>
    <t>47876.0</t>
  </si>
  <si>
    <t>57858205.0</t>
  </si>
  <si>
    <t>66073.0</t>
  </si>
  <si>
    <t>1723.31</t>
  </si>
  <si>
    <t>74378.0</t>
  </si>
  <si>
    <t>69636785.0</t>
  </si>
  <si>
    <t>27640567.0</t>
  </si>
  <si>
    <t>26177765.0</t>
  </si>
  <si>
    <t>16031820.0</t>
  </si>
  <si>
    <t>60042.0</t>
  </si>
  <si>
    <t>57907554.0</t>
  </si>
  <si>
    <t>49349.0</t>
  </si>
  <si>
    <t>1724.78</t>
  </si>
  <si>
    <t>72518.0</t>
  </si>
  <si>
    <t>69721145.0</t>
  </si>
  <si>
    <t>27656307.0</t>
  </si>
  <si>
    <t>26241676.0</t>
  </si>
  <si>
    <t>16036553.0</t>
  </si>
  <si>
    <t>57957080.0</t>
  </si>
  <si>
    <t>49526.0</t>
  </si>
  <si>
    <t>1726.255</t>
  </si>
  <si>
    <t>69784721.0</t>
  </si>
  <si>
    <t>27668288.0</t>
  </si>
  <si>
    <t>26289592.0</t>
  </si>
  <si>
    <t>16040342.0</t>
  </si>
  <si>
    <t>59870.0</t>
  </si>
  <si>
    <t>205.62</t>
  </si>
  <si>
    <t>58045590.0</t>
  </si>
  <si>
    <t>88510.0</t>
  </si>
  <si>
    <t>1728.892</t>
  </si>
  <si>
    <t>68303.0</t>
  </si>
  <si>
    <t>69844372.0</t>
  </si>
  <si>
    <t>27678157.0</t>
  </si>
  <si>
    <t>26332672.0</t>
  </si>
  <si>
    <t>16047073.0</t>
  </si>
  <si>
    <t>61350.0</t>
  </si>
  <si>
    <t>58103722.0</t>
  </si>
  <si>
    <t>1730.623</t>
  </si>
  <si>
    <t>65125.0</t>
  </si>
  <si>
    <t>69895238.0</t>
  </si>
  <si>
    <t>27686344.0</t>
  </si>
  <si>
    <t>26370213.0</t>
  </si>
  <si>
    <t>16052231.0</t>
  </si>
  <si>
    <t>61645.0</t>
  </si>
  <si>
    <t>58174864.0</t>
  </si>
  <si>
    <t>71142.0</t>
  </si>
  <si>
    <t>1732.742</t>
  </si>
  <si>
    <t>64240.0</t>
  </si>
  <si>
    <t>69960673.0</t>
  </si>
  <si>
    <t>27698483.0</t>
  </si>
  <si>
    <t>26417512.0</t>
  </si>
  <si>
    <t>16058269.0</t>
  </si>
  <si>
    <t>206.14</t>
  </si>
  <si>
    <t>58238830.0</t>
  </si>
  <si>
    <t>63966.0</t>
  </si>
  <si>
    <t>1734.647</t>
  </si>
  <si>
    <t>63814.0</t>
  </si>
  <si>
    <t>70026970.0</t>
  </si>
  <si>
    <t>27713583.0</t>
  </si>
  <si>
    <t>26461281.0</t>
  </si>
  <si>
    <t>16065754.0</t>
  </si>
  <si>
    <t>66297.0</t>
  </si>
  <si>
    <t>58287323.0</t>
  </si>
  <si>
    <t>1736.092</t>
  </si>
  <si>
    <t>70096732.0</t>
  </si>
  <si>
    <t>27731107.0</t>
  </si>
  <si>
    <t>26508147.0</t>
  </si>
  <si>
    <t>16071149.0</t>
  </si>
  <si>
    <t>69762.0</t>
  </si>
  <si>
    <t>65707.0</t>
  </si>
  <si>
    <t>206.54</t>
  </si>
  <si>
    <t>58331660.0</t>
  </si>
  <si>
    <t>1737.412</t>
  </si>
  <si>
    <t>60587.0</t>
  </si>
  <si>
    <t>70177195.0</t>
  </si>
  <si>
    <t>27749773.0</t>
  </si>
  <si>
    <t>26566305.0</t>
  </si>
  <si>
    <t>16074811.0</t>
  </si>
  <si>
    <t>65150.0</t>
  </si>
  <si>
    <t>206.78</t>
  </si>
  <si>
    <t>58375738.0</t>
  </si>
  <si>
    <t>1738.725</t>
  </si>
  <si>
    <t>59808.0</t>
  </si>
  <si>
    <t>70234083.0</t>
  </si>
  <si>
    <t>27762415.0</t>
  </si>
  <si>
    <t>26607351.0</t>
  </si>
  <si>
    <t>16078025.0</t>
  </si>
  <si>
    <t>58450640.0</t>
  </si>
  <si>
    <t>74902.0</t>
  </si>
  <si>
    <t>1740.956</t>
  </si>
  <si>
    <t>70276465.0</t>
  </si>
  <si>
    <t>27770831.0</t>
  </si>
  <si>
    <t>26636069.0</t>
  </si>
  <si>
    <t>16083313.0</t>
  </si>
  <si>
    <t>42382.0</t>
  </si>
  <si>
    <t>58508580.0</t>
  </si>
  <si>
    <t>57940.0</t>
  </si>
  <si>
    <t>1742.682</t>
  </si>
  <si>
    <t>57837.0</t>
  </si>
  <si>
    <t>70314168.0</t>
  </si>
  <si>
    <t>27778615.0</t>
  </si>
  <si>
    <t>26660612.0</t>
  </si>
  <si>
    <t>16088831.0</t>
  </si>
  <si>
    <t>37703.0</t>
  </si>
  <si>
    <t>59847.0</t>
  </si>
  <si>
    <t>58563900.0</t>
  </si>
  <si>
    <t>55320.0</t>
  </si>
  <si>
    <t>1744.33</t>
  </si>
  <si>
    <t>70352678.0</t>
  </si>
  <si>
    <t>27787488.0</t>
  </si>
  <si>
    <t>26685070.0</t>
  </si>
  <si>
    <t>16094055.0</t>
  </si>
  <si>
    <t>58615040.0</t>
  </si>
  <si>
    <t>51140.0</t>
  </si>
  <si>
    <t>1745.853</t>
  </si>
  <si>
    <t>70388551.0</t>
  </si>
  <si>
    <t>27796325.0</t>
  </si>
  <si>
    <t>26706897.0</t>
  </si>
  <si>
    <t>16099275.0</t>
  </si>
  <si>
    <t>35873.0</t>
  </si>
  <si>
    <t>51654.0</t>
  </si>
  <si>
    <t>22.099</t>
  </si>
  <si>
    <t>58654081.0</t>
  </si>
  <si>
    <t>1747.016</t>
  </si>
  <si>
    <t>52394.0</t>
  </si>
  <si>
    <t>70431261.0</t>
  </si>
  <si>
    <t>27807867.0</t>
  </si>
  <si>
    <t>26734134.0</t>
  </si>
  <si>
    <t>16103212.0</t>
  </si>
  <si>
    <t>47790.0</t>
  </si>
  <si>
    <t>58685318.0</t>
  </si>
  <si>
    <t>1747.946</t>
  </si>
  <si>
    <t>50523.0</t>
  </si>
  <si>
    <t>70469715.0</t>
  </si>
  <si>
    <t>27815649.0</t>
  </si>
  <si>
    <t>26762349.0</t>
  </si>
  <si>
    <t>16105672.0</t>
  </si>
  <si>
    <t>41789.0</t>
  </si>
  <si>
    <t>32481.2</t>
  </si>
  <si>
    <t>957.068574258588</t>
  </si>
  <si>
    <t>58708335.0</t>
  </si>
  <si>
    <t>1748.632</t>
  </si>
  <si>
    <t>70483305.0</t>
  </si>
  <si>
    <t>27818020.0</t>
  </si>
  <si>
    <t>26772765.0</t>
  </si>
  <si>
    <t>16106480.0</t>
  </si>
  <si>
    <t>58724704.0</t>
  </si>
  <si>
    <t>1749.119</t>
  </si>
  <si>
    <t>70486472.0</t>
  </si>
  <si>
    <t>27818804.0</t>
  </si>
  <si>
    <t>26774468.0</t>
  </si>
  <si>
    <t>16107160.0</t>
  </si>
  <si>
    <t>58745727.0</t>
  </si>
  <si>
    <t>1749.745</t>
  </si>
  <si>
    <t>70488738.0</t>
  </si>
  <si>
    <t>27819441.0</t>
  </si>
  <si>
    <t>26775617.0</t>
  </si>
  <si>
    <t>16107640.0</t>
  </si>
  <si>
    <t>22.305</t>
  </si>
  <si>
    <t>58767736.0</t>
  </si>
  <si>
    <t>1750.401</t>
  </si>
  <si>
    <t>70491942.0</t>
  </si>
  <si>
    <t>27820159.0</t>
  </si>
  <si>
    <t>26777187.0</t>
  </si>
  <si>
    <t>16108557.0</t>
  </si>
  <si>
    <t>58830171.0</t>
  </si>
  <si>
    <t>62435.0</t>
  </si>
  <si>
    <t>1752.26</t>
  </si>
  <si>
    <t>70505722.0</t>
  </si>
  <si>
    <t>27822485.0</t>
  </si>
  <si>
    <t>26785442.0</t>
  </si>
  <si>
    <t>16111762.0</t>
  </si>
  <si>
    <t>58868979.0</t>
  </si>
  <si>
    <t>1753.416</t>
  </si>
  <si>
    <t>70527854.0</t>
  </si>
  <si>
    <t>27827052.0</t>
  </si>
  <si>
    <t>26799953.0</t>
  </si>
  <si>
    <t>16114820.0</t>
  </si>
  <si>
    <t>58906954.0</t>
  </si>
  <si>
    <t>1754.547</t>
  </si>
  <si>
    <t>31662.0</t>
  </si>
  <si>
    <t>70553830.0</t>
  </si>
  <si>
    <t>27832219.0</t>
  </si>
  <si>
    <t>26818518.0</t>
  </si>
  <si>
    <t>16117069.0</t>
  </si>
  <si>
    <t>58953560.0</t>
  </si>
  <si>
    <t>1755.936</t>
  </si>
  <si>
    <t>70584830.0</t>
  </si>
  <si>
    <t>27840399.0</t>
  </si>
  <si>
    <t>26839120.0</t>
  </si>
  <si>
    <t>16119293.0</t>
  </si>
  <si>
    <t>59031128.0</t>
  </si>
  <si>
    <t>77568.0</t>
  </si>
  <si>
    <t>1758.246</t>
  </si>
  <si>
    <t>43775.0</t>
  </si>
  <si>
    <t>70616906.0</t>
  </si>
  <si>
    <t>27849237.0</t>
  </si>
  <si>
    <t>26857100.0</t>
  </si>
  <si>
    <t>16124562.0</t>
  </si>
  <si>
    <t>59095055.0</t>
  </si>
  <si>
    <t>63927.0</t>
  </si>
  <si>
    <t>1760.15</t>
  </si>
  <si>
    <t>70650682.0</t>
  </si>
  <si>
    <t>27859584.0</t>
  </si>
  <si>
    <t>26874443.0</t>
  </si>
  <si>
    <t>16130657.0</t>
  </si>
  <si>
    <t>33776.0</t>
  </si>
  <si>
    <t>59157326.0</t>
  </si>
  <si>
    <t>1762.005</t>
  </si>
  <si>
    <t>70686846.0</t>
  </si>
  <si>
    <t>27872722.0</t>
  </si>
  <si>
    <t>26890930.0</t>
  </si>
  <si>
    <t>16137207.0</t>
  </si>
  <si>
    <t>59211668.0</t>
  </si>
  <si>
    <t>1763.623</t>
  </si>
  <si>
    <t>70730999.0</t>
  </si>
  <si>
    <t>27890783.0</t>
  </si>
  <si>
    <t>26910135.0</t>
  </si>
  <si>
    <t>16144117.0</t>
  </si>
  <si>
    <t>44153.0</t>
  </si>
  <si>
    <t>208.41</t>
  </si>
  <si>
    <t>59253962.0</t>
  </si>
  <si>
    <t>42294.0</t>
  </si>
  <si>
    <t>1764.883</t>
  </si>
  <si>
    <t>70788637.0</t>
  </si>
  <si>
    <t>27913884.0</t>
  </si>
  <si>
    <t>26939651.0</t>
  </si>
  <si>
    <t>16149146.0</t>
  </si>
  <si>
    <t>57638.0</t>
  </si>
  <si>
    <t>37255.0</t>
  </si>
  <si>
    <t>59286291.0</t>
  </si>
  <si>
    <t>1765.846</t>
  </si>
  <si>
    <t>70837900.0</t>
  </si>
  <si>
    <t>27931861.0</t>
  </si>
  <si>
    <t>26966999.0</t>
  </si>
  <si>
    <t>16153084.0</t>
  </si>
  <si>
    <t>40581.0</t>
  </si>
  <si>
    <t>59316913.0</t>
  </si>
  <si>
    <t>30622.0</t>
  </si>
  <si>
    <t>1766.758</t>
  </si>
  <si>
    <t>70864487.0</t>
  </si>
  <si>
    <t>27942047.0</t>
  </si>
  <si>
    <t>26981333.0</t>
  </si>
  <si>
    <t>16155207.0</t>
  </si>
  <si>
    <t>26587.0</t>
  </si>
  <si>
    <t>59359347.0</t>
  </si>
  <si>
    <t>1768.022</t>
  </si>
  <si>
    <t>70876524.0</t>
  </si>
  <si>
    <t>27944838.0</t>
  </si>
  <si>
    <t>26986939.0</t>
  </si>
  <si>
    <t>16158864.0</t>
  </si>
  <si>
    <t>37088.0</t>
  </si>
  <si>
    <t>208.84</t>
  </si>
  <si>
    <t>27.609</t>
  </si>
  <si>
    <t>59417975.0</t>
  </si>
  <si>
    <t>58628.0</t>
  </si>
  <si>
    <t>1769.768</t>
  </si>
  <si>
    <t>46131.0</t>
  </si>
  <si>
    <t>70895233.0</t>
  </si>
  <si>
    <t>27948631.0</t>
  </si>
  <si>
    <t>26996693.0</t>
  </si>
  <si>
    <t>16164234.0</t>
  </si>
  <si>
    <t>59469213.0</t>
  </si>
  <si>
    <t>51238.0</t>
  </si>
  <si>
    <t>1771.294</t>
  </si>
  <si>
    <t>44555.0</t>
  </si>
  <si>
    <t>70911003.0</t>
  </si>
  <si>
    <t>27952279.0</t>
  </si>
  <si>
    <t>27003883.0</t>
  </si>
  <si>
    <t>16169202.0</t>
  </si>
  <si>
    <t>32022.0</t>
  </si>
  <si>
    <t>59515171.0</t>
  </si>
  <si>
    <t>1772.663</t>
  </si>
  <si>
    <t>43358.0</t>
  </si>
  <si>
    <t>70930191.0</t>
  </si>
  <si>
    <t>27957153.0</t>
  </si>
  <si>
    <t>27012424.0</t>
  </si>
  <si>
    <t>16175016.0</t>
  </si>
  <si>
    <t>59553683.0</t>
  </si>
  <si>
    <t>38512.0</t>
  </si>
  <si>
    <t>1773.81</t>
  </si>
  <si>
    <t>70956095.0</t>
  </si>
  <si>
    <t>27965286.0</t>
  </si>
  <si>
    <t>27026480.0</t>
  </si>
  <si>
    <t>16178741.0</t>
  </si>
  <si>
    <t>209.07</t>
  </si>
  <si>
    <t>59583220.0</t>
  </si>
  <si>
    <t>1774.69</t>
  </si>
  <si>
    <t>42418.0</t>
  </si>
  <si>
    <t>70981727.0</t>
  </si>
  <si>
    <t>27973666.0</t>
  </si>
  <si>
    <t>27041117.0</t>
  </si>
  <si>
    <t>16181359.0</t>
  </si>
  <si>
    <t>25632.0</t>
  </si>
  <si>
    <t>59617963.0</t>
  </si>
  <si>
    <t>1775.725</t>
  </si>
  <si>
    <t>70999229.0</t>
  </si>
  <si>
    <t>27980090.0</t>
  </si>
  <si>
    <t>27049990.0</t>
  </si>
  <si>
    <t>16183570.0</t>
  </si>
  <si>
    <t>59677500.0</t>
  </si>
  <si>
    <t>1777.498</t>
  </si>
  <si>
    <t>71011597.0</t>
  </si>
  <si>
    <t>27984007.0</t>
  </si>
  <si>
    <t>27054995.0</t>
  </si>
  <si>
    <t>16187125.0</t>
  </si>
  <si>
    <t>209.24</t>
  </si>
  <si>
    <t>59724402.0</t>
  </si>
  <si>
    <t>1778.895</t>
  </si>
  <si>
    <t>71025489.0</t>
  </si>
  <si>
    <t>27988232.0</t>
  </si>
  <si>
    <t>27060437.0</t>
  </si>
  <si>
    <t>16191437.0</t>
  </si>
  <si>
    <t>59770593.0</t>
  </si>
  <si>
    <t>46191.0</t>
  </si>
  <si>
    <t>1780.271</t>
  </si>
  <si>
    <t>43054.0</t>
  </si>
  <si>
    <t>71039091.0</t>
  </si>
  <si>
    <t>27992614.0</t>
  </si>
  <si>
    <t>27065854.0</t>
  </si>
  <si>
    <t>16195469.0</t>
  </si>
  <si>
    <t>59811575.0</t>
  </si>
  <si>
    <t>1781.492</t>
  </si>
  <si>
    <t>42343.0</t>
  </si>
  <si>
    <t>71057266.0</t>
  </si>
  <si>
    <t>27999208.0</t>
  </si>
  <si>
    <t>27072311.0</t>
  </si>
  <si>
    <t>16200621.0</t>
  </si>
  <si>
    <t>18154.0</t>
  </si>
  <si>
    <t>59844541.0</t>
  </si>
  <si>
    <t>1782.474</t>
  </si>
  <si>
    <t>71081142.0</t>
  </si>
  <si>
    <t>28008498.0</t>
  </si>
  <si>
    <t>27083373.0</t>
  </si>
  <si>
    <t>16204164.0</t>
  </si>
  <si>
    <t>59869959.0</t>
  </si>
  <si>
    <t>1783.231</t>
  </si>
  <si>
    <t>71102876.0</t>
  </si>
  <si>
    <t>28017294.0</t>
  </si>
  <si>
    <t>27093993.0</t>
  </si>
  <si>
    <t>16206487.0</t>
  </si>
  <si>
    <t>59898901.0</t>
  </si>
  <si>
    <t>28942.0</t>
  </si>
  <si>
    <t>1784.093</t>
  </si>
  <si>
    <t>71118807.0</t>
  </si>
  <si>
    <t>28024483.0</t>
  </si>
  <si>
    <t>27100986.0</t>
  </si>
  <si>
    <t>16208250.0</t>
  </si>
  <si>
    <t>209.55</t>
  </si>
  <si>
    <t>11.344</t>
  </si>
  <si>
    <t>59949776.0</t>
  </si>
  <si>
    <t>50875.0</t>
  </si>
  <si>
    <t>1785.608</t>
  </si>
  <si>
    <t>38897.0</t>
  </si>
  <si>
    <t>71133152.0</t>
  </si>
  <si>
    <t>28030459.0</t>
  </si>
  <si>
    <t>27105797.0</t>
  </si>
  <si>
    <t>16211899.0</t>
  </si>
  <si>
    <t>14345.0</t>
  </si>
  <si>
    <t>59991554.0</t>
  </si>
  <si>
    <t>1786.852</t>
  </si>
  <si>
    <t>71149921.0</t>
  </si>
  <si>
    <t>28038508.0</t>
  </si>
  <si>
    <t>27110523.0</t>
  </si>
  <si>
    <t>16215923.0</t>
  </si>
  <si>
    <t>33053.8</t>
  </si>
  <si>
    <t>973.940409831795</t>
  </si>
  <si>
    <t>60034025.0</t>
  </si>
  <si>
    <t>1788.117</t>
  </si>
  <si>
    <t>71156333.0</t>
  </si>
  <si>
    <t>28039409.0</t>
  </si>
  <si>
    <t>27113215.0</t>
  </si>
  <si>
    <t>16218783.0</t>
  </si>
  <si>
    <t>17.561</t>
  </si>
  <si>
    <t>60068085.0</t>
  </si>
  <si>
    <t>1789.132</t>
  </si>
  <si>
    <t>71164184.0</t>
  </si>
  <si>
    <t>28040383.0</t>
  </si>
  <si>
    <t>27117406.0</t>
  </si>
  <si>
    <t>16221476.0</t>
  </si>
  <si>
    <t>15274.0</t>
  </si>
  <si>
    <t>60096938.0</t>
  </si>
  <si>
    <t>1789.991</t>
  </si>
  <si>
    <t>36057.0</t>
  </si>
  <si>
    <t>71175432.0</t>
  </si>
  <si>
    <t>28042691.0</t>
  </si>
  <si>
    <t>27124263.0</t>
  </si>
  <si>
    <t>16223617.0</t>
  </si>
  <si>
    <t>209.72</t>
  </si>
  <si>
    <t>60118788.0</t>
  </si>
  <si>
    <t>1790.642</t>
  </si>
  <si>
    <t>71184839.0</t>
  </si>
  <si>
    <t>28044866.0</t>
  </si>
  <si>
    <t>27129952.0</t>
  </si>
  <si>
    <t>16225160.0</t>
  </si>
  <si>
    <t>209.75</t>
  </si>
  <si>
    <t>60143600.0</t>
  </si>
  <si>
    <t>1791.381</t>
  </si>
  <si>
    <t>34957.0</t>
  </si>
  <si>
    <t>71190678.0</t>
  </si>
  <si>
    <t>28046469.0</t>
  </si>
  <si>
    <t>27133139.0</t>
  </si>
  <si>
    <t>16226214.0</t>
  </si>
  <si>
    <t>60169588.0</t>
  </si>
  <si>
    <t>25988.0</t>
  </si>
  <si>
    <t>1792.155</t>
  </si>
  <si>
    <t>71193363.0</t>
  </si>
  <si>
    <t>28046834.0</t>
  </si>
  <si>
    <t>27134487.0</t>
  </si>
  <si>
    <t>16227189.0</t>
  </si>
  <si>
    <t>60219703.0</t>
  </si>
  <si>
    <t>1793.648</t>
  </si>
  <si>
    <t>71200717.0</t>
  </si>
  <si>
    <t>28047528.0</t>
  </si>
  <si>
    <t>27138233.0</t>
  </si>
  <si>
    <t>16230198.0</t>
  </si>
  <si>
    <t>60261600.0</t>
  </si>
  <si>
    <t>1794.896</t>
  </si>
  <si>
    <t>71207943.0</t>
  </si>
  <si>
    <t>28048247.0</t>
  </si>
  <si>
    <t>27142079.0</t>
  </si>
  <si>
    <t>16232869.0</t>
  </si>
  <si>
    <t>60302752.0</t>
  </si>
  <si>
    <t>1796.121</t>
  </si>
  <si>
    <t>33524.0</t>
  </si>
  <si>
    <t>71218068.0</t>
  </si>
  <si>
    <t>28049098.0</t>
  </si>
  <si>
    <t>27147967.0</t>
  </si>
  <si>
    <t>16236348.0</t>
  </si>
  <si>
    <t>60334734.0</t>
  </si>
  <si>
    <t>1797.074</t>
  </si>
  <si>
    <t>71232005.0</t>
  </si>
  <si>
    <t>28050340.0</t>
  </si>
  <si>
    <t>27157612.0</t>
  </si>
  <si>
    <t>16239418.0</t>
  </si>
  <si>
    <t>209.89</t>
  </si>
  <si>
    <t>60359470.0</t>
  </si>
  <si>
    <t>24736.0</t>
  </si>
  <si>
    <t>1797.811</t>
  </si>
  <si>
    <t>71245258.0</t>
  </si>
  <si>
    <t>28051208.0</t>
  </si>
  <si>
    <t>27168361.0</t>
  </si>
  <si>
    <t>16241060.0</t>
  </si>
  <si>
    <t>60389528.0</t>
  </si>
  <si>
    <t>1798.706</t>
  </si>
  <si>
    <t>71254111.0</t>
  </si>
  <si>
    <t>28052301.0</t>
  </si>
  <si>
    <t>27174901.0</t>
  </si>
  <si>
    <t>16242280.0</t>
  </si>
  <si>
    <t>60440776.0</t>
  </si>
  <si>
    <t>1800.232</t>
  </si>
  <si>
    <t>71262356.0</t>
  </si>
  <si>
    <t>28052750.0</t>
  </si>
  <si>
    <t>27180478.0</t>
  </si>
  <si>
    <t>16244504.0</t>
  </si>
  <si>
    <t>13.495</t>
  </si>
  <si>
    <t>60484925.0</t>
  </si>
  <si>
    <t>44149.0</t>
  </si>
  <si>
    <t>1801.547</t>
  </si>
  <si>
    <t>37889.0</t>
  </si>
  <si>
    <t>71270759.0</t>
  </si>
  <si>
    <t>28053552.0</t>
  </si>
  <si>
    <t>27185259.0</t>
  </si>
  <si>
    <t>16247358.0</t>
  </si>
  <si>
    <t>60526386.0</t>
  </si>
  <si>
    <t>1802.782</t>
  </si>
  <si>
    <t>37827.0</t>
  </si>
  <si>
    <t>71280785.0</t>
  </si>
  <si>
    <t>28054889.0</t>
  </si>
  <si>
    <t>27191565.0</t>
  </si>
  <si>
    <t>16249747.0</t>
  </si>
  <si>
    <t>60562563.0</t>
  </si>
  <si>
    <t>1803.86</t>
  </si>
  <si>
    <t>71293803.0</t>
  </si>
  <si>
    <t>28055573.0</t>
  </si>
  <si>
    <t>27201253.0</t>
  </si>
  <si>
    <t>16252463.0</t>
  </si>
  <si>
    <t>210.07</t>
  </si>
  <si>
    <t>60592847.0</t>
  </si>
  <si>
    <t>1804.762</t>
  </si>
  <si>
    <t>36873.0</t>
  </si>
  <si>
    <t>71312030.0</t>
  </si>
  <si>
    <t>28056528.0</t>
  </si>
  <si>
    <t>27216099.0</t>
  </si>
  <si>
    <t>16254906.0</t>
  </si>
  <si>
    <t>60617559.0</t>
  </si>
  <si>
    <t>1805.498</t>
  </si>
  <si>
    <t>36870.0</t>
  </si>
  <si>
    <t>71328986.0</t>
  </si>
  <si>
    <t>28057764.0</t>
  </si>
  <si>
    <t>27230082.0</t>
  </si>
  <si>
    <t>16256648.0</t>
  </si>
  <si>
    <t>60647556.0</t>
  </si>
  <si>
    <t>29997.0</t>
  </si>
  <si>
    <t>1806.391</t>
  </si>
  <si>
    <t>71340028.0</t>
  </si>
  <si>
    <t>28058694.0</t>
  </si>
  <si>
    <t>27239202.0</t>
  </si>
  <si>
    <t>16257641.0</t>
  </si>
  <si>
    <t>14.379</t>
  </si>
  <si>
    <t>71348078.0</t>
  </si>
  <si>
    <t>28059300.0</t>
  </si>
  <si>
    <t>27244491.0</t>
  </si>
  <si>
    <t>16259799.0</t>
  </si>
  <si>
    <t>210.23</t>
  </si>
  <si>
    <t>71356305.0</t>
  </si>
  <si>
    <t>28060054.0</t>
  </si>
  <si>
    <t>27249494.0</t>
  </si>
  <si>
    <t>16262290.0</t>
  </si>
  <si>
    <t>71367038.0</t>
  </si>
  <si>
    <t>28061322.0</t>
  </si>
  <si>
    <t>27256162.0</t>
  </si>
  <si>
    <t>16265189.0</t>
  </si>
  <si>
    <t>71381117.0</t>
  </si>
  <si>
    <t>28063754.0</t>
  </si>
  <si>
    <t>27264308.0</t>
  </si>
  <si>
    <t>16268692.0</t>
  </si>
  <si>
    <t>71401425.0</t>
  </si>
  <si>
    <t>28066736.0</t>
  </si>
  <si>
    <t>27277866.0</t>
  </si>
  <si>
    <t>16272488.0</t>
  </si>
  <si>
    <t>71415067.0</t>
  </si>
  <si>
    <t>28068020.0</t>
  </si>
  <si>
    <t>27287608.0</t>
  </si>
  <si>
    <t>16275105.0</t>
  </si>
  <si>
    <t>71423075.0</t>
  </si>
  <si>
    <t>28068896.0</t>
  </si>
  <si>
    <t>27292804.0</t>
  </si>
  <si>
    <t>16277042.0</t>
  </si>
  <si>
    <t>71429174.0</t>
  </si>
  <si>
    <t>28069222.0</t>
  </si>
  <si>
    <t>27295064.0</t>
  </si>
  <si>
    <t>16280555.0</t>
  </si>
  <si>
    <t>71435155.0</t>
  </si>
  <si>
    <t>28069481.0</t>
  </si>
  <si>
    <t>27296817.0</t>
  </si>
  <si>
    <t>16284526.0</t>
  </si>
  <si>
    <t>19.035</t>
  </si>
  <si>
    <t>71440964.0</t>
  </si>
  <si>
    <t>28069828.0</t>
  </si>
  <si>
    <t>27298662.0</t>
  </si>
  <si>
    <t>16288150.0</t>
  </si>
  <si>
    <t>71449520.0</t>
  </si>
  <si>
    <t>28070578.0</t>
  </si>
  <si>
    <t>27302113.0</t>
  </si>
  <si>
    <t>16292680.0</t>
  </si>
  <si>
    <t>210.53</t>
  </si>
  <si>
    <t>31460.8</t>
  </si>
  <si>
    <t>927.002173596868</t>
  </si>
  <si>
    <t>20.596</t>
  </si>
  <si>
    <t>71459554.0</t>
  </si>
  <si>
    <t>28071652.0</t>
  </si>
  <si>
    <t>27307387.0</t>
  </si>
  <si>
    <t>16296367.0</t>
  </si>
  <si>
    <t>210.56</t>
  </si>
  <si>
    <t>32.412</t>
  </si>
  <si>
    <t>71468614.0</t>
  </si>
  <si>
    <t>28072694.0</t>
  </si>
  <si>
    <t>27312367.0</t>
  </si>
  <si>
    <t>16299405.0</t>
  </si>
  <si>
    <t>71476634.0</t>
  </si>
  <si>
    <t>28073174.0</t>
  </si>
  <si>
    <t>27317624.0</t>
  </si>
  <si>
    <t>16301736.0</t>
  </si>
  <si>
    <t>210.61</t>
  </si>
  <si>
    <t>71483981.0</t>
  </si>
  <si>
    <t>28073582.0</t>
  </si>
  <si>
    <t>27321155.0</t>
  </si>
  <si>
    <t>16305277.0</t>
  </si>
  <si>
    <t>71493028.0</t>
  </si>
  <si>
    <t>28074237.0</t>
  </si>
  <si>
    <t>27325734.0</t>
  </si>
  <si>
    <t>16309183.0</t>
  </si>
  <si>
    <t>210.66</t>
  </si>
  <si>
    <t>71503851.0</t>
  </si>
  <si>
    <t>28074577.0</t>
  </si>
  <si>
    <t>27332458.0</t>
  </si>
  <si>
    <t>16313032.0</t>
  </si>
  <si>
    <t>210.69</t>
  </si>
  <si>
    <t>71520298.0</t>
  </si>
  <si>
    <t>28075213.0</t>
  </si>
  <si>
    <t>27343080.0</t>
  </si>
  <si>
    <t>16318224.0</t>
  </si>
  <si>
    <t>71540059.0</t>
  </si>
  <si>
    <t>28075883.0</t>
  </si>
  <si>
    <t>27356428.0</t>
  </si>
  <si>
    <t>16323968.0</t>
  </si>
  <si>
    <t>71552879.0</t>
  </si>
  <si>
    <t>28076298.0</t>
  </si>
  <si>
    <t>27362961.0</t>
  </si>
  <si>
    <t>16329840.0</t>
  </si>
  <si>
    <t>71558534.0</t>
  </si>
  <si>
    <t>28076781.0</t>
  </si>
  <si>
    <t>27364651.0</t>
  </si>
  <si>
    <t>16333322.0</t>
  </si>
  <si>
    <t>71563814.0</t>
  </si>
  <si>
    <t>28076878.0</t>
  </si>
  <si>
    <t>27365748.0</t>
  </si>
  <si>
    <t>16337408.0</t>
  </si>
  <si>
    <t>210.86</t>
  </si>
  <si>
    <t>71574704.0</t>
  </si>
  <si>
    <t>28077095.0</t>
  </si>
  <si>
    <t>27368206.0</t>
  </si>
  <si>
    <t>16345626.0</t>
  </si>
  <si>
    <t>71588030.0</t>
  </si>
  <si>
    <t>28077396.0</t>
  </si>
  <si>
    <t>27371717.0</t>
  </si>
  <si>
    <t>16355151.0</t>
  </si>
  <si>
    <t>71604987.0</t>
  </si>
  <si>
    <t>28078183.0</t>
  </si>
  <si>
    <t>27376324.0</t>
  </si>
  <si>
    <t>16366815.0</t>
  </si>
  <si>
    <t>16957.0</t>
  </si>
  <si>
    <t>71627699.0</t>
  </si>
  <si>
    <t>28078843.0</t>
  </si>
  <si>
    <t>27386022.0</t>
  </si>
  <si>
    <t>16379174.0</t>
  </si>
  <si>
    <t>71647425.0</t>
  </si>
  <si>
    <t>28079460.0</t>
  </si>
  <si>
    <t>27395834.0</t>
  </si>
  <si>
    <t>16388498.0</t>
  </si>
  <si>
    <t>60.374</t>
  </si>
  <si>
    <t>71660590.0</t>
  </si>
  <si>
    <t>28079924.0</t>
  </si>
  <si>
    <t>27401995.0</t>
  </si>
  <si>
    <t>16395038.0</t>
  </si>
  <si>
    <t>211.15</t>
  </si>
  <si>
    <t>71673541.0</t>
  </si>
  <si>
    <t>28080267.0</t>
  </si>
  <si>
    <t>27405086.0</t>
  </si>
  <si>
    <t>16404574.0</t>
  </si>
  <si>
    <t>71687521.0</t>
  </si>
  <si>
    <t>28080624.0</t>
  </si>
  <si>
    <t>27408460.0</t>
  </si>
  <si>
    <t>16414826.0</t>
  </si>
  <si>
    <t>13980.0</t>
  </si>
  <si>
    <t>71703347.0</t>
  </si>
  <si>
    <t>28081124.0</t>
  </si>
  <si>
    <t>27411673.0</t>
  </si>
  <si>
    <t>16427163.0</t>
  </si>
  <si>
    <t>211.28</t>
  </si>
  <si>
    <t>32.265</t>
  </si>
  <si>
    <t>71723552.0</t>
  </si>
  <si>
    <t>28081577.0</t>
  </si>
  <si>
    <t>27417310.0</t>
  </si>
  <si>
    <t>16441282.0</t>
  </si>
  <si>
    <t>20205.0</t>
  </si>
  <si>
    <t>71746330.0</t>
  </si>
  <si>
    <t>28082239.0</t>
  </si>
  <si>
    <t>27426447.0</t>
  </si>
  <si>
    <t>16454261.0</t>
  </si>
  <si>
    <t>22778.0</t>
  </si>
  <si>
    <t>71764987.0</t>
  </si>
  <si>
    <t>28083285.0</t>
  </si>
  <si>
    <t>27434515.0</t>
  </si>
  <si>
    <t>16463816.0</t>
  </si>
  <si>
    <t>18657.0</t>
  </si>
  <si>
    <t>34.239</t>
  </si>
  <si>
    <t>71778053.0</t>
  </si>
  <si>
    <t>28084024.0</t>
  </si>
  <si>
    <t>27439104.0</t>
  </si>
  <si>
    <t>16471586.0</t>
  </si>
  <si>
    <t>71793180.0</t>
  </si>
  <si>
    <t>28084313.0</t>
  </si>
  <si>
    <t>27442418.0</t>
  </si>
  <si>
    <t>16483132.0</t>
  </si>
  <si>
    <t>71810064.0</t>
  </si>
  <si>
    <t>28084692.0</t>
  </si>
  <si>
    <t>27447019.0</t>
  </si>
  <si>
    <t>16495078.0</t>
  </si>
  <si>
    <t>211.59</t>
  </si>
  <si>
    <t>71824332.0</t>
  </si>
  <si>
    <t>28085156.0</t>
  </si>
  <si>
    <t>27449537.0</t>
  </si>
  <si>
    <t>16506582.0</t>
  </si>
  <si>
    <t>71841399.0</t>
  </si>
  <si>
    <t>28085569.0</t>
  </si>
  <si>
    <t>27453583.0</t>
  </si>
  <si>
    <t>16519194.0</t>
  </si>
  <si>
    <t>71861321.0</t>
  </si>
  <si>
    <t>28086298.0</t>
  </si>
  <si>
    <t>27460110.0</t>
  </si>
  <si>
    <t>16531866.0</t>
  </si>
  <si>
    <t>211.74</t>
  </si>
  <si>
    <t>71872387.0</t>
  </si>
  <si>
    <t>28086712.0</t>
  </si>
  <si>
    <t>27463570.0</t>
  </si>
  <si>
    <t>16539058.0</t>
  </si>
  <si>
    <t>71881479.0</t>
  </si>
  <si>
    <t>28087591.0</t>
  </si>
  <si>
    <t>27466455.0</t>
  </si>
  <si>
    <t>16544420.0</t>
  </si>
  <si>
    <t>1012.81104463476</t>
  </si>
  <si>
    <t>71889993.0</t>
  </si>
  <si>
    <t>28087798.0</t>
  </si>
  <si>
    <t>27467705.0</t>
  </si>
  <si>
    <t>16551478.0</t>
  </si>
  <si>
    <t>71899127.0</t>
  </si>
  <si>
    <t>28088189.0</t>
  </si>
  <si>
    <t>27468703.0</t>
  </si>
  <si>
    <t>16559304.0</t>
  </si>
  <si>
    <t>71908378.0</t>
  </si>
  <si>
    <t>28088733.0</t>
  </si>
  <si>
    <t>27469888.0</t>
  </si>
  <si>
    <t>16566875.0</t>
  </si>
  <si>
    <t>71919386.0</t>
  </si>
  <si>
    <t>28089172.0</t>
  </si>
  <si>
    <t>27472093.0</t>
  </si>
  <si>
    <t>16575257.0</t>
  </si>
  <si>
    <t>71931365.0</t>
  </si>
  <si>
    <t>28089707.0</t>
  </si>
  <si>
    <t>27475076.0</t>
  </si>
  <si>
    <t>16583741.0</t>
  </si>
  <si>
    <t>71939861.0</t>
  </si>
  <si>
    <t>28090688.0</t>
  </si>
  <si>
    <t>27477458.0</t>
  </si>
  <si>
    <t>16588874.0</t>
  </si>
  <si>
    <t>71944564.0</t>
  </si>
  <si>
    <t>28090957.0</t>
  </si>
  <si>
    <t>27478670.0</t>
  </si>
  <si>
    <t>16592096.0</t>
  </si>
  <si>
    <t>71950940.0</t>
  </si>
  <si>
    <t>28091212.0</t>
  </si>
  <si>
    <t>27479383.0</t>
  </si>
  <si>
    <t>16597505.0</t>
  </si>
  <si>
    <t>71958012.0</t>
  </si>
  <si>
    <t>28091548.0</t>
  </si>
  <si>
    <t>27480099.0</t>
  </si>
  <si>
    <t>16603572.0</t>
  </si>
  <si>
    <t>71965279.0</t>
  </si>
  <si>
    <t>28092164.0</t>
  </si>
  <si>
    <t>27481184.0</t>
  </si>
  <si>
    <t>16609478.0</t>
  </si>
  <si>
    <t>71973530.0</t>
  </si>
  <si>
    <t>28092684.0</t>
  </si>
  <si>
    <t>27482574.0</t>
  </si>
  <si>
    <t>16616006.0</t>
  </si>
  <si>
    <t>71983225.0</t>
  </si>
  <si>
    <t>28093301.0</t>
  </si>
  <si>
    <t>27484552.0</t>
  </si>
  <si>
    <t>16623110.0</t>
  </si>
  <si>
    <t>71990402.0</t>
  </si>
  <si>
    <t>28094078.0</t>
  </si>
  <si>
    <t>27486935.0</t>
  </si>
  <si>
    <t>16627276.0</t>
  </si>
  <si>
    <t>212.12</t>
  </si>
  <si>
    <t>71994709.0</t>
  </si>
  <si>
    <t>28094325.0</t>
  </si>
  <si>
    <t>27488341.0</t>
  </si>
  <si>
    <t>16629930.0</t>
  </si>
  <si>
    <t>71999266.0</t>
  </si>
  <si>
    <t>28094545.0</t>
  </si>
  <si>
    <t>27488788.0</t>
  </si>
  <si>
    <t>16633820.0</t>
  </si>
  <si>
    <t>72004372.0</t>
  </si>
  <si>
    <t>28094748.0</t>
  </si>
  <si>
    <t>27489402.0</t>
  </si>
  <si>
    <t>16638109.0</t>
  </si>
  <si>
    <t>72010345.0</t>
  </si>
  <si>
    <t>28095065.0</t>
  </si>
  <si>
    <t>27490129.0</t>
  </si>
  <si>
    <t>16643038.0</t>
  </si>
  <si>
    <t>72017956.0</t>
  </si>
  <si>
    <t>28095467.0</t>
  </si>
  <si>
    <t>27491927.0</t>
  </si>
  <si>
    <t>16648449.0</t>
  </si>
  <si>
    <t>72027155.0</t>
  </si>
  <si>
    <t>28096063.0</t>
  </si>
  <si>
    <t>27494568.0</t>
  </si>
  <si>
    <t>16654411.0</t>
  </si>
  <si>
    <t>72032624.0</t>
  </si>
  <si>
    <t>28096457.0</t>
  </si>
  <si>
    <t>27495976.0</t>
  </si>
  <si>
    <t>16658078.0</t>
  </si>
  <si>
    <t>212.25</t>
  </si>
  <si>
    <t>72036024.0</t>
  </si>
  <si>
    <t>28096703.0</t>
  </si>
  <si>
    <t>27497317.0</t>
  </si>
  <si>
    <t>16659891.0</t>
  </si>
  <si>
    <t>212.26</t>
  </si>
  <si>
    <t>72040041.0</t>
  </si>
  <si>
    <t>28096989.0</t>
  </si>
  <si>
    <t>27497780.0</t>
  </si>
  <si>
    <t>16663160.0</t>
  </si>
  <si>
    <t>72044273.0</t>
  </si>
  <si>
    <t>28097238.0</t>
  </si>
  <si>
    <t>27498151.0</t>
  </si>
  <si>
    <t>16666772.0</t>
  </si>
  <si>
    <t>31.145</t>
  </si>
  <si>
    <t>72049700.0</t>
  </si>
  <si>
    <t>28097504.0</t>
  </si>
  <si>
    <t>27498581.0</t>
  </si>
  <si>
    <t>16671503.0</t>
  </si>
  <si>
    <t>72055031.0</t>
  </si>
  <si>
    <t>28097990.0</t>
  </si>
  <si>
    <t>27499386.0</t>
  </si>
  <si>
    <t>16675543.0</t>
  </si>
  <si>
    <t>72061339.0</t>
  </si>
  <si>
    <t>28098520.0</t>
  </si>
  <si>
    <t>27500683.0</t>
  </si>
  <si>
    <t>16680024.0</t>
  </si>
  <si>
    <t>212.33</t>
  </si>
  <si>
    <t>72065802.0</t>
  </si>
  <si>
    <t>28098868.0</t>
  </si>
  <si>
    <t>27502192.0</t>
  </si>
  <si>
    <t>16682630.0</t>
  </si>
  <si>
    <t>29.642</t>
  </si>
  <si>
    <t>72068182.0</t>
  </si>
  <si>
    <t>28099077.0</t>
  </si>
  <si>
    <t>27502854.0</t>
  </si>
  <si>
    <t>16684139.0</t>
  </si>
  <si>
    <t>72071515.0</t>
  </si>
  <si>
    <t>28099301.0</t>
  </si>
  <si>
    <t>27503150.0</t>
  </si>
  <si>
    <t>16686952.0</t>
  </si>
  <si>
    <t>72075442.0</t>
  </si>
  <si>
    <t>28099451.0</t>
  </si>
  <si>
    <t>27503409.0</t>
  </si>
  <si>
    <t>16690470.0</t>
  </si>
  <si>
    <t>212.37</t>
  </si>
  <si>
    <t>72076878.0</t>
  </si>
  <si>
    <t>28099525.0</t>
  </si>
  <si>
    <t>27503656.0</t>
  </si>
  <si>
    <t>16691586.0</t>
  </si>
  <si>
    <t>34572.8</t>
  </si>
  <si>
    <t>1018.69821324727</t>
  </si>
  <si>
    <t>72080703.0</t>
  </si>
  <si>
    <t>28099812.0</t>
  </si>
  <si>
    <t>27504076.0</t>
  </si>
  <si>
    <t>16694705.0</t>
  </si>
  <si>
    <t>72085762.0</t>
  </si>
  <si>
    <t>28100327.0</t>
  </si>
  <si>
    <t>27504843.0</t>
  </si>
  <si>
    <t>16698482.0</t>
  </si>
  <si>
    <t>72088497.0</t>
  </si>
  <si>
    <t>28100604.0</t>
  </si>
  <si>
    <t>27505470.0</t>
  </si>
  <si>
    <t>16700313.0</t>
  </si>
  <si>
    <t>72090000.0</t>
  </si>
  <si>
    <t>28100790.0</t>
  </si>
  <si>
    <t>27505804.0</t>
  </si>
  <si>
    <t>16701296.0</t>
  </si>
  <si>
    <t>212.42</t>
  </si>
  <si>
    <t>72092321.0</t>
  </si>
  <si>
    <t>28101112.0</t>
  </si>
  <si>
    <t>27506018.0</t>
  </si>
  <si>
    <t>16703081.0</t>
  </si>
  <si>
    <t>72095057.0</t>
  </si>
  <si>
    <t>28101653.0</t>
  </si>
  <si>
    <t>27506265.0</t>
  </si>
  <si>
    <t>16705029.0</t>
  </si>
  <si>
    <t>212.43</t>
  </si>
  <si>
    <t>72098236.0</t>
  </si>
  <si>
    <t>28102281.0</t>
  </si>
  <si>
    <t>27506568.0</t>
  </si>
  <si>
    <t>16707277.0</t>
  </si>
  <si>
    <t>212.44</t>
  </si>
  <si>
    <t>72102873.0</t>
  </si>
  <si>
    <t>28102706.0</t>
  </si>
  <si>
    <t>27507048.0</t>
  </si>
  <si>
    <t>16711009.0</t>
  </si>
  <si>
    <t>72107034.0</t>
  </si>
  <si>
    <t>28103183.0</t>
  </si>
  <si>
    <t>27507885.0</t>
  </si>
  <si>
    <t>16713856.0</t>
  </si>
  <si>
    <t>72109484.0</t>
  </si>
  <si>
    <t>28103504.0</t>
  </si>
  <si>
    <t>27508530.0</t>
  </si>
  <si>
    <t>16715340.0</t>
  </si>
  <si>
    <t>72110847.0</t>
  </si>
  <si>
    <t>28103635.0</t>
  </si>
  <si>
    <t>27508879.0</t>
  </si>
  <si>
    <t>16716223.0</t>
  </si>
  <si>
    <t>212.48</t>
  </si>
  <si>
    <t>72112642.0</t>
  </si>
  <si>
    <t>28103740.0</t>
  </si>
  <si>
    <t>27509099.0</t>
  </si>
  <si>
    <t>16717693.0</t>
  </si>
  <si>
    <t>72115173.0</t>
  </si>
  <si>
    <t>28103901.0</t>
  </si>
  <si>
    <t>27509436.0</t>
  </si>
  <si>
    <t>16719727.0</t>
  </si>
  <si>
    <t>72117880.0</t>
  </si>
  <si>
    <t>28104216.0</t>
  </si>
  <si>
    <t>27509704.0</t>
  </si>
  <si>
    <t>16721851.0</t>
  </si>
  <si>
    <t>72121892.0</t>
  </si>
  <si>
    <t>28104546.0</t>
  </si>
  <si>
    <t>27510224.0</t>
  </si>
  <si>
    <t>16725013.0</t>
  </si>
  <si>
    <t>72123253.0</t>
  </si>
  <si>
    <t>28104724.0</t>
  </si>
  <si>
    <t>27510551.0</t>
  </si>
  <si>
    <t>16725869.0</t>
  </si>
  <si>
    <t>72125069.0</t>
  </si>
  <si>
    <t>28104953.0</t>
  </si>
  <si>
    <t>27511091.0</t>
  </si>
  <si>
    <t>16726916.0</t>
  </si>
  <si>
    <t>50.356</t>
  </si>
  <si>
    <t>72126030.0</t>
  </si>
  <si>
    <t>28105064.0</t>
  </si>
  <si>
    <t>27511362.0</t>
  </si>
  <si>
    <t>16727495.0</t>
  </si>
  <si>
    <t>72127634.0</t>
  </si>
  <si>
    <t>28105176.0</t>
  </si>
  <si>
    <t>27511566.0</t>
  </si>
  <si>
    <t>16728783.0</t>
  </si>
  <si>
    <t>212.53</t>
  </si>
  <si>
    <t>72130027.0</t>
  </si>
  <si>
    <t>28105342.0</t>
  </si>
  <si>
    <t>27511816.0</t>
  </si>
  <si>
    <t>16730760.0</t>
  </si>
  <si>
    <t>72132118.0</t>
  </si>
  <si>
    <t>28105464.0</t>
  </si>
  <si>
    <t>27512115.0</t>
  </si>
  <si>
    <t>16732430.0</t>
  </si>
  <si>
    <t>212.54</t>
  </si>
  <si>
    <t>72135329.0</t>
  </si>
  <si>
    <t>28105742.0</t>
  </si>
  <si>
    <t>27512565.0</t>
  </si>
  <si>
    <t>16734913.0</t>
  </si>
  <si>
    <t>72139298.0</t>
  </si>
  <si>
    <t>28106147.0</t>
  </si>
  <si>
    <t>27513429.0</t>
  </si>
  <si>
    <t>16737613.0</t>
  </si>
  <si>
    <t>72141628.0</t>
  </si>
  <si>
    <t>28106366.0</t>
  </si>
  <si>
    <t>27513992.0</t>
  </si>
  <si>
    <t>16739161.0</t>
  </si>
  <si>
    <t>212.57</t>
  </si>
  <si>
    <t>72142839.0</t>
  </si>
  <si>
    <t>28106517.0</t>
  </si>
  <si>
    <t>27514312.0</t>
  </si>
  <si>
    <t>16739901.0</t>
  </si>
  <si>
    <t>72144369.0</t>
  </si>
  <si>
    <t>28106611.0</t>
  </si>
  <si>
    <t>27514498.0</t>
  </si>
  <si>
    <t>16741151.0</t>
  </si>
  <si>
    <t>23.985</t>
  </si>
  <si>
    <t>72146246.0</t>
  </si>
  <si>
    <t>28106760.0</t>
  </si>
  <si>
    <t>27514837.0</t>
  </si>
  <si>
    <t>16742553.0</t>
  </si>
  <si>
    <t>72148185.0</t>
  </si>
  <si>
    <t>28107151.0</t>
  </si>
  <si>
    <t>27515312.0</t>
  </si>
  <si>
    <t>16743837.0</t>
  </si>
  <si>
    <t>72150645.0</t>
  </si>
  <si>
    <t>28107395.0</t>
  </si>
  <si>
    <t>27515620.0</t>
  </si>
  <si>
    <t>16745745.0</t>
  </si>
  <si>
    <t>72154189.0</t>
  </si>
  <si>
    <t>28107728.0</t>
  </si>
  <si>
    <t>27516263.0</t>
  </si>
  <si>
    <t>16748313.0</t>
  </si>
  <si>
    <t>34734.4</t>
  </si>
  <si>
    <t>1023.45980708002</t>
  </si>
  <si>
    <t>72155961.0</t>
  </si>
  <si>
    <t>28108066.0</t>
  </si>
  <si>
    <t>27516730.0</t>
  </si>
  <si>
    <t>16749280.0</t>
  </si>
  <si>
    <t>72156926.0</t>
  </si>
  <si>
    <t>28108193.0</t>
  </si>
  <si>
    <t>27516953.0</t>
  </si>
  <si>
    <t>16749895.0</t>
  </si>
  <si>
    <t>72157958.0</t>
  </si>
  <si>
    <t>28108352.0</t>
  </si>
  <si>
    <t>27517067.0</t>
  </si>
  <si>
    <t>16750657.0</t>
  </si>
  <si>
    <t>212.62</t>
  </si>
  <si>
    <t>72159301.0</t>
  </si>
  <si>
    <t>28108491.0</t>
  </si>
  <si>
    <t>27517229.0</t>
  </si>
  <si>
    <t>16751699.0</t>
  </si>
  <si>
    <t>72160806.0</t>
  </si>
  <si>
    <t>28108611.0</t>
  </si>
  <si>
    <t>27517424.0</t>
  </si>
  <si>
    <t>16752889.0</t>
  </si>
  <si>
    <t>72162689.0</t>
  </si>
  <si>
    <t>28108781.0</t>
  </si>
  <si>
    <t>27517684.0</t>
  </si>
  <si>
    <t>16754342.0</t>
  </si>
  <si>
    <t>72164787.0</t>
  </si>
  <si>
    <t>28109008.0</t>
  </si>
  <si>
    <t>27518096.0</t>
  </si>
  <si>
    <t>16755801.0</t>
  </si>
  <si>
    <t>20.066</t>
  </si>
  <si>
    <t>72166371.0</t>
  </si>
  <si>
    <t>28109254.0</t>
  </si>
  <si>
    <t>27518681.0</t>
  </si>
  <si>
    <t>16756554.0</t>
  </si>
  <si>
    <t>72166842.0</t>
  </si>
  <si>
    <t>28109327.0</t>
  </si>
  <si>
    <t>27518813.0</t>
  </si>
  <si>
    <t>16756820.0</t>
  </si>
  <si>
    <t>72167526.0</t>
  </si>
  <si>
    <t>28109387.0</t>
  </si>
  <si>
    <t>27518941.0</t>
  </si>
  <si>
    <t>16757316.0</t>
  </si>
  <si>
    <t>72168692.0</t>
  </si>
  <si>
    <t>28109465.0</t>
  </si>
  <si>
    <t>27519091.0</t>
  </si>
  <si>
    <t>16758254.0</t>
  </si>
  <si>
    <t>212.65</t>
  </si>
  <si>
    <t>72170198.0</t>
  </si>
  <si>
    <t>28109569.0</t>
  </si>
  <si>
    <t>27519267.0</t>
  </si>
  <si>
    <t>16759480.0</t>
  </si>
  <si>
    <t>72172055.0</t>
  </si>
  <si>
    <t>28109747.0</t>
  </si>
  <si>
    <t>27519551.0</t>
  </si>
  <si>
    <t>16760875.0</t>
  </si>
  <si>
    <t>72173985.0</t>
  </si>
  <si>
    <t>28110008.0</t>
  </si>
  <si>
    <t>27520058.0</t>
  </si>
  <si>
    <t>16762046.0</t>
  </si>
  <si>
    <t>72175358.0</t>
  </si>
  <si>
    <t>28110242.0</t>
  </si>
  <si>
    <t>27520465.0</t>
  </si>
  <si>
    <t>16762778.0</t>
  </si>
  <si>
    <t>212.67</t>
  </si>
  <si>
    <t>72175957.0</t>
  </si>
  <si>
    <t>28110317.0</t>
  </si>
  <si>
    <t>27520635.0</t>
  </si>
  <si>
    <t>16763132.0</t>
  </si>
  <si>
    <t>72176971.0</t>
  </si>
  <si>
    <t>28110407.0</t>
  </si>
  <si>
    <t>27520797.0</t>
  </si>
  <si>
    <t>16763894.0</t>
  </si>
  <si>
    <t>72178189.0</t>
  </si>
  <si>
    <t>28110572.0</t>
  </si>
  <si>
    <t>27520945.0</t>
  </si>
  <si>
    <t>16764799.0</t>
  </si>
  <si>
    <t>212.68</t>
  </si>
  <si>
    <t>45.612</t>
  </si>
  <si>
    <t>72179290.0</t>
  </si>
  <si>
    <t>28110651.0</t>
  </si>
  <si>
    <t>27521059.0</t>
  </si>
  <si>
    <t>16765707.0</t>
  </si>
  <si>
    <t>72181717.0</t>
  </si>
  <si>
    <t>28110816.0</t>
  </si>
  <si>
    <t>27521358.0</t>
  </si>
  <si>
    <t>16767670.0</t>
  </si>
  <si>
    <t>212.69</t>
  </si>
  <si>
    <t>72183483.0</t>
  </si>
  <si>
    <t>28111077.0</t>
  </si>
  <si>
    <t>27521720.0</t>
  </si>
  <si>
    <t>16768813.0</t>
  </si>
  <si>
    <t>72184559.0</t>
  </si>
  <si>
    <t>28111253.0</t>
  </si>
  <si>
    <t>27521966.0</t>
  </si>
  <si>
    <t>16769467.0</t>
  </si>
  <si>
    <t>72185144.0</t>
  </si>
  <si>
    <t>28111385.0</t>
  </si>
  <si>
    <t>27522082.0</t>
  </si>
  <si>
    <t>16769804.0</t>
  </si>
  <si>
    <t>72185556.0</t>
  </si>
  <si>
    <t>28111428.0</t>
  </si>
  <si>
    <t>27522205.0</t>
  </si>
  <si>
    <t>16770065.0</t>
  </si>
  <si>
    <t>49.472</t>
  </si>
  <si>
    <t>72186325.0</t>
  </si>
  <si>
    <t>28111485.0</t>
  </si>
  <si>
    <t>27522332.0</t>
  </si>
  <si>
    <t>16770650.0</t>
  </si>
  <si>
    <t>72187439.0</t>
  </si>
  <si>
    <t>28111600.0</t>
  </si>
  <si>
    <t>27522456.0</t>
  </si>
  <si>
    <t>16771525.0</t>
  </si>
  <si>
    <t>72189081.0</t>
  </si>
  <si>
    <t>28111792.0</t>
  </si>
  <si>
    <t>27522697.0</t>
  </si>
  <si>
    <t>16772737.0</t>
  </si>
  <si>
    <t>72190536.0</t>
  </si>
  <si>
    <t>28112000.0</t>
  </si>
  <si>
    <t>27523019.0</t>
  </si>
  <si>
    <t>16773662.0</t>
  </si>
  <si>
    <t>72191697.0</t>
  </si>
  <si>
    <t>28112227.0</t>
  </si>
  <si>
    <t>27523331.0</t>
  </si>
  <si>
    <t>16774284.0</t>
  </si>
  <si>
    <t>72192298.0</t>
  </si>
  <si>
    <t>28112328.0</t>
  </si>
  <si>
    <t>27523528.0</t>
  </si>
  <si>
    <t>16774587.0</t>
  </si>
  <si>
    <t>72193533.0</t>
  </si>
  <si>
    <t>28112419.0</t>
  </si>
  <si>
    <t>27523639.0</t>
  </si>
  <si>
    <t>16775620.0</t>
  </si>
  <si>
    <t>72194837.0</t>
  </si>
  <si>
    <t>28112480.0</t>
  </si>
  <si>
    <t>27523691.0</t>
  </si>
  <si>
    <t>16776811.0</t>
  </si>
  <si>
    <t>72196757.0</t>
  </si>
  <si>
    <t>28112578.0</t>
  </si>
  <si>
    <t>27523793.0</t>
  </si>
  <si>
    <t>16778531.0</t>
  </si>
  <si>
    <t>72199376.0</t>
  </si>
  <si>
    <t>28112807.0</t>
  </si>
  <si>
    <t>27523953.0</t>
  </si>
  <si>
    <t>16780761.0</t>
  </si>
  <si>
    <t>72202510.0</t>
  </si>
  <si>
    <t>28113060.0</t>
  </si>
  <si>
    <t>27524269.0</t>
  </si>
  <si>
    <t>16783326.0</t>
  </si>
  <si>
    <t>72204776.0</t>
  </si>
  <si>
    <t>28113296.0</t>
  </si>
  <si>
    <t>27524567.0</t>
  </si>
  <si>
    <t>16785058.0</t>
  </si>
  <si>
    <t>72205928.0</t>
  </si>
  <si>
    <t>28113408.0</t>
  </si>
  <si>
    <t>27524718.0</t>
  </si>
  <si>
    <t>16785947.0</t>
  </si>
  <si>
    <t>72208573.0</t>
  </si>
  <si>
    <t>28113464.0</t>
  </si>
  <si>
    <t>27524762.0</t>
  </si>
  <si>
    <t>16788492.0</t>
  </si>
  <si>
    <t>72211426.0</t>
  </si>
  <si>
    <t>28113533.0</t>
  </si>
  <si>
    <t>27524871.0</t>
  </si>
  <si>
    <t>16791169.0</t>
  </si>
  <si>
    <t>212.77</t>
  </si>
  <si>
    <t>72215080.0</t>
  </si>
  <si>
    <t>28113651.0</t>
  </si>
  <si>
    <t>27525008.0</t>
  </si>
  <si>
    <t>16794569.0</t>
  </si>
  <si>
    <t>72219210.0</t>
  </si>
  <si>
    <t>28113791.0</t>
  </si>
  <si>
    <t>27525214.0</t>
  </si>
  <si>
    <t>16798353.0</t>
  </si>
  <si>
    <t>72224600.0</t>
  </si>
  <si>
    <t>28114185.0</t>
  </si>
  <si>
    <t>27525516.0</t>
  </si>
  <si>
    <t>16803047.0</t>
  </si>
  <si>
    <t>212.81</t>
  </si>
  <si>
    <t>72228382.0</t>
  </si>
  <si>
    <t>28114479.0</t>
  </si>
  <si>
    <t>27525797.0</t>
  </si>
  <si>
    <t>16806254.0</t>
  </si>
  <si>
    <t>72230340.0</t>
  </si>
  <si>
    <t>28114612.0</t>
  </si>
  <si>
    <t>27525926.0</t>
  </si>
  <si>
    <t>16807950.0</t>
  </si>
  <si>
    <t>72234037.0</t>
  </si>
  <si>
    <t>28114688.0</t>
  </si>
  <si>
    <t>27525969.0</t>
  </si>
  <si>
    <t>16811528.0</t>
  </si>
  <si>
    <t>212.84</t>
  </si>
  <si>
    <t>72237701.0</t>
  </si>
  <si>
    <t>28114818.0</t>
  </si>
  <si>
    <t>27526024.0</t>
  </si>
  <si>
    <t>16815007.0</t>
  </si>
  <si>
    <t>212.85</t>
  </si>
  <si>
    <t>72242283.0</t>
  </si>
  <si>
    <t>28114964.0</t>
  </si>
  <si>
    <t>27526086.0</t>
  </si>
  <si>
    <t>16819381.0</t>
  </si>
  <si>
    <t>212.86</t>
  </si>
  <si>
    <t>72247626.0</t>
  </si>
  <si>
    <t>28115124.0</t>
  </si>
  <si>
    <t>27526281.0</t>
  </si>
  <si>
    <t>16824369.0</t>
  </si>
  <si>
    <t>72251017.0</t>
  </si>
  <si>
    <t>28115335.0</t>
  </si>
  <si>
    <t>27526507.0</t>
  </si>
  <si>
    <t>16827323.0</t>
  </si>
  <si>
    <t>72251764.0</t>
  </si>
  <si>
    <t>28115381.0</t>
  </si>
  <si>
    <t>27526562.0</t>
  </si>
  <si>
    <t>16827969.0</t>
  </si>
  <si>
    <t>46.703</t>
  </si>
  <si>
    <t>72253104.0</t>
  </si>
  <si>
    <t>28115470.0</t>
  </si>
  <si>
    <t>27526674.0</t>
  </si>
  <si>
    <t>16829108.0</t>
  </si>
  <si>
    <t>72255743.0</t>
  </si>
  <si>
    <t>28115535.0</t>
  </si>
  <si>
    <t>27526719.0</t>
  </si>
  <si>
    <t>16831637.0</t>
  </si>
  <si>
    <t>72258487.0</t>
  </si>
  <si>
    <t>28115633.0</t>
  </si>
  <si>
    <t>27526797.0</t>
  </si>
  <si>
    <t>16834206.0</t>
  </si>
  <si>
    <t>72261680.0</t>
  </si>
  <si>
    <t>28115702.0</t>
  </si>
  <si>
    <t>27526913.0</t>
  </si>
  <si>
    <t>16837214.0</t>
  </si>
  <si>
    <t>72265825.0</t>
  </si>
  <si>
    <t>28115925.0</t>
  </si>
  <si>
    <t>27527219.0</t>
  </si>
  <si>
    <t>16840830.0</t>
  </si>
  <si>
    <t>72269910.0</t>
  </si>
  <si>
    <t>28116249.0</t>
  </si>
  <si>
    <t>27527599.0</t>
  </si>
  <si>
    <t>16844211.0</t>
  </si>
  <si>
    <t>72272753.0</t>
  </si>
  <si>
    <t>28116515.0</t>
  </si>
  <si>
    <t>27527852.0</t>
  </si>
  <si>
    <t>16846536.0</t>
  </si>
  <si>
    <t>72274213.0</t>
  </si>
  <si>
    <t>28116646.0</t>
  </si>
  <si>
    <t>27527970.0</t>
  </si>
  <si>
    <t>16847747.0</t>
  </si>
  <si>
    <t>72275992.0</t>
  </si>
  <si>
    <t>28116690.0</t>
  </si>
  <si>
    <t>27528014.0</t>
  </si>
  <si>
    <t>16849438.0</t>
  </si>
  <si>
    <t>72278487.0</t>
  </si>
  <si>
    <t>28116830.0</t>
  </si>
  <si>
    <t>27528086.0</t>
  </si>
  <si>
    <t>16851721.0</t>
  </si>
  <si>
    <t>72281696.0</t>
  </si>
  <si>
    <t>28116958.0</t>
  </si>
  <si>
    <t>27528221.0</t>
  </si>
  <si>
    <t>16854668.0</t>
  </si>
  <si>
    <t>72285167.0</t>
  </si>
  <si>
    <t>28117141.0</t>
  </si>
  <si>
    <t>27528385.0</t>
  </si>
  <si>
    <t>16857792.0</t>
  </si>
  <si>
    <t>212.99</t>
  </si>
  <si>
    <t>72288457.0</t>
  </si>
  <si>
    <t>28117373.0</t>
  </si>
  <si>
    <t>27528648.0</t>
  </si>
  <si>
    <t>16860587.0</t>
  </si>
  <si>
    <t>72290626.0</t>
  </si>
  <si>
    <t>28117554.0</t>
  </si>
  <si>
    <t>27528881.0</t>
  </si>
  <si>
    <t>16862342.0</t>
  </si>
  <si>
    <t>72291900.0</t>
  </si>
  <si>
    <t>28117643.0</t>
  </si>
  <si>
    <t>27528991.0</t>
  </si>
  <si>
    <t>16863417.0</t>
  </si>
  <si>
    <t>72293843.0</t>
  </si>
  <si>
    <t>28117693.0</t>
  </si>
  <si>
    <t>27529044.0</t>
  </si>
  <si>
    <t>16865257.0</t>
  </si>
  <si>
    <t>213.02</t>
  </si>
  <si>
    <t>72296175.0</t>
  </si>
  <si>
    <t>28117765.0</t>
  </si>
  <si>
    <t>27529132.0</t>
  </si>
  <si>
    <t>16867429.0</t>
  </si>
  <si>
    <t>72298766.0</t>
  </si>
  <si>
    <t>28117851.0</t>
  </si>
  <si>
    <t>27529237.0</t>
  </si>
  <si>
    <t>16869829.0</t>
  </si>
  <si>
    <t>72302904.0</t>
  </si>
  <si>
    <t>28117988.0</t>
  </si>
  <si>
    <t>27529354.0</t>
  </si>
  <si>
    <t>16873713.0</t>
  </si>
  <si>
    <t>72306692.0</t>
  </si>
  <si>
    <t>28118298.0</t>
  </si>
  <si>
    <t>27529647.0</t>
  </si>
  <si>
    <t>16876898.0</t>
  </si>
  <si>
    <t>72308517.0</t>
  </si>
  <si>
    <t>28118516.0</t>
  </si>
  <si>
    <t>27529864.0</t>
  </si>
  <si>
    <t>16878288.0</t>
  </si>
  <si>
    <t>72309387.0</t>
  </si>
  <si>
    <t>28118603.0</t>
  </si>
  <si>
    <t>27529966.0</t>
  </si>
  <si>
    <t>16878969.0</t>
  </si>
  <si>
    <t>72311439.0</t>
  </si>
  <si>
    <t>28118647.0</t>
  </si>
  <si>
    <t>27530020.0</t>
  </si>
  <si>
    <t>16880923.0</t>
  </si>
  <si>
    <t>213.07</t>
  </si>
  <si>
    <t>72313443.0</t>
  </si>
  <si>
    <t>28118711.0</t>
  </si>
  <si>
    <t>27530072.0</t>
  </si>
  <si>
    <t>16882811.0</t>
  </si>
  <si>
    <t>72315717.0</t>
  </si>
  <si>
    <t>28118785.0</t>
  </si>
  <si>
    <t>27530150.0</t>
  </si>
  <si>
    <t>16884933.0</t>
  </si>
  <si>
    <t>213.08</t>
  </si>
  <si>
    <t>46.261</t>
  </si>
  <si>
    <t>72318684.0</t>
  </si>
  <si>
    <t>28119048.0</t>
  </si>
  <si>
    <t>27530430.0</t>
  </si>
  <si>
    <t>16887357.0</t>
  </si>
  <si>
    <t>72321538.0</t>
  </si>
  <si>
    <t>28119282.0</t>
  </si>
  <si>
    <t>27530696.0</t>
  </si>
  <si>
    <t>16889711.0</t>
  </si>
  <si>
    <t>72323459.0</t>
  </si>
  <si>
    <t>28119461.0</t>
  </si>
  <si>
    <t>27530861.0</t>
  </si>
  <si>
    <t>16891288.0</t>
  </si>
  <si>
    <t>72324299.0</t>
  </si>
  <si>
    <t>28119534.0</t>
  </si>
  <si>
    <t>27530963.0</t>
  </si>
  <si>
    <t>16891953.0</t>
  </si>
  <si>
    <t>72325547.0</t>
  </si>
  <si>
    <t>28119603.0</t>
  </si>
  <si>
    <t>27531004.0</t>
  </si>
  <si>
    <t>16893091.0</t>
  </si>
  <si>
    <t>72327656.0</t>
  </si>
  <si>
    <t>28119696.0</t>
  </si>
  <si>
    <t>27531065.0</t>
  </si>
  <si>
    <t>16895046.0</t>
  </si>
  <si>
    <t>72329225.0</t>
  </si>
  <si>
    <t>28119781.0</t>
  </si>
  <si>
    <t>27531115.0</t>
  </si>
  <si>
    <t>16896480.0</t>
  </si>
  <si>
    <t>72331401.0</t>
  </si>
  <si>
    <t>28119897.0</t>
  </si>
  <si>
    <t>27531225.0</t>
  </si>
  <si>
    <t>16898430.0</t>
  </si>
  <si>
    <t>72333502.0</t>
  </si>
  <si>
    <t>28120100.0</t>
  </si>
  <si>
    <t>27531469.0</t>
  </si>
  <si>
    <t>16900084.0</t>
  </si>
  <si>
    <t>72334454.0</t>
  </si>
  <si>
    <t>28120213.0</t>
  </si>
  <si>
    <t>27531596.0</t>
  </si>
  <si>
    <t>16900796.0</t>
  </si>
  <si>
    <t>72334771.0</t>
  </si>
  <si>
    <t>28120241.0</t>
  </si>
  <si>
    <t>27531659.0</t>
  </si>
  <si>
    <t>16901022.0</t>
  </si>
  <si>
    <t>72335975.0</t>
  </si>
  <si>
    <t>28120292.0</t>
  </si>
  <si>
    <t>27531712.0</t>
  </si>
  <si>
    <t>16902122.0</t>
  </si>
  <si>
    <t>72337771.0</t>
  </si>
  <si>
    <t>28120387.0</t>
  </si>
  <si>
    <t>27531789.0</t>
  </si>
  <si>
    <t>16903746.0</t>
  </si>
  <si>
    <t>213.15</t>
  </si>
  <si>
    <t>72339998.0</t>
  </si>
  <si>
    <t>28120466.0</t>
  </si>
  <si>
    <t>27531904.0</t>
  </si>
  <si>
    <t>16905779.0</t>
  </si>
  <si>
    <t>72343275.0</t>
  </si>
  <si>
    <t>28120609.0</t>
  </si>
  <si>
    <t>27532077.0</t>
  </si>
  <si>
    <t>16908740.0</t>
  </si>
  <si>
    <t>25.723</t>
  </si>
  <si>
    <t>72346628.0</t>
  </si>
  <si>
    <t>28120851.0</t>
  </si>
  <si>
    <t>27532348.0</t>
  </si>
  <si>
    <t>16911580.0</t>
  </si>
  <si>
    <t>72349085.0</t>
  </si>
  <si>
    <t>28121040.0</t>
  </si>
  <si>
    <t>27532578.0</t>
  </si>
  <si>
    <t>16913618.0</t>
  </si>
  <si>
    <t>72350241.0</t>
  </si>
  <si>
    <t>28121079.0</t>
  </si>
  <si>
    <t>27532609.0</t>
  </si>
  <si>
    <t>16914704.0</t>
  </si>
  <si>
    <t>23.484</t>
  </si>
  <si>
    <t>72353202.0</t>
  </si>
  <si>
    <t>28121135.0</t>
  </si>
  <si>
    <t>27532650.0</t>
  </si>
  <si>
    <t>16917568.0</t>
  </si>
  <si>
    <t>213.19</t>
  </si>
  <si>
    <t>72357376.0</t>
  </si>
  <si>
    <t>28121196.0</t>
  </si>
  <si>
    <t>27532690.0</t>
  </si>
  <si>
    <t>16921641.0</t>
  </si>
  <si>
    <t>72362958.0</t>
  </si>
  <si>
    <t>28121267.0</t>
  </si>
  <si>
    <t>27532755.0</t>
  </si>
  <si>
    <t>16927087.0</t>
  </si>
  <si>
    <t>213.22</t>
  </si>
  <si>
    <t>72370690.0</t>
  </si>
  <si>
    <t>28121380.0</t>
  </si>
  <si>
    <t>27532865.0</t>
  </si>
  <si>
    <t>16934596.0</t>
  </si>
  <si>
    <t>MDV</t>
  </si>
  <si>
    <t>Maldives</t>
  </si>
  <si>
    <t>18.5185892271448</t>
  </si>
  <si>
    <t>622.4</t>
  </si>
  <si>
    <t>-5.7</t>
  </si>
  <si>
    <t>8.0183582220627</t>
  </si>
  <si>
    <t>15.898</t>
  </si>
  <si>
    <t>20.017</t>
  </si>
  <si>
    <t>20.834</t>
  </si>
  <si>
    <t>21.883</t>
  </si>
  <si>
    <t>13356.0</t>
  </si>
  <si>
    <t>25.613</t>
  </si>
  <si>
    <t>28.273</t>
  </si>
  <si>
    <t>29.924</t>
  </si>
  <si>
    <t>33.029</t>
  </si>
  <si>
    <t>34.333</t>
  </si>
  <si>
    <t>35.882</t>
  </si>
  <si>
    <t>37.221</t>
  </si>
  <si>
    <t>39.1372246553061</t>
  </si>
  <si>
    <t>41.858</t>
  </si>
  <si>
    <t>43.394</t>
  </si>
  <si>
    <t>45.183</t>
  </si>
  <si>
    <t>46.583</t>
  </si>
  <si>
    <t>48.261</t>
  </si>
  <si>
    <t>52.083</t>
  </si>
  <si>
    <t>53.548</t>
  </si>
  <si>
    <t>54.754</t>
  </si>
  <si>
    <t>30318.0</t>
  </si>
  <si>
    <t>31024.0</t>
  </si>
  <si>
    <t>59.495</t>
  </si>
  <si>
    <t>61.942</t>
  </si>
  <si>
    <t>64.182</t>
  </si>
  <si>
    <t>66.458</t>
  </si>
  <si>
    <t>36361.0</t>
  </si>
  <si>
    <t>37211.0</t>
  </si>
  <si>
    <t>73.013</t>
  </si>
  <si>
    <t>74.422</t>
  </si>
  <si>
    <t>76.336</t>
  </si>
  <si>
    <t>46.9646695863673</t>
  </si>
  <si>
    <t>41046.0</t>
  </si>
  <si>
    <t>78.714</t>
  </si>
  <si>
    <t>42432.0</t>
  </si>
  <si>
    <t>81.372</t>
  </si>
  <si>
    <t>43337.0</t>
  </si>
  <si>
    <t>83.107</t>
  </si>
  <si>
    <t>87.462</t>
  </si>
  <si>
    <t>88.954</t>
  </si>
  <si>
    <t>90.287</t>
  </si>
  <si>
    <t>92.151</t>
  </si>
  <si>
    <t>93.967</t>
  </si>
  <si>
    <t>49451.0</t>
  </si>
  <si>
    <t>94.832</t>
  </si>
  <si>
    <t>95.285</t>
  </si>
  <si>
    <t>51289.0</t>
  </si>
  <si>
    <t>101.694</t>
  </si>
  <si>
    <t>53709.0</t>
  </si>
  <si>
    <t>102.998</t>
  </si>
  <si>
    <t>104.795</t>
  </si>
  <si>
    <t>55269.0</t>
  </si>
  <si>
    <t>107.537</t>
  </si>
  <si>
    <t>56734.0</t>
  </si>
  <si>
    <t>108.799</t>
  </si>
  <si>
    <t>110.181</t>
  </si>
  <si>
    <t>58166.0</t>
  </si>
  <si>
    <t>111.545</t>
  </si>
  <si>
    <t>58840.0</t>
  </si>
  <si>
    <t>112.837</t>
  </si>
  <si>
    <t>114.142</t>
  </si>
  <si>
    <t>60315.0</t>
  </si>
  <si>
    <t>61444.0</t>
  </si>
  <si>
    <t>117.831</t>
  </si>
  <si>
    <t>119.724</t>
  </si>
  <si>
    <t>63577.0</t>
  </si>
  <si>
    <t>121.922</t>
  </si>
  <si>
    <t>65020.0</t>
  </si>
  <si>
    <t>124.689</t>
  </si>
  <si>
    <t>66407.0</t>
  </si>
  <si>
    <t>127.349</t>
  </si>
  <si>
    <t>67510.0</t>
  </si>
  <si>
    <t>129.464</t>
  </si>
  <si>
    <t>68370.0</t>
  </si>
  <si>
    <t>131.113</t>
  </si>
  <si>
    <t>100.229477775784</t>
  </si>
  <si>
    <t>132.872</t>
  </si>
  <si>
    <t>70469.0</t>
  </si>
  <si>
    <t>135.138</t>
  </si>
  <si>
    <t>72585.0</t>
  </si>
  <si>
    <t>139.196</t>
  </si>
  <si>
    <t>75057.0</t>
  </si>
  <si>
    <t>143.937</t>
  </si>
  <si>
    <t>145.977</t>
  </si>
  <si>
    <t>77102.0</t>
  </si>
  <si>
    <t>147.859</t>
  </si>
  <si>
    <t>77862.0</t>
  </si>
  <si>
    <t>149.316</t>
  </si>
  <si>
    <t>79025.0</t>
  </si>
  <si>
    <t>151.546</t>
  </si>
  <si>
    <t>80174.0</t>
  </si>
  <si>
    <t>153.75</t>
  </si>
  <si>
    <t>81373.0</t>
  </si>
  <si>
    <t>158.341</t>
  </si>
  <si>
    <t>83517.0</t>
  </si>
  <si>
    <t>160.161</t>
  </si>
  <si>
    <t>84335.0</t>
  </si>
  <si>
    <t>161.729</t>
  </si>
  <si>
    <t>85645.0</t>
  </si>
  <si>
    <t>166.228</t>
  </si>
  <si>
    <t>87645.0</t>
  </si>
  <si>
    <t>168.077</t>
  </si>
  <si>
    <t>170.234</t>
  </si>
  <si>
    <t>89703.0</t>
  </si>
  <si>
    <t>172.023</t>
  </si>
  <si>
    <t>91200.0</t>
  </si>
  <si>
    <t>174.894</t>
  </si>
  <si>
    <t>92152.0</t>
  </si>
  <si>
    <t>176.72</t>
  </si>
  <si>
    <t>93124.0</t>
  </si>
  <si>
    <t>178.584</t>
  </si>
  <si>
    <t>94101.0</t>
  </si>
  <si>
    <t>180.457</t>
  </si>
  <si>
    <t>95325.0</t>
  </si>
  <si>
    <t>182.805</t>
  </si>
  <si>
    <t>184.826</t>
  </si>
  <si>
    <t>97569.0</t>
  </si>
  <si>
    <t>187.108</t>
  </si>
  <si>
    <t>189.066</t>
  </si>
  <si>
    <t>191.231</t>
  </si>
  <si>
    <t>101208.0</t>
  </si>
  <si>
    <t>194.087</t>
  </si>
  <si>
    <t>102397.0</t>
  </si>
  <si>
    <t>196.367</t>
  </si>
  <si>
    <t>178.313013795394</t>
  </si>
  <si>
    <t>198.204</t>
  </si>
  <si>
    <t>105197.0</t>
  </si>
  <si>
    <t>201.736</t>
  </si>
  <si>
    <t>108930.0</t>
  </si>
  <si>
    <t>208.895</t>
  </si>
  <si>
    <t>110469.0</t>
  </si>
  <si>
    <t>211.846</t>
  </si>
  <si>
    <t>111618.0</t>
  </si>
  <si>
    <t>112942.0</t>
  </si>
  <si>
    <t>216.589</t>
  </si>
  <si>
    <t>114436.0</t>
  </si>
  <si>
    <t>219.454</t>
  </si>
  <si>
    <t>116145.0</t>
  </si>
  <si>
    <t>222.731</t>
  </si>
  <si>
    <t>117431.0</t>
  </si>
  <si>
    <t>225.197</t>
  </si>
  <si>
    <t>227.295</t>
  </si>
  <si>
    <t>119826.0</t>
  </si>
  <si>
    <t>229.79</t>
  </si>
  <si>
    <t>121093.0</t>
  </si>
  <si>
    <t>122350.0</t>
  </si>
  <si>
    <t>234.631</t>
  </si>
  <si>
    <t>237.776</t>
  </si>
  <si>
    <t>240.533</t>
  </si>
  <si>
    <t>126670.0</t>
  </si>
  <si>
    <t>242.915</t>
  </si>
  <si>
    <t>128078.0</t>
  </si>
  <si>
    <t>245.615</t>
  </si>
  <si>
    <t>129282.0</t>
  </si>
  <si>
    <t>247.924</t>
  </si>
  <si>
    <t>130654.0</t>
  </si>
  <si>
    <t>250.555</t>
  </si>
  <si>
    <t>131844.0</t>
  </si>
  <si>
    <t>252.837</t>
  </si>
  <si>
    <t>132942.0</t>
  </si>
  <si>
    <t>254.943</t>
  </si>
  <si>
    <t>134398.0</t>
  </si>
  <si>
    <t>257.735</t>
  </si>
  <si>
    <t>135887.0</t>
  </si>
  <si>
    <t>260.59</t>
  </si>
  <si>
    <t>263.014</t>
  </si>
  <si>
    <t>138605.0</t>
  </si>
  <si>
    <t>265.803</t>
  </si>
  <si>
    <t>140188.0</t>
  </si>
  <si>
    <t>268.839</t>
  </si>
  <si>
    <t>141615.0</t>
  </si>
  <si>
    <t>271.575</t>
  </si>
  <si>
    <t>143292.0</t>
  </si>
  <si>
    <t>274.791</t>
  </si>
  <si>
    <t>230.432342238802</t>
  </si>
  <si>
    <t>144920.0</t>
  </si>
  <si>
    <t>277.913</t>
  </si>
  <si>
    <t>280.826</t>
  </si>
  <si>
    <t>283.808</t>
  </si>
  <si>
    <t>286.844</t>
  </si>
  <si>
    <t>151185.0</t>
  </si>
  <si>
    <t>289.927</t>
  </si>
  <si>
    <t>292.781</t>
  </si>
  <si>
    <t>155152.0</t>
  </si>
  <si>
    <t>297.535</t>
  </si>
  <si>
    <t>156384.0</t>
  </si>
  <si>
    <t>299.898</t>
  </si>
  <si>
    <t>302.463</t>
  </si>
  <si>
    <t>304.922</t>
  </si>
  <si>
    <t>160307.0</t>
  </si>
  <si>
    <t>307.421</t>
  </si>
  <si>
    <t>161696.0</t>
  </si>
  <si>
    <t>310.084</t>
  </si>
  <si>
    <t>162917.0</t>
  </si>
  <si>
    <t>312.426</t>
  </si>
  <si>
    <t>164451.0</t>
  </si>
  <si>
    <t>315.368</t>
  </si>
  <si>
    <t>165817.0</t>
  </si>
  <si>
    <t>317.987</t>
  </si>
  <si>
    <t>167389.0</t>
  </si>
  <si>
    <t>321.002</t>
  </si>
  <si>
    <t>168641.0</t>
  </si>
  <si>
    <t>323.403</t>
  </si>
  <si>
    <t>169979.0</t>
  </si>
  <si>
    <t>325.969</t>
  </si>
  <si>
    <t>171347.0</t>
  </si>
  <si>
    <t>328.592</t>
  </si>
  <si>
    <t>173148.0</t>
  </si>
  <si>
    <t>332.046</t>
  </si>
  <si>
    <t>174672.0</t>
  </si>
  <si>
    <t>334.968</t>
  </si>
  <si>
    <t>337.979</t>
  </si>
  <si>
    <t>340.578</t>
  </si>
  <si>
    <t>179828.0</t>
  </si>
  <si>
    <t>344.856</t>
  </si>
  <si>
    <t>181129.0</t>
  </si>
  <si>
    <t>347.351</t>
  </si>
  <si>
    <t>182646.0</t>
  </si>
  <si>
    <t>350.26</t>
  </si>
  <si>
    <t>184055.0</t>
  </si>
  <si>
    <t>352.962</t>
  </si>
  <si>
    <t>185525.0</t>
  </si>
  <si>
    <t>355.781</t>
  </si>
  <si>
    <t>187301.0</t>
  </si>
  <si>
    <t>359.187</t>
  </si>
  <si>
    <t>188505.0</t>
  </si>
  <si>
    <t>361.496</t>
  </si>
  <si>
    <t>255.060156777995</t>
  </si>
  <si>
    <t>190425.0</t>
  </si>
  <si>
    <t>365.178</t>
  </si>
  <si>
    <t>191743.0</t>
  </si>
  <si>
    <t>367.706</t>
  </si>
  <si>
    <t>193214.0</t>
  </si>
  <si>
    <t>194344.0</t>
  </si>
  <si>
    <t>372.693</t>
  </si>
  <si>
    <t>196102.0</t>
  </si>
  <si>
    <t>376.065</t>
  </si>
  <si>
    <t>197575.0</t>
  </si>
  <si>
    <t>381.346</t>
  </si>
  <si>
    <t>200248.0</t>
  </si>
  <si>
    <t>384.016</t>
  </si>
  <si>
    <t>201590.0</t>
  </si>
  <si>
    <t>386.589</t>
  </si>
  <si>
    <t>389.45</t>
  </si>
  <si>
    <t>391.706</t>
  </si>
  <si>
    <t>205702.0</t>
  </si>
  <si>
    <t>394.475</t>
  </si>
  <si>
    <t>206958.0</t>
  </si>
  <si>
    <t>396.883</t>
  </si>
  <si>
    <t>208173.0</t>
  </si>
  <si>
    <t>399.213</t>
  </si>
  <si>
    <t>209650.0</t>
  </si>
  <si>
    <t>402.046</t>
  </si>
  <si>
    <t>211478.0</t>
  </si>
  <si>
    <t>405.551</t>
  </si>
  <si>
    <t>212553.0</t>
  </si>
  <si>
    <t>407.613</t>
  </si>
  <si>
    <t>213913.0</t>
  </si>
  <si>
    <t>410.221</t>
  </si>
  <si>
    <t>215443.0</t>
  </si>
  <si>
    <t>413.155</t>
  </si>
  <si>
    <t>217121.0</t>
  </si>
  <si>
    <t>416.373</t>
  </si>
  <si>
    <t>218682.0</t>
  </si>
  <si>
    <t>419.366</t>
  </si>
  <si>
    <t>220445.0</t>
  </si>
  <si>
    <t>422.747</t>
  </si>
  <si>
    <t>222162.0</t>
  </si>
  <si>
    <t>426.04</t>
  </si>
  <si>
    <t>224013.0</t>
  </si>
  <si>
    <t>429.59</t>
  </si>
  <si>
    <t>225529.0</t>
  </si>
  <si>
    <t>432.497</t>
  </si>
  <si>
    <t>227257.0</t>
  </si>
  <si>
    <t>435.811</t>
  </si>
  <si>
    <t>228795.0</t>
  </si>
  <si>
    <t>438.76</t>
  </si>
  <si>
    <t>230611.0</t>
  </si>
  <si>
    <t>442.243</t>
  </si>
  <si>
    <t>232440.0</t>
  </si>
  <si>
    <t>445.75</t>
  </si>
  <si>
    <t>233939.0</t>
  </si>
  <si>
    <t>448.625</t>
  </si>
  <si>
    <t>299.924780163345</t>
  </si>
  <si>
    <t>235657.0</t>
  </si>
  <si>
    <t>451.919</t>
  </si>
  <si>
    <t>237519.0</t>
  </si>
  <si>
    <t>455.49</t>
  </si>
  <si>
    <t>239320.0</t>
  </si>
  <si>
    <t>458.944</t>
  </si>
  <si>
    <t>241073.0</t>
  </si>
  <si>
    <t>462.306</t>
  </si>
  <si>
    <t>466.164</t>
  </si>
  <si>
    <t>245387.0</t>
  </si>
  <si>
    <t>470.579</t>
  </si>
  <si>
    <t>247118.0</t>
  </si>
  <si>
    <t>473.898</t>
  </si>
  <si>
    <t>248866.0</t>
  </si>
  <si>
    <t>477.25</t>
  </si>
  <si>
    <t>250594.0</t>
  </si>
  <si>
    <t>480.564</t>
  </si>
  <si>
    <t>252652.0</t>
  </si>
  <si>
    <t>484.511</t>
  </si>
  <si>
    <t>255010.0</t>
  </si>
  <si>
    <t>489.033</t>
  </si>
  <si>
    <t>256976.0</t>
  </si>
  <si>
    <t>492.803</t>
  </si>
  <si>
    <t>259011.0</t>
  </si>
  <si>
    <t>496.705</t>
  </si>
  <si>
    <t>260865.0</t>
  </si>
  <si>
    <t>500.261</t>
  </si>
  <si>
    <t>263619.0</t>
  </si>
  <si>
    <t>505.542</t>
  </si>
  <si>
    <t>265916.0</t>
  </si>
  <si>
    <t>509.947</t>
  </si>
  <si>
    <t>269087.0</t>
  </si>
  <si>
    <t>516.028</t>
  </si>
  <si>
    <t>271957.0</t>
  </si>
  <si>
    <t>521.532</t>
  </si>
  <si>
    <t>275725.0</t>
  </si>
  <si>
    <t>528.758</t>
  </si>
  <si>
    <t>534.797</t>
  </si>
  <si>
    <t>158.9</t>
  </si>
  <si>
    <t>281487.0</t>
  </si>
  <si>
    <t>539.808</t>
  </si>
  <si>
    <t>544.418</t>
  </si>
  <si>
    <t>286346.0</t>
  </si>
  <si>
    <t>549.126</t>
  </si>
  <si>
    <t>288908.0</t>
  </si>
  <si>
    <t>554.039</t>
  </si>
  <si>
    <t>291091.0</t>
  </si>
  <si>
    <t>558.225</t>
  </si>
  <si>
    <t>293213.0</t>
  </si>
  <si>
    <t>562.295</t>
  </si>
  <si>
    <t>295959.0</t>
  </si>
  <si>
    <t>567.561</t>
  </si>
  <si>
    <t>298299.0</t>
  </si>
  <si>
    <t>572.048</t>
  </si>
  <si>
    <t>300943.0</t>
  </si>
  <si>
    <t>577.118</t>
  </si>
  <si>
    <t>303917.0</t>
  </si>
  <si>
    <t>582.822</t>
  </si>
  <si>
    <t>306372.0</t>
  </si>
  <si>
    <t>587.53</t>
  </si>
  <si>
    <t>306.606745348398</t>
  </si>
  <si>
    <t>308457.0</t>
  </si>
  <si>
    <t>591.528</t>
  </si>
  <si>
    <t>4.758</t>
  </si>
  <si>
    <t>310562.0</t>
  </si>
  <si>
    <t>595.565</t>
  </si>
  <si>
    <t>312296.0</t>
  </si>
  <si>
    <t>598.89</t>
  </si>
  <si>
    <t>315197.0</t>
  </si>
  <si>
    <t>604.453</t>
  </si>
  <si>
    <t>318285.0</t>
  </si>
  <si>
    <t>610.375</t>
  </si>
  <si>
    <t>320729.0</t>
  </si>
  <si>
    <t>615.062</t>
  </si>
  <si>
    <t>323444.0</t>
  </si>
  <si>
    <t>620.269</t>
  </si>
  <si>
    <t>326012.0</t>
  </si>
  <si>
    <t>625.193</t>
  </si>
  <si>
    <t>328434.0</t>
  </si>
  <si>
    <t>629.838</t>
  </si>
  <si>
    <t>331992.0</t>
  </si>
  <si>
    <t>636.661</t>
  </si>
  <si>
    <t>335121.0</t>
  </si>
  <si>
    <t>642.662</t>
  </si>
  <si>
    <t>337889.0</t>
  </si>
  <si>
    <t>647.97</t>
  </si>
  <si>
    <t>341207.0</t>
  </si>
  <si>
    <t>654.333</t>
  </si>
  <si>
    <t>344521.0</t>
  </si>
  <si>
    <t>660.688</t>
  </si>
  <si>
    <t>5.774</t>
  </si>
  <si>
    <t>347709.0</t>
  </si>
  <si>
    <t>666.802</t>
  </si>
  <si>
    <t>351040.0</t>
  </si>
  <si>
    <t>673.189</t>
  </si>
  <si>
    <t>678.948</t>
  </si>
  <si>
    <t>357373.0</t>
  </si>
  <si>
    <t>685.334</t>
  </si>
  <si>
    <t>6.386</t>
  </si>
  <si>
    <t>360541.0</t>
  </si>
  <si>
    <t>691.409</t>
  </si>
  <si>
    <t>363969.0</t>
  </si>
  <si>
    <t>697.983</t>
  </si>
  <si>
    <t>366510.0</t>
  </si>
  <si>
    <t>702.856</t>
  </si>
  <si>
    <t>369392.0</t>
  </si>
  <si>
    <t>708.383</t>
  </si>
  <si>
    <t>372140.0</t>
  </si>
  <si>
    <t>713.653</t>
  </si>
  <si>
    <t>375396.0</t>
  </si>
  <si>
    <t>719.897</t>
  </si>
  <si>
    <t>380138.0</t>
  </si>
  <si>
    <t>728.991</t>
  </si>
  <si>
    <t>383476.0</t>
  </si>
  <si>
    <t>735.392</t>
  </si>
  <si>
    <t>387153.0</t>
  </si>
  <si>
    <t>742.443</t>
  </si>
  <si>
    <t>390445.0</t>
  </si>
  <si>
    <t>748.756</t>
  </si>
  <si>
    <t>393347.0</t>
  </si>
  <si>
    <t>754.322</t>
  </si>
  <si>
    <t>396882.0</t>
  </si>
  <si>
    <t>761.101</t>
  </si>
  <si>
    <t>399482.0</t>
  </si>
  <si>
    <t>766.087</t>
  </si>
  <si>
    <t>403608.0</t>
  </si>
  <si>
    <t>773.999</t>
  </si>
  <si>
    <t>407079.0</t>
  </si>
  <si>
    <t>780.655</t>
  </si>
  <si>
    <t>410276.0</t>
  </si>
  <si>
    <t>786.786</t>
  </si>
  <si>
    <t>414162.0</t>
  </si>
  <si>
    <t>794.238</t>
  </si>
  <si>
    <t>417144.0</t>
  </si>
  <si>
    <t>799.957</t>
  </si>
  <si>
    <t>420364.0</t>
  </si>
  <si>
    <t>806.132</t>
  </si>
  <si>
    <t>6.175</t>
  </si>
  <si>
    <t>423515.0</t>
  </si>
  <si>
    <t>812.175</t>
  </si>
  <si>
    <t>427459.0</t>
  </si>
  <si>
    <t>819.738</t>
  </si>
  <si>
    <t>432175.0</t>
  </si>
  <si>
    <t>828.782</t>
  </si>
  <si>
    <t>435878.0</t>
  </si>
  <si>
    <t>835.883</t>
  </si>
  <si>
    <t>440643.0</t>
  </si>
  <si>
    <t>845.021</t>
  </si>
  <si>
    <t>850.297</t>
  </si>
  <si>
    <t>447400.0</t>
  </si>
  <si>
    <t>857.979</t>
  </si>
  <si>
    <t>7.682</t>
  </si>
  <si>
    <t>33106.0</t>
  </si>
  <si>
    <t>450897.0</t>
  </si>
  <si>
    <t>864.685</t>
  </si>
  <si>
    <t>38591.0</t>
  </si>
  <si>
    <t>455786.0</t>
  </si>
  <si>
    <t>874.061</t>
  </si>
  <si>
    <t>460831.0</t>
  </si>
  <si>
    <t>883.736</t>
  </si>
  <si>
    <t>9.675</t>
  </si>
  <si>
    <t>50047.0</t>
  </si>
  <si>
    <t>465420.0</t>
  </si>
  <si>
    <t>892.536</t>
  </si>
  <si>
    <t>56218.0</t>
  </si>
  <si>
    <t>469383.0</t>
  </si>
  <si>
    <t>900.136</t>
  </si>
  <si>
    <t>64048.0</t>
  </si>
  <si>
    <t>473628.0</t>
  </si>
  <si>
    <t>908.276</t>
  </si>
  <si>
    <t>477511.0</t>
  </si>
  <si>
    <t>915.723</t>
  </si>
  <si>
    <t>70009.0</t>
  </si>
  <si>
    <t>481864.0</t>
  </si>
  <si>
    <t>924.071</t>
  </si>
  <si>
    <t>8.348</t>
  </si>
  <si>
    <t>8.484</t>
  </si>
  <si>
    <t>486864.0</t>
  </si>
  <si>
    <t>933.659</t>
  </si>
  <si>
    <t>9.588</t>
  </si>
  <si>
    <t>491252.0</t>
  </si>
  <si>
    <t>942.074</t>
  </si>
  <si>
    <t>495489.0</t>
  </si>
  <si>
    <t>950.199</t>
  </si>
  <si>
    <t>90865.0</t>
  </si>
  <si>
    <t>499482.0</t>
  </si>
  <si>
    <t>957.857</t>
  </si>
  <si>
    <t>98311.0</t>
  </si>
  <si>
    <t>504224.0</t>
  </si>
  <si>
    <t>966.95</t>
  </si>
  <si>
    <t>99419.0</t>
  </si>
  <si>
    <t>508176.0</t>
  </si>
  <si>
    <t>974.529</t>
  </si>
  <si>
    <t>513318.0</t>
  </si>
  <si>
    <t>984.39</t>
  </si>
  <si>
    <t>9.861</t>
  </si>
  <si>
    <t>111415.0</t>
  </si>
  <si>
    <t>517565.0</t>
  </si>
  <si>
    <t>992.534</t>
  </si>
  <si>
    <t>8.411</t>
  </si>
  <si>
    <t>522535.0</t>
  </si>
  <si>
    <t>1002.065</t>
  </si>
  <si>
    <t>9.531</t>
  </si>
  <si>
    <t>123665.0</t>
  </si>
  <si>
    <t>526797.0</t>
  </si>
  <si>
    <t>1010.239</t>
  </si>
  <si>
    <t>1018.08</t>
  </si>
  <si>
    <t>137124.0</t>
  </si>
  <si>
    <t>533850.0</t>
  </si>
  <si>
    <t>1023.764</t>
  </si>
  <si>
    <t>5.684</t>
  </si>
  <si>
    <t>138827.0</t>
  </si>
  <si>
    <t>538168.0</t>
  </si>
  <si>
    <t>1032.045</t>
  </si>
  <si>
    <t>145768.0</t>
  </si>
  <si>
    <t>541859.0</t>
  </si>
  <si>
    <t>1039.123</t>
  </si>
  <si>
    <t>151643.0</t>
  </si>
  <si>
    <t>545503.0</t>
  </si>
  <si>
    <t>1046.111</t>
  </si>
  <si>
    <t>157813.0</t>
  </si>
  <si>
    <t>549380.0</t>
  </si>
  <si>
    <t>1053.546</t>
  </si>
  <si>
    <t>7.435</t>
  </si>
  <si>
    <t>165675.0</t>
  </si>
  <si>
    <t>552183.0</t>
  </si>
  <si>
    <t>1058.921</t>
  </si>
  <si>
    <t>555242.0</t>
  </si>
  <si>
    <t>1064.788</t>
  </si>
  <si>
    <t>6.672</t>
  </si>
  <si>
    <t>186930.0</t>
  </si>
  <si>
    <t>558704.0</t>
  </si>
  <si>
    <t>1071.427</t>
  </si>
  <si>
    <t>188436.0</t>
  </si>
  <si>
    <t>563330.0</t>
  </si>
  <si>
    <t>1080.298</t>
  </si>
  <si>
    <t>8.871</t>
  </si>
  <si>
    <t>198206.0</t>
  </si>
  <si>
    <t>566401.0</t>
  </si>
  <si>
    <t>1086.187</t>
  </si>
  <si>
    <t>206114.0</t>
  </si>
  <si>
    <t>570962.0</t>
  </si>
  <si>
    <t>1094.934</t>
  </si>
  <si>
    <t>212711.0</t>
  </si>
  <si>
    <t>575515.0</t>
  </si>
  <si>
    <t>1103.665</t>
  </si>
  <si>
    <t>8.731</t>
  </si>
  <si>
    <t>579292.0</t>
  </si>
  <si>
    <t>1110.908</t>
  </si>
  <si>
    <t>215852.0</t>
  </si>
  <si>
    <t>583980.0</t>
  </si>
  <si>
    <t>1119.898</t>
  </si>
  <si>
    <t>217597.0</t>
  </si>
  <si>
    <t>588440.0</t>
  </si>
  <si>
    <t>1128.451</t>
  </si>
  <si>
    <t>218046.0</t>
  </si>
  <si>
    <t>593326.0</t>
  </si>
  <si>
    <t>1137.821</t>
  </si>
  <si>
    <t>218645.0</t>
  </si>
  <si>
    <t>1146.253</t>
  </si>
  <si>
    <t>218912.0</t>
  </si>
  <si>
    <t>601680.0</t>
  </si>
  <si>
    <t>1153.842</t>
  </si>
  <si>
    <t>220768.0</t>
  </si>
  <si>
    <t>606016.0</t>
  </si>
  <si>
    <t>1162.157</t>
  </si>
  <si>
    <t>222970.0</t>
  </si>
  <si>
    <t>612675.0</t>
  </si>
  <si>
    <t>1174.927</t>
  </si>
  <si>
    <t>9.146</t>
  </si>
  <si>
    <t>224979.0</t>
  </si>
  <si>
    <t>616993.0</t>
  </si>
  <si>
    <t>1183.207</t>
  </si>
  <si>
    <t>619941.0</t>
  </si>
  <si>
    <t>1188.861</t>
  </si>
  <si>
    <t>624224.0</t>
  </si>
  <si>
    <t>1197.074</t>
  </si>
  <si>
    <t>230130.0</t>
  </si>
  <si>
    <t>627952.0</t>
  </si>
  <si>
    <t>1204.224</t>
  </si>
  <si>
    <t>232175.0</t>
  </si>
  <si>
    <t>631424.0</t>
  </si>
  <si>
    <t>1210.882</t>
  </si>
  <si>
    <t>233875.0</t>
  </si>
  <si>
    <t>634917.0</t>
  </si>
  <si>
    <t>1217.58</t>
  </si>
  <si>
    <t>7.918</t>
  </si>
  <si>
    <t>235682.0</t>
  </si>
  <si>
    <t>638767.0</t>
  </si>
  <si>
    <t>1224.963</t>
  </si>
  <si>
    <t>237716.0</t>
  </si>
  <si>
    <t>642392.0</t>
  </si>
  <si>
    <t>1231.915</t>
  </si>
  <si>
    <t>240773.0</t>
  </si>
  <si>
    <t>645436.0</t>
  </si>
  <si>
    <t>1237.753</t>
  </si>
  <si>
    <t>6.984</t>
  </si>
  <si>
    <t>241127.0</t>
  </si>
  <si>
    <t>648499.0</t>
  </si>
  <si>
    <t>1243.627</t>
  </si>
  <si>
    <t>245470.0</t>
  </si>
  <si>
    <t>243749.0</t>
  </si>
  <si>
    <t>651548.0</t>
  </si>
  <si>
    <t>1249.474</t>
  </si>
  <si>
    <t>250633.0</t>
  </si>
  <si>
    <t>246896.0</t>
  </si>
  <si>
    <t>654785.0</t>
  </si>
  <si>
    <t>1255.681</t>
  </si>
  <si>
    <t>256892.0</t>
  </si>
  <si>
    <t>251139.0</t>
  </si>
  <si>
    <t>659677.0</t>
  </si>
  <si>
    <t>1265.063</t>
  </si>
  <si>
    <t>263832.0</t>
  </si>
  <si>
    <t>255881.0</t>
  </si>
  <si>
    <t>663711.0</t>
  </si>
  <si>
    <t>1272.799</t>
  </si>
  <si>
    <t>270854.0</t>
  </si>
  <si>
    <t>260285.0</t>
  </si>
  <si>
    <t>666773.0</t>
  </si>
  <si>
    <t>1278.671</t>
  </si>
  <si>
    <t>280186.0</t>
  </si>
  <si>
    <t>265235.0</t>
  </si>
  <si>
    <t>669857.0</t>
  </si>
  <si>
    <t>1284.585</t>
  </si>
  <si>
    <t>282926.0</t>
  </si>
  <si>
    <t>267795.0</t>
  </si>
  <si>
    <t>15131.0</t>
  </si>
  <si>
    <t>672876.0</t>
  </si>
  <si>
    <t>1290.374</t>
  </si>
  <si>
    <t>283753.0</t>
  </si>
  <si>
    <t>268459.0</t>
  </si>
  <si>
    <t>675866.0</t>
  </si>
  <si>
    <t>1296.108</t>
  </si>
  <si>
    <t>678082.0</t>
  </si>
  <si>
    <t>1300.358</t>
  </si>
  <si>
    <t>299029.0</t>
  </si>
  <si>
    <t>273660.0</t>
  </si>
  <si>
    <t>1305.539</t>
  </si>
  <si>
    <t>683197.0</t>
  </si>
  <si>
    <t>1310.167</t>
  </si>
  <si>
    <t>303752.0</t>
  </si>
  <si>
    <t>274782.0</t>
  </si>
  <si>
    <t>28970.0</t>
  </si>
  <si>
    <t>685818.0</t>
  </si>
  <si>
    <t>1315.193</t>
  </si>
  <si>
    <t>312053.0</t>
  </si>
  <si>
    <t>277522.0</t>
  </si>
  <si>
    <t>688402.0</t>
  </si>
  <si>
    <t>1320.149</t>
  </si>
  <si>
    <t>313363.0</t>
  </si>
  <si>
    <t>278069.0</t>
  </si>
  <si>
    <t>690987.0</t>
  </si>
  <si>
    <t>1325.106</t>
  </si>
  <si>
    <t>319532.0</t>
  </si>
  <si>
    <t>279302.0</t>
  </si>
  <si>
    <t>693665.0</t>
  </si>
  <si>
    <t>1330.241</t>
  </si>
  <si>
    <t>327665.0</t>
  </si>
  <si>
    <t>281848.0</t>
  </si>
  <si>
    <t>696787.0</t>
  </si>
  <si>
    <t>1336.228</t>
  </si>
  <si>
    <t>335323.0</t>
  </si>
  <si>
    <t>283973.0</t>
  </si>
  <si>
    <t>51350.0</t>
  </si>
  <si>
    <t>699571.0</t>
  </si>
  <si>
    <t>1341.567</t>
  </si>
  <si>
    <t>285562.0</t>
  </si>
  <si>
    <t>56817.0</t>
  </si>
  <si>
    <t>702857.0</t>
  </si>
  <si>
    <t>1347.869</t>
  </si>
  <si>
    <t>349757.0</t>
  </si>
  <si>
    <t>287171.0</t>
  </si>
  <si>
    <t>705857.0</t>
  </si>
  <si>
    <t>1353.622</t>
  </si>
  <si>
    <t>5.753</t>
  </si>
  <si>
    <t>358705.0</t>
  </si>
  <si>
    <t>288903.0</t>
  </si>
  <si>
    <t>69802.0</t>
  </si>
  <si>
    <t>708951.0</t>
  </si>
  <si>
    <t>1359.555</t>
  </si>
  <si>
    <t>360997.0</t>
  </si>
  <si>
    <t>290014.0</t>
  </si>
  <si>
    <t>70983.0</t>
  </si>
  <si>
    <t>712326.0</t>
  </si>
  <si>
    <t>1366.028</t>
  </si>
  <si>
    <t>368150.0</t>
  </si>
  <si>
    <t>291227.0</t>
  </si>
  <si>
    <t>76923.0</t>
  </si>
  <si>
    <t>715875.0</t>
  </si>
  <si>
    <t>1372.833</t>
  </si>
  <si>
    <t>375240.0</t>
  </si>
  <si>
    <t>292413.0</t>
  </si>
  <si>
    <t>719127.0</t>
  </si>
  <si>
    <t>1379.07</t>
  </si>
  <si>
    <t>293429.0</t>
  </si>
  <si>
    <t>88649.0</t>
  </si>
  <si>
    <t>722416.0</t>
  </si>
  <si>
    <t>1385.377</t>
  </si>
  <si>
    <t>6.259</t>
  </si>
  <si>
    <t>294269.0</t>
  </si>
  <si>
    <t>92612.0</t>
  </si>
  <si>
    <t>726812.0</t>
  </si>
  <si>
    <t>1393.807</t>
  </si>
  <si>
    <t>392590.0</t>
  </si>
  <si>
    <t>295251.0</t>
  </si>
  <si>
    <t>729368.0</t>
  </si>
  <si>
    <t>1398.709</t>
  </si>
  <si>
    <t>397875.0</t>
  </si>
  <si>
    <t>296529.0</t>
  </si>
  <si>
    <t>732673.0</t>
  </si>
  <si>
    <t>1405.047</t>
  </si>
  <si>
    <t>6.499</t>
  </si>
  <si>
    <t>736527.0</t>
  </si>
  <si>
    <t>1412.438</t>
  </si>
  <si>
    <t>399550.0</t>
  </si>
  <si>
    <t>296961.0</t>
  </si>
  <si>
    <t>102589.0</t>
  </si>
  <si>
    <t>740050.0</t>
  </si>
  <si>
    <t>1419.194</t>
  </si>
  <si>
    <t>406133.0</t>
  </si>
  <si>
    <t>297639.0</t>
  </si>
  <si>
    <t>108494.0</t>
  </si>
  <si>
    <t>744305.0</t>
  </si>
  <si>
    <t>1427.354</t>
  </si>
  <si>
    <t>412636.0</t>
  </si>
  <si>
    <t>298396.0</t>
  </si>
  <si>
    <t>114240.0</t>
  </si>
  <si>
    <t>748857.0</t>
  </si>
  <si>
    <t>1436.083</t>
  </si>
  <si>
    <t>418925.0</t>
  </si>
  <si>
    <t>299407.0</t>
  </si>
  <si>
    <t>119518.0</t>
  </si>
  <si>
    <t>753644.0</t>
  </si>
  <si>
    <t>1445.263</t>
  </si>
  <si>
    <t>423770.0</t>
  </si>
  <si>
    <t>300189.0</t>
  </si>
  <si>
    <t>123581.0</t>
  </si>
  <si>
    <t>757218.0</t>
  </si>
  <si>
    <t>1452.117</t>
  </si>
  <si>
    <t>427228.0</t>
  </si>
  <si>
    <t>300438.0</t>
  </si>
  <si>
    <t>126790.0</t>
  </si>
  <si>
    <t>760371.0</t>
  </si>
  <si>
    <t>1458.163</t>
  </si>
  <si>
    <t>428831.0</t>
  </si>
  <si>
    <t>300664.0</t>
  </si>
  <si>
    <t>128167.0</t>
  </si>
  <si>
    <t>764385.0</t>
  </si>
  <si>
    <t>1465.861</t>
  </si>
  <si>
    <t>431792.0</t>
  </si>
  <si>
    <t>130886.0</t>
  </si>
  <si>
    <t>768892.0</t>
  </si>
  <si>
    <t>1474.504</t>
  </si>
  <si>
    <t>8.643</t>
  </si>
  <si>
    <t>435236.0</t>
  </si>
  <si>
    <t>301239.0</t>
  </si>
  <si>
    <t>774490.0</t>
  </si>
  <si>
    <t>1485.239</t>
  </si>
  <si>
    <t>437912.0</t>
  </si>
  <si>
    <t>301707.0</t>
  </si>
  <si>
    <t>136205.0</t>
  </si>
  <si>
    <t>780698.0</t>
  </si>
  <si>
    <t>1497.145</t>
  </si>
  <si>
    <t>440987.0</t>
  </si>
  <si>
    <t>302097.0</t>
  </si>
  <si>
    <t>138890.0</t>
  </si>
  <si>
    <t>786034.0</t>
  </si>
  <si>
    <t>1507.377</t>
  </si>
  <si>
    <t>10.233</t>
  </si>
  <si>
    <t>8.873</t>
  </si>
  <si>
    <t>442560.0</t>
  </si>
  <si>
    <t>302482.0</t>
  </si>
  <si>
    <t>140078.0</t>
  </si>
  <si>
    <t>790534.0</t>
  </si>
  <si>
    <t>1516.007</t>
  </si>
  <si>
    <t>9.126</t>
  </si>
  <si>
    <t>302506.0</t>
  </si>
  <si>
    <t>140670.0</t>
  </si>
  <si>
    <t>795571.0</t>
  </si>
  <si>
    <t>1525.666</t>
  </si>
  <si>
    <t>443936.0</t>
  </si>
  <si>
    <t>302688.0</t>
  </si>
  <si>
    <t>141248.0</t>
  </si>
  <si>
    <t>798730.0</t>
  </si>
  <si>
    <t>1531.725</t>
  </si>
  <si>
    <t>445887.0</t>
  </si>
  <si>
    <t>302974.0</t>
  </si>
  <si>
    <t>801611.0</t>
  </si>
  <si>
    <t>1537.249</t>
  </si>
  <si>
    <t>448708.0</t>
  </si>
  <si>
    <t>303336.0</t>
  </si>
  <si>
    <t>145372.0</t>
  </si>
  <si>
    <t>1545.841</t>
  </si>
  <si>
    <t>451601.0</t>
  </si>
  <si>
    <t>303919.0</t>
  </si>
  <si>
    <t>147682.0</t>
  </si>
  <si>
    <t>809794.0</t>
  </si>
  <si>
    <t>1552.942</t>
  </si>
  <si>
    <t>0.3059</t>
  </si>
  <si>
    <t>453829.0</t>
  </si>
  <si>
    <t>304394.0</t>
  </si>
  <si>
    <t>149435.0</t>
  </si>
  <si>
    <t>813565.0</t>
  </si>
  <si>
    <t>1560.174</t>
  </si>
  <si>
    <t>455940.0</t>
  </si>
  <si>
    <t>304861.0</t>
  </si>
  <si>
    <t>820824.0</t>
  </si>
  <si>
    <t>1574.094</t>
  </si>
  <si>
    <t>827144.0</t>
  </si>
  <si>
    <t>1586.214</t>
  </si>
  <si>
    <t>459347.0</t>
  </si>
  <si>
    <t>305401.0</t>
  </si>
  <si>
    <t>153946.0</t>
  </si>
  <si>
    <t>833477.0</t>
  </si>
  <si>
    <t>1598.359</t>
  </si>
  <si>
    <t>0.3046</t>
  </si>
  <si>
    <t>461852.0</t>
  </si>
  <si>
    <t>305850.0</t>
  </si>
  <si>
    <t>839311.0</t>
  </si>
  <si>
    <t>1609.547</t>
  </si>
  <si>
    <t>464505.0</t>
  </si>
  <si>
    <t>306430.0</t>
  </si>
  <si>
    <t>158075.0</t>
  </si>
  <si>
    <t>844892.0</t>
  </si>
  <si>
    <t>1620.249</t>
  </si>
  <si>
    <t>10.703</t>
  </si>
  <si>
    <t>466740.0</t>
  </si>
  <si>
    <t>307210.0</t>
  </si>
  <si>
    <t>159530.0</t>
  </si>
  <si>
    <t>848922.0</t>
  </si>
  <si>
    <t>1627.978</t>
  </si>
  <si>
    <t>469381.0</t>
  </si>
  <si>
    <t>307927.0</t>
  </si>
  <si>
    <t>161454.0</t>
  </si>
  <si>
    <t>1637.923</t>
  </si>
  <si>
    <t>470836.0</t>
  </si>
  <si>
    <t>308423.0</t>
  </si>
  <si>
    <t>162413.0</t>
  </si>
  <si>
    <t>859275.0</t>
  </si>
  <si>
    <t>1647.832</t>
  </si>
  <si>
    <t>472694.0</t>
  </si>
  <si>
    <t>308905.0</t>
  </si>
  <si>
    <t>864096.0</t>
  </si>
  <si>
    <t>1657.077</t>
  </si>
  <si>
    <t>9.245</t>
  </si>
  <si>
    <t>473035.0</t>
  </si>
  <si>
    <t>309022.0</t>
  </si>
  <si>
    <t>164013.0</t>
  </si>
  <si>
    <t>868928.0</t>
  </si>
  <si>
    <t>1666.343</t>
  </si>
  <si>
    <t>474625.0</t>
  </si>
  <si>
    <t>309444.0</t>
  </si>
  <si>
    <t>165181.0</t>
  </si>
  <si>
    <t>873284.0</t>
  </si>
  <si>
    <t>1674.697</t>
  </si>
  <si>
    <t>8.354</t>
  </si>
  <si>
    <t>476305.0</t>
  </si>
  <si>
    <t>309815.0</t>
  </si>
  <si>
    <t>878594.0</t>
  </si>
  <si>
    <t>1684.88</t>
  </si>
  <si>
    <t>10.183</t>
  </si>
  <si>
    <t>477916.0</t>
  </si>
  <si>
    <t>884279.0</t>
  </si>
  <si>
    <t>1695.782</t>
  </si>
  <si>
    <t>479294.0</t>
  </si>
  <si>
    <t>310405.0</t>
  </si>
  <si>
    <t>168889.0</t>
  </si>
  <si>
    <t>889460.0</t>
  </si>
  <si>
    <t>1705.717</t>
  </si>
  <si>
    <t>9.684</t>
  </si>
  <si>
    <t>480939.0</t>
  </si>
  <si>
    <t>310834.0</t>
  </si>
  <si>
    <t>170105.0</t>
  </si>
  <si>
    <t>893292.0</t>
  </si>
  <si>
    <t>1713.066</t>
  </si>
  <si>
    <t>7.349</t>
  </si>
  <si>
    <t>482340.0</t>
  </si>
  <si>
    <t>311225.0</t>
  </si>
  <si>
    <t>897348.0</t>
  </si>
  <si>
    <t>1720.844</t>
  </si>
  <si>
    <t>482628.0</t>
  </si>
  <si>
    <t>311325.0</t>
  </si>
  <si>
    <t>171303.0</t>
  </si>
  <si>
    <t>902604.0</t>
  </si>
  <si>
    <t>1730.924</t>
  </si>
  <si>
    <t>10.079</t>
  </si>
  <si>
    <t>484003.0</t>
  </si>
  <si>
    <t>311740.0</t>
  </si>
  <si>
    <t>172263.0</t>
  </si>
  <si>
    <t>907686.0</t>
  </si>
  <si>
    <t>1740.669</t>
  </si>
  <si>
    <t>9.425</t>
  </si>
  <si>
    <t>485424.0</t>
  </si>
  <si>
    <t>312133.0</t>
  </si>
  <si>
    <t>173291.0</t>
  </si>
  <si>
    <t>912729.0</t>
  </si>
  <si>
    <t>1750.34</t>
  </si>
  <si>
    <t>9.671</t>
  </si>
  <si>
    <t>312574.0</t>
  </si>
  <si>
    <t>174259.0</t>
  </si>
  <si>
    <t>916992.0</t>
  </si>
  <si>
    <t>1758.516</t>
  </si>
  <si>
    <t>488203.0</t>
  </si>
  <si>
    <t>313085.0</t>
  </si>
  <si>
    <t>175118.0</t>
  </si>
  <si>
    <t>922182.0</t>
  </si>
  <si>
    <t>1768.468</t>
  </si>
  <si>
    <t>9.953</t>
  </si>
  <si>
    <t>489415.0</t>
  </si>
  <si>
    <t>313485.0</t>
  </si>
  <si>
    <t>175930.0</t>
  </si>
  <si>
    <t>926001.0</t>
  </si>
  <si>
    <t>1775.792</t>
  </si>
  <si>
    <t>490407.0</t>
  </si>
  <si>
    <t>313609.0</t>
  </si>
  <si>
    <t>176798.0</t>
  </si>
  <si>
    <t>930737.0</t>
  </si>
  <si>
    <t>1784.874</t>
  </si>
  <si>
    <t>935525.0</t>
  </si>
  <si>
    <t>1794.056</t>
  </si>
  <si>
    <t>491834.0</t>
  </si>
  <si>
    <t>313865.0</t>
  </si>
  <si>
    <t>939259.0</t>
  </si>
  <si>
    <t>1801.217</t>
  </si>
  <si>
    <t>492718.0</t>
  </si>
  <si>
    <t>314059.0</t>
  </si>
  <si>
    <t>178659.0</t>
  </si>
  <si>
    <t>94.07</t>
  </si>
  <si>
    <t>944521.0</t>
  </si>
  <si>
    <t>1811.308</t>
  </si>
  <si>
    <t>493630.0</t>
  </si>
  <si>
    <t>314194.0</t>
  </si>
  <si>
    <t>179436.0</t>
  </si>
  <si>
    <t>949165.0</t>
  </si>
  <si>
    <t>1820.214</t>
  </si>
  <si>
    <t>8.814</t>
  </si>
  <si>
    <t>494794.0</t>
  </si>
  <si>
    <t>314538.0</t>
  </si>
  <si>
    <t>180256.0</t>
  </si>
  <si>
    <t>953583.0</t>
  </si>
  <si>
    <t>1828.686</t>
  </si>
  <si>
    <t>495873.0</t>
  </si>
  <si>
    <t>314755.0</t>
  </si>
  <si>
    <t>181118.0</t>
  </si>
  <si>
    <t>957830.0</t>
  </si>
  <si>
    <t>1836.831</t>
  </si>
  <si>
    <t>496662.0</t>
  </si>
  <si>
    <t>314903.0</t>
  </si>
  <si>
    <t>181759.0</t>
  </si>
  <si>
    <t>961350.0</t>
  </si>
  <si>
    <t>1843.581</t>
  </si>
  <si>
    <t>964765.0</t>
  </si>
  <si>
    <t>1850.13</t>
  </si>
  <si>
    <t>497871.0</t>
  </si>
  <si>
    <t>315156.0</t>
  </si>
  <si>
    <t>182715.0</t>
  </si>
  <si>
    <t>970378.0</t>
  </si>
  <si>
    <t>1860.894</t>
  </si>
  <si>
    <t>498655.0</t>
  </si>
  <si>
    <t>315282.0</t>
  </si>
  <si>
    <t>183373.0</t>
  </si>
  <si>
    <t>975674.0</t>
  </si>
  <si>
    <t>1871.05</t>
  </si>
  <si>
    <t>10.156</t>
  </si>
  <si>
    <t>499609.0</t>
  </si>
  <si>
    <t>315397.0</t>
  </si>
  <si>
    <t>980222.0</t>
  </si>
  <si>
    <t>1879.772</t>
  </si>
  <si>
    <t>8.722</t>
  </si>
  <si>
    <t>500485.0</t>
  </si>
  <si>
    <t>315620.0</t>
  </si>
  <si>
    <t>184865.0</t>
  </si>
  <si>
    <t>984745.0</t>
  </si>
  <si>
    <t>1888.445</t>
  </si>
  <si>
    <t>501493.0</t>
  </si>
  <si>
    <t>315822.0</t>
  </si>
  <si>
    <t>95.74</t>
  </si>
  <si>
    <t>989704.0</t>
  </si>
  <si>
    <t>1897.955</t>
  </si>
  <si>
    <t>502546.0</t>
  </si>
  <si>
    <t>315975.0</t>
  </si>
  <si>
    <t>186571.0</t>
  </si>
  <si>
    <t>95.94</t>
  </si>
  <si>
    <t>994968.0</t>
  </si>
  <si>
    <t>1908.05</t>
  </si>
  <si>
    <t>502846.0</t>
  </si>
  <si>
    <t>316069.0</t>
  </si>
  <si>
    <t>186777.0</t>
  </si>
  <si>
    <t>1000731.0</t>
  </si>
  <si>
    <t>1919.102</t>
  </si>
  <si>
    <t>9.853</t>
  </si>
  <si>
    <t>503997.0</t>
  </si>
  <si>
    <t>316261.0</t>
  </si>
  <si>
    <t>187736.0</t>
  </si>
  <si>
    <t>1005903.0</t>
  </si>
  <si>
    <t>1929.02</t>
  </si>
  <si>
    <t>505285.0</t>
  </si>
  <si>
    <t>316497.0</t>
  </si>
  <si>
    <t>188788.0</t>
  </si>
  <si>
    <t>1010875.0</t>
  </si>
  <si>
    <t>1938.555</t>
  </si>
  <si>
    <t>9.535</t>
  </si>
  <si>
    <t>506233.0</t>
  </si>
  <si>
    <t>316704.0</t>
  </si>
  <si>
    <t>189529.0</t>
  </si>
  <si>
    <t>1016074.0</t>
  </si>
  <si>
    <t>1948.525</t>
  </si>
  <si>
    <t>507074.0</t>
  </si>
  <si>
    <t>316847.0</t>
  </si>
  <si>
    <t>190227.0</t>
  </si>
  <si>
    <t>96.81</t>
  </si>
  <si>
    <t>1020997.0</t>
  </si>
  <si>
    <t>1957.966</t>
  </si>
  <si>
    <t>507741.0</t>
  </si>
  <si>
    <t>317012.0</t>
  </si>
  <si>
    <t>190729.0</t>
  </si>
  <si>
    <t>96.93</t>
  </si>
  <si>
    <t>1026218.0</t>
  </si>
  <si>
    <t>1967.978</t>
  </si>
  <si>
    <t>10.012</t>
  </si>
  <si>
    <t>10.003</t>
  </si>
  <si>
    <t>508655.0</t>
  </si>
  <si>
    <t>317214.0</t>
  </si>
  <si>
    <t>191441.0</t>
  </si>
  <si>
    <t>1030573.0</t>
  </si>
  <si>
    <t>1976.33</t>
  </si>
  <si>
    <t>508969.0</t>
  </si>
  <si>
    <t>191725.0</t>
  </si>
  <si>
    <t>1035839.0</t>
  </si>
  <si>
    <t>1986.428</t>
  </si>
  <si>
    <t>10.099</t>
  </si>
  <si>
    <t>509637.0</t>
  </si>
  <si>
    <t>317316.0</t>
  </si>
  <si>
    <t>192321.0</t>
  </si>
  <si>
    <t>1040480.0</t>
  </si>
  <si>
    <t>1995.328</t>
  </si>
  <si>
    <t>512200.0</t>
  </si>
  <si>
    <t>317398.0</t>
  </si>
  <si>
    <t>194802.0</t>
  </si>
  <si>
    <t>97.79</t>
  </si>
  <si>
    <t>1045393.0</t>
  </si>
  <si>
    <t>2004.75</t>
  </si>
  <si>
    <t>517333.0</t>
  </si>
  <si>
    <t>317549.0</t>
  </si>
  <si>
    <t>199784.0</t>
  </si>
  <si>
    <t>1049593.0</t>
  </si>
  <si>
    <t>2012.804</t>
  </si>
  <si>
    <t>524007.0</t>
  </si>
  <si>
    <t>317762.0</t>
  </si>
  <si>
    <t>206245.0</t>
  </si>
  <si>
    <t>100.04</t>
  </si>
  <si>
    <t>1054338.0</t>
  </si>
  <si>
    <t>2021.904</t>
  </si>
  <si>
    <t>530921.0</t>
  </si>
  <si>
    <t>317869.0</t>
  </si>
  <si>
    <t>213052.0</t>
  </si>
  <si>
    <t>1059386.0</t>
  </si>
  <si>
    <t>2031.585</t>
  </si>
  <si>
    <t>537803.0</t>
  </si>
  <si>
    <t>318142.0</t>
  </si>
  <si>
    <t>219661.0</t>
  </si>
  <si>
    <t>1063966.0</t>
  </si>
  <si>
    <t>2040.368</t>
  </si>
  <si>
    <t>539092.0</t>
  </si>
  <si>
    <t>220950.0</t>
  </si>
  <si>
    <t>1070978.0</t>
  </si>
  <si>
    <t>2053.814</t>
  </si>
  <si>
    <t>13.447</t>
  </si>
  <si>
    <t>1077298.0</t>
  </si>
  <si>
    <t>2065.934</t>
  </si>
  <si>
    <t>554371.0</t>
  </si>
  <si>
    <t>318756.0</t>
  </si>
  <si>
    <t>235615.0</t>
  </si>
  <si>
    <t>1085297.0</t>
  </si>
  <si>
    <t>2081.274</t>
  </si>
  <si>
    <t>10.933</t>
  </si>
  <si>
    <t>561748.0</t>
  </si>
  <si>
    <t>242370.0</t>
  </si>
  <si>
    <t>1092047.0</t>
  </si>
  <si>
    <t>2094.219</t>
  </si>
  <si>
    <t>11.631</t>
  </si>
  <si>
    <t>566553.0</t>
  </si>
  <si>
    <t>319712.0</t>
  </si>
  <si>
    <t>246841.0</t>
  </si>
  <si>
    <t>1098762.0</t>
  </si>
  <si>
    <t>2107.096</t>
  </si>
  <si>
    <t>12.877</t>
  </si>
  <si>
    <t>571291.0</t>
  </si>
  <si>
    <t>320059.0</t>
  </si>
  <si>
    <t>109.07</t>
  </si>
  <si>
    <t>2118.102</t>
  </si>
  <si>
    <t>575737.0</t>
  </si>
  <si>
    <t>320457.0</t>
  </si>
  <si>
    <t>255280.0</t>
  </si>
  <si>
    <t>1111602.0</t>
  </si>
  <si>
    <t>2131.719</t>
  </si>
  <si>
    <t>576436.0</t>
  </si>
  <si>
    <t>320482.0</t>
  </si>
  <si>
    <t>1118530.0</t>
  </si>
  <si>
    <t>2145.005</t>
  </si>
  <si>
    <t>13.286</t>
  </si>
  <si>
    <t>579301.0</t>
  </si>
  <si>
    <t>320776.0</t>
  </si>
  <si>
    <t>258525.0</t>
  </si>
  <si>
    <t>1123857.0</t>
  </si>
  <si>
    <t>2155.221</t>
  </si>
  <si>
    <t>12.755</t>
  </si>
  <si>
    <t>1132410.0</t>
  </si>
  <si>
    <t>2171.623</t>
  </si>
  <si>
    <t>16.402</t>
  </si>
  <si>
    <t>580648.0</t>
  </si>
  <si>
    <t>320887.0</t>
  </si>
  <si>
    <t>259761.0</t>
  </si>
  <si>
    <t>1137342.0</t>
  </si>
  <si>
    <t>2181.081</t>
  </si>
  <si>
    <t>1143480.0</t>
  </si>
  <si>
    <t>2192.852</t>
  </si>
  <si>
    <t>581272.0</t>
  </si>
  <si>
    <t>320991.0</t>
  </si>
  <si>
    <t>260281.0</t>
  </si>
  <si>
    <t>1149552.0</t>
  </si>
  <si>
    <t>2204.496</t>
  </si>
  <si>
    <t>11.644</t>
  </si>
  <si>
    <t>12.342</t>
  </si>
  <si>
    <t>581726.0</t>
  </si>
  <si>
    <t>260619.0</t>
  </si>
  <si>
    <t>1155492.0</t>
  </si>
  <si>
    <t>2215.887</t>
  </si>
  <si>
    <t>582029.0</t>
  </si>
  <si>
    <t>321255.0</t>
  </si>
  <si>
    <t>260774.0</t>
  </si>
  <si>
    <t>111.12</t>
  </si>
  <si>
    <t>1160355.0</t>
  </si>
  <si>
    <t>2225.213</t>
  </si>
  <si>
    <t>582341.0</t>
  </si>
  <si>
    <t>321350.0</t>
  </si>
  <si>
    <t>260991.0</t>
  </si>
  <si>
    <t>1167088.0</t>
  </si>
  <si>
    <t>2238.125</t>
  </si>
  <si>
    <t>1172832.0</t>
  </si>
  <si>
    <t>2249.14</t>
  </si>
  <si>
    <t>11.015</t>
  </si>
  <si>
    <t>583034.0</t>
  </si>
  <si>
    <t>261605.0</t>
  </si>
  <si>
    <t>1178256.0</t>
  </si>
  <si>
    <t>2259.542</t>
  </si>
  <si>
    <t>583651.0</t>
  </si>
  <si>
    <t>321523.0</t>
  </si>
  <si>
    <t>111.43</t>
  </si>
  <si>
    <t>1183408.0</t>
  </si>
  <si>
    <t>2269.422</t>
  </si>
  <si>
    <t>584661.0</t>
  </si>
  <si>
    <t>321594.0</t>
  </si>
  <si>
    <t>263067.0</t>
  </si>
  <si>
    <t>1188680.0</t>
  </si>
  <si>
    <t>2279.532</t>
  </si>
  <si>
    <t>1193836.0</t>
  </si>
  <si>
    <t>2289.419</t>
  </si>
  <si>
    <t>586677.0</t>
  </si>
  <si>
    <t>321764.0</t>
  </si>
  <si>
    <t>264913.0</t>
  </si>
  <si>
    <t>1198860.0</t>
  </si>
  <si>
    <t>2299.054</t>
  </si>
  <si>
    <t>590954.0</t>
  </si>
  <si>
    <t>322710.0</t>
  </si>
  <si>
    <t>268244.0</t>
  </si>
  <si>
    <t>1204433.0</t>
  </si>
  <si>
    <t>2309.741</t>
  </si>
  <si>
    <t>10.687</t>
  </si>
  <si>
    <t>595120.0</t>
  </si>
  <si>
    <t>323568.0</t>
  </si>
  <si>
    <t>1210086.0</t>
  </si>
  <si>
    <t>2320.582</t>
  </si>
  <si>
    <t>600009.0</t>
  </si>
  <si>
    <t>325060.0</t>
  </si>
  <si>
    <t>274949.0</t>
  </si>
  <si>
    <t>1215535.0</t>
  </si>
  <si>
    <t>2331.031</t>
  </si>
  <si>
    <t>604808.0</t>
  </si>
  <si>
    <t>326339.0</t>
  </si>
  <si>
    <t>278469.0</t>
  </si>
  <si>
    <t>1220531.0</t>
  </si>
  <si>
    <t>2340.612</t>
  </si>
  <si>
    <t>607932.0</t>
  </si>
  <si>
    <t>327579.0</t>
  </si>
  <si>
    <t>280353.0</t>
  </si>
  <si>
    <t>116.06</t>
  </si>
  <si>
    <t>1226768.0</t>
  </si>
  <si>
    <t>2352.573</t>
  </si>
  <si>
    <t>1231966.0</t>
  </si>
  <si>
    <t>2362.541</t>
  </si>
  <si>
    <t>10.446</t>
  </si>
  <si>
    <t>612056.0</t>
  </si>
  <si>
    <t>329403.0</t>
  </si>
  <si>
    <t>282653.0</t>
  </si>
  <si>
    <t>1237958.0</t>
  </si>
  <si>
    <t>2374.032</t>
  </si>
  <si>
    <t>614833.0</t>
  </si>
  <si>
    <t>330504.0</t>
  </si>
  <si>
    <t>284329.0</t>
  </si>
  <si>
    <t>1243622.0</t>
  </si>
  <si>
    <t>2384.894</t>
  </si>
  <si>
    <t>10.862</t>
  </si>
  <si>
    <t>617585.0</t>
  </si>
  <si>
    <t>331654.0</t>
  </si>
  <si>
    <t>285931.0</t>
  </si>
  <si>
    <t>1250825.0</t>
  </si>
  <si>
    <t>2398.707</t>
  </si>
  <si>
    <t>620415.0</t>
  </si>
  <si>
    <t>332816.0</t>
  </si>
  <si>
    <t>287599.0</t>
  </si>
  <si>
    <t>1256126.0</t>
  </si>
  <si>
    <t>2408.873</t>
  </si>
  <si>
    <t>631716.0</t>
  </si>
  <si>
    <t>339980.0</t>
  </si>
  <si>
    <t>291736.0</t>
  </si>
  <si>
    <t>2420.448</t>
  </si>
  <si>
    <t>633914.0</t>
  </si>
  <si>
    <t>341009.0</t>
  </si>
  <si>
    <t>292905.0</t>
  </si>
  <si>
    <t>1267210.0</t>
  </si>
  <si>
    <t>2430.129</t>
  </si>
  <si>
    <t>636620.0</t>
  </si>
  <si>
    <t>342511.0</t>
  </si>
  <si>
    <t>294109.0</t>
  </si>
  <si>
    <t>1272507.0</t>
  </si>
  <si>
    <t>2440.287</t>
  </si>
  <si>
    <t>10.158</t>
  </si>
  <si>
    <t>637157.0</t>
  </si>
  <si>
    <t>294364.0</t>
  </si>
  <si>
    <t>1277320.0</t>
  </si>
  <si>
    <t>2449.517</t>
  </si>
  <si>
    <t>638940.0</t>
  </si>
  <si>
    <t>343901.0</t>
  </si>
  <si>
    <t>295039.0</t>
  </si>
  <si>
    <t>1282471.0</t>
  </si>
  <si>
    <t>2459.395</t>
  </si>
  <si>
    <t>645008.0</t>
  </si>
  <si>
    <t>349136.0</t>
  </si>
  <si>
    <t>295872.0</t>
  </si>
  <si>
    <t>1288131.0</t>
  </si>
  <si>
    <t>2470.249</t>
  </si>
  <si>
    <t>10.854</t>
  </si>
  <si>
    <t>650690.0</t>
  </si>
  <si>
    <t>354192.0</t>
  </si>
  <si>
    <t>296498.0</t>
  </si>
  <si>
    <t>1293368.0</t>
  </si>
  <si>
    <t>2480.292</t>
  </si>
  <si>
    <t>10.043</t>
  </si>
  <si>
    <t>653886.0</t>
  </si>
  <si>
    <t>356883.0</t>
  </si>
  <si>
    <t>297003.0</t>
  </si>
  <si>
    <t>1298701.0</t>
  </si>
  <si>
    <t>2490.519</t>
  </si>
  <si>
    <t>10.227</t>
  </si>
  <si>
    <t>657203.0</t>
  </si>
  <si>
    <t>359647.0</t>
  </si>
  <si>
    <t>1305451.0</t>
  </si>
  <si>
    <t>2503.463</t>
  </si>
  <si>
    <t>10.476</t>
  </si>
  <si>
    <t>662392.0</t>
  </si>
  <si>
    <t>364064.0</t>
  </si>
  <si>
    <t>1311126.0</t>
  </si>
  <si>
    <t>2514.346</t>
  </si>
  <si>
    <t>364847.0</t>
  </si>
  <si>
    <t>298418.0</t>
  </si>
  <si>
    <t>1316092.0</t>
  </si>
  <si>
    <t>2523.87</t>
  </si>
  <si>
    <t>10.622</t>
  </si>
  <si>
    <t>667225.0</t>
  </si>
  <si>
    <t>368148.0</t>
  </si>
  <si>
    <t>299077.0</t>
  </si>
  <si>
    <t>127.38</t>
  </si>
  <si>
    <t>1321765.0</t>
  </si>
  <si>
    <t>2534.749</t>
  </si>
  <si>
    <t>672365.0</t>
  </si>
  <si>
    <t>372777.0</t>
  </si>
  <si>
    <t>299588.0</t>
  </si>
  <si>
    <t>1327665.0</t>
  </si>
  <si>
    <t>2546.063</t>
  </si>
  <si>
    <t>11.314</t>
  </si>
  <si>
    <t>676694.0</t>
  </si>
  <si>
    <t>376630.0</t>
  </si>
  <si>
    <t>300064.0</t>
  </si>
  <si>
    <t>2558.981</t>
  </si>
  <si>
    <t>679806.0</t>
  </si>
  <si>
    <t>300427.0</t>
  </si>
  <si>
    <t>1339970.0</t>
  </si>
  <si>
    <t>2569.66</t>
  </si>
  <si>
    <t>681050.0</t>
  </si>
  <si>
    <t>380379.0</t>
  </si>
  <si>
    <t>300671.0</t>
  </si>
  <si>
    <t>1345651.0</t>
  </si>
  <si>
    <t>2580.555</t>
  </si>
  <si>
    <t>11.013</t>
  </si>
  <si>
    <t>682823.0</t>
  </si>
  <si>
    <t>381745.0</t>
  </si>
  <si>
    <t>301078.0</t>
  </si>
  <si>
    <t>2589.608</t>
  </si>
  <si>
    <t>683091.0</t>
  </si>
  <si>
    <t>381902.0</t>
  </si>
  <si>
    <t>301189.0</t>
  </si>
  <si>
    <t>1355610.0</t>
  </si>
  <si>
    <t>2599.653</t>
  </si>
  <si>
    <t>684200.0</t>
  </si>
  <si>
    <t>382677.0</t>
  </si>
  <si>
    <t>301523.0</t>
  </si>
  <si>
    <t>1360799.0</t>
  </si>
  <si>
    <t>2609.604</t>
  </si>
  <si>
    <t>9.951</t>
  </si>
  <si>
    <t>684946.0</t>
  </si>
  <si>
    <t>383089.0</t>
  </si>
  <si>
    <t>1366541.0</t>
  </si>
  <si>
    <t>2620.616</t>
  </si>
  <si>
    <t>685802.0</t>
  </si>
  <si>
    <t>383620.0</t>
  </si>
  <si>
    <t>302182.0</t>
  </si>
  <si>
    <t>1370665.0</t>
  </si>
  <si>
    <t>2628.524</t>
  </si>
  <si>
    <t>686956.0</t>
  </si>
  <si>
    <t>384444.0</t>
  </si>
  <si>
    <t>302512.0</t>
  </si>
  <si>
    <t>1376433.0</t>
  </si>
  <si>
    <t>2639.586</t>
  </si>
  <si>
    <t>11.061</t>
  </si>
  <si>
    <t>1382851.0</t>
  </si>
  <si>
    <t>2651.893</t>
  </si>
  <si>
    <t>1387971.0</t>
  </si>
  <si>
    <t>2661.712</t>
  </si>
  <si>
    <t>689039.0</t>
  </si>
  <si>
    <t>385554.0</t>
  </si>
  <si>
    <t>131.55</t>
  </si>
  <si>
    <t>1392515.0</t>
  </si>
  <si>
    <t>2670.426</t>
  </si>
  <si>
    <t>689522.0</t>
  </si>
  <si>
    <t>385855.0</t>
  </si>
  <si>
    <t>303667.0</t>
  </si>
  <si>
    <t>1398279.0</t>
  </si>
  <si>
    <t>2681.48</t>
  </si>
  <si>
    <t>690218.0</t>
  </si>
  <si>
    <t>386253.0</t>
  </si>
  <si>
    <t>303965.0</t>
  </si>
  <si>
    <t>1403507.0</t>
  </si>
  <si>
    <t>2691.505</t>
  </si>
  <si>
    <t>10.127</t>
  </si>
  <si>
    <t>692085.0</t>
  </si>
  <si>
    <t>386514.0</t>
  </si>
  <si>
    <t>305571.0</t>
  </si>
  <si>
    <t>1408935.0</t>
  </si>
  <si>
    <t>2701.915</t>
  </si>
  <si>
    <t>694902.0</t>
  </si>
  <si>
    <t>386807.0</t>
  </si>
  <si>
    <t>308095.0</t>
  </si>
  <si>
    <t>1414253.0</t>
  </si>
  <si>
    <t>2712.113</t>
  </si>
  <si>
    <t>10.198</t>
  </si>
  <si>
    <t>697787.0</t>
  </si>
  <si>
    <t>387195.0</t>
  </si>
  <si>
    <t>310592.0</t>
  </si>
  <si>
    <t>1419779.0</t>
  </si>
  <si>
    <t>2722.71</t>
  </si>
  <si>
    <t>702063.0</t>
  </si>
  <si>
    <t>388053.0</t>
  </si>
  <si>
    <t>314010.0</t>
  </si>
  <si>
    <t>1423594.0</t>
  </si>
  <si>
    <t>2730.026</t>
  </si>
  <si>
    <t>703328.0</t>
  </si>
  <si>
    <t>388299.0</t>
  </si>
  <si>
    <t>315029.0</t>
  </si>
  <si>
    <t>1429183.0</t>
  </si>
  <si>
    <t>2740.744</t>
  </si>
  <si>
    <t>707856.0</t>
  </si>
  <si>
    <t>388776.0</t>
  </si>
  <si>
    <t>319080.0</t>
  </si>
  <si>
    <t>135.14</t>
  </si>
  <si>
    <t>1434785.0</t>
  </si>
  <si>
    <t>2751.487</t>
  </si>
  <si>
    <t>710805.0</t>
  </si>
  <si>
    <t>389235.0</t>
  </si>
  <si>
    <t>321570.0</t>
  </si>
  <si>
    <t>1440102.0</t>
  </si>
  <si>
    <t>2761.684</t>
  </si>
  <si>
    <t>713236.0</t>
  </si>
  <si>
    <t>389557.0</t>
  </si>
  <si>
    <t>136.17</t>
  </si>
  <si>
    <t>1444831.0</t>
  </si>
  <si>
    <t>2770.752</t>
  </si>
  <si>
    <t>715975.0</t>
  </si>
  <si>
    <t>389821.0</t>
  </si>
  <si>
    <t>326154.0</t>
  </si>
  <si>
    <t>1450357.0</t>
  </si>
  <si>
    <t>2781.35</t>
  </si>
  <si>
    <t>718915.0</t>
  </si>
  <si>
    <t>390285.0</t>
  </si>
  <si>
    <t>328630.0</t>
  </si>
  <si>
    <t>1455484.0</t>
  </si>
  <si>
    <t>2791.182</t>
  </si>
  <si>
    <t>720666.0</t>
  </si>
  <si>
    <t>390644.0</t>
  </si>
  <si>
    <t>330022.0</t>
  </si>
  <si>
    <t>1458593.0</t>
  </si>
  <si>
    <t>2797.144</t>
  </si>
  <si>
    <t>720978.0</t>
  </si>
  <si>
    <t>390672.0</t>
  </si>
  <si>
    <t>330306.0</t>
  </si>
  <si>
    <t>1463788.0</t>
  </si>
  <si>
    <t>2807.106</t>
  </si>
  <si>
    <t>9.481</t>
  </si>
  <si>
    <t>722370.0</t>
  </si>
  <si>
    <t>390965.0</t>
  </si>
  <si>
    <t>331405.0</t>
  </si>
  <si>
    <t>1468486.0</t>
  </si>
  <si>
    <t>2816.116</t>
  </si>
  <si>
    <t>1472469.0</t>
  </si>
  <si>
    <t>2823.754</t>
  </si>
  <si>
    <t>7.638</t>
  </si>
  <si>
    <t>8.867</t>
  </si>
  <si>
    <t>723682.0</t>
  </si>
  <si>
    <t>391153.0</t>
  </si>
  <si>
    <t>332529.0</t>
  </si>
  <si>
    <t>1477635.0</t>
  </si>
  <si>
    <t>2833.661</t>
  </si>
  <si>
    <t>8.986</t>
  </si>
  <si>
    <t>724971.0</t>
  </si>
  <si>
    <t>391309.0</t>
  </si>
  <si>
    <t>333662.0</t>
  </si>
  <si>
    <t>138.41</t>
  </si>
  <si>
    <t>1481790.0</t>
  </si>
  <si>
    <t>2841.629</t>
  </si>
  <si>
    <t>1485962.0</t>
  </si>
  <si>
    <t>2849.629</t>
  </si>
  <si>
    <t>726741.0</t>
  </si>
  <si>
    <t>391542.0</t>
  </si>
  <si>
    <t>335199.0</t>
  </si>
  <si>
    <t>1489636.0</t>
  </si>
  <si>
    <t>2856.675</t>
  </si>
  <si>
    <t>726875.0</t>
  </si>
  <si>
    <t>391582.0</t>
  </si>
  <si>
    <t>335293.0</t>
  </si>
  <si>
    <t>1493529.0</t>
  </si>
  <si>
    <t>2864.141</t>
  </si>
  <si>
    <t>391738.0</t>
  </si>
  <si>
    <t>335926.0</t>
  </si>
  <si>
    <t>1498161.0</t>
  </si>
  <si>
    <t>2873.023</t>
  </si>
  <si>
    <t>1502280.0</t>
  </si>
  <si>
    <t>2880.922</t>
  </si>
  <si>
    <t>8.167</t>
  </si>
  <si>
    <t>729253.0</t>
  </si>
  <si>
    <t>391960.0</t>
  </si>
  <si>
    <t>337293.0</t>
  </si>
  <si>
    <t>1506683.0</t>
  </si>
  <si>
    <t>2889.366</t>
  </si>
  <si>
    <t>1511093.0</t>
  </si>
  <si>
    <t>2897.823</t>
  </si>
  <si>
    <t>730513.0</t>
  </si>
  <si>
    <t>392114.0</t>
  </si>
  <si>
    <t>1515253.0</t>
  </si>
  <si>
    <t>2905.801</t>
  </si>
  <si>
    <t>731796.0</t>
  </si>
  <si>
    <t>392315.0</t>
  </si>
  <si>
    <t>1518193.0</t>
  </si>
  <si>
    <t>2911.439</t>
  </si>
  <si>
    <t>1522219.0</t>
  </si>
  <si>
    <t>2919.159</t>
  </si>
  <si>
    <t>733220.0</t>
  </si>
  <si>
    <t>392490.0</t>
  </si>
  <si>
    <t>340730.0</t>
  </si>
  <si>
    <t>1527887.0</t>
  </si>
  <si>
    <t>2930.029</t>
  </si>
  <si>
    <t>733992.0</t>
  </si>
  <si>
    <t>392591.0</t>
  </si>
  <si>
    <t>341401.0</t>
  </si>
  <si>
    <t>1531470.0</t>
  </si>
  <si>
    <t>2936.9</t>
  </si>
  <si>
    <t>6.871</t>
  </si>
  <si>
    <t>735018.0</t>
  </si>
  <si>
    <t>392681.0</t>
  </si>
  <si>
    <t>342337.0</t>
  </si>
  <si>
    <t>1535275.0</t>
  </si>
  <si>
    <t>2944.197</t>
  </si>
  <si>
    <t>735922.0</t>
  </si>
  <si>
    <t>392773.0</t>
  </si>
  <si>
    <t>1539036.0</t>
  </si>
  <si>
    <t>2951.409</t>
  </si>
  <si>
    <t>737010.0</t>
  </si>
  <si>
    <t>392887.0</t>
  </si>
  <si>
    <t>344123.0</t>
  </si>
  <si>
    <t>1542213.0</t>
  </si>
  <si>
    <t>2957.502</t>
  </si>
  <si>
    <t>6.093</t>
  </si>
  <si>
    <t>1545334.0</t>
  </si>
  <si>
    <t>2963.487</t>
  </si>
  <si>
    <t>738169.0</t>
  </si>
  <si>
    <t>392966.0</t>
  </si>
  <si>
    <t>345203.0</t>
  </si>
  <si>
    <t>1549176.0</t>
  </si>
  <si>
    <t>2970.855</t>
  </si>
  <si>
    <t>739055.0</t>
  </si>
  <si>
    <t>393059.0</t>
  </si>
  <si>
    <t>1553323.0</t>
  </si>
  <si>
    <t>2978.807</t>
  </si>
  <si>
    <t>739914.0</t>
  </si>
  <si>
    <t>393133.0</t>
  </si>
  <si>
    <t>346781.0</t>
  </si>
  <si>
    <t>1556635.0</t>
  </si>
  <si>
    <t>2985.159</t>
  </si>
  <si>
    <t>740902.0</t>
  </si>
  <si>
    <t>393344.0</t>
  </si>
  <si>
    <t>347558.0</t>
  </si>
  <si>
    <t>1560533.0</t>
  </si>
  <si>
    <t>2992.634</t>
  </si>
  <si>
    <t>7.475</t>
  </si>
  <si>
    <t>742075.0</t>
  </si>
  <si>
    <t>393413.0</t>
  </si>
  <si>
    <t>348662.0</t>
  </si>
  <si>
    <t>1564817.0</t>
  </si>
  <si>
    <t>3000.85</t>
  </si>
  <si>
    <t>742929.0</t>
  </si>
  <si>
    <t>393501.0</t>
  </si>
  <si>
    <t>349428.0</t>
  </si>
  <si>
    <t>1568838.0</t>
  </si>
  <si>
    <t>3008.561</t>
  </si>
  <si>
    <t>744350.0</t>
  </si>
  <si>
    <t>393611.0</t>
  </si>
  <si>
    <t>350739.0</t>
  </si>
  <si>
    <t>1572287.0</t>
  </si>
  <si>
    <t>3015.175</t>
  </si>
  <si>
    <t>1576901.0</t>
  </si>
  <si>
    <t>3024.023</t>
  </si>
  <si>
    <t>744848.0</t>
  </si>
  <si>
    <t>393679.0</t>
  </si>
  <si>
    <t>351169.0</t>
  </si>
  <si>
    <t>1580111.0</t>
  </si>
  <si>
    <t>3030.179</t>
  </si>
  <si>
    <t>745288.0</t>
  </si>
  <si>
    <t>393718.0</t>
  </si>
  <si>
    <t>351570.0</t>
  </si>
  <si>
    <t>1583779.0</t>
  </si>
  <si>
    <t>3037.213</t>
  </si>
  <si>
    <t>1587415.0</t>
  </si>
  <si>
    <t>3044.186</t>
  </si>
  <si>
    <t>6.973</t>
  </si>
  <si>
    <t>7.364</t>
  </si>
  <si>
    <t>746440.0</t>
  </si>
  <si>
    <t>393813.0</t>
  </si>
  <si>
    <t>352627.0</t>
  </si>
  <si>
    <t>3051.534</t>
  </si>
  <si>
    <t>746986.0</t>
  </si>
  <si>
    <t>393878.0</t>
  </si>
  <si>
    <t>1595136.0</t>
  </si>
  <si>
    <t>3058.992</t>
  </si>
  <si>
    <t>747719.0</t>
  </si>
  <si>
    <t>393946.0</t>
  </si>
  <si>
    <t>353773.0</t>
  </si>
  <si>
    <t>1598739.0</t>
  </si>
  <si>
    <t>3065.902</t>
  </si>
  <si>
    <t>1603266.0</t>
  </si>
  <si>
    <t>3074.583</t>
  </si>
  <si>
    <t>748413.0</t>
  </si>
  <si>
    <t>394049.0</t>
  </si>
  <si>
    <t>354364.0</t>
  </si>
  <si>
    <t>142.88</t>
  </si>
  <si>
    <t>1606976.0</t>
  </si>
  <si>
    <t>3081.698</t>
  </si>
  <si>
    <t>7.115</t>
  </si>
  <si>
    <t>748858.0</t>
  </si>
  <si>
    <t>394099.0</t>
  </si>
  <si>
    <t>354759.0</t>
  </si>
  <si>
    <t>1610333.0</t>
  </si>
  <si>
    <t>3088.136</t>
  </si>
  <si>
    <t>749426.0</t>
  </si>
  <si>
    <t>394176.0</t>
  </si>
  <si>
    <t>355250.0</t>
  </si>
  <si>
    <t>143.08</t>
  </si>
  <si>
    <t>1613874.0</t>
  </si>
  <si>
    <t>3094.926</t>
  </si>
  <si>
    <t>750014.0</t>
  </si>
  <si>
    <t>394228.0</t>
  </si>
  <si>
    <t>355786.0</t>
  </si>
  <si>
    <t>1617559.0</t>
  </si>
  <si>
    <t>3101.993</t>
  </si>
  <si>
    <t>7.209</t>
  </si>
  <si>
    <t>1621290.0</t>
  </si>
  <si>
    <t>3109.148</t>
  </si>
  <si>
    <t>751551.0</t>
  </si>
  <si>
    <t>394463.0</t>
  </si>
  <si>
    <t>357088.0</t>
  </si>
  <si>
    <t>1623918.0</t>
  </si>
  <si>
    <t>3114.188</t>
  </si>
  <si>
    <t>1625163.0</t>
  </si>
  <si>
    <t>3116.575</t>
  </si>
  <si>
    <t>751880.0</t>
  </si>
  <si>
    <t>394522.0</t>
  </si>
  <si>
    <t>357358.0</t>
  </si>
  <si>
    <t>1628377.0</t>
  </si>
  <si>
    <t>3122.739</t>
  </si>
  <si>
    <t>752341.0</t>
  </si>
  <si>
    <t>394574.0</t>
  </si>
  <si>
    <t>357767.0</t>
  </si>
  <si>
    <t>1632395.0</t>
  </si>
  <si>
    <t>3130.444</t>
  </si>
  <si>
    <t>752815.0</t>
  </si>
  <si>
    <t>394633.0</t>
  </si>
  <si>
    <t>358182.0</t>
  </si>
  <si>
    <t>1636185.0</t>
  </si>
  <si>
    <t>3137.712</t>
  </si>
  <si>
    <t>753443.0</t>
  </si>
  <si>
    <t>394699.0</t>
  </si>
  <si>
    <t>358744.0</t>
  </si>
  <si>
    <t>143.84</t>
  </si>
  <si>
    <t>1640254.0</t>
  </si>
  <si>
    <t>3145.515</t>
  </si>
  <si>
    <t>7.803</t>
  </si>
  <si>
    <t>1643772.0</t>
  </si>
  <si>
    <t>3152.262</t>
  </si>
  <si>
    <t>1646573.0</t>
  </si>
  <si>
    <t>3157.633</t>
  </si>
  <si>
    <t>1650258.0</t>
  </si>
  <si>
    <t>3164.7</t>
  </si>
  <si>
    <t>754195.0</t>
  </si>
  <si>
    <t>394801.0</t>
  </si>
  <si>
    <t>359394.0</t>
  </si>
  <si>
    <t>143.99</t>
  </si>
  <si>
    <t>1654914.0</t>
  </si>
  <si>
    <t>3173.629</t>
  </si>
  <si>
    <t>1658031.0</t>
  </si>
  <si>
    <t>3179.606</t>
  </si>
  <si>
    <t>754629.0</t>
  </si>
  <si>
    <t>394871.0</t>
  </si>
  <si>
    <t>359758.0</t>
  </si>
  <si>
    <t>144.07</t>
  </si>
  <si>
    <t>1662514.0</t>
  </si>
  <si>
    <t>3188.203</t>
  </si>
  <si>
    <t>755091.0</t>
  </si>
  <si>
    <t>394930.0</t>
  </si>
  <si>
    <t>360161.0</t>
  </si>
  <si>
    <t>144.16</t>
  </si>
  <si>
    <t>1665938.0</t>
  </si>
  <si>
    <t>3194.769</t>
  </si>
  <si>
    <t>755588.0</t>
  </si>
  <si>
    <t>395004.0</t>
  </si>
  <si>
    <t>360584.0</t>
  </si>
  <si>
    <t>1668845.0</t>
  </si>
  <si>
    <t>3200.344</t>
  </si>
  <si>
    <t>1671978.0</t>
  </si>
  <si>
    <t>3206.352</t>
  </si>
  <si>
    <t>1676511.0</t>
  </si>
  <si>
    <t>3215.045</t>
  </si>
  <si>
    <t>8.693</t>
  </si>
  <si>
    <t>1680694.0</t>
  </si>
  <si>
    <t>3223.067</t>
  </si>
  <si>
    <t>756045.0</t>
  </si>
  <si>
    <t>395068.0</t>
  </si>
  <si>
    <t>360977.0</t>
  </si>
  <si>
    <t>1684600.0</t>
  </si>
  <si>
    <t>3230.557</t>
  </si>
  <si>
    <t>756322.0</t>
  </si>
  <si>
    <t>395125.0</t>
  </si>
  <si>
    <t>361197.0</t>
  </si>
  <si>
    <t>1687949.0</t>
  </si>
  <si>
    <t>3236.98</t>
  </si>
  <si>
    <t>761976.0</t>
  </si>
  <si>
    <t>395195.0</t>
  </si>
  <si>
    <t>361391.0</t>
  </si>
  <si>
    <t>145.47</t>
  </si>
  <si>
    <t>1691994.0</t>
  </si>
  <si>
    <t>3244.737</t>
  </si>
  <si>
    <t>762498.0</t>
  </si>
  <si>
    <t>395233.0</t>
  </si>
  <si>
    <t>361635.0</t>
  </si>
  <si>
    <t>1695297.0</t>
  </si>
  <si>
    <t>3251.071</t>
  </si>
  <si>
    <t>763252.0</t>
  </si>
  <si>
    <t>395302.0</t>
  </si>
  <si>
    <t>361941.0</t>
  </si>
  <si>
    <t>1698252.0</t>
  </si>
  <si>
    <t>3256.738</t>
  </si>
  <si>
    <t>1700277.0</t>
  </si>
  <si>
    <t>3260.621</t>
  </si>
  <si>
    <t>1704519.0</t>
  </si>
  <si>
    <t>3268.756</t>
  </si>
  <si>
    <t>764421.0</t>
  </si>
  <si>
    <t>395373.0</t>
  </si>
  <si>
    <t>362326.0</t>
  </si>
  <si>
    <t>1708602.0</t>
  </si>
  <si>
    <t>3276.586</t>
  </si>
  <si>
    <t>765229.0</t>
  </si>
  <si>
    <t>395419.0</t>
  </si>
  <si>
    <t>362517.0</t>
  </si>
  <si>
    <t>146.09</t>
  </si>
  <si>
    <t>3283.329</t>
  </si>
  <si>
    <t>766159.0</t>
  </si>
  <si>
    <t>395470.0</t>
  </si>
  <si>
    <t>362742.0</t>
  </si>
  <si>
    <t>1716418.0</t>
  </si>
  <si>
    <t>3291.575</t>
  </si>
  <si>
    <t>1720859.0</t>
  </si>
  <si>
    <t>3300.091</t>
  </si>
  <si>
    <t>8.517</t>
  </si>
  <si>
    <t>767794.0</t>
  </si>
  <si>
    <t>395586.0</t>
  </si>
  <si>
    <t>363150.0</t>
  </si>
  <si>
    <t>146.58</t>
  </si>
  <si>
    <t>1724985.0</t>
  </si>
  <si>
    <t>3308.004</t>
  </si>
  <si>
    <t>1728805.0</t>
  </si>
  <si>
    <t>3315.329</t>
  </si>
  <si>
    <t>768490.0</t>
  </si>
  <si>
    <t>395622.0</t>
  </si>
  <si>
    <t>363310.0</t>
  </si>
  <si>
    <t>1732611.0</t>
  </si>
  <si>
    <t>3322.628</t>
  </si>
  <si>
    <t>769583.0</t>
  </si>
  <si>
    <t>395672.0</t>
  </si>
  <si>
    <t>363580.0</t>
  </si>
  <si>
    <t>1736775.0</t>
  </si>
  <si>
    <t>3330.613</t>
  </si>
  <si>
    <t>7.985</t>
  </si>
  <si>
    <t>1740336.0</t>
  </si>
  <si>
    <t>3337.442</t>
  </si>
  <si>
    <t>772056.0</t>
  </si>
  <si>
    <t>395781.0</t>
  </si>
  <si>
    <t>364082.0</t>
  </si>
  <si>
    <t>1744032.0</t>
  </si>
  <si>
    <t>3344.53</t>
  </si>
  <si>
    <t>772883.0</t>
  </si>
  <si>
    <t>395807.0</t>
  </si>
  <si>
    <t>364229.0</t>
  </si>
  <si>
    <t>1748415.0</t>
  </si>
  <si>
    <t>3352.935</t>
  </si>
  <si>
    <t>774438.0</t>
  </si>
  <si>
    <t>395879.0</t>
  </si>
  <si>
    <t>364402.0</t>
  </si>
  <si>
    <t>147.85</t>
  </si>
  <si>
    <t>1752184.0</t>
  </si>
  <si>
    <t>3360.163</t>
  </si>
  <si>
    <t>1756002.0</t>
  </si>
  <si>
    <t>3367.485</t>
  </si>
  <si>
    <t>775843.0</t>
  </si>
  <si>
    <t>364520.0</t>
  </si>
  <si>
    <t>148.12</t>
  </si>
  <si>
    <t>1760181.0</t>
  </si>
  <si>
    <t>3375.499</t>
  </si>
  <si>
    <t>776498.0</t>
  </si>
  <si>
    <t>395956.0</t>
  </si>
  <si>
    <t>364692.0</t>
  </si>
  <si>
    <t>1763874.0</t>
  </si>
  <si>
    <t>3382.581</t>
  </si>
  <si>
    <t>7.082</t>
  </si>
  <si>
    <t>777331.0</t>
  </si>
  <si>
    <t>396004.0</t>
  </si>
  <si>
    <t>1767860.0</t>
  </si>
  <si>
    <t>3390.225</t>
  </si>
  <si>
    <t>778312.0</t>
  </si>
  <si>
    <t>396066.0</t>
  </si>
  <si>
    <t>365046.0</t>
  </si>
  <si>
    <t>1771864.0</t>
  </si>
  <si>
    <t>3397.904</t>
  </si>
  <si>
    <t>1775565.0</t>
  </si>
  <si>
    <t>3405.001</t>
  </si>
  <si>
    <t>780425.0</t>
  </si>
  <si>
    <t>396146.0</t>
  </si>
  <si>
    <t>365332.0</t>
  </si>
  <si>
    <t>1779931.0</t>
  </si>
  <si>
    <t>3413.374</t>
  </si>
  <si>
    <t>1784177.0</t>
  </si>
  <si>
    <t>3421.516</t>
  </si>
  <si>
    <t>781076.0</t>
  </si>
  <si>
    <t>396162.0</t>
  </si>
  <si>
    <t>365482.0</t>
  </si>
  <si>
    <t>1788327.0</t>
  </si>
  <si>
    <t>3429.475</t>
  </si>
  <si>
    <t>781907.0</t>
  </si>
  <si>
    <t>396207.0</t>
  </si>
  <si>
    <t>365604.0</t>
  </si>
  <si>
    <t>1792437.0</t>
  </si>
  <si>
    <t>3437.356</t>
  </si>
  <si>
    <t>782632.0</t>
  </si>
  <si>
    <t>396254.0</t>
  </si>
  <si>
    <t>365725.0</t>
  </si>
  <si>
    <t>1796604.0</t>
  </si>
  <si>
    <t>3445.347</t>
  </si>
  <si>
    <t>7.991</t>
  </si>
  <si>
    <t>783271.0</t>
  </si>
  <si>
    <t>396288.0</t>
  </si>
  <si>
    <t>365882.0</t>
  </si>
  <si>
    <t>1801197.0</t>
  </si>
  <si>
    <t>3454.155</t>
  </si>
  <si>
    <t>783957.0</t>
  </si>
  <si>
    <t>396322.0</t>
  </si>
  <si>
    <t>366038.0</t>
  </si>
  <si>
    <t>1805388.0</t>
  </si>
  <si>
    <t>3462.193</t>
  </si>
  <si>
    <t>784616.0</t>
  </si>
  <si>
    <t>396358.0</t>
  </si>
  <si>
    <t>366165.0</t>
  </si>
  <si>
    <t>149.79</t>
  </si>
  <si>
    <t>1809998.0</t>
  </si>
  <si>
    <t>3471.033</t>
  </si>
  <si>
    <t>1814432.0</t>
  </si>
  <si>
    <t>3479.536</t>
  </si>
  <si>
    <t>784878.0</t>
  </si>
  <si>
    <t>396369.0</t>
  </si>
  <si>
    <t>366210.0</t>
  </si>
  <si>
    <t>149.84</t>
  </si>
  <si>
    <t>1818972.0</t>
  </si>
  <si>
    <t>3488.243</t>
  </si>
  <si>
    <t>785241.0</t>
  </si>
  <si>
    <t>396410.0</t>
  </si>
  <si>
    <t>366358.0</t>
  </si>
  <si>
    <t>1822415.0</t>
  </si>
  <si>
    <t>3494.845</t>
  </si>
  <si>
    <t>785693.0</t>
  </si>
  <si>
    <t>396452.0</t>
  </si>
  <si>
    <t>366452.0</t>
  </si>
  <si>
    <t>22789.0</t>
  </si>
  <si>
    <t>1826489.0</t>
  </si>
  <si>
    <t>3502.658</t>
  </si>
  <si>
    <t>8.187</t>
  </si>
  <si>
    <t>1830870.0</t>
  </si>
  <si>
    <t>3511.059</t>
  </si>
  <si>
    <t>786987.0</t>
  </si>
  <si>
    <t>396511.0</t>
  </si>
  <si>
    <t>366748.0</t>
  </si>
  <si>
    <t>1835001.0</t>
  </si>
  <si>
    <t>3518.981</t>
  </si>
  <si>
    <t>1840640.0</t>
  </si>
  <si>
    <t>3529.795</t>
  </si>
  <si>
    <t>8.394</t>
  </si>
  <si>
    <t>1845059.0</t>
  </si>
  <si>
    <t>3538.27</t>
  </si>
  <si>
    <t>8.474</t>
  </si>
  <si>
    <t>1850102.0</t>
  </si>
  <si>
    <t>3547.941</t>
  </si>
  <si>
    <t>787873.0</t>
  </si>
  <si>
    <t>396635.0</t>
  </si>
  <si>
    <t>367068.0</t>
  </si>
  <si>
    <t>1854325.0</t>
  </si>
  <si>
    <t>3556.039</t>
  </si>
  <si>
    <t>8.098</t>
  </si>
  <si>
    <t>8.743</t>
  </si>
  <si>
    <t>788978.0</t>
  </si>
  <si>
    <t>396681.0</t>
  </si>
  <si>
    <t>367194.0</t>
  </si>
  <si>
    <t>25103.0</t>
  </si>
  <si>
    <t>1858549.0</t>
  </si>
  <si>
    <t>3564.139</t>
  </si>
  <si>
    <t>789675.0</t>
  </si>
  <si>
    <t>396745.0</t>
  </si>
  <si>
    <t>367346.0</t>
  </si>
  <si>
    <t>1862467.0</t>
  </si>
  <si>
    <t>3571.653</t>
  </si>
  <si>
    <t>790154.0</t>
  </si>
  <si>
    <t>396779.0</t>
  </si>
  <si>
    <t>367450.0</t>
  </si>
  <si>
    <t>25925.0</t>
  </si>
  <si>
    <t>1866450.0</t>
  </si>
  <si>
    <t>3579.291</t>
  </si>
  <si>
    <t>1870329.0</t>
  </si>
  <si>
    <t>3586.73</t>
  </si>
  <si>
    <t>1873762.0</t>
  </si>
  <si>
    <t>3593.313</t>
  </si>
  <si>
    <t>1876971.0</t>
  </si>
  <si>
    <t>3599.467</t>
  </si>
  <si>
    <t>790942.0</t>
  </si>
  <si>
    <t>396822.0</t>
  </si>
  <si>
    <t>1880711.0</t>
  </si>
  <si>
    <t>3606.639</t>
  </si>
  <si>
    <t>1885512.0</t>
  </si>
  <si>
    <t>3615.846</t>
  </si>
  <si>
    <t>791614.0</t>
  </si>
  <si>
    <t>367865.0</t>
  </si>
  <si>
    <t>1889642.0</t>
  </si>
  <si>
    <t>3623.766</t>
  </si>
  <si>
    <t>791929.0</t>
  </si>
  <si>
    <t>396916.0</t>
  </si>
  <si>
    <t>367950.0</t>
  </si>
  <si>
    <t>1894037.0</t>
  </si>
  <si>
    <t>3632.195</t>
  </si>
  <si>
    <t>792296.0</t>
  </si>
  <si>
    <t>396941.0</t>
  </si>
  <si>
    <t>368047.0</t>
  </si>
  <si>
    <t>1897638.0</t>
  </si>
  <si>
    <t>3639.1</t>
  </si>
  <si>
    <t>1902999.0</t>
  </si>
  <si>
    <t>3649.381</t>
  </si>
  <si>
    <t>792581.0</t>
  </si>
  <si>
    <t>396954.0</t>
  </si>
  <si>
    <t>368153.0</t>
  </si>
  <si>
    <t>151.31</t>
  </si>
  <si>
    <t>1906729.0</t>
  </si>
  <si>
    <t>3656.534</t>
  </si>
  <si>
    <t>8.152</t>
  </si>
  <si>
    <t>792981.0</t>
  </si>
  <si>
    <t>368238.0</t>
  </si>
  <si>
    <t>1910926.0</t>
  </si>
  <si>
    <t>3664.583</t>
  </si>
  <si>
    <t>793469.0</t>
  </si>
  <si>
    <t>397033.0</t>
  </si>
  <si>
    <t>368351.0</t>
  </si>
  <si>
    <t>1916744.0</t>
  </si>
  <si>
    <t>3675.74</t>
  </si>
  <si>
    <t>1922257.0</t>
  </si>
  <si>
    <t>3686.312</t>
  </si>
  <si>
    <t>397123.0</t>
  </si>
  <si>
    <t>368622.0</t>
  </si>
  <si>
    <t>151.74</t>
  </si>
  <si>
    <t>1929262.0</t>
  </si>
  <si>
    <t>3699.746</t>
  </si>
  <si>
    <t>1936767.0</t>
  </si>
  <si>
    <t>3714.138</t>
  </si>
  <si>
    <t>14.392</t>
  </si>
  <si>
    <t>1944040.0</t>
  </si>
  <si>
    <t>3728.085</t>
  </si>
  <si>
    <t>11.243</t>
  </si>
  <si>
    <t>798457.0</t>
  </si>
  <si>
    <t>397179.0</t>
  </si>
  <si>
    <t>368751.0</t>
  </si>
  <si>
    <t>152.44</t>
  </si>
  <si>
    <t>1949101.0</t>
  </si>
  <si>
    <t>3737.791</t>
  </si>
  <si>
    <t>11.608</t>
  </si>
  <si>
    <t>801114.0</t>
  </si>
  <si>
    <t>397211.0</t>
  </si>
  <si>
    <t>368817.0</t>
  </si>
  <si>
    <t>35086.0</t>
  </si>
  <si>
    <t>1955557.0</t>
  </si>
  <si>
    <t>3750.172</t>
  </si>
  <si>
    <t>12.227</t>
  </si>
  <si>
    <t>803859.0</t>
  </si>
  <si>
    <t>397248.0</t>
  </si>
  <si>
    <t>368886.0</t>
  </si>
  <si>
    <t>37725.0</t>
  </si>
  <si>
    <t>1961427.0</t>
  </si>
  <si>
    <t>3761.429</t>
  </si>
  <si>
    <t>11.257</t>
  </si>
  <si>
    <t>1968598.0</t>
  </si>
  <si>
    <t>3775.18</t>
  </si>
  <si>
    <t>809683.0</t>
  </si>
  <si>
    <t>397330.0</t>
  </si>
  <si>
    <t>369040.0</t>
  </si>
  <si>
    <t>1975196.0</t>
  </si>
  <si>
    <t>3787.833</t>
  </si>
  <si>
    <t>12.653</t>
  </si>
  <si>
    <t>1982459.0</t>
  </si>
  <si>
    <t>3801.762</t>
  </si>
  <si>
    <t>12.517</t>
  </si>
  <si>
    <t>1990033.0</t>
  </si>
  <si>
    <t>3816.286</t>
  </si>
  <si>
    <t>815675.0</t>
  </si>
  <si>
    <t>397382.0</t>
  </si>
  <si>
    <t>369151.0</t>
  </si>
  <si>
    <t>1997569.0</t>
  </si>
  <si>
    <t>3830.738</t>
  </si>
  <si>
    <t>0.2864</t>
  </si>
  <si>
    <t>819148.0</t>
  </si>
  <si>
    <t>397421.0</t>
  </si>
  <si>
    <t>369252.0</t>
  </si>
  <si>
    <t>52475.0</t>
  </si>
  <si>
    <t>2005250.0</t>
  </si>
  <si>
    <t>3845.468</t>
  </si>
  <si>
    <t>822406.0</t>
  </si>
  <si>
    <t>397457.0</t>
  </si>
  <si>
    <t>369337.0</t>
  </si>
  <si>
    <t>2012834.0</t>
  </si>
  <si>
    <t>3860.012</t>
  </si>
  <si>
    <t>14.544</t>
  </si>
  <si>
    <t>14.084</t>
  </si>
  <si>
    <t>825843.0</t>
  </si>
  <si>
    <t>397483.0</t>
  </si>
  <si>
    <t>369424.0</t>
  </si>
  <si>
    <t>2020177.0</t>
  </si>
  <si>
    <t>3874.093</t>
  </si>
  <si>
    <t>829457.0</t>
  </si>
  <si>
    <t>397504.0</t>
  </si>
  <si>
    <t>369551.0</t>
  </si>
  <si>
    <t>2027196.0</t>
  </si>
  <si>
    <t>3887.554</t>
  </si>
  <si>
    <t>0.3299</t>
  </si>
  <si>
    <t>2034257.0</t>
  </si>
  <si>
    <t>3901.095</t>
  </si>
  <si>
    <t>14.191</t>
  </si>
  <si>
    <t>2041270.0</t>
  </si>
  <si>
    <t>3914.543</t>
  </si>
  <si>
    <t>837526.0</t>
  </si>
  <si>
    <t>397586.0</t>
  </si>
  <si>
    <t>369716.0</t>
  </si>
  <si>
    <t>70224.0</t>
  </si>
  <si>
    <t>2048664.0</t>
  </si>
  <si>
    <t>3928.723</t>
  </si>
  <si>
    <t>0.3653</t>
  </si>
  <si>
    <t>840260.0</t>
  </si>
  <si>
    <t>397615.0</t>
  </si>
  <si>
    <t>369820.0</t>
  </si>
  <si>
    <t>2056516.0</t>
  </si>
  <si>
    <t>3943.781</t>
  </si>
  <si>
    <t>14.045</t>
  </si>
  <si>
    <t>843409.0</t>
  </si>
  <si>
    <t>369883.0</t>
  </si>
  <si>
    <t>75884.0</t>
  </si>
  <si>
    <t>2062919.0</t>
  </si>
  <si>
    <t>3956.06</t>
  </si>
  <si>
    <t>13.721</t>
  </si>
  <si>
    <t>846039.0</t>
  </si>
  <si>
    <t>397683.0</t>
  </si>
  <si>
    <t>369989.0</t>
  </si>
  <si>
    <t>78367.0</t>
  </si>
  <si>
    <t>3967.537</t>
  </si>
  <si>
    <t>849883.0</t>
  </si>
  <si>
    <t>370052.0</t>
  </si>
  <si>
    <t>82091.0</t>
  </si>
  <si>
    <t>2074561.0</t>
  </si>
  <si>
    <t>3978.386</t>
  </si>
  <si>
    <t>10.848</t>
  </si>
  <si>
    <t>0.3578</t>
  </si>
  <si>
    <t>2080030.0</t>
  </si>
  <si>
    <t>3988.874</t>
  </si>
  <si>
    <t>0.3581</t>
  </si>
  <si>
    <t>2085647.0</t>
  </si>
  <si>
    <t>3999.645</t>
  </si>
  <si>
    <t>855524.0</t>
  </si>
  <si>
    <t>397761.0</t>
  </si>
  <si>
    <t>370087.0</t>
  </si>
  <si>
    <t>4010.753</t>
  </si>
  <si>
    <t>11.719</t>
  </si>
  <si>
    <t>859352.0</t>
  </si>
  <si>
    <t>397804.0</t>
  </si>
  <si>
    <t>370161.0</t>
  </si>
  <si>
    <t>91387.0</t>
  </si>
  <si>
    <t>2096782.0</t>
  </si>
  <si>
    <t>4020.999</t>
  </si>
  <si>
    <t>0.3237</t>
  </si>
  <si>
    <t>863132.0</t>
  </si>
  <si>
    <t>397826.0</t>
  </si>
  <si>
    <t>370258.0</t>
  </si>
  <si>
    <t>95048.0</t>
  </si>
  <si>
    <t>164.78</t>
  </si>
  <si>
    <t>2101754.0</t>
  </si>
  <si>
    <t>4030.534</t>
  </si>
  <si>
    <t>866176.0</t>
  </si>
  <si>
    <t>397851.0</t>
  </si>
  <si>
    <t>2106074.0</t>
  </si>
  <si>
    <t>4038.818</t>
  </si>
  <si>
    <t>869319.0</t>
  </si>
  <si>
    <t>397872.0</t>
  </si>
  <si>
    <t>370359.0</t>
  </si>
  <si>
    <t>101088.0</t>
  </si>
  <si>
    <t>165.96</t>
  </si>
  <si>
    <t>2110855.0</t>
  </si>
  <si>
    <t>4047.987</t>
  </si>
  <si>
    <t>9.943</t>
  </si>
  <si>
    <t>872479.0</t>
  </si>
  <si>
    <t>397920.0</t>
  </si>
  <si>
    <t>370425.0</t>
  </si>
  <si>
    <t>2114791.0</t>
  </si>
  <si>
    <t>4055.535</t>
  </si>
  <si>
    <t>2119181.0</t>
  </si>
  <si>
    <t>4063.953</t>
  </si>
  <si>
    <t>875130.0</t>
  </si>
  <si>
    <t>397937.0</t>
  </si>
  <si>
    <t>370449.0</t>
  </si>
  <si>
    <t>106744.0</t>
  </si>
  <si>
    <t>167.07</t>
  </si>
  <si>
    <t>2123632.0</t>
  </si>
  <si>
    <t>4072.489</t>
  </si>
  <si>
    <t>877141.0</t>
  </si>
  <si>
    <t>397956.0</t>
  </si>
  <si>
    <t>370515.0</t>
  </si>
  <si>
    <t>2128674.0</t>
  </si>
  <si>
    <t>4082.158</t>
  </si>
  <si>
    <t>2132735.0</t>
  </si>
  <si>
    <t>4089.946</t>
  </si>
  <si>
    <t>8.488</t>
  </si>
  <si>
    <t>881155.0</t>
  </si>
  <si>
    <t>398010.0</t>
  </si>
  <si>
    <t>370594.0</t>
  </si>
  <si>
    <t>112551.0</t>
  </si>
  <si>
    <t>2137109.0</t>
  </si>
  <si>
    <t>4098.334</t>
  </si>
  <si>
    <t>2141520.0</t>
  </si>
  <si>
    <t>4106.793</t>
  </si>
  <si>
    <t>885373.0</t>
  </si>
  <si>
    <t>398056.0</t>
  </si>
  <si>
    <t>370688.0</t>
  </si>
  <si>
    <t>116629.0</t>
  </si>
  <si>
    <t>169.03</t>
  </si>
  <si>
    <t>2144343.0</t>
  </si>
  <si>
    <t>4112.207</t>
  </si>
  <si>
    <t>2147708.0</t>
  </si>
  <si>
    <t>4118.66</t>
  </si>
  <si>
    <t>887178.0</t>
  </si>
  <si>
    <t>398072.0</t>
  </si>
  <si>
    <t>370710.0</t>
  </si>
  <si>
    <t>118396.0</t>
  </si>
  <si>
    <t>2151704.0</t>
  </si>
  <si>
    <t>4126.323</t>
  </si>
  <si>
    <t>2155895.0</t>
  </si>
  <si>
    <t>4134.36</t>
  </si>
  <si>
    <t>890729.0</t>
  </si>
  <si>
    <t>398102.0</t>
  </si>
  <si>
    <t>370824.0</t>
  </si>
  <si>
    <t>121803.0</t>
  </si>
  <si>
    <t>2160066.0</t>
  </si>
  <si>
    <t>4142.359</t>
  </si>
  <si>
    <t>892300.0</t>
  </si>
  <si>
    <t>398119.0</t>
  </si>
  <si>
    <t>370866.0</t>
  </si>
  <si>
    <t>2164172.0</t>
  </si>
  <si>
    <t>4150.233</t>
  </si>
  <si>
    <t>7.414</t>
  </si>
  <si>
    <t>893668.0</t>
  </si>
  <si>
    <t>398137.0</t>
  </si>
  <si>
    <t>370887.0</t>
  </si>
  <si>
    <t>124644.0</t>
  </si>
  <si>
    <t>2167546.0</t>
  </si>
  <si>
    <t>4156.703</t>
  </si>
  <si>
    <t>895597.0</t>
  </si>
  <si>
    <t>398168.0</t>
  </si>
  <si>
    <t>370973.0</t>
  </si>
  <si>
    <t>126456.0</t>
  </si>
  <si>
    <t>170.98</t>
  </si>
  <si>
    <t>2170769.0</t>
  </si>
  <si>
    <t>4162.884</t>
  </si>
  <si>
    <t>2173611.0</t>
  </si>
  <si>
    <t>4168.334</t>
  </si>
  <si>
    <t>898055.0</t>
  </si>
  <si>
    <t>398178.0</t>
  </si>
  <si>
    <t>370987.0</t>
  </si>
  <si>
    <t>128890.0</t>
  </si>
  <si>
    <t>2176625.0</t>
  </si>
  <si>
    <t>4174.114</t>
  </si>
  <si>
    <t>899878.0</t>
  </si>
  <si>
    <t>398197.0</t>
  </si>
  <si>
    <t>371051.0</t>
  </si>
  <si>
    <t>130630.0</t>
  </si>
  <si>
    <t>2180109.0</t>
  </si>
  <si>
    <t>4180.795</t>
  </si>
  <si>
    <t>6.633</t>
  </si>
  <si>
    <t>902028.0</t>
  </si>
  <si>
    <t>398214.0</t>
  </si>
  <si>
    <t>371091.0</t>
  </si>
  <si>
    <t>132723.0</t>
  </si>
  <si>
    <t>2182913.0</t>
  </si>
  <si>
    <t>4186.172</t>
  </si>
  <si>
    <t>398229.0</t>
  </si>
  <si>
    <t>371132.0</t>
  </si>
  <si>
    <t>134019.0</t>
  </si>
  <si>
    <t>172.47</t>
  </si>
  <si>
    <t>2185416.0</t>
  </si>
  <si>
    <t>4190.972</t>
  </si>
  <si>
    <t>904792.0</t>
  </si>
  <si>
    <t>398243.0</t>
  </si>
  <si>
    <t>371170.0</t>
  </si>
  <si>
    <t>2187647.0</t>
  </si>
  <si>
    <t>4195.251</t>
  </si>
  <si>
    <t>905827.0</t>
  </si>
  <si>
    <t>371198.0</t>
  </si>
  <si>
    <t>136373.0</t>
  </si>
  <si>
    <t>2189748.0</t>
  </si>
  <si>
    <t>4199.28</t>
  </si>
  <si>
    <t>2191927.0</t>
  </si>
  <si>
    <t>4203.458</t>
  </si>
  <si>
    <t>906588.0</t>
  </si>
  <si>
    <t>398262.0</t>
  </si>
  <si>
    <t>371224.0</t>
  </si>
  <si>
    <t>137102.0</t>
  </si>
  <si>
    <t>2193780.0</t>
  </si>
  <si>
    <t>4207.012</t>
  </si>
  <si>
    <t>907909.0</t>
  </si>
  <si>
    <t>398275.0</t>
  </si>
  <si>
    <t>371261.0</t>
  </si>
  <si>
    <t>138373.0</t>
  </si>
  <si>
    <t>2195899.0</t>
  </si>
  <si>
    <t>4211.075</t>
  </si>
  <si>
    <t>908800.0</t>
  </si>
  <si>
    <t>398281.0</t>
  </si>
  <si>
    <t>371291.0</t>
  </si>
  <si>
    <t>139228.0</t>
  </si>
  <si>
    <t>2197797.0</t>
  </si>
  <si>
    <t>4214.715</t>
  </si>
  <si>
    <t>909494.0</t>
  </si>
  <si>
    <t>398293.0</t>
  </si>
  <si>
    <t>371327.0</t>
  </si>
  <si>
    <t>139874.0</t>
  </si>
  <si>
    <t>173.63</t>
  </si>
  <si>
    <t>2199540.0</t>
  </si>
  <si>
    <t>4218.058</t>
  </si>
  <si>
    <t>910281.0</t>
  </si>
  <si>
    <t>398305.0</t>
  </si>
  <si>
    <t>371359.0</t>
  </si>
  <si>
    <t>140617.0</t>
  </si>
  <si>
    <t>2201589.0</t>
  </si>
  <si>
    <t>4221.987</t>
  </si>
  <si>
    <t>911964.0</t>
  </si>
  <si>
    <t>398315.0</t>
  </si>
  <si>
    <t>142239.0</t>
  </si>
  <si>
    <t>174.11</t>
  </si>
  <si>
    <t>2203137.0</t>
  </si>
  <si>
    <t>4224.956</t>
  </si>
  <si>
    <t>2205240.0</t>
  </si>
  <si>
    <t>4228.989</t>
  </si>
  <si>
    <t>913264.0</t>
  </si>
  <si>
    <t>398348.0</t>
  </si>
  <si>
    <t>371439.0</t>
  </si>
  <si>
    <t>143477.0</t>
  </si>
  <si>
    <t>2206907.0</t>
  </si>
  <si>
    <t>4232.186</t>
  </si>
  <si>
    <t>2209010.0</t>
  </si>
  <si>
    <t>4236.218</t>
  </si>
  <si>
    <t>936858.0</t>
  </si>
  <si>
    <t>398459.0</t>
  </si>
  <si>
    <t>383601.0</t>
  </si>
  <si>
    <t>154798.0</t>
  </si>
  <si>
    <t>939139.0</t>
  </si>
  <si>
    <t>398525.0</t>
  </si>
  <si>
    <t>383768.0</t>
  </si>
  <si>
    <t>156846.0</t>
  </si>
  <si>
    <t>179.29</t>
  </si>
  <si>
    <t>939643.0</t>
  </si>
  <si>
    <t>398539.0</t>
  </si>
  <si>
    <t>383809.0</t>
  </si>
  <si>
    <t>157295.0</t>
  </si>
  <si>
    <t>940433.0</t>
  </si>
  <si>
    <t>398557.0</t>
  </si>
  <si>
    <t>383876.0</t>
  </si>
  <si>
    <t>158000.0</t>
  </si>
  <si>
    <t>2211113.0</t>
  </si>
  <si>
    <t>4240.251</t>
  </si>
  <si>
    <t>941070.0</t>
  </si>
  <si>
    <t>398579.0</t>
  </si>
  <si>
    <t>383925.0</t>
  </si>
  <si>
    <t>158566.0</t>
  </si>
  <si>
    <t>179.66</t>
  </si>
  <si>
    <t>942138.0</t>
  </si>
  <si>
    <t>398615.0</t>
  </si>
  <si>
    <t>384016.0</t>
  </si>
  <si>
    <t>179.87</t>
  </si>
  <si>
    <t>943776.0</t>
  </si>
  <si>
    <t>398682.0</t>
  </si>
  <si>
    <t>384183.0</t>
  </si>
  <si>
    <t>160911.0</t>
  </si>
  <si>
    <t>398727.0</t>
  </si>
  <si>
    <t>384274.0</t>
  </si>
  <si>
    <t>161562.0</t>
  </si>
  <si>
    <t>180.33</t>
  </si>
  <si>
    <t>945036.0</t>
  </si>
  <si>
    <t>398751.0</t>
  </si>
  <si>
    <t>384347.0</t>
  </si>
  <si>
    <t>161938.0</t>
  </si>
  <si>
    <t>945800.0</t>
  </si>
  <si>
    <t>398793.0</t>
  </si>
  <si>
    <t>384421.0</t>
  </si>
  <si>
    <t>162586.0</t>
  </si>
  <si>
    <t>180.57</t>
  </si>
  <si>
    <t>948663.0</t>
  </si>
  <si>
    <t>384648.0</t>
  </si>
  <si>
    <t>165066.0</t>
  </si>
  <si>
    <t>948913.0</t>
  </si>
  <si>
    <t>398958.0</t>
  </si>
  <si>
    <t>384663.0</t>
  </si>
  <si>
    <t>165292.0</t>
  </si>
  <si>
    <t>949382.0</t>
  </si>
  <si>
    <t>398984.0</t>
  </si>
  <si>
    <t>384715.0</t>
  </si>
  <si>
    <t>165683.0</t>
  </si>
  <si>
    <t>949602.0</t>
  </si>
  <si>
    <t>398995.0</t>
  </si>
  <si>
    <t>384747.0</t>
  </si>
  <si>
    <t>165860.0</t>
  </si>
  <si>
    <t>181.29</t>
  </si>
  <si>
    <t>949887.0</t>
  </si>
  <si>
    <t>399025.0</t>
  </si>
  <si>
    <t>384787.0</t>
  </si>
  <si>
    <t>166075.0</t>
  </si>
  <si>
    <t>950693.0</t>
  </si>
  <si>
    <t>399076.0</t>
  </si>
  <si>
    <t>384917.0</t>
  </si>
  <si>
    <t>166700.0</t>
  </si>
  <si>
    <t>950776.0</t>
  </si>
  <si>
    <t>399083.0</t>
  </si>
  <si>
    <t>384935.0</t>
  </si>
  <si>
    <t>166758.0</t>
  </si>
  <si>
    <t>181.52</t>
  </si>
  <si>
    <t>950888.0</t>
  </si>
  <si>
    <t>399102.0</t>
  </si>
  <si>
    <t>384963.0</t>
  </si>
  <si>
    <t>166823.0</t>
  </si>
  <si>
    <t>951066.0</t>
  </si>
  <si>
    <t>399117.0</t>
  </si>
  <si>
    <t>384986.0</t>
  </si>
  <si>
    <t>166963.0</t>
  </si>
  <si>
    <t>181.57</t>
  </si>
  <si>
    <t>951141.0</t>
  </si>
  <si>
    <t>399120.0</t>
  </si>
  <si>
    <t>385002.0</t>
  </si>
  <si>
    <t>167019.0</t>
  </si>
  <si>
    <t>951199.0</t>
  </si>
  <si>
    <t>399126.0</t>
  </si>
  <si>
    <t>385014.0</t>
  </si>
  <si>
    <t>167059.0</t>
  </si>
  <si>
    <t>951348.0</t>
  </si>
  <si>
    <t>399143.0</t>
  </si>
  <si>
    <t>385060.0</t>
  </si>
  <si>
    <t>167145.0</t>
  </si>
  <si>
    <t>951380.0</t>
  </si>
  <si>
    <t>399145.0</t>
  </si>
  <si>
    <t>385069.0</t>
  </si>
  <si>
    <t>951398.0</t>
  </si>
  <si>
    <t>399146.0</t>
  </si>
  <si>
    <t>385076.0</t>
  </si>
  <si>
    <t>167176.0</t>
  </si>
  <si>
    <t>951419.0</t>
  </si>
  <si>
    <t>399151.0</t>
  </si>
  <si>
    <t>167187.0</t>
  </si>
  <si>
    <t>MLI</t>
  </si>
  <si>
    <t>Mali</t>
  </si>
  <si>
    <t>71216.0</t>
  </si>
  <si>
    <t>110140.0</t>
  </si>
  <si>
    <t>83549.0</t>
  </si>
  <si>
    <t>93580.0</t>
  </si>
  <si>
    <t>152430.0</t>
  </si>
  <si>
    <t>111439.0</t>
  </si>
  <si>
    <t>157129.0</t>
  </si>
  <si>
    <t>115048.0</t>
  </si>
  <si>
    <t>42081.0</t>
  </si>
  <si>
    <t>163218.0</t>
  </si>
  <si>
    <t>121077.0</t>
  </si>
  <si>
    <t>130574.0</t>
  </si>
  <si>
    <t>179634.0</t>
  </si>
  <si>
    <t>133317.0</t>
  </si>
  <si>
    <t>190301.0</t>
  </si>
  <si>
    <t>141529.0</t>
  </si>
  <si>
    <t>48772.0</t>
  </si>
  <si>
    <t>196862.0</t>
  </si>
  <si>
    <t>145016.0</t>
  </si>
  <si>
    <t>51846.0</t>
  </si>
  <si>
    <t>206562.0</t>
  </si>
  <si>
    <t>150563.0</t>
  </si>
  <si>
    <t>259719.0</t>
  </si>
  <si>
    <t>173242.0</t>
  </si>
  <si>
    <t>86477.0</t>
  </si>
  <si>
    <t>296490.0</t>
  </si>
  <si>
    <t>210013.0</t>
  </si>
  <si>
    <t>317060.0</t>
  </si>
  <si>
    <t>344151.0</t>
  </si>
  <si>
    <t>257674.0</t>
  </si>
  <si>
    <t>370529.0</t>
  </si>
  <si>
    <t>284052.0</t>
  </si>
  <si>
    <t>396027.0</t>
  </si>
  <si>
    <t>309550.0</t>
  </si>
  <si>
    <t>397853.0</t>
  </si>
  <si>
    <t>311376.0</t>
  </si>
  <si>
    <t>405053.0</t>
  </si>
  <si>
    <t>316293.0</t>
  </si>
  <si>
    <t>231811.0</t>
  </si>
  <si>
    <t>413563.0</t>
  </si>
  <si>
    <t>318655.0</t>
  </si>
  <si>
    <t>240321.0</t>
  </si>
  <si>
    <t>584773.0</t>
  </si>
  <si>
    <t>257460.0</t>
  </si>
  <si>
    <t>585224.0</t>
  </si>
  <si>
    <t>322703.0</t>
  </si>
  <si>
    <t>262521.0</t>
  </si>
  <si>
    <t>596435.0</t>
  </si>
  <si>
    <t>324713.0</t>
  </si>
  <si>
    <t>627924.0</t>
  </si>
  <si>
    <t>492512.0</t>
  </si>
  <si>
    <t>281485.0</t>
  </si>
  <si>
    <t>734759.0</t>
  </si>
  <si>
    <t>598437.0</t>
  </si>
  <si>
    <t>312488.0</t>
  </si>
  <si>
    <t>23758.0</t>
  </si>
  <si>
    <t>847067.0</t>
  </si>
  <si>
    <t>708943.0</t>
  </si>
  <si>
    <t>320681.0</t>
  </si>
  <si>
    <t>31306.0</t>
  </si>
  <si>
    <t>28111.0</t>
  </si>
  <si>
    <t>21722.0</t>
  </si>
  <si>
    <t>939800.0</t>
  </si>
  <si>
    <t>798505.0</t>
  </si>
  <si>
    <t>12795.0</t>
  </si>
  <si>
    <t>963968.0</t>
  </si>
  <si>
    <t>822145.0</t>
  </si>
  <si>
    <t>989985.0</t>
  </si>
  <si>
    <t>843144.0</t>
  </si>
  <si>
    <t>343162.0</t>
  </si>
  <si>
    <t>1006643.0</t>
  </si>
  <si>
    <t>852496.0</t>
  </si>
  <si>
    <t>353103.0</t>
  </si>
  <si>
    <t>1035268.0</t>
  </si>
  <si>
    <t>866523.0</t>
  </si>
  <si>
    <t>374572.0</t>
  </si>
  <si>
    <t>1057653.0</t>
  </si>
  <si>
    <t>877525.0</t>
  </si>
  <si>
    <t>392809.0</t>
  </si>
  <si>
    <t>1087393.0</t>
  </si>
  <si>
    <t>894840.0</t>
  </si>
  <si>
    <t>411274.0</t>
  </si>
  <si>
    <t>1196941.0</t>
  </si>
  <si>
    <t>900986.0</t>
  </si>
  <si>
    <t>518229.0</t>
  </si>
  <si>
    <t>39007.0</t>
  </si>
  <si>
    <t>1488256.0</t>
  </si>
  <si>
    <t>942853.0</t>
  </si>
  <si>
    <t>545403.0</t>
  </si>
  <si>
    <t>58431.0</t>
  </si>
  <si>
    <t>57896.0</t>
  </si>
  <si>
    <t>52995.0</t>
  </si>
  <si>
    <t>48093.0</t>
  </si>
  <si>
    <t>43192.0</t>
  </si>
  <si>
    <t>22699.0</t>
  </si>
  <si>
    <t>1021729.0</t>
  </si>
  <si>
    <t>630636.0</t>
  </si>
  <si>
    <t>1077715.0</t>
  </si>
  <si>
    <t>711564.0</t>
  </si>
  <si>
    <t>1587503.0</t>
  </si>
  <si>
    <t>1130408.0</t>
  </si>
  <si>
    <t>767093.0</t>
  </si>
  <si>
    <t>1634711.0</t>
  </si>
  <si>
    <t>1155936.0</t>
  </si>
  <si>
    <t>798284.0</t>
  </si>
  <si>
    <t>1735358.0</t>
  </si>
  <si>
    <t>1227110.0</t>
  </si>
  <si>
    <t>881628.0</t>
  </si>
  <si>
    <t>1769121.0</t>
  </si>
  <si>
    <t>1244934.0</t>
  </si>
  <si>
    <t>907062.0</t>
  </si>
  <si>
    <t>642113.0</t>
  </si>
  <si>
    <t>1814171.0</t>
  </si>
  <si>
    <t>1281142.0</t>
  </si>
  <si>
    <t>935909.0</t>
  </si>
  <si>
    <t>646866.0</t>
  </si>
  <si>
    <t>650336.0</t>
  </si>
  <si>
    <t>29.689</t>
  </si>
  <si>
    <t>1873615.0</t>
  </si>
  <si>
    <t>1331919.0</t>
  </si>
  <si>
    <t>978690.0</t>
  </si>
  <si>
    <t>280.6</t>
  </si>
  <si>
    <t>348.9</t>
  </si>
  <si>
    <t>654550.0</t>
  </si>
  <si>
    <t>381.2</t>
  </si>
  <si>
    <t>405.9</t>
  </si>
  <si>
    <t>386.2</t>
  </si>
  <si>
    <t>658196.0</t>
  </si>
  <si>
    <t>30.048</t>
  </si>
  <si>
    <t>284.2</t>
  </si>
  <si>
    <t>663705.0</t>
  </si>
  <si>
    <t>1020334.0</t>
  </si>
  <si>
    <t>666071.0</t>
  </si>
  <si>
    <t>30.407</t>
  </si>
  <si>
    <t>671332.0</t>
  </si>
  <si>
    <t>676257.0</t>
  </si>
  <si>
    <t>30.872</t>
  </si>
  <si>
    <t>1384090.0</t>
  </si>
  <si>
    <t>1023624.0</t>
  </si>
  <si>
    <t>677998.0</t>
  </si>
  <si>
    <t>30.952</t>
  </si>
  <si>
    <t>679316.0</t>
  </si>
  <si>
    <t>1993965.0</t>
  </si>
  <si>
    <t>1427227.0</t>
  </si>
  <si>
    <t>1063605.0</t>
  </si>
  <si>
    <t>680249.0</t>
  </si>
  <si>
    <t>31.055</t>
  </si>
  <si>
    <t>682967.0</t>
  </si>
  <si>
    <t>1439740.0</t>
  </si>
  <si>
    <t>1075123.0</t>
  </si>
  <si>
    <t>684742.0</t>
  </si>
  <si>
    <t>687592.0</t>
  </si>
  <si>
    <t>689351.0</t>
  </si>
  <si>
    <t>689956.0</t>
  </si>
  <si>
    <t>31.498</t>
  </si>
  <si>
    <t>2115108.0</t>
  </si>
  <si>
    <t>1522530.0</t>
  </si>
  <si>
    <t>1128333.0</t>
  </si>
  <si>
    <t>696047.0</t>
  </si>
  <si>
    <t>2199134.0</t>
  </si>
  <si>
    <t>698038.0</t>
  </si>
  <si>
    <t>15075.0</t>
  </si>
  <si>
    <t>699096.0</t>
  </si>
  <si>
    <t>2308245.0</t>
  </si>
  <si>
    <t>1695963.0</t>
  </si>
  <si>
    <t>1245359.0</t>
  </si>
  <si>
    <t>11491.0</t>
  </si>
  <si>
    <t>13149.0</t>
  </si>
  <si>
    <t>701404.0</t>
  </si>
  <si>
    <t>314.5</t>
  </si>
  <si>
    <t>703303.0</t>
  </si>
  <si>
    <t>32.107</t>
  </si>
  <si>
    <t>704711.0</t>
  </si>
  <si>
    <t>32.171</t>
  </si>
  <si>
    <t>2406986.0</t>
  </si>
  <si>
    <t>1781525.0</t>
  </si>
  <si>
    <t>1304066.0</t>
  </si>
  <si>
    <t>707024.0</t>
  </si>
  <si>
    <t>32.277</t>
  </si>
  <si>
    <t>356.2</t>
  </si>
  <si>
    <t>708110.0</t>
  </si>
  <si>
    <t>32.326</t>
  </si>
  <si>
    <t>288.6</t>
  </si>
  <si>
    <t>2583468.0</t>
  </si>
  <si>
    <t>1914427.0</t>
  </si>
  <si>
    <t>1376469.0</t>
  </si>
  <si>
    <t>2683868.0</t>
  </si>
  <si>
    <t>1962791.0</t>
  </si>
  <si>
    <t>1428505.0</t>
  </si>
  <si>
    <t>2700389.0</t>
  </si>
  <si>
    <t>1982922.0</t>
  </si>
  <si>
    <t>1444558.0</t>
  </si>
  <si>
    <t>2797589.0</t>
  </si>
  <si>
    <t>2060837.0</t>
  </si>
  <si>
    <t>1498260.0</t>
  </si>
  <si>
    <t>2894939.0</t>
  </si>
  <si>
    <t>2134534.0</t>
  </si>
  <si>
    <t>1577044.0</t>
  </si>
  <si>
    <t>2946509.0</t>
  </si>
  <si>
    <t>2172307.0</t>
  </si>
  <si>
    <t>1619763.0</t>
  </si>
  <si>
    <t>2990301.0</t>
  </si>
  <si>
    <t>2203178.0</t>
  </si>
  <si>
    <t>1652448.0</t>
  </si>
  <si>
    <t>3126178.0</t>
  </si>
  <si>
    <t>2283516.0</t>
  </si>
  <si>
    <t>1743277.0</t>
  </si>
  <si>
    <t>3184973.0</t>
  </si>
  <si>
    <t>2373752.0</t>
  </si>
  <si>
    <t>1841252.0</t>
  </si>
  <si>
    <t>3358891.0</t>
  </si>
  <si>
    <t>2456492.0</t>
  </si>
  <si>
    <t>1926865.0</t>
  </si>
  <si>
    <t>23079.0</t>
  </si>
  <si>
    <t>20430.0</t>
  </si>
  <si>
    <t>3489536.0</t>
  </si>
  <si>
    <t>2550281.0</t>
  </si>
  <si>
    <t>2026135.0</t>
  </si>
  <si>
    <t>17737.0</t>
  </si>
  <si>
    <t>3574779.0</t>
  </si>
  <si>
    <t>2608477.0</t>
  </si>
  <si>
    <t>2087949.0</t>
  </si>
  <si>
    <t>3615160.0</t>
  </si>
  <si>
    <t>2631658.0</t>
  </si>
  <si>
    <t>2110796.0</t>
  </si>
  <si>
    <t>3691170.0</t>
  </si>
  <si>
    <t>2677304.0</t>
  </si>
  <si>
    <t>2159202.0</t>
  </si>
  <si>
    <t>11814.0</t>
  </si>
  <si>
    <t>3774979.0</t>
  </si>
  <si>
    <t>2738832.0</t>
  </si>
  <si>
    <t>2214173.0</t>
  </si>
  <si>
    <t>3836862.0</t>
  </si>
  <si>
    <t>2788248.0</t>
  </si>
  <si>
    <t>2253077.0</t>
  </si>
  <si>
    <t>21123.0</t>
  </si>
  <si>
    <t>4019119.0</t>
  </si>
  <si>
    <t>2933127.0</t>
  </si>
  <si>
    <t>2367687.0</t>
  </si>
  <si>
    <t>26574.0</t>
  </si>
  <si>
    <t>21932.0</t>
  </si>
  <si>
    <t>4210150.0</t>
  </si>
  <si>
    <t>3098178.0</t>
  </si>
  <si>
    <t>2481414.0</t>
  </si>
  <si>
    <t>27290.0</t>
  </si>
  <si>
    <t>12191.0</t>
  </si>
  <si>
    <t>4345592.0</t>
  </si>
  <si>
    <t>3210921.0</t>
  </si>
  <si>
    <t>2593973.0</t>
  </si>
  <si>
    <t>MLT</t>
  </si>
  <si>
    <t>Malta</t>
  </si>
  <si>
    <t>-107.8</t>
  </si>
  <si>
    <t>-16.86</t>
  </si>
  <si>
    <t>-202.140286859194</t>
  </si>
  <si>
    <t>-95.6</t>
  </si>
  <si>
    <t>-9.57</t>
  </si>
  <si>
    <t>-179.263556806483</t>
  </si>
  <si>
    <t>11.251</t>
  </si>
  <si>
    <t>-72.8</t>
  </si>
  <si>
    <t>-136.510323593222</t>
  </si>
  <si>
    <t>15.001</t>
  </si>
  <si>
    <t>-64.4</t>
  </si>
  <si>
    <t>-5.59</t>
  </si>
  <si>
    <t>-120.759132409388</t>
  </si>
  <si>
    <t>-124.134387663067</t>
  </si>
  <si>
    <t>-110.258338286833</t>
  </si>
  <si>
    <t>-70.8803603272497</t>
  </si>
  <si>
    <t>-13.37</t>
  </si>
  <si>
    <t>-87.3816082341227</t>
  </si>
  <si>
    <t>-42.8</t>
  </si>
  <si>
    <t>-80.2560693652457</t>
  </si>
  <si>
    <t>-78.7559559191664</t>
  </si>
  <si>
    <t>-36.4</t>
  </si>
  <si>
    <t>-68.2551617966109</t>
  </si>
  <si>
    <t>-49.6</t>
  </si>
  <si>
    <t>-19.94</t>
  </si>
  <si>
    <t>-93.0070336569203</t>
  </si>
  <si>
    <t>-52.2</t>
  </si>
  <si>
    <t>-97.8824023566782</t>
  </si>
  <si>
    <t>-93.75709037996</t>
  </si>
  <si>
    <t>-61.2</t>
  </si>
  <si>
    <t>-16.18</t>
  </si>
  <si>
    <t>-114.758678625071</t>
  </si>
  <si>
    <t>-112.508508455952</t>
  </si>
  <si>
    <t>-3.67</t>
  </si>
  <si>
    <t>-23.2</t>
  </si>
  <si>
    <t>-140.26060720842</t>
  </si>
  <si>
    <t>-127.884671278265</t>
  </si>
  <si>
    <t>-68.4</t>
  </si>
  <si>
    <t>-128.259699639785</t>
  </si>
  <si>
    <t>-2.77</t>
  </si>
  <si>
    <t>-115.508735348111</t>
  </si>
  <si>
    <t>217.901</t>
  </si>
  <si>
    <t>115795.0</t>
  </si>
  <si>
    <t>116909.0</t>
  </si>
  <si>
    <t>221.945</t>
  </si>
  <si>
    <t>223.712</t>
  </si>
  <si>
    <t>118925.0</t>
  </si>
  <si>
    <t>225.772</t>
  </si>
  <si>
    <t>120145.0</t>
  </si>
  <si>
    <t>228.088</t>
  </si>
  <si>
    <t>-125.259472747627</t>
  </si>
  <si>
    <t>229.702</t>
  </si>
  <si>
    <t>232.27</t>
  </si>
  <si>
    <t>235.336</t>
  </si>
  <si>
    <t>125685.0</t>
  </si>
  <si>
    <t>238.606</t>
  </si>
  <si>
    <t>126999.0</t>
  </si>
  <si>
    <t>244.419</t>
  </si>
  <si>
    <t>247.111</t>
  </si>
  <si>
    <t>-121.509189132428</t>
  </si>
  <si>
    <t>249.841</t>
  </si>
  <si>
    <t>252.692</t>
  </si>
  <si>
    <t>256.183</t>
  </si>
  <si>
    <t>136713.0</t>
  </si>
  <si>
    <t>259.542</t>
  </si>
  <si>
    <t>138430.0</t>
  </si>
  <si>
    <t>262.801</t>
  </si>
  <si>
    <t>265.74</t>
  </si>
  <si>
    <t>141767.0</t>
  </si>
  <si>
    <t>269.136</t>
  </si>
  <si>
    <t>-61.8</t>
  </si>
  <si>
    <t>-115.883763709631</t>
  </si>
  <si>
    <t>143385.0</t>
  </si>
  <si>
    <t>272.208</t>
  </si>
  <si>
    <t>145267.0</t>
  </si>
  <si>
    <t>275.781</t>
  </si>
  <si>
    <t>147411.0</t>
  </si>
  <si>
    <t>279.851</t>
  </si>
  <si>
    <t>149896.0</t>
  </si>
  <si>
    <t>284.569</t>
  </si>
  <si>
    <t>152087.0</t>
  </si>
  <si>
    <t>288.728</t>
  </si>
  <si>
    <t>154522.0</t>
  </si>
  <si>
    <t>293.351</t>
  </si>
  <si>
    <t>297.417</t>
  </si>
  <si>
    <t>-85.8814947880433</t>
  </si>
  <si>
    <t>158933.0</t>
  </si>
  <si>
    <t>301.725</t>
  </si>
  <si>
    <t>161057.0</t>
  </si>
  <si>
    <t>305.757</t>
  </si>
  <si>
    <t>24.377</t>
  </si>
  <si>
    <t>163318.0</t>
  </si>
  <si>
    <t>310.05</t>
  </si>
  <si>
    <t>166348.0</t>
  </si>
  <si>
    <t>315.802</t>
  </si>
  <si>
    <t>168793.0</t>
  </si>
  <si>
    <t>320.444</t>
  </si>
  <si>
    <t>171103.0</t>
  </si>
  <si>
    <t>324.829</t>
  </si>
  <si>
    <t>173276.0</t>
  </si>
  <si>
    <t>328.954</t>
  </si>
  <si>
    <t>-48.7536869975792</t>
  </si>
  <si>
    <t>175470.0</t>
  </si>
  <si>
    <t>333.119</t>
  </si>
  <si>
    <t>177518.0</t>
  </si>
  <si>
    <t>337.007</t>
  </si>
  <si>
    <t>179703.0</t>
  </si>
  <si>
    <t>341.156</t>
  </si>
  <si>
    <t>182245.0</t>
  </si>
  <si>
    <t>345.981</t>
  </si>
  <si>
    <t>184354.0</t>
  </si>
  <si>
    <t>349.985</t>
  </si>
  <si>
    <t>186644.0</t>
  </si>
  <si>
    <t>354.333</t>
  </si>
  <si>
    <t>188553.0</t>
  </si>
  <si>
    <t>357.957</t>
  </si>
  <si>
    <t>-33.7525525367856</t>
  </si>
  <si>
    <t>190593.0</t>
  </si>
  <si>
    <t>361.83</t>
  </si>
  <si>
    <t>192509.0</t>
  </si>
  <si>
    <t>365.467</t>
  </si>
  <si>
    <t>194576.0</t>
  </si>
  <si>
    <t>369.391</t>
  </si>
  <si>
    <t>197014.0</t>
  </si>
  <si>
    <t>374.019</t>
  </si>
  <si>
    <t>198883.0</t>
  </si>
  <si>
    <t>377.568</t>
  </si>
  <si>
    <t>380.801</t>
  </si>
  <si>
    <t>202137.0</t>
  </si>
  <si>
    <t>-25.876956944869</t>
  </si>
  <si>
    <t>203777.0</t>
  </si>
  <si>
    <t>386.859</t>
  </si>
  <si>
    <t>205141.0</t>
  </si>
  <si>
    <t>389.448</t>
  </si>
  <si>
    <t>207185.0</t>
  </si>
  <si>
    <t>393.328</t>
  </si>
  <si>
    <t>28.127</t>
  </si>
  <si>
    <t>209142.0</t>
  </si>
  <si>
    <t>397.044</t>
  </si>
  <si>
    <t>211236.0</t>
  </si>
  <si>
    <t>401.019</t>
  </si>
  <si>
    <t>212883.0</t>
  </si>
  <si>
    <t>404.146</t>
  </si>
  <si>
    <t>408.715</t>
  </si>
  <si>
    <t>-15.4</t>
  </si>
  <si>
    <t>-28.8771838370277</t>
  </si>
  <si>
    <t>217026.0</t>
  </si>
  <si>
    <t>412.011</t>
  </si>
  <si>
    <t>218692.0</t>
  </si>
  <si>
    <t>221162.0</t>
  </si>
  <si>
    <t>419.863</t>
  </si>
  <si>
    <t>424.677</t>
  </si>
  <si>
    <t>226330.0</t>
  </si>
  <si>
    <t>429.674</t>
  </si>
  <si>
    <t>229252.0</t>
  </si>
  <si>
    <t>435.221</t>
  </si>
  <si>
    <t>231448.0</t>
  </si>
  <si>
    <t>439.39</t>
  </si>
  <si>
    <t>-19.1264464375118</t>
  </si>
  <si>
    <t>233231.0</t>
  </si>
  <si>
    <t>442.775</t>
  </si>
  <si>
    <t>235640.0</t>
  </si>
  <si>
    <t>447.349</t>
  </si>
  <si>
    <t>238084.0</t>
  </si>
  <si>
    <t>451.988</t>
  </si>
  <si>
    <t>240387.0</t>
  </si>
  <si>
    <t>456.361</t>
  </si>
  <si>
    <t>242932.0</t>
  </si>
  <si>
    <t>461.192</t>
  </si>
  <si>
    <t>245028.0</t>
  </si>
  <si>
    <t>465.171</t>
  </si>
  <si>
    <t>247354.0</t>
  </si>
  <si>
    <t>469.587</t>
  </si>
  <si>
    <t>18.0013613529523</t>
  </si>
  <si>
    <t>249656.0</t>
  </si>
  <si>
    <t>473.957</t>
  </si>
  <si>
    <t>251772.0</t>
  </si>
  <si>
    <t>477.974</t>
  </si>
  <si>
    <t>253983.0</t>
  </si>
  <si>
    <t>482.172</t>
  </si>
  <si>
    <t>256557.0</t>
  </si>
  <si>
    <t>487.058</t>
  </si>
  <si>
    <t>258809.0</t>
  </si>
  <si>
    <t>491.334</t>
  </si>
  <si>
    <t>260917.0</t>
  </si>
  <si>
    <t>495.336</t>
  </si>
  <si>
    <t>263454.0</t>
  </si>
  <si>
    <t>500.152</t>
  </si>
  <si>
    <t>60.0045378431744</t>
  </si>
  <si>
    <t>265630.0</t>
  </si>
  <si>
    <t>504.283</t>
  </si>
  <si>
    <t>267591.0</t>
  </si>
  <si>
    <t>508.006</t>
  </si>
  <si>
    <t>270088.0</t>
  </si>
  <si>
    <t>512.746</t>
  </si>
  <si>
    <t>272579.0</t>
  </si>
  <si>
    <t>517.475</t>
  </si>
  <si>
    <t>275311.0</t>
  </si>
  <si>
    <t>522.662</t>
  </si>
  <si>
    <t>277626.0</t>
  </si>
  <si>
    <t>527.057</t>
  </si>
  <si>
    <t>280155.0</t>
  </si>
  <si>
    <t>531.858</t>
  </si>
  <si>
    <t>69.7552752426902</t>
  </si>
  <si>
    <t>282095.0</t>
  </si>
  <si>
    <t>535.541</t>
  </si>
  <si>
    <t>284352.0</t>
  </si>
  <si>
    <t>539.825</t>
  </si>
  <si>
    <t>287113.0</t>
  </si>
  <si>
    <t>545.067</t>
  </si>
  <si>
    <t>289594.0</t>
  </si>
  <si>
    <t>549.777</t>
  </si>
  <si>
    <t>292476.0</t>
  </si>
  <si>
    <t>555.248</t>
  </si>
  <si>
    <t>560.725</t>
  </si>
  <si>
    <t>565.289</t>
  </si>
  <si>
    <t>57.3793393125355</t>
  </si>
  <si>
    <t>300326.0</t>
  </si>
  <si>
    <t>570.151</t>
  </si>
  <si>
    <t>303016.0</t>
  </si>
  <si>
    <t>575.258</t>
  </si>
  <si>
    <t>305839.0</t>
  </si>
  <si>
    <t>580.617</t>
  </si>
  <si>
    <t>5.359</t>
  </si>
  <si>
    <t>308790.0</t>
  </si>
  <si>
    <t>586.22</t>
  </si>
  <si>
    <t>5.602</t>
  </si>
  <si>
    <t>311475.0</t>
  </si>
  <si>
    <t>591.317</t>
  </si>
  <si>
    <t>314619.0</t>
  </si>
  <si>
    <t>597.286</t>
  </si>
  <si>
    <t>603.522</t>
  </si>
  <si>
    <t>60.7545945662141</t>
  </si>
  <si>
    <t>320715.0</t>
  </si>
  <si>
    <t>608.859</t>
  </si>
  <si>
    <t>323634.0</t>
  </si>
  <si>
    <t>614.4</t>
  </si>
  <si>
    <t>326580.0</t>
  </si>
  <si>
    <t>619.993</t>
  </si>
  <si>
    <t>329546.0</t>
  </si>
  <si>
    <t>625.624</t>
  </si>
  <si>
    <t>332621.0</t>
  </si>
  <si>
    <t>631.461</t>
  </si>
  <si>
    <t>336319.0</t>
  </si>
  <si>
    <t>339733.0</t>
  </si>
  <si>
    <t>644.963</t>
  </si>
  <si>
    <t>106.883083033154</t>
  </si>
  <si>
    <t>343290.0</t>
  </si>
  <si>
    <t>651.716</t>
  </si>
  <si>
    <t>346106.0</t>
  </si>
  <si>
    <t>657.062</t>
  </si>
  <si>
    <t>349150.0</t>
  </si>
  <si>
    <t>662.841</t>
  </si>
  <si>
    <t>351992.0</t>
  </si>
  <si>
    <t>668.236</t>
  </si>
  <si>
    <t>355515.0</t>
  </si>
  <si>
    <t>674.924</t>
  </si>
  <si>
    <t>358456.0</t>
  </si>
  <si>
    <t>680.508</t>
  </si>
  <si>
    <t>5.583</t>
  </si>
  <si>
    <t>361398.0</t>
  </si>
  <si>
    <t>686.093</t>
  </si>
  <si>
    <t>149.636316246416</t>
  </si>
  <si>
    <t>364249.0</t>
  </si>
  <si>
    <t>691.505</t>
  </si>
  <si>
    <t>697.762</t>
  </si>
  <si>
    <t>6.257</t>
  </si>
  <si>
    <t>370559.0</t>
  </si>
  <si>
    <t>703.484</t>
  </si>
  <si>
    <t>374019.0</t>
  </si>
  <si>
    <t>710.053</t>
  </si>
  <si>
    <t>377054.0</t>
  </si>
  <si>
    <t>715.815</t>
  </si>
  <si>
    <t>380009.0</t>
  </si>
  <si>
    <t>721.425</t>
  </si>
  <si>
    <t>383129.0</t>
  </si>
  <si>
    <t>727.348</t>
  </si>
  <si>
    <t>196.139833074876</t>
  </si>
  <si>
    <t>386318.0</t>
  </si>
  <si>
    <t>733.402</t>
  </si>
  <si>
    <t>5.986</t>
  </si>
  <si>
    <t>150.011</t>
  </si>
  <si>
    <t>388663.0</t>
  </si>
  <si>
    <t>737.854</t>
  </si>
  <si>
    <t>392043.0</t>
  </si>
  <si>
    <t>744.271</t>
  </si>
  <si>
    <t>5.826</t>
  </si>
  <si>
    <t>395136.0</t>
  </si>
  <si>
    <t>750.142</t>
  </si>
  <si>
    <t>398513.0</t>
  </si>
  <si>
    <t>756.553</t>
  </si>
  <si>
    <t>401904.0</t>
  </si>
  <si>
    <t>762.991</t>
  </si>
  <si>
    <t>405125.0</t>
  </si>
  <si>
    <t>769.106</t>
  </si>
  <si>
    <t>234.76775431142</t>
  </si>
  <si>
    <t>407317.0</t>
  </si>
  <si>
    <t>773.267</t>
  </si>
  <si>
    <t>409981.0</t>
  </si>
  <si>
    <t>778.325</t>
  </si>
  <si>
    <t>413011.0</t>
  </si>
  <si>
    <t>784.077</t>
  </si>
  <si>
    <t>789.696</t>
  </si>
  <si>
    <t>419020.0</t>
  </si>
  <si>
    <t>795.485</t>
  </si>
  <si>
    <t>421890.0</t>
  </si>
  <si>
    <t>800.933</t>
  </si>
  <si>
    <t>424923.0</t>
  </si>
  <si>
    <t>806.691</t>
  </si>
  <si>
    <t>5.758</t>
  </si>
  <si>
    <t>270.770477017324</t>
  </si>
  <si>
    <t>428014.0</t>
  </si>
  <si>
    <t>812.559</t>
  </si>
  <si>
    <t>430782.0</t>
  </si>
  <si>
    <t>817.814</t>
  </si>
  <si>
    <t>433468.0</t>
  </si>
  <si>
    <t>822.913</t>
  </si>
  <si>
    <t>436377.0</t>
  </si>
  <si>
    <t>828.436</t>
  </si>
  <si>
    <t>439477.0</t>
  </si>
  <si>
    <t>834.321</t>
  </si>
  <si>
    <t>442487.0</t>
  </si>
  <si>
    <t>840.035</t>
  </si>
  <si>
    <t>445394.0</t>
  </si>
  <si>
    <t>845.554</t>
  </si>
  <si>
    <t>336.400440283296</t>
  </si>
  <si>
    <t>448586.0</t>
  </si>
  <si>
    <t>851.614</t>
  </si>
  <si>
    <t>450362.0</t>
  </si>
  <si>
    <t>854.986</t>
  </si>
  <si>
    <t>453271.0</t>
  </si>
  <si>
    <t>860.508</t>
  </si>
  <si>
    <t>455897.0</t>
  </si>
  <si>
    <t>865.494</t>
  </si>
  <si>
    <t>458737.0</t>
  </si>
  <si>
    <t>870.885</t>
  </si>
  <si>
    <t>461770.0</t>
  </si>
  <si>
    <t>876.643</t>
  </si>
  <si>
    <t>464429.0</t>
  </si>
  <si>
    <t>881.691</t>
  </si>
  <si>
    <t>387.029269088475</t>
  </si>
  <si>
    <t>467407.0</t>
  </si>
  <si>
    <t>887.345</t>
  </si>
  <si>
    <t>469853.0</t>
  </si>
  <si>
    <t>891.988</t>
  </si>
  <si>
    <t>472902.0</t>
  </si>
  <si>
    <t>897.777</t>
  </si>
  <si>
    <t>475539.0</t>
  </si>
  <si>
    <t>902.783</t>
  </si>
  <si>
    <t>479097.0</t>
  </si>
  <si>
    <t>909.537</t>
  </si>
  <si>
    <t>914.496</t>
  </si>
  <si>
    <t>485650.0</t>
  </si>
  <si>
    <t>921.978</t>
  </si>
  <si>
    <t>5.756</t>
  </si>
  <si>
    <t>453.034260715967</t>
  </si>
  <si>
    <t>488518.0</t>
  </si>
  <si>
    <t>927.423</t>
  </si>
  <si>
    <t>491306.0</t>
  </si>
  <si>
    <t>932.715</t>
  </si>
  <si>
    <t>493915.0</t>
  </si>
  <si>
    <t>937.668</t>
  </si>
  <si>
    <t>496843.0</t>
  </si>
  <si>
    <t>943.227</t>
  </si>
  <si>
    <t>499340.0</t>
  </si>
  <si>
    <t>947.968</t>
  </si>
  <si>
    <t>501411.0</t>
  </si>
  <si>
    <t>951.899</t>
  </si>
  <si>
    <t>503660.0</t>
  </si>
  <si>
    <t>956.169</t>
  </si>
  <si>
    <t>495.787493929228</t>
  </si>
  <si>
    <t>506059.0</t>
  </si>
  <si>
    <t>960.723</t>
  </si>
  <si>
    <t>508856.0</t>
  </si>
  <si>
    <t>966.033</t>
  </si>
  <si>
    <t>511899.0</t>
  </si>
  <si>
    <t>971.81</t>
  </si>
  <si>
    <t>514757.0</t>
  </si>
  <si>
    <t>977.236</t>
  </si>
  <si>
    <t>517536.0</t>
  </si>
  <si>
    <t>982.512</t>
  </si>
  <si>
    <t>519346.0</t>
  </si>
  <si>
    <t>985.948</t>
  </si>
  <si>
    <t>521341.0</t>
  </si>
  <si>
    <t>989.735</t>
  </si>
  <si>
    <t>493.537323760109</t>
  </si>
  <si>
    <t>524256.0</t>
  </si>
  <si>
    <t>995.269</t>
  </si>
  <si>
    <t>526858.0</t>
  </si>
  <si>
    <t>1000.209</t>
  </si>
  <si>
    <t>530223.0</t>
  </si>
  <si>
    <t>1006.597</t>
  </si>
  <si>
    <t>533029.0</t>
  </si>
  <si>
    <t>1011.924</t>
  </si>
  <si>
    <t>536668.0</t>
  </si>
  <si>
    <t>1018.833</t>
  </si>
  <si>
    <t>540260.0</t>
  </si>
  <si>
    <t>1025.652</t>
  </si>
  <si>
    <t>543558.0</t>
  </si>
  <si>
    <t>1031.913</t>
  </si>
  <si>
    <t>6.026</t>
  </si>
  <si>
    <t>474.973419864877</t>
  </si>
  <si>
    <t>546913.0</t>
  </si>
  <si>
    <t>1038.282</t>
  </si>
  <si>
    <t>6.145</t>
  </si>
  <si>
    <t>550267.0</t>
  </si>
  <si>
    <t>1044.649</t>
  </si>
  <si>
    <t>553672.0</t>
  </si>
  <si>
    <t>1051.114</t>
  </si>
  <si>
    <t>6.464</t>
  </si>
  <si>
    <t>557184.0</t>
  </si>
  <si>
    <t>1057.781</t>
  </si>
  <si>
    <t>560786.0</t>
  </si>
  <si>
    <t>1064.619</t>
  </si>
  <si>
    <t>564079.0</t>
  </si>
  <si>
    <t>1070.871</t>
  </si>
  <si>
    <t>566945.0</t>
  </si>
  <si>
    <t>1076.312</t>
  </si>
  <si>
    <t>247.4</t>
  </si>
  <si>
    <t>463.910083200042</t>
  </si>
  <si>
    <t>570184.0</t>
  </si>
  <si>
    <t>1082.461</t>
  </si>
  <si>
    <t>573665.0</t>
  </si>
  <si>
    <t>1089.069</t>
  </si>
  <si>
    <t>577544.0</t>
  </si>
  <si>
    <t>1096.433</t>
  </si>
  <si>
    <t>580752.0</t>
  </si>
  <si>
    <t>1102.523</t>
  </si>
  <si>
    <t>583863.0</t>
  </si>
  <si>
    <t>1108.429</t>
  </si>
  <si>
    <t>586434.0</t>
  </si>
  <si>
    <t>1113.31</t>
  </si>
  <si>
    <t>589545.0</t>
  </si>
  <si>
    <t>1119.216</t>
  </si>
  <si>
    <t>487.349355795032</t>
  </si>
  <si>
    <t>592890.0</t>
  </si>
  <si>
    <t>1125.567</t>
  </si>
  <si>
    <t>596138.0</t>
  </si>
  <si>
    <t>1131.733</t>
  </si>
  <si>
    <t>22371.0</t>
  </si>
  <si>
    <t>599461.0</t>
  </si>
  <si>
    <t>1138.041</t>
  </si>
  <si>
    <t>603026.0</t>
  </si>
  <si>
    <t>1144.809</t>
  </si>
  <si>
    <t>606306.0</t>
  </si>
  <si>
    <t>1151.036</t>
  </si>
  <si>
    <t>25822.0</t>
  </si>
  <si>
    <t>609737.0</t>
  </si>
  <si>
    <t>1157.55</t>
  </si>
  <si>
    <t>26847.0</t>
  </si>
  <si>
    <t>612580.0</t>
  </si>
  <si>
    <t>1162.947</t>
  </si>
  <si>
    <t>27759.0</t>
  </si>
  <si>
    <t>23811.0</t>
  </si>
  <si>
    <t>485.286699806673</t>
  </si>
  <si>
    <t>615617.0</t>
  </si>
  <si>
    <t>1168.713</t>
  </si>
  <si>
    <t>5.766</t>
  </si>
  <si>
    <t>618453.0</t>
  </si>
  <si>
    <t>1174.097</t>
  </si>
  <si>
    <t>25361.0</t>
  </si>
  <si>
    <t>621426.0</t>
  </si>
  <si>
    <t>1179.741</t>
  </si>
  <si>
    <t>624370.0</t>
  </si>
  <si>
    <t>1185.33</t>
  </si>
  <si>
    <t>627607.0</t>
  </si>
  <si>
    <t>1191.475</t>
  </si>
  <si>
    <t>28082.0</t>
  </si>
  <si>
    <t>630379.0</t>
  </si>
  <si>
    <t>1196.737</t>
  </si>
  <si>
    <t>28837.0</t>
  </si>
  <si>
    <t>633463.0</t>
  </si>
  <si>
    <t>1202.592</t>
  </si>
  <si>
    <t>29339.0</t>
  </si>
  <si>
    <t>256.1</t>
  </si>
  <si>
    <t>480.223816926155</t>
  </si>
  <si>
    <t>636729.0</t>
  </si>
  <si>
    <t>1208.792</t>
  </si>
  <si>
    <t>639935.0</t>
  </si>
  <si>
    <t>1214.879</t>
  </si>
  <si>
    <t>642152.0</t>
  </si>
  <si>
    <t>1219.088</t>
  </si>
  <si>
    <t>645643.0</t>
  </si>
  <si>
    <t>1225.715</t>
  </si>
  <si>
    <t>5.769</t>
  </si>
  <si>
    <t>46344.0</t>
  </si>
  <si>
    <t>32524.0</t>
  </si>
  <si>
    <t>648516.0</t>
  </si>
  <si>
    <t>1231.169</t>
  </si>
  <si>
    <t>48474.0</t>
  </si>
  <si>
    <t>651155.0</t>
  </si>
  <si>
    <t>1236.179</t>
  </si>
  <si>
    <t>34574.0</t>
  </si>
  <si>
    <t>653986.0</t>
  </si>
  <si>
    <t>1241.554</t>
  </si>
  <si>
    <t>51641.0</t>
  </si>
  <si>
    <t>480.411331106915</t>
  </si>
  <si>
    <t>1246.902</t>
  </si>
  <si>
    <t>658919.0</t>
  </si>
  <si>
    <t>1250.919</t>
  </si>
  <si>
    <t>37866.0</t>
  </si>
  <si>
    <t>662126.0</t>
  </si>
  <si>
    <t>1257.007</t>
  </si>
  <si>
    <t>57683.0</t>
  </si>
  <si>
    <t>665335.0</t>
  </si>
  <si>
    <t>1263.099</t>
  </si>
  <si>
    <t>59702.0</t>
  </si>
  <si>
    <t>19199.0</t>
  </si>
  <si>
    <t>668617.0</t>
  </si>
  <si>
    <t>1269.33</t>
  </si>
  <si>
    <t>62059.0</t>
  </si>
  <si>
    <t>672137.0</t>
  </si>
  <si>
    <t>1276.012</t>
  </si>
  <si>
    <t>43119.0</t>
  </si>
  <si>
    <t>675119.0</t>
  </si>
  <si>
    <t>1281.674</t>
  </si>
  <si>
    <t>64419.0</t>
  </si>
  <si>
    <t>277.5</t>
  </si>
  <si>
    <t>520.351851608778</t>
  </si>
  <si>
    <t>1287.447</t>
  </si>
  <si>
    <t>5.792</t>
  </si>
  <si>
    <t>45174.0</t>
  </si>
  <si>
    <t>681434.0</t>
  </si>
  <si>
    <t>1293.662</t>
  </si>
  <si>
    <t>47012.0</t>
  </si>
  <si>
    <t>684231.0</t>
  </si>
  <si>
    <t>1298.972</t>
  </si>
  <si>
    <t>71562.0</t>
  </si>
  <si>
    <t>49061.0</t>
  </si>
  <si>
    <t>687974.0</t>
  </si>
  <si>
    <t>1306.078</t>
  </si>
  <si>
    <t>73644.0</t>
  </si>
  <si>
    <t>50249.0</t>
  </si>
  <si>
    <t>691614.0</t>
  </si>
  <si>
    <t>1312.988</t>
  </si>
  <si>
    <t>76159.0</t>
  </si>
  <si>
    <t>25118.0</t>
  </si>
  <si>
    <t>695192.0</t>
  </si>
  <si>
    <t>1319.781</t>
  </si>
  <si>
    <t>26781.0</t>
  </si>
  <si>
    <t>698239.0</t>
  </si>
  <si>
    <t>1325.566</t>
  </si>
  <si>
    <t>28048.0</t>
  </si>
  <si>
    <t>546.791351095927</t>
  </si>
  <si>
    <t>702110.0</t>
  </si>
  <si>
    <t>1332.914</t>
  </si>
  <si>
    <t>6.495</t>
  </si>
  <si>
    <t>81883.0</t>
  </si>
  <si>
    <t>52862.0</t>
  </si>
  <si>
    <t>705682.0</t>
  </si>
  <si>
    <t>1339.696</t>
  </si>
  <si>
    <t>709336.0</t>
  </si>
  <si>
    <t>1346.633</t>
  </si>
  <si>
    <t>86854.0</t>
  </si>
  <si>
    <t>56525.0</t>
  </si>
  <si>
    <t>713482.0</t>
  </si>
  <si>
    <t>1354.503</t>
  </si>
  <si>
    <t>89946.0</t>
  </si>
  <si>
    <t>717281.0</t>
  </si>
  <si>
    <t>1361.716</t>
  </si>
  <si>
    <t>92806.0</t>
  </si>
  <si>
    <t>61096.0</t>
  </si>
  <si>
    <t>721113.0</t>
  </si>
  <si>
    <t>1368.99</t>
  </si>
  <si>
    <t>95899.0</t>
  </si>
  <si>
    <t>63479.0</t>
  </si>
  <si>
    <t>131.757</t>
  </si>
  <si>
    <t>725058.0</t>
  </si>
  <si>
    <t>1376.48</t>
  </si>
  <si>
    <t>97864.0</t>
  </si>
  <si>
    <t>65002.0</t>
  </si>
  <si>
    <t>32862.0</t>
  </si>
  <si>
    <t>311.3</t>
  </si>
  <si>
    <t>583.731644705631</t>
  </si>
  <si>
    <t>729004.0</t>
  </si>
  <si>
    <t>1383.971</t>
  </si>
  <si>
    <t>67595.0</t>
  </si>
  <si>
    <t>34181.0</t>
  </si>
  <si>
    <t>733474.0</t>
  </si>
  <si>
    <t>1392.457</t>
  </si>
  <si>
    <t>737897.0</t>
  </si>
  <si>
    <t>1400.854</t>
  </si>
  <si>
    <t>72725.0</t>
  </si>
  <si>
    <t>36246.0</t>
  </si>
  <si>
    <t>742643.0</t>
  </si>
  <si>
    <t>1409.864</t>
  </si>
  <si>
    <t>113258.0</t>
  </si>
  <si>
    <t>76076.0</t>
  </si>
  <si>
    <t>746422.0</t>
  </si>
  <si>
    <t>1417.038</t>
  </si>
  <si>
    <t>117121.0</t>
  </si>
  <si>
    <t>78788.0</t>
  </si>
  <si>
    <t>38333.0</t>
  </si>
  <si>
    <t>750755.0</t>
  </si>
  <si>
    <t>1425.264</t>
  </si>
  <si>
    <t>120073.0</t>
  </si>
  <si>
    <t>80974.0</t>
  </si>
  <si>
    <t>129.82</t>
  </si>
  <si>
    <t>755060.0</t>
  </si>
  <si>
    <t>1433.437</t>
  </si>
  <si>
    <t>122366.0</t>
  </si>
  <si>
    <t>82671.0</t>
  </si>
  <si>
    <t>619.546853230776</t>
  </si>
  <si>
    <t>758930.0</t>
  </si>
  <si>
    <t>1440.784</t>
  </si>
  <si>
    <t>85596.0</t>
  </si>
  <si>
    <t>40681.0</t>
  </si>
  <si>
    <t>763393.0</t>
  </si>
  <si>
    <t>1449.257</t>
  </si>
  <si>
    <t>130861.0</t>
  </si>
  <si>
    <t>40859.0</t>
  </si>
  <si>
    <t>767446.0</t>
  </si>
  <si>
    <t>1456.951</t>
  </si>
  <si>
    <t>7.694</t>
  </si>
  <si>
    <t>133871.0</t>
  </si>
  <si>
    <t>92250.0</t>
  </si>
  <si>
    <t>772206.0</t>
  </si>
  <si>
    <t>1465.988</t>
  </si>
  <si>
    <t>9.037</t>
  </si>
  <si>
    <t>138264.0</t>
  </si>
  <si>
    <t>42557.0</t>
  </si>
  <si>
    <t>776252.0</t>
  </si>
  <si>
    <t>1473.669</t>
  </si>
  <si>
    <t>140331.0</t>
  </si>
  <si>
    <t>43267.0</t>
  </si>
  <si>
    <t>1480.757</t>
  </si>
  <si>
    <t>143169.0</t>
  </si>
  <si>
    <t>99250.0</t>
  </si>
  <si>
    <t>43919.0</t>
  </si>
  <si>
    <t>783735.0</t>
  </si>
  <si>
    <t>1487.875</t>
  </si>
  <si>
    <t>646.736409440964</t>
  </si>
  <si>
    <t>787148.0</t>
  </si>
  <si>
    <t>1494.354</t>
  </si>
  <si>
    <t>105611.0</t>
  </si>
  <si>
    <t>45286.0</t>
  </si>
  <si>
    <t>789809.0</t>
  </si>
  <si>
    <t>1499.406</t>
  </si>
  <si>
    <t>155678.0</t>
  </si>
  <si>
    <t>109538.0</t>
  </si>
  <si>
    <t>46140.0</t>
  </si>
  <si>
    <t>792598.0</t>
  </si>
  <si>
    <t>1504.701</t>
  </si>
  <si>
    <t>160260.0</t>
  </si>
  <si>
    <t>113179.0</t>
  </si>
  <si>
    <t>795647.0</t>
  </si>
  <si>
    <t>1510.489</t>
  </si>
  <si>
    <t>166104.0</t>
  </si>
  <si>
    <t>117171.0</t>
  </si>
  <si>
    <t>797899.0</t>
  </si>
  <si>
    <t>1514.764</t>
  </si>
  <si>
    <t>171873.0</t>
  </si>
  <si>
    <t>50050.0</t>
  </si>
  <si>
    <t>800827.0</t>
  </si>
  <si>
    <t>1520.323</t>
  </si>
  <si>
    <t>176612.0</t>
  </si>
  <si>
    <t>126055.0</t>
  </si>
  <si>
    <t>50557.0</t>
  </si>
  <si>
    <t>803183.0</t>
  </si>
  <si>
    <t>1524.796</t>
  </si>
  <si>
    <t>129350.0</t>
  </si>
  <si>
    <t>652.549349044522</t>
  </si>
  <si>
    <t>805284.0</t>
  </si>
  <si>
    <t>1528.784</t>
  </si>
  <si>
    <t>186111.0</t>
  </si>
  <si>
    <t>52340.0</t>
  </si>
  <si>
    <t>807370.0</t>
  </si>
  <si>
    <t>1532.744</t>
  </si>
  <si>
    <t>191716.0</t>
  </si>
  <si>
    <t>138176.0</t>
  </si>
  <si>
    <t>53540.0</t>
  </si>
  <si>
    <t>809340.0</t>
  </si>
  <si>
    <t>1536.484</t>
  </si>
  <si>
    <t>197383.0</t>
  </si>
  <si>
    <t>142805.0</t>
  </si>
  <si>
    <t>54578.0</t>
  </si>
  <si>
    <t>811102.0</t>
  </si>
  <si>
    <t>1539.829</t>
  </si>
  <si>
    <t>203553.0</t>
  </si>
  <si>
    <t>147956.0</t>
  </si>
  <si>
    <t>55597.0</t>
  </si>
  <si>
    <t>813463.0</t>
  </si>
  <si>
    <t>1544.312</t>
  </si>
  <si>
    <t>209065.0</t>
  </si>
  <si>
    <t>151942.0</t>
  </si>
  <si>
    <t>815752.0</t>
  </si>
  <si>
    <t>1548.657</t>
  </si>
  <si>
    <t>212466.0</t>
  </si>
  <si>
    <t>154462.0</t>
  </si>
  <si>
    <t>58004.0</t>
  </si>
  <si>
    <t>817914.0</t>
  </si>
  <si>
    <t>1552.761</t>
  </si>
  <si>
    <t>215700.0</t>
  </si>
  <si>
    <t>350.7</t>
  </si>
  <si>
    <t>657.612231925039</t>
  </si>
  <si>
    <t>819860.0</t>
  </si>
  <si>
    <t>1556.456</t>
  </si>
  <si>
    <t>219161.0</t>
  </si>
  <si>
    <t>159065.0</t>
  </si>
  <si>
    <t>822024.0</t>
  </si>
  <si>
    <t>1560.564</t>
  </si>
  <si>
    <t>223020.0</t>
  </si>
  <si>
    <t>161909.0</t>
  </si>
  <si>
    <t>824234.0</t>
  </si>
  <si>
    <t>1564.76</t>
  </si>
  <si>
    <t>227606.0</t>
  </si>
  <si>
    <t>63114.0</t>
  </si>
  <si>
    <t>826461.0</t>
  </si>
  <si>
    <t>1568.987</t>
  </si>
  <si>
    <t>232335.0</t>
  </si>
  <si>
    <t>167130.0</t>
  </si>
  <si>
    <t>828497.0</t>
  </si>
  <si>
    <t>1572.853</t>
  </si>
  <si>
    <t>237806.0</t>
  </si>
  <si>
    <t>170315.0</t>
  </si>
  <si>
    <t>67491.0</t>
  </si>
  <si>
    <t>830740.0</t>
  </si>
  <si>
    <t>1577.111</t>
  </si>
  <si>
    <t>240984.0</t>
  </si>
  <si>
    <t>171678.0</t>
  </si>
  <si>
    <t>69306.0</t>
  </si>
  <si>
    <t>832727.0</t>
  </si>
  <si>
    <t>1580.883</t>
  </si>
  <si>
    <t>244718.0</t>
  </si>
  <si>
    <t>173237.0</t>
  </si>
  <si>
    <t>338.2</t>
  </si>
  <si>
    <t>-15.92</t>
  </si>
  <si>
    <t>634.172959330049</t>
  </si>
  <si>
    <t>834729.0</t>
  </si>
  <si>
    <t>1584.684</t>
  </si>
  <si>
    <t>249400.0</t>
  </si>
  <si>
    <t>175347.0</t>
  </si>
  <si>
    <t>74053.0</t>
  </si>
  <si>
    <t>836521.0</t>
  </si>
  <si>
    <t>1588.086</t>
  </si>
  <si>
    <t>254885.0</t>
  </si>
  <si>
    <t>178292.0</t>
  </si>
  <si>
    <t>838522.0</t>
  </si>
  <si>
    <t>1591.885</t>
  </si>
  <si>
    <t>259272.0</t>
  </si>
  <si>
    <t>181133.0</t>
  </si>
  <si>
    <t>840325.0</t>
  </si>
  <si>
    <t>1595.307</t>
  </si>
  <si>
    <t>264658.0</t>
  </si>
  <si>
    <t>183987.0</t>
  </si>
  <si>
    <t>80671.0</t>
  </si>
  <si>
    <t>842208.0</t>
  </si>
  <si>
    <t>1598.882</t>
  </si>
  <si>
    <t>269763.0</t>
  </si>
  <si>
    <t>187277.0</t>
  </si>
  <si>
    <t>844016.0</t>
  </si>
  <si>
    <t>1602.315</t>
  </si>
  <si>
    <t>274641.0</t>
  </si>
  <si>
    <t>190489.0</t>
  </si>
  <si>
    <t>84152.0</t>
  </si>
  <si>
    <t>846001.0</t>
  </si>
  <si>
    <t>1606.083</t>
  </si>
  <si>
    <t>276516.0</t>
  </si>
  <si>
    <t>191583.0</t>
  </si>
  <si>
    <t>84933.0</t>
  </si>
  <si>
    <t>627.984991364972</t>
  </si>
  <si>
    <t>847581.0</t>
  </si>
  <si>
    <t>1609.083</t>
  </si>
  <si>
    <t>282841.0</t>
  </si>
  <si>
    <t>87770.0</t>
  </si>
  <si>
    <t>849165.0</t>
  </si>
  <si>
    <t>1612.09</t>
  </si>
  <si>
    <t>288797.0</t>
  </si>
  <si>
    <t>198624.0</t>
  </si>
  <si>
    <t>90173.0</t>
  </si>
  <si>
    <t>851157.0</t>
  </si>
  <si>
    <t>1615.871</t>
  </si>
  <si>
    <t>295587.0</t>
  </si>
  <si>
    <t>853286.0</t>
  </si>
  <si>
    <t>1619.913</t>
  </si>
  <si>
    <t>301594.0</t>
  </si>
  <si>
    <t>204963.0</t>
  </si>
  <si>
    <t>96631.0</t>
  </si>
  <si>
    <t>855090.0</t>
  </si>
  <si>
    <t>1623.338</t>
  </si>
  <si>
    <t>307636.0</t>
  </si>
  <si>
    <t>208959.0</t>
  </si>
  <si>
    <t>98677.0</t>
  </si>
  <si>
    <t>856718.0</t>
  </si>
  <si>
    <t>1626.429</t>
  </si>
  <si>
    <t>311559.0</t>
  </si>
  <si>
    <t>211985.0</t>
  </si>
  <si>
    <t>99574.0</t>
  </si>
  <si>
    <t>858830.0</t>
  </si>
  <si>
    <t>1630.438</t>
  </si>
  <si>
    <t>313279.0</t>
  </si>
  <si>
    <t>212593.0</t>
  </si>
  <si>
    <t>100686.0</t>
  </si>
  <si>
    <t>326.2</t>
  </si>
  <si>
    <t>-11.8</t>
  </si>
  <si>
    <t>611.671257638859</t>
  </si>
  <si>
    <t>860279.0</t>
  </si>
  <si>
    <t>1633.189</t>
  </si>
  <si>
    <t>318706.0</t>
  </si>
  <si>
    <t>216171.0</t>
  </si>
  <si>
    <t>861791.0</t>
  </si>
  <si>
    <t>1636.059</t>
  </si>
  <si>
    <t>323324.0</t>
  </si>
  <si>
    <t>219442.0</t>
  </si>
  <si>
    <t>103882.0</t>
  </si>
  <si>
    <t>863481.0</t>
  </si>
  <si>
    <t>1639.268</t>
  </si>
  <si>
    <t>326934.0</t>
  </si>
  <si>
    <t>222470.0</t>
  </si>
  <si>
    <t>1643.141</t>
  </si>
  <si>
    <t>331438.0</t>
  </si>
  <si>
    <t>225810.0</t>
  </si>
  <si>
    <t>105628.0</t>
  </si>
  <si>
    <t>867282.0</t>
  </si>
  <si>
    <t>1646.484</t>
  </si>
  <si>
    <t>335848.0</t>
  </si>
  <si>
    <t>228810.0</t>
  </si>
  <si>
    <t>107038.0</t>
  </si>
  <si>
    <t>869063.0</t>
  </si>
  <si>
    <t>1649.865</t>
  </si>
  <si>
    <t>339727.0</t>
  </si>
  <si>
    <t>108216.0</t>
  </si>
  <si>
    <t>871099.0</t>
  </si>
  <si>
    <t>1653.73</t>
  </si>
  <si>
    <t>233193.0</t>
  </si>
  <si>
    <t>108716.0</t>
  </si>
  <si>
    <t>317.7</t>
  </si>
  <si>
    <t>-12.59</t>
  </si>
  <si>
    <t>595.732552274266</t>
  </si>
  <si>
    <t>872649.0</t>
  </si>
  <si>
    <t>1656.673</t>
  </si>
  <si>
    <t>346951.0</t>
  </si>
  <si>
    <t>237018.0</t>
  </si>
  <si>
    <t>109933.0</t>
  </si>
  <si>
    <t>874285.0</t>
  </si>
  <si>
    <t>1659.778</t>
  </si>
  <si>
    <t>352421.0</t>
  </si>
  <si>
    <t>241103.0</t>
  </si>
  <si>
    <t>111318.0</t>
  </si>
  <si>
    <t>876070.0</t>
  </si>
  <si>
    <t>1663.167</t>
  </si>
  <si>
    <t>359429.0</t>
  </si>
  <si>
    <t>246698.0</t>
  </si>
  <si>
    <t>112731.0</t>
  </si>
  <si>
    <t>878041.0</t>
  </si>
  <si>
    <t>1666.909</t>
  </si>
  <si>
    <t>365902.0</t>
  </si>
  <si>
    <t>251787.0</t>
  </si>
  <si>
    <t>115333.0</t>
  </si>
  <si>
    <t>879997.0</t>
  </si>
  <si>
    <t>1670.622</t>
  </si>
  <si>
    <t>372620.0</t>
  </si>
  <si>
    <t>118209.0</t>
  </si>
  <si>
    <t>882019.0</t>
  </si>
  <si>
    <t>1674.461</t>
  </si>
  <si>
    <t>375986.0</t>
  </si>
  <si>
    <t>257781.0</t>
  </si>
  <si>
    <t>119427.0</t>
  </si>
  <si>
    <t>883785.0</t>
  </si>
  <si>
    <t>1677.814</t>
  </si>
  <si>
    <t>379951.0</t>
  </si>
  <si>
    <t>258766.0</t>
  </si>
  <si>
    <t>121185.0</t>
  </si>
  <si>
    <t>314.8</t>
  </si>
  <si>
    <t>590.294641032228</t>
  </si>
  <si>
    <t>885309.0</t>
  </si>
  <si>
    <t>1680.707</t>
  </si>
  <si>
    <t>386760.0</t>
  </si>
  <si>
    <t>265361.0</t>
  </si>
  <si>
    <t>886909.0</t>
  </si>
  <si>
    <t>1683.744</t>
  </si>
  <si>
    <t>392929.0</t>
  </si>
  <si>
    <t>268118.0</t>
  </si>
  <si>
    <t>889079.0</t>
  </si>
  <si>
    <t>1687.864</t>
  </si>
  <si>
    <t>400118.0</t>
  </si>
  <si>
    <t>272025.0</t>
  </si>
  <si>
    <t>130537.0</t>
  </si>
  <si>
    <t>891075.0</t>
  </si>
  <si>
    <t>1691.653</t>
  </si>
  <si>
    <t>406921.0</t>
  </si>
  <si>
    <t>276041.0</t>
  </si>
  <si>
    <t>133332.0</t>
  </si>
  <si>
    <t>893092.0</t>
  </si>
  <si>
    <t>1695.482</t>
  </si>
  <si>
    <t>311.8</t>
  </si>
  <si>
    <t>414632.0</t>
  </si>
  <si>
    <t>280134.0</t>
  </si>
  <si>
    <t>136975.0</t>
  </si>
  <si>
    <t>894803.0</t>
  </si>
  <si>
    <t>1698.731</t>
  </si>
  <si>
    <t>420815.0</t>
  </si>
  <si>
    <t>283229.0</t>
  </si>
  <si>
    <t>141143.0</t>
  </si>
  <si>
    <t>897257.0</t>
  </si>
  <si>
    <t>1703.389</t>
  </si>
  <si>
    <t>424325.0</t>
  </si>
  <si>
    <t>284395.0</t>
  </si>
  <si>
    <t>143487.0</t>
  </si>
  <si>
    <t>319.9</t>
  </si>
  <si>
    <t>599.857864250984</t>
  </si>
  <si>
    <t>898798.0</t>
  </si>
  <si>
    <t>1706.315</t>
  </si>
  <si>
    <t>518.8</t>
  </si>
  <si>
    <t>430508.0</t>
  </si>
  <si>
    <t>147667.0</t>
  </si>
  <si>
    <t>900491.0</t>
  </si>
  <si>
    <t>1709.529</t>
  </si>
  <si>
    <t>617.2</t>
  </si>
  <si>
    <t>437654.0</t>
  </si>
  <si>
    <t>289855.0</t>
  </si>
  <si>
    <t>152581.0</t>
  </si>
  <si>
    <t>902366.0</t>
  </si>
  <si>
    <t>1713.089</t>
  </si>
  <si>
    <t>445830.0</t>
  </si>
  <si>
    <t>293178.0</t>
  </si>
  <si>
    <t>158489.0</t>
  </si>
  <si>
    <t>904600.0</t>
  </si>
  <si>
    <t>1717.33</t>
  </si>
  <si>
    <t>751.5</t>
  </si>
  <si>
    <t>453711.0</t>
  </si>
  <si>
    <t>296548.0</t>
  </si>
  <si>
    <t>164113.0</t>
  </si>
  <si>
    <t>906618.0</t>
  </si>
  <si>
    <t>1721.161</t>
  </si>
  <si>
    <t>461215.0</t>
  </si>
  <si>
    <t>299549.0</t>
  </si>
  <si>
    <t>169177.0</t>
  </si>
  <si>
    <t>908544.0</t>
  </si>
  <si>
    <t>1724.817</t>
  </si>
  <si>
    <t>654.3</t>
  </si>
  <si>
    <t>468829.0</t>
  </si>
  <si>
    <t>301274.0</t>
  </si>
  <si>
    <t>175246.0</t>
  </si>
  <si>
    <t>12862.0</t>
  </si>
  <si>
    <t>910953.0</t>
  </si>
  <si>
    <t>1729.391</t>
  </si>
  <si>
    <t>570.7</t>
  </si>
  <si>
    <t>474475.0</t>
  </si>
  <si>
    <t>302933.0</t>
  </si>
  <si>
    <t>180243.0</t>
  </si>
  <si>
    <t>614.671484531018</t>
  </si>
  <si>
    <t>912577.0</t>
  </si>
  <si>
    <t>1732.474</t>
  </si>
  <si>
    <t>626.2</t>
  </si>
  <si>
    <t>482577.0</t>
  </si>
  <si>
    <t>308002.0</t>
  </si>
  <si>
    <t>183556.0</t>
  </si>
  <si>
    <t>914069.0</t>
  </si>
  <si>
    <t>1735.306</t>
  </si>
  <si>
    <t>490524.0</t>
  </si>
  <si>
    <t>310403.0</t>
  </si>
  <si>
    <t>189055.0</t>
  </si>
  <si>
    <t>916149.0</t>
  </si>
  <si>
    <t>1739.255</t>
  </si>
  <si>
    <t>498726.0</t>
  </si>
  <si>
    <t>311903.0</t>
  </si>
  <si>
    <t>195856.0</t>
  </si>
  <si>
    <t>918465.0</t>
  </si>
  <si>
    <t>1743.652</t>
  </si>
  <si>
    <t>478.2</t>
  </si>
  <si>
    <t>314030.0</t>
  </si>
  <si>
    <t>200199.0</t>
  </si>
  <si>
    <t>920753.0</t>
  </si>
  <si>
    <t>1747.995</t>
  </si>
  <si>
    <t>487.3</t>
  </si>
  <si>
    <t>509312.0</t>
  </si>
  <si>
    <t>315748.0</t>
  </si>
  <si>
    <t>922763.0</t>
  </si>
  <si>
    <t>1751.811</t>
  </si>
  <si>
    <t>473.9</t>
  </si>
  <si>
    <t>512214.0</t>
  </si>
  <si>
    <t>316224.0</t>
  </si>
  <si>
    <t>205221.0</t>
  </si>
  <si>
    <t>925042.0</t>
  </si>
  <si>
    <t>1756.138</t>
  </si>
  <si>
    <t>485.9</t>
  </si>
  <si>
    <t>515662.0</t>
  </si>
  <si>
    <t>316747.0</t>
  </si>
  <si>
    <t>208118.0</t>
  </si>
  <si>
    <t>96.69</t>
  </si>
  <si>
    <t>337.9</t>
  </si>
  <si>
    <t>633.61041678777</t>
  </si>
  <si>
    <t>926764.0</t>
  </si>
  <si>
    <t>1759.407</t>
  </si>
  <si>
    <t>489.3</t>
  </si>
  <si>
    <t>519994.0</t>
  </si>
  <si>
    <t>318743.0</t>
  </si>
  <si>
    <t>210486.0</t>
  </si>
  <si>
    <t>97.51</t>
  </si>
  <si>
    <t>928790.0</t>
  </si>
  <si>
    <t>1763.253</t>
  </si>
  <si>
    <t>528592.0</t>
  </si>
  <si>
    <t>319574.0</t>
  </si>
  <si>
    <t>218321.0</t>
  </si>
  <si>
    <t>931065.0</t>
  </si>
  <si>
    <t>1767.572</t>
  </si>
  <si>
    <t>534639.0</t>
  </si>
  <si>
    <t>322359.0</t>
  </si>
  <si>
    <t>221595.0</t>
  </si>
  <si>
    <t>933864.0</t>
  </si>
  <si>
    <t>1772.886</t>
  </si>
  <si>
    <t>541178.0</t>
  </si>
  <si>
    <t>324295.0</t>
  </si>
  <si>
    <t>226341.0</t>
  </si>
  <si>
    <t>1777.717</t>
  </si>
  <si>
    <t>474.5</t>
  </si>
  <si>
    <t>546637.0</t>
  </si>
  <si>
    <t>939173.0</t>
  </si>
  <si>
    <t>1782.965</t>
  </si>
  <si>
    <t>327155.0</t>
  </si>
  <si>
    <t>233826.0</t>
  </si>
  <si>
    <t>941197.0</t>
  </si>
  <si>
    <t>1786.807</t>
  </si>
  <si>
    <t>553814.0</t>
  </si>
  <si>
    <t>328168.0</t>
  </si>
  <si>
    <t>235133.0</t>
  </si>
  <si>
    <t>318.6</t>
  </si>
  <si>
    <t>-26.69</t>
  </si>
  <si>
    <t>597.420179901105</t>
  </si>
  <si>
    <t>942552.0</t>
  </si>
  <si>
    <t>1789.379</t>
  </si>
  <si>
    <t>558320.0</t>
  </si>
  <si>
    <t>238807.0</t>
  </si>
  <si>
    <t>943984.0</t>
  </si>
  <si>
    <t>1792.098</t>
  </si>
  <si>
    <t>564718.0</t>
  </si>
  <si>
    <t>330970.0</t>
  </si>
  <si>
    <t>243252.0</t>
  </si>
  <si>
    <t>945642.0</t>
  </si>
  <si>
    <t>1795.246</t>
  </si>
  <si>
    <t>570513.0</t>
  </si>
  <si>
    <t>333197.0</t>
  </si>
  <si>
    <t>246964.0</t>
  </si>
  <si>
    <t>947765.0</t>
  </si>
  <si>
    <t>1799.276</t>
  </si>
  <si>
    <t>695.1</t>
  </si>
  <si>
    <t>576256.0</t>
  </si>
  <si>
    <t>334367.0</t>
  </si>
  <si>
    <t>251553.0</t>
  </si>
  <si>
    <t>949582.0</t>
  </si>
  <si>
    <t>1802.725</t>
  </si>
  <si>
    <t>658.7</t>
  </si>
  <si>
    <t>582206.0</t>
  </si>
  <si>
    <t>335791.0</t>
  </si>
  <si>
    <t>256079.0</t>
  </si>
  <si>
    <t>951303.0</t>
  </si>
  <si>
    <t>1805.993</t>
  </si>
  <si>
    <t>933.2</t>
  </si>
  <si>
    <t>587160.0</t>
  </si>
  <si>
    <t>339176.0</t>
  </si>
  <si>
    <t>953096.0</t>
  </si>
  <si>
    <t>1809.397</t>
  </si>
  <si>
    <t>1189.6</t>
  </si>
  <si>
    <t>589507.0</t>
  </si>
  <si>
    <t>340028.0</t>
  </si>
  <si>
    <t>260424.0</t>
  </si>
  <si>
    <t>313.1</t>
  </si>
  <si>
    <t>-8.53</t>
  </si>
  <si>
    <t>587.10689995931</t>
  </si>
  <si>
    <t>954117.0</t>
  </si>
  <si>
    <t>1811.335</t>
  </si>
  <si>
    <t>1051.6</t>
  </si>
  <si>
    <t>596074.0</t>
  </si>
  <si>
    <t>341941.0</t>
  </si>
  <si>
    <t>265090.0</t>
  </si>
  <si>
    <t>955643.0</t>
  </si>
  <si>
    <t>1814.232</t>
  </si>
  <si>
    <t>1165.9</t>
  </si>
  <si>
    <t>604033.0</t>
  </si>
  <si>
    <t>344272.0</t>
  </si>
  <si>
    <t>270754.0</t>
  </si>
  <si>
    <t>957441.0</t>
  </si>
  <si>
    <t>1817.645</t>
  </si>
  <si>
    <t>983.7</t>
  </si>
  <si>
    <t>609867.0</t>
  </si>
  <si>
    <t>346576.0</t>
  </si>
  <si>
    <t>959419.0</t>
  </si>
  <si>
    <t>1821.4</t>
  </si>
  <si>
    <t>1456.7</t>
  </si>
  <si>
    <t>616102.0</t>
  </si>
  <si>
    <t>348633.0</t>
  </si>
  <si>
    <t>278588.0</t>
  </si>
  <si>
    <t>961384.0</t>
  </si>
  <si>
    <t>1825.131</t>
  </si>
  <si>
    <t>621674.0</t>
  </si>
  <si>
    <t>350092.0</t>
  </si>
  <si>
    <t>282709.0</t>
  </si>
  <si>
    <t>963044.0</t>
  </si>
  <si>
    <t>1828.282</t>
  </si>
  <si>
    <t>625844.0</t>
  </si>
  <si>
    <t>285817.0</t>
  </si>
  <si>
    <t>964883.0</t>
  </si>
  <si>
    <t>1831.773</t>
  </si>
  <si>
    <t>1473.3</t>
  </si>
  <si>
    <t>628735.0</t>
  </si>
  <si>
    <t>352478.0</t>
  </si>
  <si>
    <t>288195.0</t>
  </si>
  <si>
    <t>311.2</t>
  </si>
  <si>
    <t>583.544130524871</t>
  </si>
  <si>
    <t>966363.0</t>
  </si>
  <si>
    <t>1834.583</t>
  </si>
  <si>
    <t>1530.2</t>
  </si>
  <si>
    <t>631446.0</t>
  </si>
  <si>
    <t>353164.0</t>
  </si>
  <si>
    <t>290280.0</t>
  </si>
  <si>
    <t>968012.0</t>
  </si>
  <si>
    <t>1837.714</t>
  </si>
  <si>
    <t>636059.0</t>
  </si>
  <si>
    <t>353584.0</t>
  </si>
  <si>
    <t>294650.0</t>
  </si>
  <si>
    <t>969704.0</t>
  </si>
  <si>
    <t>1840.926</t>
  </si>
  <si>
    <t>640729.0</t>
  </si>
  <si>
    <t>353895.0</t>
  </si>
  <si>
    <t>299151.0</t>
  </si>
  <si>
    <t>1845.237</t>
  </si>
  <si>
    <t>646651.0</t>
  </si>
  <si>
    <t>355100.0</t>
  </si>
  <si>
    <t>303939.0</t>
  </si>
  <si>
    <t>975102.0</t>
  </si>
  <si>
    <t>1851.174</t>
  </si>
  <si>
    <t>914.6</t>
  </si>
  <si>
    <t>650411.0</t>
  </si>
  <si>
    <t>355277.0</t>
  </si>
  <si>
    <t>307591.0</t>
  </si>
  <si>
    <t>977462.0</t>
  </si>
  <si>
    <t>1855.654</t>
  </si>
  <si>
    <t>653005.0</t>
  </si>
  <si>
    <t>356128.0</t>
  </si>
  <si>
    <t>309871.0</t>
  </si>
  <si>
    <t>979689.0</t>
  </si>
  <si>
    <t>1859.882</t>
  </si>
  <si>
    <t>654649.0</t>
  </si>
  <si>
    <t>356209.0</t>
  </si>
  <si>
    <t>311453.0</t>
  </si>
  <si>
    <t>305.7</t>
  </si>
  <si>
    <t>-8.8</t>
  </si>
  <si>
    <t>573.230850583075</t>
  </si>
  <si>
    <t>981005.0</t>
  </si>
  <si>
    <t>1862.38</t>
  </si>
  <si>
    <t>659488.0</t>
  </si>
  <si>
    <t>315768.0</t>
  </si>
  <si>
    <t>123.66</t>
  </si>
  <si>
    <t>1866.652</t>
  </si>
  <si>
    <t>662.8</t>
  </si>
  <si>
    <t>664859.0</t>
  </si>
  <si>
    <t>358168.0</t>
  </si>
  <si>
    <t>320604.0</t>
  </si>
  <si>
    <t>985629.0</t>
  </si>
  <si>
    <t>1871.159</t>
  </si>
  <si>
    <t>568.8</t>
  </si>
  <si>
    <t>670759.0</t>
  </si>
  <si>
    <t>359169.0</t>
  </si>
  <si>
    <t>325891.0</t>
  </si>
  <si>
    <t>988157.0</t>
  </si>
  <si>
    <t>1875.958</t>
  </si>
  <si>
    <t>675014.0</t>
  </si>
  <si>
    <t>360364.0</t>
  </si>
  <si>
    <t>328960.0</t>
  </si>
  <si>
    <t>990874.0</t>
  </si>
  <si>
    <t>1881.116</t>
  </si>
  <si>
    <t>525.7</t>
  </si>
  <si>
    <t>679538.0</t>
  </si>
  <si>
    <t>361287.0</t>
  </si>
  <si>
    <t>332650.0</t>
  </si>
  <si>
    <t>993715.0</t>
  </si>
  <si>
    <t>1886.509</t>
  </si>
  <si>
    <t>682731.0</t>
  </si>
  <si>
    <t>362262.0</t>
  </si>
  <si>
    <t>996631.0</t>
  </si>
  <si>
    <t>1892.045</t>
  </si>
  <si>
    <t>685024.0</t>
  </si>
  <si>
    <t>362986.0</t>
  </si>
  <si>
    <t>626.672392099653</t>
  </si>
  <si>
    <t>998866.0</t>
  </si>
  <si>
    <t>1896.288</t>
  </si>
  <si>
    <t>689924.0</t>
  </si>
  <si>
    <t>364277.0</t>
  </si>
  <si>
    <t>340423.0</t>
  </si>
  <si>
    <t>1001347.0</t>
  </si>
  <si>
    <t>1900.998</t>
  </si>
  <si>
    <t>692581.0</t>
  </si>
  <si>
    <t>341765.0</t>
  </si>
  <si>
    <t>1003842.0</t>
  </si>
  <si>
    <t>1905.735</t>
  </si>
  <si>
    <t>696858.0</t>
  </si>
  <si>
    <t>367086.0</t>
  </si>
  <si>
    <t>344666.0</t>
  </si>
  <si>
    <t>1006510.0</t>
  </si>
  <si>
    <t>1910.8</t>
  </si>
  <si>
    <t>700180.0</t>
  </si>
  <si>
    <t>368449.0</t>
  </si>
  <si>
    <t>1009413.0</t>
  </si>
  <si>
    <t>1916.311</t>
  </si>
  <si>
    <t>703928.0</t>
  </si>
  <si>
    <t>369854.0</t>
  </si>
  <si>
    <t>349133.0</t>
  </si>
  <si>
    <t>1012577.0</t>
  </si>
  <si>
    <t>1922.318</t>
  </si>
  <si>
    <t>705852.0</t>
  </si>
  <si>
    <t>371421.0</t>
  </si>
  <si>
    <t>349961.0</t>
  </si>
  <si>
    <t>1015801.0</t>
  </si>
  <si>
    <t>1928.438</t>
  </si>
  <si>
    <t>706857.0</t>
  </si>
  <si>
    <t>372052.0</t>
  </si>
  <si>
    <t>350338.0</t>
  </si>
  <si>
    <t>630.235161534091</t>
  </si>
  <si>
    <t>1018448.0</t>
  </si>
  <si>
    <t>1933.463</t>
  </si>
  <si>
    <t>709131.0</t>
  </si>
  <si>
    <t>373349.0</t>
  </si>
  <si>
    <t>351395.0</t>
  </si>
  <si>
    <t>1021801.0</t>
  </si>
  <si>
    <t>1939.829</t>
  </si>
  <si>
    <t>711973.0</t>
  </si>
  <si>
    <t>375090.0</t>
  </si>
  <si>
    <t>352523.0</t>
  </si>
  <si>
    <t>1025989.0</t>
  </si>
  <si>
    <t>1947.78</t>
  </si>
  <si>
    <t>377373.0</t>
  </si>
  <si>
    <t>353929.0</t>
  </si>
  <si>
    <t>134.16</t>
  </si>
  <si>
    <t>1029618.0</t>
  </si>
  <si>
    <t>1954.669</t>
  </si>
  <si>
    <t>718418.0</t>
  </si>
  <si>
    <t>379380.0</t>
  </si>
  <si>
    <t>354985.0</t>
  </si>
  <si>
    <t>134.71</t>
  </si>
  <si>
    <t>1033497.0</t>
  </si>
  <si>
    <t>1962.033</t>
  </si>
  <si>
    <t>721415.0</t>
  </si>
  <si>
    <t>381764.0</t>
  </si>
  <si>
    <t>355883.0</t>
  </si>
  <si>
    <t>1037870.0</t>
  </si>
  <si>
    <t>1970.335</t>
  </si>
  <si>
    <t>723299.0</t>
  </si>
  <si>
    <t>383158.0</t>
  </si>
  <si>
    <t>1041418.0</t>
  </si>
  <si>
    <t>1977.071</t>
  </si>
  <si>
    <t>724343.0</t>
  </si>
  <si>
    <t>383867.0</t>
  </si>
  <si>
    <t>357558.0</t>
  </si>
  <si>
    <t>135.82</t>
  </si>
  <si>
    <t>652.924377406041</t>
  </si>
  <si>
    <t>1045227.0</t>
  </si>
  <si>
    <t>1984.302</t>
  </si>
  <si>
    <t>7.263</t>
  </si>
  <si>
    <t>728106.0</t>
  </si>
  <si>
    <t>386328.0</t>
  </si>
  <si>
    <t>359042.0</t>
  </si>
  <si>
    <t>1049318.0</t>
  </si>
  <si>
    <t>1992.068</t>
  </si>
  <si>
    <t>7.767</t>
  </si>
  <si>
    <t>730483.0</t>
  </si>
  <si>
    <t>387329.0</t>
  </si>
  <si>
    <t>360880.0</t>
  </si>
  <si>
    <t>1053294.0</t>
  </si>
  <si>
    <t>1999.617</t>
  </si>
  <si>
    <t>733736.0</t>
  </si>
  <si>
    <t>389025.0</t>
  </si>
  <si>
    <t>362923.0</t>
  </si>
  <si>
    <t>1057596.0</t>
  </si>
  <si>
    <t>2007.784</t>
  </si>
  <si>
    <t>736727.0</t>
  </si>
  <si>
    <t>389263.0</t>
  </si>
  <si>
    <t>364899.0</t>
  </si>
  <si>
    <t>1061236.0</t>
  </si>
  <si>
    <t>2014.694</t>
  </si>
  <si>
    <t>742361.0</t>
  </si>
  <si>
    <t>392444.0</t>
  </si>
  <si>
    <t>368587.0</t>
  </si>
  <si>
    <t>1065162.0</t>
  </si>
  <si>
    <t>2022.147</t>
  </si>
  <si>
    <t>743712.0</t>
  </si>
  <si>
    <t>392994.0</t>
  </si>
  <si>
    <t>369441.0</t>
  </si>
  <si>
    <t>63.755</t>
  </si>
  <si>
    <t>1068666.0</t>
  </si>
  <si>
    <t>2028.799</t>
  </si>
  <si>
    <t>744521.0</t>
  </si>
  <si>
    <t>393062.0</t>
  </si>
  <si>
    <t>370187.0</t>
  </si>
  <si>
    <t>351.3</t>
  </si>
  <si>
    <t>658.737317009599</t>
  </si>
  <si>
    <t>1071802.0</t>
  </si>
  <si>
    <t>2034.753</t>
  </si>
  <si>
    <t>746883.0</t>
  </si>
  <si>
    <t>393967.0</t>
  </si>
  <si>
    <t>371802.0</t>
  </si>
  <si>
    <t>1075833.0</t>
  </si>
  <si>
    <t>2042.405</t>
  </si>
  <si>
    <t>750641.0</t>
  </si>
  <si>
    <t>396087.0</t>
  </si>
  <si>
    <t>373771.0</t>
  </si>
  <si>
    <t>1079695.0</t>
  </si>
  <si>
    <t>2049.737</t>
  </si>
  <si>
    <t>751546.0</t>
  </si>
  <si>
    <t>396686.0</t>
  </si>
  <si>
    <t>375373.0</t>
  </si>
  <si>
    <t>1083490.0</t>
  </si>
  <si>
    <t>2056.942</t>
  </si>
  <si>
    <t>755655.0</t>
  </si>
  <si>
    <t>398444.0</t>
  </si>
  <si>
    <t>379016.0</t>
  </si>
  <si>
    <t>1087183.0</t>
  </si>
  <si>
    <t>2063.953</t>
  </si>
  <si>
    <t>758252.0</t>
  </si>
  <si>
    <t>399261.0</t>
  </si>
  <si>
    <t>380927.0</t>
  </si>
  <si>
    <t>1090666.0</t>
  </si>
  <si>
    <t>2070.565</t>
  </si>
  <si>
    <t>759818.0</t>
  </si>
  <si>
    <t>399690.0</t>
  </si>
  <si>
    <t>382255.0</t>
  </si>
  <si>
    <t>1094044.0</t>
  </si>
  <si>
    <t>2076.978</t>
  </si>
  <si>
    <t>760417.0</t>
  </si>
  <si>
    <t>399724.0</t>
  </si>
  <si>
    <t>382825.0</t>
  </si>
  <si>
    <t>-10.01</t>
  </si>
  <si>
    <t>645.798838537165</t>
  </si>
  <si>
    <t>1096806.0</t>
  </si>
  <si>
    <t>2082.221</t>
  </si>
  <si>
    <t>762832.0</t>
  </si>
  <si>
    <t>400760.0</t>
  </si>
  <si>
    <t>385049.0</t>
  </si>
  <si>
    <t>1099963.0</t>
  </si>
  <si>
    <t>2088.215</t>
  </si>
  <si>
    <t>765417.0</t>
  </si>
  <si>
    <t>401644.0</t>
  </si>
  <si>
    <t>387400.0</t>
  </si>
  <si>
    <t>1103309.0</t>
  </si>
  <si>
    <t>2094.567</t>
  </si>
  <si>
    <t>767831.0</t>
  </si>
  <si>
    <t>402373.0</t>
  </si>
  <si>
    <t>389610.0</t>
  </si>
  <si>
    <t>143.98</t>
  </si>
  <si>
    <t>1106569.0</t>
  </si>
  <si>
    <t>2100.756</t>
  </si>
  <si>
    <t>770496.0</t>
  </si>
  <si>
    <t>403261.0</t>
  </si>
  <si>
    <t>392100.0</t>
  </si>
  <si>
    <t>1110077.0</t>
  </si>
  <si>
    <t>2107.416</t>
  </si>
  <si>
    <t>773225.0</t>
  </si>
  <si>
    <t>404049.0</t>
  </si>
  <si>
    <t>394589.0</t>
  </si>
  <si>
    <t>1113670.0</t>
  </si>
  <si>
    <t>2114.237</t>
  </si>
  <si>
    <t>774250.0</t>
  </si>
  <si>
    <t>404419.0</t>
  </si>
  <si>
    <t>145.18</t>
  </si>
  <si>
    <t>1117196.0</t>
  </si>
  <si>
    <t>2120.931</t>
  </si>
  <si>
    <t>774907.0</t>
  </si>
  <si>
    <t>404461.0</t>
  </si>
  <si>
    <t>396160.0</t>
  </si>
  <si>
    <t>371.7</t>
  </si>
  <si>
    <t>696.990209884623</t>
  </si>
  <si>
    <t>1119811.0</t>
  </si>
  <si>
    <t>2125.895</t>
  </si>
  <si>
    <t>777181.0</t>
  </si>
  <si>
    <t>405073.0</t>
  </si>
  <si>
    <t>398128.0</t>
  </si>
  <si>
    <t>145.73</t>
  </si>
  <si>
    <t>1122904.0</t>
  </si>
  <si>
    <t>2131.767</t>
  </si>
  <si>
    <t>778936.0</t>
  </si>
  <si>
    <t>405723.0</t>
  </si>
  <si>
    <t>399769.0</t>
  </si>
  <si>
    <t>146.06</t>
  </si>
  <si>
    <t>1126370.0</t>
  </si>
  <si>
    <t>2138.347</t>
  </si>
  <si>
    <t>780770.0</t>
  </si>
  <si>
    <t>406414.0</t>
  </si>
  <si>
    <t>401390.0</t>
  </si>
  <si>
    <t>146.41</t>
  </si>
  <si>
    <t>1129787.0</t>
  </si>
  <si>
    <t>2144.834</t>
  </si>
  <si>
    <t>782600.0</t>
  </si>
  <si>
    <t>407171.0</t>
  </si>
  <si>
    <t>403015.0</t>
  </si>
  <si>
    <t>1133384.0</t>
  </si>
  <si>
    <t>2151.663</t>
  </si>
  <si>
    <t>783983.0</t>
  </si>
  <si>
    <t>407679.0</t>
  </si>
  <si>
    <t>404213.0</t>
  </si>
  <si>
    <t>1136982.0</t>
  </si>
  <si>
    <t>2158.493</t>
  </si>
  <si>
    <t>407948.0</t>
  </si>
  <si>
    <t>404679.0</t>
  </si>
  <si>
    <t>1140272.0</t>
  </si>
  <si>
    <t>2164.739</t>
  </si>
  <si>
    <t>784729.0</t>
  </si>
  <si>
    <t>407985.0</t>
  </si>
  <si>
    <t>404760.0</t>
  </si>
  <si>
    <t>147.15</t>
  </si>
  <si>
    <t>748.181581232081</t>
  </si>
  <si>
    <t>1143094.0</t>
  </si>
  <si>
    <t>2170.097</t>
  </si>
  <si>
    <t>786015.0</t>
  </si>
  <si>
    <t>408546.0</t>
  </si>
  <si>
    <t>405578.0</t>
  </si>
  <si>
    <t>1146206.0</t>
  </si>
  <si>
    <t>2176.004</t>
  </si>
  <si>
    <t>787194.0</t>
  </si>
  <si>
    <t>409095.0</t>
  </si>
  <si>
    <t>406325.0</t>
  </si>
  <si>
    <t>1149398.0</t>
  </si>
  <si>
    <t>2182.064</t>
  </si>
  <si>
    <t>409498.0</t>
  </si>
  <si>
    <t>407154.0</t>
  </si>
  <si>
    <t>1152894.0</t>
  </si>
  <si>
    <t>2188.701</t>
  </si>
  <si>
    <t>6.637</t>
  </si>
  <si>
    <t>789540.0</t>
  </si>
  <si>
    <t>410087.0</t>
  </si>
  <si>
    <t>408010.0</t>
  </si>
  <si>
    <t>148.05</t>
  </si>
  <si>
    <t>1156019.0</t>
  </si>
  <si>
    <t>2194.634</t>
  </si>
  <si>
    <t>790833.0</t>
  </si>
  <si>
    <t>410650.0</t>
  </si>
  <si>
    <t>408885.0</t>
  </si>
  <si>
    <t>1159266.0</t>
  </si>
  <si>
    <t>2200.798</t>
  </si>
  <si>
    <t>791240.0</t>
  </si>
  <si>
    <t>410856.0</t>
  </si>
  <si>
    <t>2206.541</t>
  </si>
  <si>
    <t>5.743</t>
  </si>
  <si>
    <t>791292.0</t>
  </si>
  <si>
    <t>410884.0</t>
  </si>
  <si>
    <t>409183.0</t>
  </si>
  <si>
    <t>765.620400042754</t>
  </si>
  <si>
    <t>1164947.0</t>
  </si>
  <si>
    <t>2211.583</t>
  </si>
  <si>
    <t>792173.0</t>
  </si>
  <si>
    <t>411306.0</t>
  </si>
  <si>
    <t>409969.0</t>
  </si>
  <si>
    <t>148.54</t>
  </si>
  <si>
    <t>1168387.0</t>
  </si>
  <si>
    <t>2218.114</t>
  </si>
  <si>
    <t>793015.0</t>
  </si>
  <si>
    <t>411748.0</t>
  </si>
  <si>
    <t>410532.0</t>
  </si>
  <si>
    <t>2224.278</t>
  </si>
  <si>
    <t>793866.0</t>
  </si>
  <si>
    <t>412239.0</t>
  </si>
  <si>
    <t>411046.0</t>
  </si>
  <si>
    <t>1174898.0</t>
  </si>
  <si>
    <t>2230.475</t>
  </si>
  <si>
    <t>6.197</t>
  </si>
  <si>
    <t>794531.0</t>
  </si>
  <si>
    <t>412605.0</t>
  </si>
  <si>
    <t>411422.0</t>
  </si>
  <si>
    <t>1178309.0</t>
  </si>
  <si>
    <t>2236.95</t>
  </si>
  <si>
    <t>6.476</t>
  </si>
  <si>
    <t>412948.0</t>
  </si>
  <si>
    <t>411798.0</t>
  </si>
  <si>
    <t>149.11</t>
  </si>
  <si>
    <t>1181558.0</t>
  </si>
  <si>
    <t>2243.118</t>
  </si>
  <si>
    <t>795566.0</t>
  </si>
  <si>
    <t>413174.0</t>
  </si>
  <si>
    <t>1184836.0</t>
  </si>
  <si>
    <t>2249.341</t>
  </si>
  <si>
    <t>795649.0</t>
  </si>
  <si>
    <t>413205.0</t>
  </si>
  <si>
    <t>792.059899529902</t>
  </si>
  <si>
    <t>1187198.0</t>
  </si>
  <si>
    <t>2253.825</t>
  </si>
  <si>
    <t>796333.0</t>
  </si>
  <si>
    <t>413598.0</t>
  </si>
  <si>
    <t>412419.0</t>
  </si>
  <si>
    <t>1190315.0</t>
  </si>
  <si>
    <t>2259.743</t>
  </si>
  <si>
    <t>797017.0</t>
  </si>
  <si>
    <t>413985.0</t>
  </si>
  <si>
    <t>412767.0</t>
  </si>
  <si>
    <t>1194358.0</t>
  </si>
  <si>
    <t>2267.418</t>
  </si>
  <si>
    <t>7.675</t>
  </si>
  <si>
    <t>797562.0</t>
  </si>
  <si>
    <t>414285.0</t>
  </si>
  <si>
    <t>413041.0</t>
  </si>
  <si>
    <t>1198067.0</t>
  </si>
  <si>
    <t>2274.46</t>
  </si>
  <si>
    <t>798068.0</t>
  </si>
  <si>
    <t>414557.0</t>
  </si>
  <si>
    <t>413292.0</t>
  </si>
  <si>
    <t>1201506.0</t>
  </si>
  <si>
    <t>2280.988</t>
  </si>
  <si>
    <t>798760.0</t>
  </si>
  <si>
    <t>415003.0</t>
  </si>
  <si>
    <t>413600.0</t>
  </si>
  <si>
    <t>1204857.0</t>
  </si>
  <si>
    <t>2287.35</t>
  </si>
  <si>
    <t>6.362</t>
  </si>
  <si>
    <t>799148.0</t>
  </si>
  <si>
    <t>415210.0</t>
  </si>
  <si>
    <t>413811.0</t>
  </si>
  <si>
    <t>1208855.0</t>
  </si>
  <si>
    <t>2294.94</t>
  </si>
  <si>
    <t>799214.0</t>
  </si>
  <si>
    <t>415254.0</t>
  </si>
  <si>
    <t>413844.0</t>
  </si>
  <si>
    <t>425.7</t>
  </si>
  <si>
    <t>798.24786749498</t>
  </si>
  <si>
    <t>1211456.0</t>
  </si>
  <si>
    <t>2299.878</t>
  </si>
  <si>
    <t>800572.0</t>
  </si>
  <si>
    <t>415622.0</t>
  </si>
  <si>
    <t>414343.0</t>
  </si>
  <si>
    <t>1214525.0</t>
  </si>
  <si>
    <t>2305.704</t>
  </si>
  <si>
    <t>802042.0</t>
  </si>
  <si>
    <t>415931.0</t>
  </si>
  <si>
    <t>414798.0</t>
  </si>
  <si>
    <t>1218540.0</t>
  </si>
  <si>
    <t>2313.326</t>
  </si>
  <si>
    <t>802798.0</t>
  </si>
  <si>
    <t>416212.0</t>
  </si>
  <si>
    <t>415251.0</t>
  </si>
  <si>
    <t>1221647.0</t>
  </si>
  <si>
    <t>2319.225</t>
  </si>
  <si>
    <t>6.396</t>
  </si>
  <si>
    <t>803975.0</t>
  </si>
  <si>
    <t>416519.0</t>
  </si>
  <si>
    <t>415670.0</t>
  </si>
  <si>
    <t>1225118.0</t>
  </si>
  <si>
    <t>2325.814</t>
  </si>
  <si>
    <t>804841.0</t>
  </si>
  <si>
    <t>416863.0</t>
  </si>
  <si>
    <t>416104.0</t>
  </si>
  <si>
    <t>150.92</t>
  </si>
  <si>
    <t>1228012.0</t>
  </si>
  <si>
    <t>2331.308</t>
  </si>
  <si>
    <t>805439.0</t>
  </si>
  <si>
    <t>417009.0</t>
  </si>
  <si>
    <t>416292.0</t>
  </si>
  <si>
    <t>1231651.0</t>
  </si>
  <si>
    <t>2338.217</t>
  </si>
  <si>
    <t>805479.0</t>
  </si>
  <si>
    <t>417032.0</t>
  </si>
  <si>
    <t>416314.0</t>
  </si>
  <si>
    <t>429.2</t>
  </si>
  <si>
    <t>804.810863821577</t>
  </si>
  <si>
    <t>1234274.0</t>
  </si>
  <si>
    <t>2343.196</t>
  </si>
  <si>
    <t>806726.0</t>
  </si>
  <si>
    <t>417356.0</t>
  </si>
  <si>
    <t>1237629.0</t>
  </si>
  <si>
    <t>2349.566</t>
  </si>
  <si>
    <t>807825.0</t>
  </si>
  <si>
    <t>417684.0</t>
  </si>
  <si>
    <t>416849.0</t>
  </si>
  <si>
    <t>1241536.0</t>
  </si>
  <si>
    <t>2356.983</t>
  </si>
  <si>
    <t>808968.0</t>
  </si>
  <si>
    <t>417959.0</t>
  </si>
  <si>
    <t>417212.0</t>
  </si>
  <si>
    <t>151.69</t>
  </si>
  <si>
    <t>1245246.0</t>
  </si>
  <si>
    <t>2364.026</t>
  </si>
  <si>
    <t>810125.0</t>
  </si>
  <si>
    <t>418251.0</t>
  </si>
  <si>
    <t>417636.0</t>
  </si>
  <si>
    <t>151.91</t>
  </si>
  <si>
    <t>1248616.0</t>
  </si>
  <si>
    <t>2370.424</t>
  </si>
  <si>
    <t>6.398</t>
  </si>
  <si>
    <t>811183.0</t>
  </si>
  <si>
    <t>418618.0</t>
  </si>
  <si>
    <t>418036.0</t>
  </si>
  <si>
    <t>152.11</t>
  </si>
  <si>
    <t>1252398.0</t>
  </si>
  <si>
    <t>2377.604</t>
  </si>
  <si>
    <t>811704.0</t>
  </si>
  <si>
    <t>418730.0</t>
  </si>
  <si>
    <t>418230.0</t>
  </si>
  <si>
    <t>152.21</t>
  </si>
  <si>
    <t>1255623.0</t>
  </si>
  <si>
    <t>2383.726</t>
  </si>
  <si>
    <t>6.502</t>
  </si>
  <si>
    <t>811753.0</t>
  </si>
  <si>
    <t>418759.0</t>
  </si>
  <si>
    <t>418259.0</t>
  </si>
  <si>
    <t>815.499172124892</t>
  </si>
  <si>
    <t>1257776.0</t>
  </si>
  <si>
    <t>2387.814</t>
  </si>
  <si>
    <t>812828.0</t>
  </si>
  <si>
    <t>419152.0</t>
  </si>
  <si>
    <t>418647.0</t>
  </si>
  <si>
    <t>1260746.0</t>
  </si>
  <si>
    <t>2393.452</t>
  </si>
  <si>
    <t>813115.0</t>
  </si>
  <si>
    <t>419333.0</t>
  </si>
  <si>
    <t>418710.0</t>
  </si>
  <si>
    <t>1263503.0</t>
  </si>
  <si>
    <t>2398.686</t>
  </si>
  <si>
    <t>814067.0</t>
  </si>
  <si>
    <t>419604.0</t>
  </si>
  <si>
    <t>419078.0</t>
  </si>
  <si>
    <t>152.65</t>
  </si>
  <si>
    <t>1266657.0</t>
  </si>
  <si>
    <t>2404.674</t>
  </si>
  <si>
    <t>814957.0</t>
  </si>
  <si>
    <t>419848.0</t>
  </si>
  <si>
    <t>419398.0</t>
  </si>
  <si>
    <t>1269800.0</t>
  </si>
  <si>
    <t>2410.64</t>
  </si>
  <si>
    <t>816136.0</t>
  </si>
  <si>
    <t>420132.0</t>
  </si>
  <si>
    <t>419919.0</t>
  </si>
  <si>
    <t>1272746.0</t>
  </si>
  <si>
    <t>2416.233</t>
  </si>
  <si>
    <t>816727.0</t>
  </si>
  <si>
    <t>420211.0</t>
  </si>
  <si>
    <t>420088.0</t>
  </si>
  <si>
    <t>1275706.0</t>
  </si>
  <si>
    <t>2421.853</t>
  </si>
  <si>
    <t>816767.0</t>
  </si>
  <si>
    <t>420233.0</t>
  </si>
  <si>
    <t>420111.0</t>
  </si>
  <si>
    <t>424.4</t>
  </si>
  <si>
    <t>-17.36</t>
  </si>
  <si>
    <t>795.810183145101</t>
  </si>
  <si>
    <t>1277830.0</t>
  </si>
  <si>
    <t>2425.885</t>
  </si>
  <si>
    <t>818593.0</t>
  </si>
  <si>
    <t>420499.0</t>
  </si>
  <si>
    <t>420429.0</t>
  </si>
  <si>
    <t>1280535.0</t>
  </si>
  <si>
    <t>2431.02</t>
  </si>
  <si>
    <t>1283214.0</t>
  </si>
  <si>
    <t>2436.106</t>
  </si>
  <si>
    <t>1285965.0</t>
  </si>
  <si>
    <t>2441.329</t>
  </si>
  <si>
    <t>1288587.0</t>
  </si>
  <si>
    <t>2446.306</t>
  </si>
  <si>
    <t>1290916.0</t>
  </si>
  <si>
    <t>2450.728</t>
  </si>
  <si>
    <t>1293349.0</t>
  </si>
  <si>
    <t>2455.347</t>
  </si>
  <si>
    <t>839.125958900642</t>
  </si>
  <si>
    <t>1295106.0</t>
  </si>
  <si>
    <t>2458.682</t>
  </si>
  <si>
    <t>1296742.0</t>
  </si>
  <si>
    <t>2461.788</t>
  </si>
  <si>
    <t>1298572.0</t>
  </si>
  <si>
    <t>2465.262</t>
  </si>
  <si>
    <t>1300358.0</t>
  </si>
  <si>
    <t>2468.653</t>
  </si>
  <si>
    <t>1302240.0</t>
  </si>
  <si>
    <t>2472.226</t>
  </si>
  <si>
    <t>838419.0</t>
  </si>
  <si>
    <t>423592.0</t>
  </si>
  <si>
    <t>423445.0</t>
  </si>
  <si>
    <t>1303892.0</t>
  </si>
  <si>
    <t>2475.362</t>
  </si>
  <si>
    <t>839636.0</t>
  </si>
  <si>
    <t>423816.0</t>
  </si>
  <si>
    <t>423534.0</t>
  </si>
  <si>
    <t>1305597.0</t>
  </si>
  <si>
    <t>2478.599</t>
  </si>
  <si>
    <t>840675.0</t>
  </si>
  <si>
    <t>423849.0</t>
  </si>
  <si>
    <t>423566.0</t>
  </si>
  <si>
    <t>450.2</t>
  </si>
  <si>
    <t>844.18884178116</t>
  </si>
  <si>
    <t>1306982.0</t>
  </si>
  <si>
    <t>2481.228</t>
  </si>
  <si>
    <t>842643.0</t>
  </si>
  <si>
    <t>424134.0</t>
  </si>
  <si>
    <t>423836.0</t>
  </si>
  <si>
    <t>1308697.0</t>
  </si>
  <si>
    <t>2484.484</t>
  </si>
  <si>
    <t>844723.0</t>
  </si>
  <si>
    <t>424536.0</t>
  </si>
  <si>
    <t>424045.0</t>
  </si>
  <si>
    <t>1310598.0</t>
  </si>
  <si>
    <t>2488.093</t>
  </si>
  <si>
    <t>846671.0</t>
  </si>
  <si>
    <t>424892.0</t>
  </si>
  <si>
    <t>1312451.0</t>
  </si>
  <si>
    <t>2491.611</t>
  </si>
  <si>
    <t>848445.0</t>
  </si>
  <si>
    <t>425218.0</t>
  </si>
  <si>
    <t>424538.0</t>
  </si>
  <si>
    <t>1314473.0</t>
  </si>
  <si>
    <t>2495.449</t>
  </si>
  <si>
    <t>850536.0</t>
  </si>
  <si>
    <t>425522.0</t>
  </si>
  <si>
    <t>424867.0</t>
  </si>
  <si>
    <t>1316178.0</t>
  </si>
  <si>
    <t>2498.686</t>
  </si>
  <si>
    <t>852233.0</t>
  </si>
  <si>
    <t>425683.0</t>
  </si>
  <si>
    <t>425020.0</t>
  </si>
  <si>
    <t>1317826.0</t>
  </si>
  <si>
    <t>2501.815</t>
  </si>
  <si>
    <t>853683.0</t>
  </si>
  <si>
    <t>425719.0</t>
  </si>
  <si>
    <t>425044.0</t>
  </si>
  <si>
    <t>436.7</t>
  </si>
  <si>
    <t>818.874427378571</t>
  </si>
  <si>
    <t>1319301.0</t>
  </si>
  <si>
    <t>2504.615</t>
  </si>
  <si>
    <t>856311.0</t>
  </si>
  <si>
    <t>426203.0</t>
  </si>
  <si>
    <t>425373.0</t>
  </si>
  <si>
    <t>1321094.0</t>
  </si>
  <si>
    <t>2508.019</t>
  </si>
  <si>
    <t>858858.0</t>
  </si>
  <si>
    <t>426516.0</t>
  </si>
  <si>
    <t>425494.0</t>
  </si>
  <si>
    <t>1323043.0</t>
  </si>
  <si>
    <t>2511.719</t>
  </si>
  <si>
    <t>860910.0</t>
  </si>
  <si>
    <t>426839.0</t>
  </si>
  <si>
    <t>425734.0</t>
  </si>
  <si>
    <t>1325127.0</t>
  </si>
  <si>
    <t>2515.675</t>
  </si>
  <si>
    <t>427273.0</t>
  </si>
  <si>
    <t>425927.0</t>
  </si>
  <si>
    <t>1327250.0</t>
  </si>
  <si>
    <t>2519.706</t>
  </si>
  <si>
    <t>865419.0</t>
  </si>
  <si>
    <t>427651.0</t>
  </si>
  <si>
    <t>426181.0</t>
  </si>
  <si>
    <t>1328936.0</t>
  </si>
  <si>
    <t>2522.907</t>
  </si>
  <si>
    <t>866963.0</t>
  </si>
  <si>
    <t>427948.0</t>
  </si>
  <si>
    <t>426374.0</t>
  </si>
  <si>
    <t>1330485.0</t>
  </si>
  <si>
    <t>2525.847</t>
  </si>
  <si>
    <t>867820.0</t>
  </si>
  <si>
    <t>428042.0</t>
  </si>
  <si>
    <t>426469.0</t>
  </si>
  <si>
    <t>453.4</t>
  </si>
  <si>
    <t>850.189295565478</t>
  </si>
  <si>
    <t>1332026.0</t>
  </si>
  <si>
    <t>2528.773</t>
  </si>
  <si>
    <t>869715.0</t>
  </si>
  <si>
    <t>428415.0</t>
  </si>
  <si>
    <t>426734.0</t>
  </si>
  <si>
    <t>1333868.0</t>
  </si>
  <si>
    <t>2532.27</t>
  </si>
  <si>
    <t>871592.0</t>
  </si>
  <si>
    <t>428756.0</t>
  </si>
  <si>
    <t>427058.0</t>
  </si>
  <si>
    <t>1335655.0</t>
  </si>
  <si>
    <t>2535.662</t>
  </si>
  <si>
    <t>873859.0</t>
  </si>
  <si>
    <t>429255.0</t>
  </si>
  <si>
    <t>427483.0</t>
  </si>
  <si>
    <t>1337537.0</t>
  </si>
  <si>
    <t>2539.235</t>
  </si>
  <si>
    <t>875862.0</t>
  </si>
  <si>
    <t>429639.0</t>
  </si>
  <si>
    <t>427835.0</t>
  </si>
  <si>
    <t>1339655.0</t>
  </si>
  <si>
    <t>2543.256</t>
  </si>
  <si>
    <t>877291.0</t>
  </si>
  <si>
    <t>429972.0</t>
  </si>
  <si>
    <t>428059.0</t>
  </si>
  <si>
    <t>1341398.0</t>
  </si>
  <si>
    <t>2546.565</t>
  </si>
  <si>
    <t>878722.0</t>
  </si>
  <si>
    <t>430176.0</t>
  </si>
  <si>
    <t>428227.0</t>
  </si>
  <si>
    <t>1343062.0</t>
  </si>
  <si>
    <t>2549.724</t>
  </si>
  <si>
    <t>879909.0</t>
  </si>
  <si>
    <t>430283.0</t>
  </si>
  <si>
    <t>428333.0</t>
  </si>
  <si>
    <t>443.5</t>
  </si>
  <si>
    <t>-14.8</t>
  </si>
  <si>
    <t>831.625391670245</t>
  </si>
  <si>
    <t>2552.262</t>
  </si>
  <si>
    <t>881843.0</t>
  </si>
  <si>
    <t>430618.0</t>
  </si>
  <si>
    <t>428607.0</t>
  </si>
  <si>
    <t>1346132.0</t>
  </si>
  <si>
    <t>2555.552</t>
  </si>
  <si>
    <t>883070.0</t>
  </si>
  <si>
    <t>430954.0</t>
  </si>
  <si>
    <t>1347937.0</t>
  </si>
  <si>
    <t>2558.979</t>
  </si>
  <si>
    <t>431200.0</t>
  </si>
  <si>
    <t>428963.0</t>
  </si>
  <si>
    <t>165.83</t>
  </si>
  <si>
    <t>1349895.0</t>
  </si>
  <si>
    <t>2562.696</t>
  </si>
  <si>
    <t>885683.0</t>
  </si>
  <si>
    <t>431537.0</t>
  </si>
  <si>
    <t>429259.0</t>
  </si>
  <si>
    <t>1352075.0</t>
  </si>
  <si>
    <t>2566.835</t>
  </si>
  <si>
    <t>886762.0</t>
  </si>
  <si>
    <t>431810.0</t>
  </si>
  <si>
    <t>429475.0</t>
  </si>
  <si>
    <t>1353866.0</t>
  </si>
  <si>
    <t>2570.235</t>
  </si>
  <si>
    <t>888337.0</t>
  </si>
  <si>
    <t>429562.0</t>
  </si>
  <si>
    <t>1355645.0</t>
  </si>
  <si>
    <t>2573.612</t>
  </si>
  <si>
    <t>888880.0</t>
  </si>
  <si>
    <t>431991.0</t>
  </si>
  <si>
    <t>429588.0</t>
  </si>
  <si>
    <t>840.813586527481</t>
  </si>
  <si>
    <t>1357122.0</t>
  </si>
  <si>
    <t>2576.416</t>
  </si>
  <si>
    <t>892243.0</t>
  </si>
  <si>
    <t>432222.0</t>
  </si>
  <si>
    <t>429752.0</t>
  </si>
  <si>
    <t>1358998.0</t>
  </si>
  <si>
    <t>2579.978</t>
  </si>
  <si>
    <t>895343.0</t>
  </si>
  <si>
    <t>432444.0</t>
  </si>
  <si>
    <t>429900.0</t>
  </si>
  <si>
    <t>2583.689</t>
  </si>
  <si>
    <t>898248.0</t>
  </si>
  <si>
    <t>432618.0</t>
  </si>
  <si>
    <t>430078.0</t>
  </si>
  <si>
    <t>1363010.0</t>
  </si>
  <si>
    <t>2587.594</t>
  </si>
  <si>
    <t>901238.0</t>
  </si>
  <si>
    <t>432813.0</t>
  </si>
  <si>
    <t>430239.0</t>
  </si>
  <si>
    <t>168.99</t>
  </si>
  <si>
    <t>1365205.0</t>
  </si>
  <si>
    <t>2591.761</t>
  </si>
  <si>
    <t>903363.0</t>
  </si>
  <si>
    <t>430414.0</t>
  </si>
  <si>
    <t>169.39</t>
  </si>
  <si>
    <t>1366965.0</t>
  </si>
  <si>
    <t>2595.102</t>
  </si>
  <si>
    <t>906453.0</t>
  </si>
  <si>
    <t>433146.0</t>
  </si>
  <si>
    <t>430576.0</t>
  </si>
  <si>
    <t>169.97</t>
  </si>
  <si>
    <t>1368899.0</t>
  </si>
  <si>
    <t>2598.774</t>
  </si>
  <si>
    <t>908687.0</t>
  </si>
  <si>
    <t>433207.0</t>
  </si>
  <si>
    <t>430616.0</t>
  </si>
  <si>
    <t>1370520.0</t>
  </si>
  <si>
    <t>2601.851</t>
  </si>
  <si>
    <t>911620.0</t>
  </si>
  <si>
    <t>433527.0</t>
  </si>
  <si>
    <t>430830.0</t>
  </si>
  <si>
    <t>1372664.0</t>
  </si>
  <si>
    <t>2605.922</t>
  </si>
  <si>
    <t>433831.0</t>
  </si>
  <si>
    <t>430968.0</t>
  </si>
  <si>
    <t>171.57</t>
  </si>
  <si>
    <t>1374704.0</t>
  </si>
  <si>
    <t>2609.794</t>
  </si>
  <si>
    <t>918309.0</t>
  </si>
  <si>
    <t>434018.0</t>
  </si>
  <si>
    <t>431118.0</t>
  </si>
  <si>
    <t>1377183.0</t>
  </si>
  <si>
    <t>2614.501</t>
  </si>
  <si>
    <t>921147.0</t>
  </si>
  <si>
    <t>434155.0</t>
  </si>
  <si>
    <t>431166.0</t>
  </si>
  <si>
    <t>1379738.0</t>
  </si>
  <si>
    <t>2619.351</t>
  </si>
  <si>
    <t>924089.0</t>
  </si>
  <si>
    <t>434315.0</t>
  </si>
  <si>
    <t>431232.0</t>
  </si>
  <si>
    <t>173.28</t>
  </si>
  <si>
    <t>1381806.0</t>
  </si>
  <si>
    <t>2623.277</t>
  </si>
  <si>
    <t>927127.0</t>
  </si>
  <si>
    <t>434531.0</t>
  </si>
  <si>
    <t>431384.0</t>
  </si>
  <si>
    <t>1383858.0</t>
  </si>
  <si>
    <t>2627.173</t>
  </si>
  <si>
    <t>434581.0</t>
  </si>
  <si>
    <t>431409.0</t>
  </si>
  <si>
    <t>854.314607542196</t>
  </si>
  <si>
    <t>1385822.0</t>
  </si>
  <si>
    <t>2630.901</t>
  </si>
  <si>
    <t>933791.0</t>
  </si>
  <si>
    <t>434843.0</t>
  </si>
  <si>
    <t>431505.0</t>
  </si>
  <si>
    <t>1388396.0</t>
  </si>
  <si>
    <t>2635.788</t>
  </si>
  <si>
    <t>936815.0</t>
  </si>
  <si>
    <t>434973.0</t>
  </si>
  <si>
    <t>431580.0</t>
  </si>
  <si>
    <t>1391295.0</t>
  </si>
  <si>
    <t>2641.291</t>
  </si>
  <si>
    <t>939732.0</t>
  </si>
  <si>
    <t>435135.0</t>
  </si>
  <si>
    <t>1394004.0</t>
  </si>
  <si>
    <t>2646.434</t>
  </si>
  <si>
    <t>942729.0</t>
  </si>
  <si>
    <t>435265.0</t>
  </si>
  <si>
    <t>431784.0</t>
  </si>
  <si>
    <t>176.78</t>
  </si>
  <si>
    <t>1396567.0</t>
  </si>
  <si>
    <t>2651.3</t>
  </si>
  <si>
    <t>945882.0</t>
  </si>
  <si>
    <t>435394.0</t>
  </si>
  <si>
    <t>431926.0</t>
  </si>
  <si>
    <t>2656.519</t>
  </si>
  <si>
    <t>949337.0</t>
  </si>
  <si>
    <t>435529.0</t>
  </si>
  <si>
    <t>432097.0</t>
  </si>
  <si>
    <t>178.01</t>
  </si>
  <si>
    <t>1401792.0</t>
  </si>
  <si>
    <t>2661.219</t>
  </si>
  <si>
    <t>952809.0</t>
  </si>
  <si>
    <t>435573.0</t>
  </si>
  <si>
    <t>432125.0</t>
  </si>
  <si>
    <t>178.67</t>
  </si>
  <si>
    <t>466.5</t>
  </si>
  <si>
    <t>874.753653245027</t>
  </si>
  <si>
    <t>1403921.0</t>
  </si>
  <si>
    <t>2665.261</t>
  </si>
  <si>
    <t>956338.0</t>
  </si>
  <si>
    <t>435713.0</t>
  </si>
  <si>
    <t>432253.0</t>
  </si>
  <si>
    <t>179.33</t>
  </si>
  <si>
    <t>1406208.0</t>
  </si>
  <si>
    <t>2669.603</t>
  </si>
  <si>
    <t>959906.0</t>
  </si>
  <si>
    <t>435775.0</t>
  </si>
  <si>
    <t>432343.0</t>
  </si>
  <si>
    <t>1408926.0</t>
  </si>
  <si>
    <t>2674.763</t>
  </si>
  <si>
    <t>962678.0</t>
  </si>
  <si>
    <t>435827.0</t>
  </si>
  <si>
    <t>432421.0</t>
  </si>
  <si>
    <t>1411639.0</t>
  </si>
  <si>
    <t>2679.913</t>
  </si>
  <si>
    <t>965802.0</t>
  </si>
  <si>
    <t>435869.0</t>
  </si>
  <si>
    <t>432477.0</t>
  </si>
  <si>
    <t>1414893.0</t>
  </si>
  <si>
    <t>2686.091</t>
  </si>
  <si>
    <t>6.178</t>
  </si>
  <si>
    <t>968248.0</t>
  </si>
  <si>
    <t>435937.0</t>
  </si>
  <si>
    <t>1417583.0</t>
  </si>
  <si>
    <t>2691.198</t>
  </si>
  <si>
    <t>971433.0</t>
  </si>
  <si>
    <t>436044.0</t>
  </si>
  <si>
    <t>432844.0</t>
  </si>
  <si>
    <t>182.16</t>
  </si>
  <si>
    <t>1420519.0</t>
  </si>
  <si>
    <t>2696.772</t>
  </si>
  <si>
    <t>974618.0</t>
  </si>
  <si>
    <t>436151.0</t>
  </si>
  <si>
    <t>432959.0</t>
  </si>
  <si>
    <t>182.75</t>
  </si>
  <si>
    <t>883.191791379223</t>
  </si>
  <si>
    <t>1422812.0</t>
  </si>
  <si>
    <t>2701.125</t>
  </si>
  <si>
    <t>977631.0</t>
  </si>
  <si>
    <t>436215.0</t>
  </si>
  <si>
    <t>433209.0</t>
  </si>
  <si>
    <t>183.32</t>
  </si>
  <si>
    <t>1425599.0</t>
  </si>
  <si>
    <t>2706.416</t>
  </si>
  <si>
    <t>978775.0</t>
  </si>
  <si>
    <t>436486.0</t>
  </si>
  <si>
    <t>433265.0</t>
  </si>
  <si>
    <t>1429002.0</t>
  </si>
  <si>
    <t>2712.876</t>
  </si>
  <si>
    <t>981712.0</t>
  </si>
  <si>
    <t>436574.0</t>
  </si>
  <si>
    <t>433427.0</t>
  </si>
  <si>
    <t>184.08</t>
  </si>
  <si>
    <t>1432212.0</t>
  </si>
  <si>
    <t>2718.97</t>
  </si>
  <si>
    <t>984895.0</t>
  </si>
  <si>
    <t>436698.0</t>
  </si>
  <si>
    <t>433561.0</t>
  </si>
  <si>
    <t>1435726.0</t>
  </si>
  <si>
    <t>2725.641</t>
  </si>
  <si>
    <t>988115.0</t>
  </si>
  <si>
    <t>436791.0</t>
  </si>
  <si>
    <t>433718.0</t>
  </si>
  <si>
    <t>185.29</t>
  </si>
  <si>
    <t>1439023.0</t>
  </si>
  <si>
    <t>2731.9</t>
  </si>
  <si>
    <t>990949.0</t>
  </si>
  <si>
    <t>436913.0</t>
  </si>
  <si>
    <t>433866.0</t>
  </si>
  <si>
    <t>1441878.0</t>
  </si>
  <si>
    <t>2737.32</t>
  </si>
  <si>
    <t>993372.0</t>
  </si>
  <si>
    <t>436968.0</t>
  </si>
  <si>
    <t>433953.0</t>
  </si>
  <si>
    <t>186.27</t>
  </si>
  <si>
    <t>473.3</t>
  </si>
  <si>
    <t>887.504617536702</t>
  </si>
  <si>
    <t>1444590.0</t>
  </si>
  <si>
    <t>2742.469</t>
  </si>
  <si>
    <t>997459.0</t>
  </si>
  <si>
    <t>437038.0</t>
  </si>
  <si>
    <t>434080.0</t>
  </si>
  <si>
    <t>187.04</t>
  </si>
  <si>
    <t>1447690.0</t>
  </si>
  <si>
    <t>2748.354</t>
  </si>
  <si>
    <t>1000324.0</t>
  </si>
  <si>
    <t>437219.0</t>
  </si>
  <si>
    <t>434230.0</t>
  </si>
  <si>
    <t>1450909.0</t>
  </si>
  <si>
    <t>2754.465</t>
  </si>
  <si>
    <t>1002643.0</t>
  </si>
  <si>
    <t>437396.0</t>
  </si>
  <si>
    <t>434334.0</t>
  </si>
  <si>
    <t>1454602.0</t>
  </si>
  <si>
    <t>2761.476</t>
  </si>
  <si>
    <t>1005114.0</t>
  </si>
  <si>
    <t>437589.0</t>
  </si>
  <si>
    <t>434403.0</t>
  </si>
  <si>
    <t>1459232.0</t>
  </si>
  <si>
    <t>2770.266</t>
  </si>
  <si>
    <t>437712.0</t>
  </si>
  <si>
    <t>434501.0</t>
  </si>
  <si>
    <t>188.87</t>
  </si>
  <si>
    <t>1463897.0</t>
  </si>
  <si>
    <t>2779.122</t>
  </si>
  <si>
    <t>8.856</t>
  </si>
  <si>
    <t>1009968.0</t>
  </si>
  <si>
    <t>437861.0</t>
  </si>
  <si>
    <t>434596.0</t>
  </si>
  <si>
    <t>189.38</t>
  </si>
  <si>
    <t>1468833.0</t>
  </si>
  <si>
    <t>2788.493</t>
  </si>
  <si>
    <t>7.311</t>
  </si>
  <si>
    <t>1012731.0</t>
  </si>
  <si>
    <t>437988.0</t>
  </si>
  <si>
    <t>434679.0</t>
  </si>
  <si>
    <t>484.6</t>
  </si>
  <si>
    <t>908.693719962573</t>
  </si>
  <si>
    <t>1472819.0</t>
  </si>
  <si>
    <t>2796.06</t>
  </si>
  <si>
    <t>1016374.0</t>
  </si>
  <si>
    <t>438483.0</t>
  </si>
  <si>
    <t>434835.0</t>
  </si>
  <si>
    <t>1478005.0</t>
  </si>
  <si>
    <t>2805.905</t>
  </si>
  <si>
    <t>8.222</t>
  </si>
  <si>
    <t>1019517.0</t>
  </si>
  <si>
    <t>438969.0</t>
  </si>
  <si>
    <t>434898.0</t>
  </si>
  <si>
    <t>1483866.0</t>
  </si>
  <si>
    <t>2817.032</t>
  </si>
  <si>
    <t>8.938</t>
  </si>
  <si>
    <t>1023476.0</t>
  </si>
  <si>
    <t>439572.0</t>
  </si>
  <si>
    <t>434983.0</t>
  </si>
  <si>
    <t>191.92</t>
  </si>
  <si>
    <t>1490918.0</t>
  </si>
  <si>
    <t>2830.42</t>
  </si>
  <si>
    <t>1027903.0</t>
  </si>
  <si>
    <t>440261.0</t>
  </si>
  <si>
    <t>435080.0</t>
  </si>
  <si>
    <t>1498873.0</t>
  </si>
  <si>
    <t>2845.522</t>
  </si>
  <si>
    <t>1030496.0</t>
  </si>
  <si>
    <t>440425.0</t>
  </si>
  <si>
    <t>435168.0</t>
  </si>
  <si>
    <t>1506159.0</t>
  </si>
  <si>
    <t>2859.354</t>
  </si>
  <si>
    <t>1031293.0</t>
  </si>
  <si>
    <t>440447.0</t>
  </si>
  <si>
    <t>435182.0</t>
  </si>
  <si>
    <t>1510540.0</t>
  </si>
  <si>
    <t>2867.671</t>
  </si>
  <si>
    <t>8.317</t>
  </si>
  <si>
    <t>1033533.0</t>
  </si>
  <si>
    <t>440514.0</t>
  </si>
  <si>
    <t>517.1</t>
  </si>
  <si>
    <t>969.635828709547</t>
  </si>
  <si>
    <t>1516709.0</t>
  </si>
  <si>
    <t>2879.383</t>
  </si>
  <si>
    <t>11.903</t>
  </si>
  <si>
    <t>1043069.0</t>
  </si>
  <si>
    <t>441288.0</t>
  </si>
  <si>
    <t>435397.0</t>
  </si>
  <si>
    <t>1524713.0</t>
  </si>
  <si>
    <t>2894.578</t>
  </si>
  <si>
    <t>12.668</t>
  </si>
  <si>
    <t>1052035.0</t>
  </si>
  <si>
    <t>442309.0</t>
  </si>
  <si>
    <t>435508.0</t>
  </si>
  <si>
    <t>197.27</t>
  </si>
  <si>
    <t>1532823.0</t>
  </si>
  <si>
    <t>2909.974</t>
  </si>
  <si>
    <t>15.396</t>
  </si>
  <si>
    <t>1060424.0</t>
  </si>
  <si>
    <t>443372.0</t>
  </si>
  <si>
    <t>1541013.0</t>
  </si>
  <si>
    <t>2925.522</t>
  </si>
  <si>
    <t>15.548</t>
  </si>
  <si>
    <t>1068765.0</t>
  </si>
  <si>
    <t>444418.0</t>
  </si>
  <si>
    <t>435772.0</t>
  </si>
  <si>
    <t>200.41</t>
  </si>
  <si>
    <t>1548862.0</t>
  </si>
  <si>
    <t>2940.423</t>
  </si>
  <si>
    <t>1072274.0</t>
  </si>
  <si>
    <t>444615.0</t>
  </si>
  <si>
    <t>435874.0</t>
  </si>
  <si>
    <t>1555394.0</t>
  </si>
  <si>
    <t>2952.824</t>
  </si>
  <si>
    <t>12.401</t>
  </si>
  <si>
    <t>13.354</t>
  </si>
  <si>
    <t>1073046.0</t>
  </si>
  <si>
    <t>444637.0</t>
  </si>
  <si>
    <t>435896.0</t>
  </si>
  <si>
    <t>1560021.0</t>
  </si>
  <si>
    <t>2961.608</t>
  </si>
  <si>
    <t>1075996.0</t>
  </si>
  <si>
    <t>444766.0</t>
  </si>
  <si>
    <t>436002.0</t>
  </si>
  <si>
    <t>516.2</t>
  </si>
  <si>
    <t>967.948201082707</t>
  </si>
  <si>
    <t>228.767</t>
  </si>
  <si>
    <t>1566379.0</t>
  </si>
  <si>
    <t>2973.678</t>
  </si>
  <si>
    <t>1086374.0</t>
  </si>
  <si>
    <t>436190.0</t>
  </si>
  <si>
    <t>203.71</t>
  </si>
  <si>
    <t>1574317.0</t>
  </si>
  <si>
    <t>2988.748</t>
  </si>
  <si>
    <t>13.452</t>
  </si>
  <si>
    <t>1097030.0</t>
  </si>
  <si>
    <t>446694.0</t>
  </si>
  <si>
    <t>436343.0</t>
  </si>
  <si>
    <t>205.71</t>
  </si>
  <si>
    <t>1581051.0</t>
  </si>
  <si>
    <t>3001.532</t>
  </si>
  <si>
    <t>1106647.0</t>
  </si>
  <si>
    <t>447717.0</t>
  </si>
  <si>
    <t>436529.0</t>
  </si>
  <si>
    <t>207.51</t>
  </si>
  <si>
    <t>1588051.0</t>
  </si>
  <si>
    <t>3014.821</t>
  </si>
  <si>
    <t>13.289</t>
  </si>
  <si>
    <t>1114588.0</t>
  </si>
  <si>
    <t>448573.0</t>
  </si>
  <si>
    <t>436685.0</t>
  </si>
  <si>
    <t>1594662.0</t>
  </si>
  <si>
    <t>3027.372</t>
  </si>
  <si>
    <t>1123023.0</t>
  </si>
  <si>
    <t>449618.0</t>
  </si>
  <si>
    <t>436885.0</t>
  </si>
  <si>
    <t>1600995.0</t>
  </si>
  <si>
    <t>3039.395</t>
  </si>
  <si>
    <t>12.023</t>
  </si>
  <si>
    <t>12.366</t>
  </si>
  <si>
    <t>1128125.0</t>
  </si>
  <si>
    <t>449879.0</t>
  </si>
  <si>
    <t>14754.0</t>
  </si>
  <si>
    <t>1606603.0</t>
  </si>
  <si>
    <t>3050.041</t>
  </si>
  <si>
    <t>1133334.0</t>
  </si>
  <si>
    <t>450479.0</t>
  </si>
  <si>
    <t>437275.0</t>
  </si>
  <si>
    <t>508.7</t>
  </si>
  <si>
    <t>953.884637525713</t>
  </si>
  <si>
    <t>1611779.0</t>
  </si>
  <si>
    <t>3059.867</t>
  </si>
  <si>
    <t>9.826</t>
  </si>
  <si>
    <t>1139366.0</t>
  </si>
  <si>
    <t>451262.0</t>
  </si>
  <si>
    <t>437702.0</t>
  </si>
  <si>
    <t>1616597.0</t>
  </si>
  <si>
    <t>3069.014</t>
  </si>
  <si>
    <t>1146466.0</t>
  </si>
  <si>
    <t>452239.0</t>
  </si>
  <si>
    <t>438272.0</t>
  </si>
  <si>
    <t>3077.872</t>
  </si>
  <si>
    <t>8.858</t>
  </si>
  <si>
    <t>1152980.0</t>
  </si>
  <si>
    <t>453310.0</t>
  </si>
  <si>
    <t>438922.0</t>
  </si>
  <si>
    <t>1625617.0</t>
  </si>
  <si>
    <t>3086.138</t>
  </si>
  <si>
    <t>1159050.0</t>
  </si>
  <si>
    <t>454261.0</t>
  </si>
  <si>
    <t>439536.0</t>
  </si>
  <si>
    <t>1629983.0</t>
  </si>
  <si>
    <t>3094.427</t>
  </si>
  <si>
    <t>1165421.0</t>
  </si>
  <si>
    <t>455284.0</t>
  </si>
  <si>
    <t>439786.0</t>
  </si>
  <si>
    <t>1634368.0</t>
  </si>
  <si>
    <t>3102.751</t>
  </si>
  <si>
    <t>1168755.0</t>
  </si>
  <si>
    <t>455987.0</t>
  </si>
  <si>
    <t>439956.0</t>
  </si>
  <si>
    <t>1638140.0</t>
  </si>
  <si>
    <t>3109.912</t>
  </si>
  <si>
    <t>1170747.0</t>
  </si>
  <si>
    <t>456454.0</t>
  </si>
  <si>
    <t>440085.0</t>
  </si>
  <si>
    <t>507.2</t>
  </si>
  <si>
    <t>951.071924814315</t>
  </si>
  <si>
    <t>1641560.0</t>
  </si>
  <si>
    <t>3116.405</t>
  </si>
  <si>
    <t>1175136.0</t>
  </si>
  <si>
    <t>457091.0</t>
  </si>
  <si>
    <t>440816.0</t>
  </si>
  <si>
    <t>1645671.0</t>
  </si>
  <si>
    <t>3124.209</t>
  </si>
  <si>
    <t>1179961.0</t>
  </si>
  <si>
    <t>457825.0</t>
  </si>
  <si>
    <t>441886.0</t>
  </si>
  <si>
    <t>221.26</t>
  </si>
  <si>
    <t>1649386.0</t>
  </si>
  <si>
    <t>3131.262</t>
  </si>
  <si>
    <t>7.628</t>
  </si>
  <si>
    <t>1184262.0</t>
  </si>
  <si>
    <t>458548.0</t>
  </si>
  <si>
    <t>442881.0</t>
  </si>
  <si>
    <t>1652979.0</t>
  </si>
  <si>
    <t>3138.083</t>
  </si>
  <si>
    <t>7.421</t>
  </si>
  <si>
    <t>1188150.0</t>
  </si>
  <si>
    <t>459230.0</t>
  </si>
  <si>
    <t>1656696.0</t>
  </si>
  <si>
    <t>3145.14</t>
  </si>
  <si>
    <t>1191768.0</t>
  </si>
  <si>
    <t>460002.0</t>
  </si>
  <si>
    <t>444336.0</t>
  </si>
  <si>
    <t>1660251.0</t>
  </si>
  <si>
    <t>3151.889</t>
  </si>
  <si>
    <t>1193682.0</t>
  </si>
  <si>
    <t>460650.0</t>
  </si>
  <si>
    <t>444678.0</t>
  </si>
  <si>
    <t>1663364.0</t>
  </si>
  <si>
    <t>3157.798</t>
  </si>
  <si>
    <t>1195041.0</t>
  </si>
  <si>
    <t>444974.0</t>
  </si>
  <si>
    <t>524.1</t>
  </si>
  <si>
    <t>982.761821362741</t>
  </si>
  <si>
    <t>1666273.0</t>
  </si>
  <si>
    <t>3163.321</t>
  </si>
  <si>
    <t>1198156.0</t>
  </si>
  <si>
    <t>461743.0</t>
  </si>
  <si>
    <t>445958.0</t>
  </si>
  <si>
    <t>1669307.0</t>
  </si>
  <si>
    <t>3169.081</t>
  </si>
  <si>
    <t>1201389.0</t>
  </si>
  <si>
    <t>462372.0</t>
  </si>
  <si>
    <t>446933.0</t>
  </si>
  <si>
    <t>3174.818</t>
  </si>
  <si>
    <t>1204550.0</t>
  </si>
  <si>
    <t>462758.0</t>
  </si>
  <si>
    <t>447864.0</t>
  </si>
  <si>
    <t>1675687.0</t>
  </si>
  <si>
    <t>3181.193</t>
  </si>
  <si>
    <t>1206841.0</t>
  </si>
  <si>
    <t>463231.0</t>
  </si>
  <si>
    <t>448776.0</t>
  </si>
  <si>
    <t>1678499.0</t>
  </si>
  <si>
    <t>3186.531</t>
  </si>
  <si>
    <t>1208617.0</t>
  </si>
  <si>
    <t>463518.0</t>
  </si>
  <si>
    <t>449539.0</t>
  </si>
  <si>
    <t>1681452.0</t>
  </si>
  <si>
    <t>3192.137</t>
  </si>
  <si>
    <t>463818.0</t>
  </si>
  <si>
    <t>449861.0</t>
  </si>
  <si>
    <t>1684059.0</t>
  </si>
  <si>
    <t>3197.087</t>
  </si>
  <si>
    <t>1210946.0</t>
  </si>
  <si>
    <t>464023.0</t>
  </si>
  <si>
    <t>450420.0</t>
  </si>
  <si>
    <t>227.07</t>
  </si>
  <si>
    <t>549.4</t>
  </si>
  <si>
    <t>1030.202909095</t>
  </si>
  <si>
    <t>1686534.0</t>
  </si>
  <si>
    <t>3201.785</t>
  </si>
  <si>
    <t>1213371.0</t>
  </si>
  <si>
    <t>464435.0</t>
  </si>
  <si>
    <t>451231.0</t>
  </si>
  <si>
    <t>1688991.0</t>
  </si>
  <si>
    <t>3206.45</t>
  </si>
  <si>
    <t>1215228.0</t>
  </si>
  <si>
    <t>464756.0</t>
  </si>
  <si>
    <t>452026.0</t>
  </si>
  <si>
    <t>1691625.0</t>
  </si>
  <si>
    <t>3211.45</t>
  </si>
  <si>
    <t>1216897.0</t>
  </si>
  <si>
    <t>464992.0</t>
  </si>
  <si>
    <t>452847.0</t>
  </si>
  <si>
    <t>1694008.0</t>
  </si>
  <si>
    <t>3215.974</t>
  </si>
  <si>
    <t>1218503.0</t>
  </si>
  <si>
    <t>465199.0</t>
  </si>
  <si>
    <t>453690.0</t>
  </si>
  <si>
    <t>1696546.0</t>
  </si>
  <si>
    <t>3220.792</t>
  </si>
  <si>
    <t>1220359.0</t>
  </si>
  <si>
    <t>454638.0</t>
  </si>
  <si>
    <t>228.83</t>
  </si>
  <si>
    <t>1698643.0</t>
  </si>
  <si>
    <t>3224.774</t>
  </si>
  <si>
    <t>1221565.0</t>
  </si>
  <si>
    <t>465676.0</t>
  </si>
  <si>
    <t>455256.0</t>
  </si>
  <si>
    <t>229.06</t>
  </si>
  <si>
    <t>1700824.0</t>
  </si>
  <si>
    <t>3228.914</t>
  </si>
  <si>
    <t>1222529.0</t>
  </si>
  <si>
    <t>465863.0</t>
  </si>
  <si>
    <t>455743.0</t>
  </si>
  <si>
    <t>229.24</t>
  </si>
  <si>
    <t>1063.39291908951</t>
  </si>
  <si>
    <t>1702683.0</t>
  </si>
  <si>
    <t>3232.443</t>
  </si>
  <si>
    <t>1223793.0</t>
  </si>
  <si>
    <t>466097.0</t>
  </si>
  <si>
    <t>456127.0</t>
  </si>
  <si>
    <t>229.48</t>
  </si>
  <si>
    <t>1704824.0</t>
  </si>
  <si>
    <t>3236.508</t>
  </si>
  <si>
    <t>466466.0</t>
  </si>
  <si>
    <t>456521.0</t>
  </si>
  <si>
    <t>229.73</t>
  </si>
  <si>
    <t>1706810.0</t>
  </si>
  <si>
    <t>3240.278</t>
  </si>
  <si>
    <t>1226227.0</t>
  </si>
  <si>
    <t>466710.0</t>
  </si>
  <si>
    <t>456854.0</t>
  </si>
  <si>
    <t>1708799.0</t>
  </si>
  <si>
    <t>3244.054</t>
  </si>
  <si>
    <t>1227416.0</t>
  </si>
  <si>
    <t>466956.0</t>
  </si>
  <si>
    <t>457408.0</t>
  </si>
  <si>
    <t>1710457.0</t>
  </si>
  <si>
    <t>3247.202</t>
  </si>
  <si>
    <t>1228924.0</t>
  </si>
  <si>
    <t>467365.0</t>
  </si>
  <si>
    <t>457926.0</t>
  </si>
  <si>
    <t>230.44</t>
  </si>
  <si>
    <t>1712265.0</t>
  </si>
  <si>
    <t>3250.634</t>
  </si>
  <si>
    <t>1230442.0</t>
  </si>
  <si>
    <t>467574.0</t>
  </si>
  <si>
    <t>458891.0</t>
  </si>
  <si>
    <t>52.315</t>
  </si>
  <si>
    <t>1714242.0</t>
  </si>
  <si>
    <t>3254.387</t>
  </si>
  <si>
    <t>1231182.0</t>
  </si>
  <si>
    <t>467717.0</t>
  </si>
  <si>
    <t>459278.0</t>
  </si>
  <si>
    <t>586.6</t>
  </si>
  <si>
    <t>1099.95818433769</t>
  </si>
  <si>
    <t>1715921.0</t>
  </si>
  <si>
    <t>3257.575</t>
  </si>
  <si>
    <t>1232438.0</t>
  </si>
  <si>
    <t>467977.0</t>
  </si>
  <si>
    <t>459742.0</t>
  </si>
  <si>
    <t>1717839.0</t>
  </si>
  <si>
    <t>3261.216</t>
  </si>
  <si>
    <t>1233343.0</t>
  </si>
  <si>
    <t>468132.0</t>
  </si>
  <si>
    <t>460052.0</t>
  </si>
  <si>
    <t>1719901.0</t>
  </si>
  <si>
    <t>3265.131</t>
  </si>
  <si>
    <t>1233948.0</t>
  </si>
  <si>
    <t>468231.0</t>
  </si>
  <si>
    <t>460250.0</t>
  </si>
  <si>
    <t>231.38</t>
  </si>
  <si>
    <t>1721571.0</t>
  </si>
  <si>
    <t>3268.301</t>
  </si>
  <si>
    <t>1234688.0</t>
  </si>
  <si>
    <t>468497.0</t>
  </si>
  <si>
    <t>460390.0</t>
  </si>
  <si>
    <t>1723258.0</t>
  </si>
  <si>
    <t>3271.504</t>
  </si>
  <si>
    <t>1235470.0</t>
  </si>
  <si>
    <t>468633.0</t>
  </si>
  <si>
    <t>460652.0</t>
  </si>
  <si>
    <t>1724914.0</t>
  </si>
  <si>
    <t>3274.647</t>
  </si>
  <si>
    <t>1236598.0</t>
  </si>
  <si>
    <t>468790.0</t>
  </si>
  <si>
    <t>461339.0</t>
  </si>
  <si>
    <t>1726537.0</t>
  </si>
  <si>
    <t>3277.729</t>
  </si>
  <si>
    <t>1237194.0</t>
  </si>
  <si>
    <t>468914.0</t>
  </si>
  <si>
    <t>461593.0</t>
  </si>
  <si>
    <t>231.99</t>
  </si>
  <si>
    <t>599.3</t>
  </si>
  <si>
    <t>1123.7724852942</t>
  </si>
  <si>
    <t>1728032.0</t>
  </si>
  <si>
    <t>3280.567</t>
  </si>
  <si>
    <t>1238187.0</t>
  </si>
  <si>
    <t>469201.0</t>
  </si>
  <si>
    <t>461846.0</t>
  </si>
  <si>
    <t>1729904.0</t>
  </si>
  <si>
    <t>3284.121</t>
  </si>
  <si>
    <t>1238926.0</t>
  </si>
  <si>
    <t>469456.0</t>
  </si>
  <si>
    <t>462015.0</t>
  </si>
  <si>
    <t>1731636.0</t>
  </si>
  <si>
    <t>3287.409</t>
  </si>
  <si>
    <t>1239631.0</t>
  </si>
  <si>
    <t>469699.0</t>
  </si>
  <si>
    <t>462190.0</t>
  </si>
  <si>
    <t>1733385.0</t>
  </si>
  <si>
    <t>3290.729</t>
  </si>
  <si>
    <t>1240316.0</t>
  </si>
  <si>
    <t>469936.0</t>
  </si>
  <si>
    <t>462350.0</t>
  </si>
  <si>
    <t>1735023.0</t>
  </si>
  <si>
    <t>3293.839</t>
  </si>
  <si>
    <t>1240944.0</t>
  </si>
  <si>
    <t>470110.0</t>
  </si>
  <si>
    <t>462513.0</t>
  </si>
  <si>
    <t>232.69</t>
  </si>
  <si>
    <t>1736661.0</t>
  </si>
  <si>
    <t>3296.948</t>
  </si>
  <si>
    <t>1241680.0</t>
  </si>
  <si>
    <t>470297.0</t>
  </si>
  <si>
    <t>462807.0</t>
  </si>
  <si>
    <t>1738128.0</t>
  </si>
  <si>
    <t>3299.733</t>
  </si>
  <si>
    <t>1242239.0</t>
  </si>
  <si>
    <t>470445.0</t>
  </si>
  <si>
    <t>463027.0</t>
  </si>
  <si>
    <t>232.94</t>
  </si>
  <si>
    <t>581.8</t>
  </si>
  <si>
    <t>-18.13</t>
  </si>
  <si>
    <t>1090.95750366121</t>
  </si>
  <si>
    <t>1739475.0</t>
  </si>
  <si>
    <t>3302.291</t>
  </si>
  <si>
    <t>1242888.0</t>
  </si>
  <si>
    <t>470596.0</t>
  </si>
  <si>
    <t>463183.0</t>
  </si>
  <si>
    <t>233.06</t>
  </si>
  <si>
    <t>1741089.0</t>
  </si>
  <si>
    <t>3305.355</t>
  </si>
  <si>
    <t>1243528.0</t>
  </si>
  <si>
    <t>470769.0</t>
  </si>
  <si>
    <t>463323.0</t>
  </si>
  <si>
    <t>233.18</t>
  </si>
  <si>
    <t>1742934.0</t>
  </si>
  <si>
    <t>3308.857</t>
  </si>
  <si>
    <t>1243973.0</t>
  </si>
  <si>
    <t>470870.0</t>
  </si>
  <si>
    <t>463424.0</t>
  </si>
  <si>
    <t>233.26</t>
  </si>
  <si>
    <t>1744555.0</t>
  </si>
  <si>
    <t>3311.935</t>
  </si>
  <si>
    <t>1244469.0</t>
  </si>
  <si>
    <t>470987.0</t>
  </si>
  <si>
    <t>463527.0</t>
  </si>
  <si>
    <t>1746199.0</t>
  </si>
  <si>
    <t>3315.056</t>
  </si>
  <si>
    <t>1245089.0</t>
  </si>
  <si>
    <t>471178.0</t>
  </si>
  <si>
    <t>463636.0</t>
  </si>
  <si>
    <t>233.47</t>
  </si>
  <si>
    <t>1747773.0</t>
  </si>
  <si>
    <t>3318.044</t>
  </si>
  <si>
    <t>1245686.0</t>
  </si>
  <si>
    <t>471320.0</t>
  </si>
  <si>
    <t>463875.0</t>
  </si>
  <si>
    <t>1749256.0</t>
  </si>
  <si>
    <t>3320.859</t>
  </si>
  <si>
    <t>1246081.0</t>
  </si>
  <si>
    <t>471395.0</t>
  </si>
  <si>
    <t>464006.0</t>
  </si>
  <si>
    <t>595.9</t>
  </si>
  <si>
    <t>1117.39700314836</t>
  </si>
  <si>
    <t>1750664.0</t>
  </si>
  <si>
    <t>3323.532</t>
  </si>
  <si>
    <t>1246808.0</t>
  </si>
  <si>
    <t>471593.0</t>
  </si>
  <si>
    <t>464183.0</t>
  </si>
  <si>
    <t>1752636.0</t>
  </si>
  <si>
    <t>3327.276</t>
  </si>
  <si>
    <t>1247286.0</t>
  </si>
  <si>
    <t>464283.0</t>
  </si>
  <si>
    <t>233.88</t>
  </si>
  <si>
    <t>1754458.0</t>
  </si>
  <si>
    <t>3330.735</t>
  </si>
  <si>
    <t>1247840.0</t>
  </si>
  <si>
    <t>471862.0</t>
  </si>
  <si>
    <t>464377.0</t>
  </si>
  <si>
    <t>233.99</t>
  </si>
  <si>
    <t>1756264.0</t>
  </si>
  <si>
    <t>3334.164</t>
  </si>
  <si>
    <t>1248306.0</t>
  </si>
  <si>
    <t>471977.0</t>
  </si>
  <si>
    <t>464457.0</t>
  </si>
  <si>
    <t>1757974.0</t>
  </si>
  <si>
    <t>3337.41</t>
  </si>
  <si>
    <t>1248861.0</t>
  </si>
  <si>
    <t>472118.0</t>
  </si>
  <si>
    <t>464565.0</t>
  </si>
  <si>
    <t>234.18</t>
  </si>
  <si>
    <t>1759606.0</t>
  </si>
  <si>
    <t>3340.508</t>
  </si>
  <si>
    <t>1249336.0</t>
  </si>
  <si>
    <t>472202.0</t>
  </si>
  <si>
    <t>464740.0</t>
  </si>
  <si>
    <t>1761460.0</t>
  </si>
  <si>
    <t>3344.028</t>
  </si>
  <si>
    <t>1249640.0</t>
  </si>
  <si>
    <t>472255.0</t>
  </si>
  <si>
    <t>464837.0</t>
  </si>
  <si>
    <t>1135.21085032056</t>
  </si>
  <si>
    <t>1763167.0</t>
  </si>
  <si>
    <t>3347.269</t>
  </si>
  <si>
    <t>1250293.0</t>
  </si>
  <si>
    <t>472449.0</t>
  </si>
  <si>
    <t>464995.0</t>
  </si>
  <si>
    <t>1765311.0</t>
  </si>
  <si>
    <t>3351.339</t>
  </si>
  <si>
    <t>1250797.0</t>
  </si>
  <si>
    <t>472555.0</t>
  </si>
  <si>
    <t>465097.0</t>
  </si>
  <si>
    <t>234.54</t>
  </si>
  <si>
    <t>1767425.0</t>
  </si>
  <si>
    <t>3355.352</t>
  </si>
  <si>
    <t>1251260.0</t>
  </si>
  <si>
    <t>472666.0</t>
  </si>
  <si>
    <t>465196.0</t>
  </si>
  <si>
    <t>1769671.0</t>
  </si>
  <si>
    <t>3359.616</t>
  </si>
  <si>
    <t>1251633.0</t>
  </si>
  <si>
    <t>472756.0</t>
  </si>
  <si>
    <t>465265.0</t>
  </si>
  <si>
    <t>1771759.0</t>
  </si>
  <si>
    <t>3363.58</t>
  </si>
  <si>
    <t>1252092.0</t>
  </si>
  <si>
    <t>472860.0</t>
  </si>
  <si>
    <t>465353.0</t>
  </si>
  <si>
    <t>87.26</t>
  </si>
  <si>
    <t>1773790.0</t>
  </si>
  <si>
    <t>3367.436</t>
  </si>
  <si>
    <t>1252615.0</t>
  </si>
  <si>
    <t>472991.0</t>
  </si>
  <si>
    <t>465526.0</t>
  </si>
  <si>
    <t>234.88</t>
  </si>
  <si>
    <t>1775605.0</t>
  </si>
  <si>
    <t>3370.881</t>
  </si>
  <si>
    <t>1252837.0</t>
  </si>
  <si>
    <t>473024.0</t>
  </si>
  <si>
    <t>465611.0</t>
  </si>
  <si>
    <t>607.3</t>
  </si>
  <si>
    <t>1138.77361975499</t>
  </si>
  <si>
    <t>1777546.0</t>
  </si>
  <si>
    <t>3374.566</t>
  </si>
  <si>
    <t>1253224.0</t>
  </si>
  <si>
    <t>473090.0</t>
  </si>
  <si>
    <t>465686.0</t>
  </si>
  <si>
    <t>1779968.0</t>
  </si>
  <si>
    <t>3379.164</t>
  </si>
  <si>
    <t>1253673.0</t>
  </si>
  <si>
    <t>473191.0</t>
  </si>
  <si>
    <t>465782.0</t>
  </si>
  <si>
    <t>1782726.0</t>
  </si>
  <si>
    <t>3384.4</t>
  </si>
  <si>
    <t>1254115.0</t>
  </si>
  <si>
    <t>473310.0</t>
  </si>
  <si>
    <t>465887.0</t>
  </si>
  <si>
    <t>235.16</t>
  </si>
  <si>
    <t>1785313.0</t>
  </si>
  <si>
    <t>3389.311</t>
  </si>
  <si>
    <t>1254627.0</t>
  </si>
  <si>
    <t>473439.0</t>
  </si>
  <si>
    <t>466000.0</t>
  </si>
  <si>
    <t>235.26</t>
  </si>
  <si>
    <t>1787992.0</t>
  </si>
  <si>
    <t>3394.397</t>
  </si>
  <si>
    <t>1255082.0</t>
  </si>
  <si>
    <t>473499.0</t>
  </si>
  <si>
    <t>466069.0</t>
  </si>
  <si>
    <t>1790683.0</t>
  </si>
  <si>
    <t>3399.506</t>
  </si>
  <si>
    <t>1255212.0</t>
  </si>
  <si>
    <t>473521.0</t>
  </si>
  <si>
    <t>466102.0</t>
  </si>
  <si>
    <t>1792744.0</t>
  </si>
  <si>
    <t>3403.419</t>
  </si>
  <si>
    <t>1255418.0</t>
  </si>
  <si>
    <t>473554.0</t>
  </si>
  <si>
    <t>466215.0</t>
  </si>
  <si>
    <t>1130.3354816208</t>
  </si>
  <si>
    <t>1795093.0</t>
  </si>
  <si>
    <t>3407.878</t>
  </si>
  <si>
    <t>1255851.0</t>
  </si>
  <si>
    <t>473639.0</t>
  </si>
  <si>
    <t>1797874.0</t>
  </si>
  <si>
    <t>3413.158</t>
  </si>
  <si>
    <t>1256198.0</t>
  </si>
  <si>
    <t>473706.0</t>
  </si>
  <si>
    <t>466368.0</t>
  </si>
  <si>
    <t>1801312.0</t>
  </si>
  <si>
    <t>3419.685</t>
  </si>
  <si>
    <t>1256530.0</t>
  </si>
  <si>
    <t>473783.0</t>
  </si>
  <si>
    <t>466441.0</t>
  </si>
  <si>
    <t>1804777.0</t>
  </si>
  <si>
    <t>3426.263</t>
  </si>
  <si>
    <t>1256770.0</t>
  </si>
  <si>
    <t>473845.0</t>
  </si>
  <si>
    <t>466493.0</t>
  </si>
  <si>
    <t>1807898.0</t>
  </si>
  <si>
    <t>3432.188</t>
  </si>
  <si>
    <t>1257220.0</t>
  </si>
  <si>
    <t>473944.0</t>
  </si>
  <si>
    <t>466588.0</t>
  </si>
  <si>
    <t>1811168.0</t>
  </si>
  <si>
    <t>3438.396</t>
  </si>
  <si>
    <t>5.555</t>
  </si>
  <si>
    <t>1257537.0</t>
  </si>
  <si>
    <t>474022.0</t>
  </si>
  <si>
    <t>466726.0</t>
  </si>
  <si>
    <t>1814298.0</t>
  </si>
  <si>
    <t>3444.338</t>
  </si>
  <si>
    <t>1257716.0</t>
  </si>
  <si>
    <t>474060.0</t>
  </si>
  <si>
    <t>466780.0</t>
  </si>
  <si>
    <t>1138.02356303195</t>
  </si>
  <si>
    <t>1817184.0</t>
  </si>
  <si>
    <t>3449.817</t>
  </si>
  <si>
    <t>1258041.0</t>
  </si>
  <si>
    <t>474126.0</t>
  </si>
  <si>
    <t>466849.0</t>
  </si>
  <si>
    <t>1820830.0</t>
  </si>
  <si>
    <t>3456.738</t>
  </si>
  <si>
    <t>1258344.0</t>
  </si>
  <si>
    <t>474222.0</t>
  </si>
  <si>
    <t>466918.0</t>
  </si>
  <si>
    <t>1824560.0</t>
  </si>
  <si>
    <t>3463.82</t>
  </si>
  <si>
    <t>1258571.0</t>
  </si>
  <si>
    <t>474272.0</t>
  </si>
  <si>
    <t>466965.0</t>
  </si>
  <si>
    <t>1828355.0</t>
  </si>
  <si>
    <t>3471.024</t>
  </si>
  <si>
    <t>1258833.0</t>
  </si>
  <si>
    <t>474332.0</t>
  </si>
  <si>
    <t>467021.0</t>
  </si>
  <si>
    <t>1832027.0</t>
  </si>
  <si>
    <t>3477.995</t>
  </si>
  <si>
    <t>1259155.0</t>
  </si>
  <si>
    <t>474408.0</t>
  </si>
  <si>
    <t>467095.0</t>
  </si>
  <si>
    <t>236.11</t>
  </si>
  <si>
    <t>1835249.0</t>
  </si>
  <si>
    <t>1259505.0</t>
  </si>
  <si>
    <t>474502.0</t>
  </si>
  <si>
    <t>467237.0</t>
  </si>
  <si>
    <t>1838360.0</t>
  </si>
  <si>
    <t>3490.018</t>
  </si>
  <si>
    <t>1259621.0</t>
  </si>
  <si>
    <t>474530.0</t>
  </si>
  <si>
    <t>467270.0</t>
  </si>
  <si>
    <t>632.8</t>
  </si>
  <si>
    <t>1186.58973584877</t>
  </si>
  <si>
    <t>1841246.0</t>
  </si>
  <si>
    <t>3495.497</t>
  </si>
  <si>
    <t>1259966.0</t>
  </si>
  <si>
    <t>474616.0</t>
  </si>
  <si>
    <t>467346.0</t>
  </si>
  <si>
    <t>236.26</t>
  </si>
  <si>
    <t>1844390.0</t>
  </si>
  <si>
    <t>3501.466</t>
  </si>
  <si>
    <t>1260224.0</t>
  </si>
  <si>
    <t>474676.0</t>
  </si>
  <si>
    <t>467409.0</t>
  </si>
  <si>
    <t>1847584.0</t>
  </si>
  <si>
    <t>3507.529</t>
  </si>
  <si>
    <t>1260524.0</t>
  </si>
  <si>
    <t>474753.0</t>
  </si>
  <si>
    <t>467485.0</t>
  </si>
  <si>
    <t>236.37</t>
  </si>
  <si>
    <t>3512.805</t>
  </si>
  <si>
    <t>1260963.0</t>
  </si>
  <si>
    <t>474869.0</t>
  </si>
  <si>
    <t>467579.0</t>
  </si>
  <si>
    <t>1853069.0</t>
  </si>
  <si>
    <t>3517.942</t>
  </si>
  <si>
    <t>1261078.0</t>
  </si>
  <si>
    <t>474885.0</t>
  </si>
  <si>
    <t>467602.0</t>
  </si>
  <si>
    <t>1855198.0</t>
  </si>
  <si>
    <t>3521.984</t>
  </si>
  <si>
    <t>1261244.0</t>
  </si>
  <si>
    <t>474932.0</t>
  </si>
  <si>
    <t>467648.0</t>
  </si>
  <si>
    <t>1857543.0</t>
  </si>
  <si>
    <t>3526.436</t>
  </si>
  <si>
    <t>1261321.0</t>
  </si>
  <si>
    <t>474949.0</t>
  </si>
  <si>
    <t>467663.0</t>
  </si>
  <si>
    <t>634.9</t>
  </si>
  <si>
    <t>1190.52753364473</t>
  </si>
  <si>
    <t>1859492.0</t>
  </si>
  <si>
    <t>3530.136</t>
  </si>
  <si>
    <t>1266151.0</t>
  </si>
  <si>
    <t>1861858.0</t>
  </si>
  <si>
    <t>3534.628</t>
  </si>
  <si>
    <t>1267154.0</t>
  </si>
  <si>
    <t>475033.0</t>
  </si>
  <si>
    <t>467740.0</t>
  </si>
  <si>
    <t>237.61</t>
  </si>
  <si>
    <t>1864230.0</t>
  </si>
  <si>
    <t>3539.131</t>
  </si>
  <si>
    <t>1268356.0</t>
  </si>
  <si>
    <t>475086.0</t>
  </si>
  <si>
    <t>467784.0</t>
  </si>
  <si>
    <t>1866549.0</t>
  </si>
  <si>
    <t>3543.533</t>
  </si>
  <si>
    <t>1269280.0</t>
  </si>
  <si>
    <t>475141.0</t>
  </si>
  <si>
    <t>467833.0</t>
  </si>
  <si>
    <t>238.01</t>
  </si>
  <si>
    <t>1868587.0</t>
  </si>
  <si>
    <t>3547.402</t>
  </si>
  <si>
    <t>1270279.0</t>
  </si>
  <si>
    <t>467856.0</t>
  </si>
  <si>
    <t>1870483.0</t>
  </si>
  <si>
    <t>3551.002</t>
  </si>
  <si>
    <t>1270906.0</t>
  </si>
  <si>
    <t>475243.0</t>
  </si>
  <si>
    <t>467941.0</t>
  </si>
  <si>
    <t>1872465.0</t>
  </si>
  <si>
    <t>3554.764</t>
  </si>
  <si>
    <t>1271501.0</t>
  </si>
  <si>
    <t>475256.0</t>
  </si>
  <si>
    <t>467970.0</t>
  </si>
  <si>
    <t>238.42</t>
  </si>
  <si>
    <t>641.6</t>
  </si>
  <si>
    <t>1203.09098375565</t>
  </si>
  <si>
    <t>1874109.0</t>
  </si>
  <si>
    <t>3557.885</t>
  </si>
  <si>
    <t>1272634.0</t>
  </si>
  <si>
    <t>475312.0</t>
  </si>
  <si>
    <t>238.64</t>
  </si>
  <si>
    <t>1876155.0</t>
  </si>
  <si>
    <t>3561.77</t>
  </si>
  <si>
    <t>1274023.0</t>
  </si>
  <si>
    <t>475353.0</t>
  </si>
  <si>
    <t>468060.0</t>
  </si>
  <si>
    <t>1878113.0</t>
  </si>
  <si>
    <t>3565.487</t>
  </si>
  <si>
    <t>1274898.0</t>
  </si>
  <si>
    <t>475384.0</t>
  </si>
  <si>
    <t>468086.0</t>
  </si>
  <si>
    <t>239.06</t>
  </si>
  <si>
    <t>1879995.0</t>
  </si>
  <si>
    <t>3569.06</t>
  </si>
  <si>
    <t>1275704.0</t>
  </si>
  <si>
    <t>475411.0</t>
  </si>
  <si>
    <t>468116.0</t>
  </si>
  <si>
    <t>239.21</t>
  </si>
  <si>
    <t>1881640.0</t>
  </si>
  <si>
    <t>3572.183</t>
  </si>
  <si>
    <t>1276372.0</t>
  </si>
  <si>
    <t>475435.0</t>
  </si>
  <si>
    <t>468149.0</t>
  </si>
  <si>
    <t>239.34</t>
  </si>
  <si>
    <t>1883103.0</t>
  </si>
  <si>
    <t>3574.96</t>
  </si>
  <si>
    <t>1276869.0</t>
  </si>
  <si>
    <t>475475.0</t>
  </si>
  <si>
    <t>468311.0</t>
  </si>
  <si>
    <t>1884723.0</t>
  </si>
  <si>
    <t>3578.035</t>
  </si>
  <si>
    <t>1277168.0</t>
  </si>
  <si>
    <t>468313.0</t>
  </si>
  <si>
    <t>659.5</t>
  </si>
  <si>
    <t>1236.65602211167</t>
  </si>
  <si>
    <t>1886047.0</t>
  </si>
  <si>
    <t>3580.549</t>
  </si>
  <si>
    <t>1277787.0</t>
  </si>
  <si>
    <t>468361.0</t>
  </si>
  <si>
    <t>239.6</t>
  </si>
  <si>
    <t>1887959.0</t>
  </si>
  <si>
    <t>3584.179</t>
  </si>
  <si>
    <t>1278303.0</t>
  </si>
  <si>
    <t>475541.0</t>
  </si>
  <si>
    <t>468396.0</t>
  </si>
  <si>
    <t>1889711.0</t>
  </si>
  <si>
    <t>3587.505</t>
  </si>
  <si>
    <t>1278556.0</t>
  </si>
  <si>
    <t>475585.0</t>
  </si>
  <si>
    <t>468435.0</t>
  </si>
  <si>
    <t>239.75</t>
  </si>
  <si>
    <t>1891415.0</t>
  </si>
  <si>
    <t>3590.74</t>
  </si>
  <si>
    <t>1278881.0</t>
  </si>
  <si>
    <t>475641.0</t>
  </si>
  <si>
    <t>468483.0</t>
  </si>
  <si>
    <t>1892984.0</t>
  </si>
  <si>
    <t>3593.718</t>
  </si>
  <si>
    <t>1279205.0</t>
  </si>
  <si>
    <t>475677.0</t>
  </si>
  <si>
    <t>468520.0</t>
  </si>
  <si>
    <t>1894267.0</t>
  </si>
  <si>
    <t>3596.154</t>
  </si>
  <si>
    <t>1279489.0</t>
  </si>
  <si>
    <t>475725.0</t>
  </si>
  <si>
    <t>468611.0</t>
  </si>
  <si>
    <t>1895701.0</t>
  </si>
  <si>
    <t>3598.877</t>
  </si>
  <si>
    <t>1279502.0</t>
  </si>
  <si>
    <t>475729.0</t>
  </si>
  <si>
    <t>468613.0</t>
  </si>
  <si>
    <t>1231.96816759267</t>
  </si>
  <si>
    <t>1896860.0</t>
  </si>
  <si>
    <t>3601.077</t>
  </si>
  <si>
    <t>1280484.0</t>
  </si>
  <si>
    <t>468638.0</t>
  </si>
  <si>
    <t>1898387.0</t>
  </si>
  <si>
    <t>3603.976</t>
  </si>
  <si>
    <t>1281433.0</t>
  </si>
  <si>
    <t>475791.0</t>
  </si>
  <si>
    <t>468676.0</t>
  </si>
  <si>
    <t>1899855.0</t>
  </si>
  <si>
    <t>3606.763</t>
  </si>
  <si>
    <t>1283043.0</t>
  </si>
  <si>
    <t>475818.0</t>
  </si>
  <si>
    <t>468708.0</t>
  </si>
  <si>
    <t>1901338.0</t>
  </si>
  <si>
    <t>3609.578</t>
  </si>
  <si>
    <t>1284247.0</t>
  </si>
  <si>
    <t>475847.0</t>
  </si>
  <si>
    <t>468742.0</t>
  </si>
  <si>
    <t>1902606.0</t>
  </si>
  <si>
    <t>3611.985</t>
  </si>
  <si>
    <t>1285415.0</t>
  </si>
  <si>
    <t>475890.0</t>
  </si>
  <si>
    <t>1903746.0</t>
  </si>
  <si>
    <t>3614.149</t>
  </si>
  <si>
    <t>1285847.0</t>
  </si>
  <si>
    <t>475894.0</t>
  </si>
  <si>
    <t>468797.0</t>
  </si>
  <si>
    <t>1904970.0</t>
  </si>
  <si>
    <t>3616.473</t>
  </si>
  <si>
    <t>1286275.0</t>
  </si>
  <si>
    <t>475896.0</t>
  </si>
  <si>
    <t>468798.0</t>
  </si>
  <si>
    <t>655.5</t>
  </si>
  <si>
    <t>1229.15545488128</t>
  </si>
  <si>
    <t>1906090.0</t>
  </si>
  <si>
    <t>3618.599</t>
  </si>
  <si>
    <t>1287879.0</t>
  </si>
  <si>
    <t>475936.0</t>
  </si>
  <si>
    <t>468828.0</t>
  </si>
  <si>
    <t>1907478.0</t>
  </si>
  <si>
    <t>3621.234</t>
  </si>
  <si>
    <t>1289054.0</t>
  </si>
  <si>
    <t>475967.0</t>
  </si>
  <si>
    <t>468860.0</t>
  </si>
  <si>
    <t>1908998.0</t>
  </si>
  <si>
    <t>3624.12</t>
  </si>
  <si>
    <t>1290118.0</t>
  </si>
  <si>
    <t>475989.0</t>
  </si>
  <si>
    <t>468884.0</t>
  </si>
  <si>
    <t>1910344.0</t>
  </si>
  <si>
    <t>3626.675</t>
  </si>
  <si>
    <t>1291229.0</t>
  </si>
  <si>
    <t>476008.0</t>
  </si>
  <si>
    <t>468901.0</t>
  </si>
  <si>
    <t>1911579.0</t>
  </si>
  <si>
    <t>3629.02</t>
  </si>
  <si>
    <t>476067.0</t>
  </si>
  <si>
    <t>468954.0</t>
  </si>
  <si>
    <t>1912699.0</t>
  </si>
  <si>
    <t>3631.146</t>
  </si>
  <si>
    <t>1292843.0</t>
  </si>
  <si>
    <t>476071.0</t>
  </si>
  <si>
    <t>468964.0</t>
  </si>
  <si>
    <t>1913807.0</t>
  </si>
  <si>
    <t>3633.25</t>
  </si>
  <si>
    <t>1293258.0</t>
  </si>
  <si>
    <t>468965.0</t>
  </si>
  <si>
    <t>657.8</t>
  </si>
  <si>
    <t>1233.46828103875</t>
  </si>
  <si>
    <t>1914941.0</t>
  </si>
  <si>
    <t>3635.403</t>
  </si>
  <si>
    <t>1294281.0</t>
  </si>
  <si>
    <t>476094.0</t>
  </si>
  <si>
    <t>468989.0</t>
  </si>
  <si>
    <t>242.7</t>
  </si>
  <si>
    <t>1916252.0</t>
  </si>
  <si>
    <t>3637.891</t>
  </si>
  <si>
    <t>1295367.0</t>
  </si>
  <si>
    <t>476123.0</t>
  </si>
  <si>
    <t>1917505.0</t>
  </si>
  <si>
    <t>3640.27</t>
  </si>
  <si>
    <t>1296417.0</t>
  </si>
  <si>
    <t>476182.0</t>
  </si>
  <si>
    <t>469059.0</t>
  </si>
  <si>
    <t>1918831.0</t>
  </si>
  <si>
    <t>3642.787</t>
  </si>
  <si>
    <t>1297448.0</t>
  </si>
  <si>
    <t>476202.0</t>
  </si>
  <si>
    <t>469079.0</t>
  </si>
  <si>
    <t>243.29</t>
  </si>
  <si>
    <t>1920088.0</t>
  </si>
  <si>
    <t>3645.174</t>
  </si>
  <si>
    <t>1298522.0</t>
  </si>
  <si>
    <t>476285.0</t>
  </si>
  <si>
    <t>469156.0</t>
  </si>
  <si>
    <t>243.49</t>
  </si>
  <si>
    <t>1921071.0</t>
  </si>
  <si>
    <t>3647.04</t>
  </si>
  <si>
    <t>1298835.0</t>
  </si>
  <si>
    <t>243.55</t>
  </si>
  <si>
    <t>1922128.0</t>
  </si>
  <si>
    <t>3649.047</t>
  </si>
  <si>
    <t>1298979.0</t>
  </si>
  <si>
    <t>476288.0</t>
  </si>
  <si>
    <t>469161.0</t>
  </si>
  <si>
    <t>641.3</t>
  </si>
  <si>
    <t>-23.74</t>
  </si>
  <si>
    <t>1202.52844121337</t>
  </si>
  <si>
    <t>1923075.0</t>
  </si>
  <si>
    <t>3650.844</t>
  </si>
  <si>
    <t>1299815.0</t>
  </si>
  <si>
    <t>476315.0</t>
  </si>
  <si>
    <t>469185.0</t>
  </si>
  <si>
    <t>243.73</t>
  </si>
  <si>
    <t>1924453.0</t>
  </si>
  <si>
    <t>3653.46</t>
  </si>
  <si>
    <t>1300807.0</t>
  </si>
  <si>
    <t>476351.0</t>
  </si>
  <si>
    <t>469209.0</t>
  </si>
  <si>
    <t>1925823.0</t>
  </si>
  <si>
    <t>3656.061</t>
  </si>
  <si>
    <t>1301808.0</t>
  </si>
  <si>
    <t>476378.0</t>
  </si>
  <si>
    <t>469240.0</t>
  </si>
  <si>
    <t>1926940.0</t>
  </si>
  <si>
    <t>3658.182</t>
  </si>
  <si>
    <t>1302610.0</t>
  </si>
  <si>
    <t>476393.0</t>
  </si>
  <si>
    <t>469255.0</t>
  </si>
  <si>
    <t>244.26</t>
  </si>
  <si>
    <t>1928042.0</t>
  </si>
  <si>
    <t>3660.274</t>
  </si>
  <si>
    <t>1303495.0</t>
  </si>
  <si>
    <t>476443.0</t>
  </si>
  <si>
    <t>469320.0</t>
  </si>
  <si>
    <t>244.42</t>
  </si>
  <si>
    <t>1928878.0</t>
  </si>
  <si>
    <t>3661.861</t>
  </si>
  <si>
    <t>1303769.0</t>
  </si>
  <si>
    <t>476458.0</t>
  </si>
  <si>
    <t>469331.0</t>
  </si>
  <si>
    <t>244.48</t>
  </si>
  <si>
    <t>1929867.0</t>
  </si>
  <si>
    <t>3663.739</t>
  </si>
  <si>
    <t>1303947.0</t>
  </si>
  <si>
    <t>476467.0</t>
  </si>
  <si>
    <t>244.51</t>
  </si>
  <si>
    <t>630.4</t>
  </si>
  <si>
    <t>1182.08939551054</t>
  </si>
  <si>
    <t>1930517.0</t>
  </si>
  <si>
    <t>3664.973</t>
  </si>
  <si>
    <t>1304564.0</t>
  </si>
  <si>
    <t>244.62</t>
  </si>
  <si>
    <t>1931592.0</t>
  </si>
  <si>
    <t>3667.013</t>
  </si>
  <si>
    <t>1305044.0</t>
  </si>
  <si>
    <t>476526.0</t>
  </si>
  <si>
    <t>469393.0</t>
  </si>
  <si>
    <t>244.71</t>
  </si>
  <si>
    <t>1932621.0</t>
  </si>
  <si>
    <t>3668.967</t>
  </si>
  <si>
    <t>1305625.0</t>
  </si>
  <si>
    <t>476546.0</t>
  </si>
  <si>
    <t>469418.0</t>
  </si>
  <si>
    <t>244.82</t>
  </si>
  <si>
    <t>1933884.0</t>
  </si>
  <si>
    <t>3671.365</t>
  </si>
  <si>
    <t>1306308.0</t>
  </si>
  <si>
    <t>476564.0</t>
  </si>
  <si>
    <t>469432.0</t>
  </si>
  <si>
    <t>244.95</t>
  </si>
  <si>
    <t>1935115.0</t>
  </si>
  <si>
    <t>3673.702</t>
  </si>
  <si>
    <t>1307111.0</t>
  </si>
  <si>
    <t>476590.0</t>
  </si>
  <si>
    <t>469479.0</t>
  </si>
  <si>
    <t>1936095.0</t>
  </si>
  <si>
    <t>3675.562</t>
  </si>
  <si>
    <t>1307531.0</t>
  </si>
  <si>
    <t>476595.0</t>
  </si>
  <si>
    <t>469486.0</t>
  </si>
  <si>
    <t>245.18</t>
  </si>
  <si>
    <t>1937254.0</t>
  </si>
  <si>
    <t>3677.762</t>
  </si>
  <si>
    <t>1307665.0</t>
  </si>
  <si>
    <t>476599.0</t>
  </si>
  <si>
    <t>469489.0</t>
  </si>
  <si>
    <t>245.21</t>
  </si>
  <si>
    <t>644.3</t>
  </si>
  <si>
    <t>1208.15386663616</t>
  </si>
  <si>
    <t>1938234.0</t>
  </si>
  <si>
    <t>3679.623</t>
  </si>
  <si>
    <t>1308227.0</t>
  </si>
  <si>
    <t>476616.0</t>
  </si>
  <si>
    <t>469507.0</t>
  </si>
  <si>
    <t>245.31</t>
  </si>
  <si>
    <t>1939459.0</t>
  </si>
  <si>
    <t>3681.948</t>
  </si>
  <si>
    <t>1308973.0</t>
  </si>
  <si>
    <t>476632.0</t>
  </si>
  <si>
    <t>469522.0</t>
  </si>
  <si>
    <t>245.45</t>
  </si>
  <si>
    <t>1940780.0</t>
  </si>
  <si>
    <t>3684.456</t>
  </si>
  <si>
    <t>1309736.0</t>
  </si>
  <si>
    <t>476650.0</t>
  </si>
  <si>
    <t>469540.0</t>
  </si>
  <si>
    <t>245.59</t>
  </si>
  <si>
    <t>1942098.0</t>
  </si>
  <si>
    <t>3686.958</t>
  </si>
  <si>
    <t>1310362.0</t>
  </si>
  <si>
    <t>476665.0</t>
  </si>
  <si>
    <t>469558.0</t>
  </si>
  <si>
    <t>245.71</t>
  </si>
  <si>
    <t>1943320.0</t>
  </si>
  <si>
    <t>3689.278</t>
  </si>
  <si>
    <t>1310994.0</t>
  </si>
  <si>
    <t>476679.0</t>
  </si>
  <si>
    <t>469588.0</t>
  </si>
  <si>
    <t>1944590.0</t>
  </si>
  <si>
    <t>3691.689</t>
  </si>
  <si>
    <t>1311277.0</t>
  </si>
  <si>
    <t>476691.0</t>
  </si>
  <si>
    <t>469599.0</t>
  </si>
  <si>
    <t>1945905.0</t>
  </si>
  <si>
    <t>3694.186</t>
  </si>
  <si>
    <t>1311345.0</t>
  </si>
  <si>
    <t>476693.0</t>
  </si>
  <si>
    <t>469601.0</t>
  </si>
  <si>
    <t>1218.46714657796</t>
  </si>
  <si>
    <t>1947178.0</t>
  </si>
  <si>
    <t>3696.603</t>
  </si>
  <si>
    <t>1311934.0</t>
  </si>
  <si>
    <t>476720.0</t>
  </si>
  <si>
    <t>469627.0</t>
  </si>
  <si>
    <t>1948966.0</t>
  </si>
  <si>
    <t>3699.997</t>
  </si>
  <si>
    <t>1312768.0</t>
  </si>
  <si>
    <t>469647.0</t>
  </si>
  <si>
    <t>246.16</t>
  </si>
  <si>
    <t>1950858.0</t>
  </si>
  <si>
    <t>3703.589</t>
  </si>
  <si>
    <t>1313759.0</t>
  </si>
  <si>
    <t>476766.0</t>
  </si>
  <si>
    <t>469676.0</t>
  </si>
  <si>
    <t>1314580.0</t>
  </si>
  <si>
    <t>476779.0</t>
  </si>
  <si>
    <t>469691.0</t>
  </si>
  <si>
    <t>1315264.0</t>
  </si>
  <si>
    <t>476802.0</t>
  </si>
  <si>
    <t>469723.0</t>
  </si>
  <si>
    <t>1315575.0</t>
  </si>
  <si>
    <t>476813.0</t>
  </si>
  <si>
    <t>469736.0</t>
  </si>
  <si>
    <t>246.69</t>
  </si>
  <si>
    <t>1315686.0</t>
  </si>
  <si>
    <t>469737.0</t>
  </si>
  <si>
    <t>653.7</t>
  </si>
  <si>
    <t>1225.7801996276</t>
  </si>
  <si>
    <t>1316273.0</t>
  </si>
  <si>
    <t>476837.0</t>
  </si>
  <si>
    <t>469758.0</t>
  </si>
  <si>
    <t>246.82</t>
  </si>
  <si>
    <t>1316890.0</t>
  </si>
  <si>
    <t>476851.0</t>
  </si>
  <si>
    <t>469774.0</t>
  </si>
  <si>
    <t>1317072.0</t>
  </si>
  <si>
    <t>476860.0</t>
  </si>
  <si>
    <t>469780.0</t>
  </si>
  <si>
    <t>246.97</t>
  </si>
  <si>
    <t>1317273.0</t>
  </si>
  <si>
    <t>476888.0</t>
  </si>
  <si>
    <t>469802.0</t>
  </si>
  <si>
    <t>247.01</t>
  </si>
  <si>
    <t>1317526.0</t>
  </si>
  <si>
    <t>476921.0</t>
  </si>
  <si>
    <t>469834.0</t>
  </si>
  <si>
    <t>247.05</t>
  </si>
  <si>
    <t>1317600.0</t>
  </si>
  <si>
    <t>469855.0</t>
  </si>
  <si>
    <t>247.07</t>
  </si>
  <si>
    <t>1317628.0</t>
  </si>
  <si>
    <t>476936.0</t>
  </si>
  <si>
    <t>647.6</t>
  </si>
  <si>
    <t>1214.34183460124</t>
  </si>
  <si>
    <t>1317876.0</t>
  </si>
  <si>
    <t>476951.0</t>
  </si>
  <si>
    <t>469868.0</t>
  </si>
  <si>
    <t>247.12</t>
  </si>
  <si>
    <t>1318415.0</t>
  </si>
  <si>
    <t>476963.0</t>
  </si>
  <si>
    <t>469879.0</t>
  </si>
  <si>
    <t>1318895.0</t>
  </si>
  <si>
    <t>476978.0</t>
  </si>
  <si>
    <t>469889.0</t>
  </si>
  <si>
    <t>247.31</t>
  </si>
  <si>
    <t>1319380.0</t>
  </si>
  <si>
    <t>476999.0</t>
  </si>
  <si>
    <t>469904.0</t>
  </si>
  <si>
    <t>1319825.0</t>
  </si>
  <si>
    <t>477011.0</t>
  </si>
  <si>
    <t>469915.0</t>
  </si>
  <si>
    <t>247.49</t>
  </si>
  <si>
    <t>1320226.0</t>
  </si>
  <si>
    <t>477044.0</t>
  </si>
  <si>
    <t>469941.0</t>
  </si>
  <si>
    <t>247.56</t>
  </si>
  <si>
    <t>1320265.0</t>
  </si>
  <si>
    <t>477048.0</t>
  </si>
  <si>
    <t>469943.0</t>
  </si>
  <si>
    <t>247.57</t>
  </si>
  <si>
    <t>666.9</t>
  </si>
  <si>
    <t>1250.53207148791</t>
  </si>
  <si>
    <t>1320656.0</t>
  </si>
  <si>
    <t>477069.0</t>
  </si>
  <si>
    <t>469965.0</t>
  </si>
  <si>
    <t>247.64</t>
  </si>
  <si>
    <t>1320877.0</t>
  </si>
  <si>
    <t>477084.0</t>
  </si>
  <si>
    <t>469981.0</t>
  </si>
  <si>
    <t>247.68</t>
  </si>
  <si>
    <t>1321702.0</t>
  </si>
  <si>
    <t>477121.0</t>
  </si>
  <si>
    <t>470008.0</t>
  </si>
  <si>
    <t>247.84</t>
  </si>
  <si>
    <t>1322219.0</t>
  </si>
  <si>
    <t>477141.0</t>
  </si>
  <si>
    <t>470022.0</t>
  </si>
  <si>
    <t>247.93</t>
  </si>
  <si>
    <t>1322686.0</t>
  </si>
  <si>
    <t>477168.0</t>
  </si>
  <si>
    <t>470039.0</t>
  </si>
  <si>
    <t>248.02</t>
  </si>
  <si>
    <t>1322863.0</t>
  </si>
  <si>
    <t>477203.0</t>
  </si>
  <si>
    <t>470069.0</t>
  </si>
  <si>
    <t>248.06</t>
  </si>
  <si>
    <t>1322926.0</t>
  </si>
  <si>
    <t>477206.0</t>
  </si>
  <si>
    <t>470073.0</t>
  </si>
  <si>
    <t>1262.7204932373</t>
  </si>
  <si>
    <t>1323450.0</t>
  </si>
  <si>
    <t>477233.0</t>
  </si>
  <si>
    <t>470100.0</t>
  </si>
  <si>
    <t>1324119.0</t>
  </si>
  <si>
    <t>477246.0</t>
  </si>
  <si>
    <t>470112.0</t>
  </si>
  <si>
    <t>248.29</t>
  </si>
  <si>
    <t>1324748.0</t>
  </si>
  <si>
    <t>477258.0</t>
  </si>
  <si>
    <t>470124.0</t>
  </si>
  <si>
    <t>248.41</t>
  </si>
  <si>
    <t>1325333.0</t>
  </si>
  <si>
    <t>477269.0</t>
  </si>
  <si>
    <t>470135.0</t>
  </si>
  <si>
    <t>1326297.0</t>
  </si>
  <si>
    <t>477287.0</t>
  </si>
  <si>
    <t>470151.0</t>
  </si>
  <si>
    <t>248.7</t>
  </si>
  <si>
    <t>1326834.0</t>
  </si>
  <si>
    <t>477301.0</t>
  </si>
  <si>
    <t>470171.0</t>
  </si>
  <si>
    <t>1326886.0</t>
  </si>
  <si>
    <t>477305.0</t>
  </si>
  <si>
    <t>470173.0</t>
  </si>
  <si>
    <t>248.81</t>
  </si>
  <si>
    <t>693.9</t>
  </si>
  <si>
    <t>1301.16090029308</t>
  </si>
  <si>
    <t>1327050.0</t>
  </si>
  <si>
    <t>477315.0</t>
  </si>
  <si>
    <t>470180.0</t>
  </si>
  <si>
    <t>1327645.0</t>
  </si>
  <si>
    <t>477320.0</t>
  </si>
  <si>
    <t>470185.0</t>
  </si>
  <si>
    <t>248.95</t>
  </si>
  <si>
    <t>1328316.0</t>
  </si>
  <si>
    <t>477341.0</t>
  </si>
  <si>
    <t>470206.0</t>
  </si>
  <si>
    <t>249.08</t>
  </si>
  <si>
    <t>1328884.0</t>
  </si>
  <si>
    <t>477361.0</t>
  </si>
  <si>
    <t>470227.0</t>
  </si>
  <si>
    <t>249.18</t>
  </si>
  <si>
    <t>1329342.0</t>
  </si>
  <si>
    <t>477366.0</t>
  </si>
  <si>
    <t>470234.0</t>
  </si>
  <si>
    <t>249.27</t>
  </si>
  <si>
    <t>1329728.0</t>
  </si>
  <si>
    <t>470267.0</t>
  </si>
  <si>
    <t>249.34</t>
  </si>
  <si>
    <t>1329764.0</t>
  </si>
  <si>
    <t>477390.0</t>
  </si>
  <si>
    <t>470272.0</t>
  </si>
  <si>
    <t>249.35</t>
  </si>
  <si>
    <t>689.4</t>
  </si>
  <si>
    <t>1292.72276215889</t>
  </si>
  <si>
    <t>1330017.0</t>
  </si>
  <si>
    <t>477427.0</t>
  </si>
  <si>
    <t>470302.0</t>
  </si>
  <si>
    <t>1330533.0</t>
  </si>
  <si>
    <t>477435.0</t>
  </si>
  <si>
    <t>470308.0</t>
  </si>
  <si>
    <t>249.49</t>
  </si>
  <si>
    <t>1331025.0</t>
  </si>
  <si>
    <t>477446.0</t>
  </si>
  <si>
    <t>470320.0</t>
  </si>
  <si>
    <t>249.59</t>
  </si>
  <si>
    <t>1331426.0</t>
  </si>
  <si>
    <t>470328.0</t>
  </si>
  <si>
    <t>249.66</t>
  </si>
  <si>
    <t>1331765.0</t>
  </si>
  <si>
    <t>477462.0</t>
  </si>
  <si>
    <t>249.72</t>
  </si>
  <si>
    <t>1332064.0</t>
  </si>
  <si>
    <t>477480.0</t>
  </si>
  <si>
    <t>470376.0</t>
  </si>
  <si>
    <t>1332120.0</t>
  </si>
  <si>
    <t>477481.0</t>
  </si>
  <si>
    <t>470378.0</t>
  </si>
  <si>
    <t>685.1</t>
  </si>
  <si>
    <t>1284.65965238621</t>
  </si>
  <si>
    <t>1332269.0</t>
  </si>
  <si>
    <t>249.82</t>
  </si>
  <si>
    <t>1332507.0</t>
  </si>
  <si>
    <t>477508.0</t>
  </si>
  <si>
    <t>470395.0</t>
  </si>
  <si>
    <t>249.86</t>
  </si>
  <si>
    <t>1332761.0</t>
  </si>
  <si>
    <t>477515.0</t>
  </si>
  <si>
    <t>470404.0</t>
  </si>
  <si>
    <t>249.91</t>
  </si>
  <si>
    <t>1332865.0</t>
  </si>
  <si>
    <t>477528.0</t>
  </si>
  <si>
    <t>470412.0</t>
  </si>
  <si>
    <t>249.93</t>
  </si>
  <si>
    <t>1333179.0</t>
  </si>
  <si>
    <t>470427.0</t>
  </si>
  <si>
    <t>1333227.0</t>
  </si>
  <si>
    <t>477555.0</t>
  </si>
  <si>
    <t>470439.0</t>
  </si>
  <si>
    <t>1333363.0</t>
  </si>
  <si>
    <t>477557.0</t>
  </si>
  <si>
    <t>470441.0</t>
  </si>
  <si>
    <t>692.8</t>
  </si>
  <si>
    <t>1299.09824430473</t>
  </si>
  <si>
    <t>1333406.0</t>
  </si>
  <si>
    <t>477562.0</t>
  </si>
  <si>
    <t>470448.0</t>
  </si>
  <si>
    <t>250.03</t>
  </si>
  <si>
    <t>477573.0</t>
  </si>
  <si>
    <t>470458.0</t>
  </si>
  <si>
    <t>250.05</t>
  </si>
  <si>
    <t>1333560.0</t>
  </si>
  <si>
    <t>477582.0</t>
  </si>
  <si>
    <t>470468.0</t>
  </si>
  <si>
    <t>1333653.0</t>
  </si>
  <si>
    <t>477594.0</t>
  </si>
  <si>
    <t>470479.0</t>
  </si>
  <si>
    <t>1333728.0</t>
  </si>
  <si>
    <t>477604.0</t>
  </si>
  <si>
    <t>470489.0</t>
  </si>
  <si>
    <t>250.09</t>
  </si>
  <si>
    <t>1333762.0</t>
  </si>
  <si>
    <t>477608.0</t>
  </si>
  <si>
    <t>470504.0</t>
  </si>
  <si>
    <t>1333771.0</t>
  </si>
  <si>
    <t>477610.0</t>
  </si>
  <si>
    <t>470505.0</t>
  </si>
  <si>
    <t>690.5</t>
  </si>
  <si>
    <t>1294.78541814725</t>
  </si>
  <si>
    <t>1333836.0</t>
  </si>
  <si>
    <t>477616.0</t>
  </si>
  <si>
    <t>470514.0</t>
  </si>
  <si>
    <t>250.11</t>
  </si>
  <si>
    <t>1333901.0</t>
  </si>
  <si>
    <t>477625.0</t>
  </si>
  <si>
    <t>470523.0</t>
  </si>
  <si>
    <t>250.13</t>
  </si>
  <si>
    <t>1333981.0</t>
  </si>
  <si>
    <t>477639.0</t>
  </si>
  <si>
    <t>470534.0</t>
  </si>
  <si>
    <t>1334020.0</t>
  </si>
  <si>
    <t>477644.0</t>
  </si>
  <si>
    <t>470539.0</t>
  </si>
  <si>
    <t>250.15</t>
  </si>
  <si>
    <t>1334062.0</t>
  </si>
  <si>
    <t>470546.0</t>
  </si>
  <si>
    <t>250.16</t>
  </si>
  <si>
    <t>1334105.0</t>
  </si>
  <si>
    <t>477662.0</t>
  </si>
  <si>
    <t>470565.0</t>
  </si>
  <si>
    <t>1334109.0</t>
  </si>
  <si>
    <t>477663.0</t>
  </si>
  <si>
    <t>470566.0</t>
  </si>
  <si>
    <t>-16.28</t>
  </si>
  <si>
    <t>1275.09642916746</t>
  </si>
  <si>
    <t>1334161.0</t>
  </si>
  <si>
    <t>477672.0</t>
  </si>
  <si>
    <t>470573.0</t>
  </si>
  <si>
    <t>250.17</t>
  </si>
  <si>
    <t>1334206.0</t>
  </si>
  <si>
    <t>477681.0</t>
  </si>
  <si>
    <t>470580.0</t>
  </si>
  <si>
    <t>250.18</t>
  </si>
  <si>
    <t>1334248.0</t>
  </si>
  <si>
    <t>477686.0</t>
  </si>
  <si>
    <t>470585.0</t>
  </si>
  <si>
    <t>250.19</t>
  </si>
  <si>
    <t>1334302.0</t>
  </si>
  <si>
    <t>477695.0</t>
  </si>
  <si>
    <t>250.2</t>
  </si>
  <si>
    <t>1334343.0</t>
  </si>
  <si>
    <t>470604.0</t>
  </si>
  <si>
    <t>250.21</t>
  </si>
  <si>
    <t>1334359.0</t>
  </si>
  <si>
    <t>477708.0</t>
  </si>
  <si>
    <t>470610.0</t>
  </si>
  <si>
    <t>678.7</t>
  </si>
  <si>
    <t>1272.65874481758</t>
  </si>
  <si>
    <t>1334428.0</t>
  </si>
  <si>
    <t>477727.0</t>
  </si>
  <si>
    <t>470625.0</t>
  </si>
  <si>
    <t>1334482.0</t>
  </si>
  <si>
    <t>477742.0</t>
  </si>
  <si>
    <t>470638.0</t>
  </si>
  <si>
    <t>1334537.0</t>
  </si>
  <si>
    <t>477756.0</t>
  </si>
  <si>
    <t>470652.0</t>
  </si>
  <si>
    <t>1334541.0</t>
  </si>
  <si>
    <t>477757.0</t>
  </si>
  <si>
    <t>470653.0</t>
  </si>
  <si>
    <t>1334629.0</t>
  </si>
  <si>
    <t>477780.0</t>
  </si>
  <si>
    <t>470671.0</t>
  </si>
  <si>
    <t>1334645.0</t>
  </si>
  <si>
    <t>477784.0</t>
  </si>
  <si>
    <t>470674.0</t>
  </si>
  <si>
    <t>1334648.0</t>
  </si>
  <si>
    <t>477785.0</t>
  </si>
  <si>
    <t>470675.0</t>
  </si>
  <si>
    <t>250.27</t>
  </si>
  <si>
    <t>683.6</t>
  </si>
  <si>
    <t>1281.84693967481</t>
  </si>
  <si>
    <t>1334707.0</t>
  </si>
  <si>
    <t>477797.0</t>
  </si>
  <si>
    <t>470688.0</t>
  </si>
  <si>
    <t>250.28</t>
  </si>
  <si>
    <t>1334751.0</t>
  </si>
  <si>
    <t>477803.0</t>
  </si>
  <si>
    <t>470693.0</t>
  </si>
  <si>
    <t>1334795.0</t>
  </si>
  <si>
    <t>477812.0</t>
  </si>
  <si>
    <t>470703.0</t>
  </si>
  <si>
    <t>1334863.0</t>
  </si>
  <si>
    <t>477830.0</t>
  </si>
  <si>
    <t>470721.0</t>
  </si>
  <si>
    <t>1334887.0</t>
  </si>
  <si>
    <t>477836.0</t>
  </si>
  <si>
    <t>470728.0</t>
  </si>
  <si>
    <t>1334929.0</t>
  </si>
  <si>
    <t>477847.0</t>
  </si>
  <si>
    <t>470736.0</t>
  </si>
  <si>
    <t>250.32</t>
  </si>
  <si>
    <t>1334932.0</t>
  </si>
  <si>
    <t>477848.0</t>
  </si>
  <si>
    <t>470737.0</t>
  </si>
  <si>
    <t>690.7</t>
  </si>
  <si>
    <t>1295.16044650877</t>
  </si>
  <si>
    <t>1334971.0</t>
  </si>
  <si>
    <t>477858.0</t>
  </si>
  <si>
    <t>470746.0</t>
  </si>
  <si>
    <t>250.33</t>
  </si>
  <si>
    <t>1335025.0</t>
  </si>
  <si>
    <t>477871.0</t>
  </si>
  <si>
    <t>470755.0</t>
  </si>
  <si>
    <t>250.34</t>
  </si>
  <si>
    <t>1335027.0</t>
  </si>
  <si>
    <t>470756.0</t>
  </si>
  <si>
    <t>1335059.0</t>
  </si>
  <si>
    <t>477874.0</t>
  </si>
  <si>
    <t>470760.0</t>
  </si>
  <si>
    <t>1335083.0</t>
  </si>
  <si>
    <t>477879.0</t>
  </si>
  <si>
    <t>470766.0</t>
  </si>
  <si>
    <t>1335112.0</t>
  </si>
  <si>
    <t>477885.0</t>
  </si>
  <si>
    <t>470779.0</t>
  </si>
  <si>
    <t>684.6</t>
  </si>
  <si>
    <t>-9.82</t>
  </si>
  <si>
    <t>1283.72208148241</t>
  </si>
  <si>
    <t>1335221.0</t>
  </si>
  <si>
    <t>477921.0</t>
  </si>
  <si>
    <t>470809.0</t>
  </si>
  <si>
    <t>250.37</t>
  </si>
  <si>
    <t>1335273.0</t>
  </si>
  <si>
    <t>477934.0</t>
  </si>
  <si>
    <t>470824.0</t>
  </si>
  <si>
    <t>250.38</t>
  </si>
  <si>
    <t>1335298.0</t>
  </si>
  <si>
    <t>477941.0</t>
  </si>
  <si>
    <t>470829.0</t>
  </si>
  <si>
    <t>250.39</t>
  </si>
  <si>
    <t>1335335.0</t>
  </si>
  <si>
    <t>477948.0</t>
  </si>
  <si>
    <t>1335388.0</t>
  </si>
  <si>
    <t>477966.0</t>
  </si>
  <si>
    <t>470845.0</t>
  </si>
  <si>
    <t>1335444.0</t>
  </si>
  <si>
    <t>477981.0</t>
  </si>
  <si>
    <t>470854.0</t>
  </si>
  <si>
    <t>1335481.0</t>
  </si>
  <si>
    <t>477988.0</t>
  </si>
  <si>
    <t>250.42</t>
  </si>
  <si>
    <t>1335515.0</t>
  </si>
  <si>
    <t>477997.0</t>
  </si>
  <si>
    <t>470868.0</t>
  </si>
  <si>
    <t>250.43</t>
  </si>
  <si>
    <t>1335573.0</t>
  </si>
  <si>
    <t>478009.0</t>
  </si>
  <si>
    <t>470878.0</t>
  </si>
  <si>
    <t>1335613.0</t>
  </si>
  <si>
    <t>470888.0</t>
  </si>
  <si>
    <t>1335687.0</t>
  </si>
  <si>
    <t>478056.0</t>
  </si>
  <si>
    <t>470917.0</t>
  </si>
  <si>
    <t>1335706.0</t>
  </si>
  <si>
    <t>478060.0</t>
  </si>
  <si>
    <t>470924.0</t>
  </si>
  <si>
    <t>1303.59858464296</t>
  </si>
  <si>
    <t>1335778.0</t>
  </si>
  <si>
    <t>478087.0</t>
  </si>
  <si>
    <t>470943.0</t>
  </si>
  <si>
    <t>1335816.0</t>
  </si>
  <si>
    <t>478100.0</t>
  </si>
  <si>
    <t>470950.0</t>
  </si>
  <si>
    <t>1335867.0</t>
  </si>
  <si>
    <t>478118.0</t>
  </si>
  <si>
    <t>470962.0</t>
  </si>
  <si>
    <t>478128.0</t>
  </si>
  <si>
    <t>470965.0</t>
  </si>
  <si>
    <t>1335951.0</t>
  </si>
  <si>
    <t>478144.0</t>
  </si>
  <si>
    <t>470978.0</t>
  </si>
  <si>
    <t>250.51</t>
  </si>
  <si>
    <t>1335968.0</t>
  </si>
  <si>
    <t>478148.0</t>
  </si>
  <si>
    <t>470982.0</t>
  </si>
  <si>
    <t>1303.4110704622</t>
  </si>
  <si>
    <t>1336584.0</t>
  </si>
  <si>
    <t>478160.0</t>
  </si>
  <si>
    <t>470996.0</t>
  </si>
  <si>
    <t>250.63</t>
  </si>
  <si>
    <t>1337207.0</t>
  </si>
  <si>
    <t>478171.0</t>
  </si>
  <si>
    <t>250.75</t>
  </si>
  <si>
    <t>1337957.0</t>
  </si>
  <si>
    <t>478193.0</t>
  </si>
  <si>
    <t>471019.0</t>
  </si>
  <si>
    <t>250.89</t>
  </si>
  <si>
    <t>1338575.0</t>
  </si>
  <si>
    <t>478206.0</t>
  </si>
  <si>
    <t>471031.0</t>
  </si>
  <si>
    <t>1339233.0</t>
  </si>
  <si>
    <t>478214.0</t>
  </si>
  <si>
    <t>251.13</t>
  </si>
  <si>
    <t>1339497.0</t>
  </si>
  <si>
    <t>478224.0</t>
  </si>
  <si>
    <t>471041.0</t>
  </si>
  <si>
    <t>251.17</t>
  </si>
  <si>
    <t>1339688.0</t>
  </si>
  <si>
    <t>478229.0</t>
  </si>
  <si>
    <t>471045.0</t>
  </si>
  <si>
    <t>1314.84943548856</t>
  </si>
  <si>
    <t>1340378.0</t>
  </si>
  <si>
    <t>478235.0</t>
  </si>
  <si>
    <t>471051.0</t>
  </si>
  <si>
    <t>251.34</t>
  </si>
  <si>
    <t>1340871.0</t>
  </si>
  <si>
    <t>478239.0</t>
  </si>
  <si>
    <t>471053.0</t>
  </si>
  <si>
    <t>1341373.0</t>
  </si>
  <si>
    <t>478243.0</t>
  </si>
  <si>
    <t>471058.0</t>
  </si>
  <si>
    <t>251.53</t>
  </si>
  <si>
    <t>1341853.0</t>
  </si>
  <si>
    <t>478252.0</t>
  </si>
  <si>
    <t>471066.0</t>
  </si>
  <si>
    <t>251.62</t>
  </si>
  <si>
    <t>1342310.0</t>
  </si>
  <si>
    <t>478257.0</t>
  </si>
  <si>
    <t>471068.0</t>
  </si>
  <si>
    <t>1342606.0</t>
  </si>
  <si>
    <t>478265.0</t>
  </si>
  <si>
    <t>471080.0</t>
  </si>
  <si>
    <t>251.76</t>
  </si>
  <si>
    <t>1342696.0</t>
  </si>
  <si>
    <t>478266.0</t>
  </si>
  <si>
    <t>471083.0</t>
  </si>
  <si>
    <t>251.77</t>
  </si>
  <si>
    <t>1343194.0</t>
  </si>
  <si>
    <t>478271.0</t>
  </si>
  <si>
    <t>471085.0</t>
  </si>
  <si>
    <t>1343752.0</t>
  </si>
  <si>
    <t>478274.0</t>
  </si>
  <si>
    <t>471090.0</t>
  </si>
  <si>
    <t>251.97</t>
  </si>
  <si>
    <t>1344146.0</t>
  </si>
  <si>
    <t>478280.0</t>
  </si>
  <si>
    <t>471097.0</t>
  </si>
  <si>
    <t>471098.0</t>
  </si>
  <si>
    <t>1345046.0</t>
  </si>
  <si>
    <t>478303.0</t>
  </si>
  <si>
    <t>471117.0</t>
  </si>
  <si>
    <t>1362417.0</t>
  </si>
  <si>
    <t>478304.0</t>
  </si>
  <si>
    <t>471118.0</t>
  </si>
  <si>
    <t>447376.0</t>
  </si>
  <si>
    <t>1363217.0</t>
  </si>
  <si>
    <t>478311.0</t>
  </si>
  <si>
    <t>471124.0</t>
  </si>
  <si>
    <t>448163.0</t>
  </si>
  <si>
    <t>255.62</t>
  </si>
  <si>
    <t>1363880.0</t>
  </si>
  <si>
    <t>471127.0</t>
  </si>
  <si>
    <t>255.75</t>
  </si>
  <si>
    <t>1364454.0</t>
  </si>
  <si>
    <t>471133.0</t>
  </si>
  <si>
    <t>449379.0</t>
  </si>
  <si>
    <t>255.85</t>
  </si>
  <si>
    <t>1365030.0</t>
  </si>
  <si>
    <t>478326.0</t>
  </si>
  <si>
    <t>471139.0</t>
  </si>
  <si>
    <t>449946.0</t>
  </si>
  <si>
    <t>1365253.0</t>
  </si>
  <si>
    <t>478330.0</t>
  </si>
  <si>
    <t>471144.0</t>
  </si>
  <si>
    <t>450160.0</t>
  </si>
  <si>
    <t>1365380.0</t>
  </si>
  <si>
    <t>471146.0</t>
  </si>
  <si>
    <t>450285.0</t>
  </si>
  <si>
    <t>256.03</t>
  </si>
  <si>
    <t>1366047.0</t>
  </si>
  <si>
    <t>478333.0</t>
  </si>
  <si>
    <t>471149.0</t>
  </si>
  <si>
    <t>450946.0</t>
  </si>
  <si>
    <t>256.15</t>
  </si>
  <si>
    <t>1366594.0</t>
  </si>
  <si>
    <t>478341.0</t>
  </si>
  <si>
    <t>451476.0</t>
  </si>
  <si>
    <t>256.26</t>
  </si>
  <si>
    <t>1367380.0</t>
  </si>
  <si>
    <t>478345.0</t>
  </si>
  <si>
    <t>471162.0</t>
  </si>
  <si>
    <t>452254.0</t>
  </si>
  <si>
    <t>256.4</t>
  </si>
  <si>
    <t>1367903.0</t>
  </si>
  <si>
    <t>478352.0</t>
  </si>
  <si>
    <t>471164.0</t>
  </si>
  <si>
    <t>452768.0</t>
  </si>
  <si>
    <t>1368594.0</t>
  </si>
  <si>
    <t>478355.0</t>
  </si>
  <si>
    <t>471169.0</t>
  </si>
  <si>
    <t>453451.0</t>
  </si>
  <si>
    <t>256.63</t>
  </si>
  <si>
    <t>1368799.0</t>
  </si>
  <si>
    <t>478362.0</t>
  </si>
  <si>
    <t>471177.0</t>
  </si>
  <si>
    <t>453641.0</t>
  </si>
  <si>
    <t>256.67</t>
  </si>
  <si>
    <t>1368961.0</t>
  </si>
  <si>
    <t>453803.0</t>
  </si>
  <si>
    <t>256.7</t>
  </si>
  <si>
    <t>1369465.0</t>
  </si>
  <si>
    <t>478366.0</t>
  </si>
  <si>
    <t>454301.0</t>
  </si>
  <si>
    <t>256.79</t>
  </si>
  <si>
    <t>1370006.0</t>
  </si>
  <si>
    <t>478384.0</t>
  </si>
  <si>
    <t>471191.0</t>
  </si>
  <si>
    <t>454812.0</t>
  </si>
  <si>
    <t>1370451.0</t>
  </si>
  <si>
    <t>478393.0</t>
  </si>
  <si>
    <t>471195.0</t>
  </si>
  <si>
    <t>455244.0</t>
  </si>
  <si>
    <t>1370826.0</t>
  </si>
  <si>
    <t>478400.0</t>
  </si>
  <si>
    <t>471201.0</t>
  </si>
  <si>
    <t>455606.0</t>
  </si>
  <si>
    <t>257.05</t>
  </si>
  <si>
    <t>1371335.0</t>
  </si>
  <si>
    <t>478401.0</t>
  </si>
  <si>
    <t>456111.0</t>
  </si>
  <si>
    <t>257.14</t>
  </si>
  <si>
    <t>1371371.0</t>
  </si>
  <si>
    <t>478403.0</t>
  </si>
  <si>
    <t>471206.0</t>
  </si>
  <si>
    <t>456143.0</t>
  </si>
  <si>
    <t>1371383.0</t>
  </si>
  <si>
    <t>456155.0</t>
  </si>
  <si>
    <t>1371855.0</t>
  </si>
  <si>
    <t>478404.0</t>
  </si>
  <si>
    <t>471208.0</t>
  </si>
  <si>
    <t>456624.0</t>
  </si>
  <si>
    <t>257.24</t>
  </si>
  <si>
    <t>1372092.0</t>
  </si>
  <si>
    <t>456861.0</t>
  </si>
  <si>
    <t>257.29</t>
  </si>
  <si>
    <t>1372447.0</t>
  </si>
  <si>
    <t>478417.0</t>
  </si>
  <si>
    <t>471219.0</t>
  </si>
  <si>
    <t>457192.0</t>
  </si>
  <si>
    <t>257.35</t>
  </si>
  <si>
    <t>1373248.0</t>
  </si>
  <si>
    <t>478434.0</t>
  </si>
  <si>
    <t>471233.0</t>
  </si>
  <si>
    <t>457962.0</t>
  </si>
  <si>
    <t>257.5</t>
  </si>
  <si>
    <t>1373294.0</t>
  </si>
  <si>
    <t>478442.0</t>
  </si>
  <si>
    <t>471239.0</t>
  </si>
  <si>
    <t>457994.0</t>
  </si>
  <si>
    <t>257.51</t>
  </si>
  <si>
    <t>1373303.0</t>
  </si>
  <si>
    <t>478444.0</t>
  </si>
  <si>
    <t>471241.0</t>
  </si>
  <si>
    <t>1373656.0</t>
  </si>
  <si>
    <t>478446.0</t>
  </si>
  <si>
    <t>471243.0</t>
  </si>
  <si>
    <t>458348.0</t>
  </si>
  <si>
    <t>257.58</t>
  </si>
  <si>
    <t>1373958.0</t>
  </si>
  <si>
    <t>478447.0</t>
  </si>
  <si>
    <t>471244.0</t>
  </si>
  <si>
    <t>458648.0</t>
  </si>
  <si>
    <t>257.64</t>
  </si>
  <si>
    <t>1374238.0</t>
  </si>
  <si>
    <t>478449.0</t>
  </si>
  <si>
    <t>471246.0</t>
  </si>
  <si>
    <t>1374429.0</t>
  </si>
  <si>
    <t>459115.0</t>
  </si>
  <si>
    <t>257.72</t>
  </si>
  <si>
    <t>1374710.0</t>
  </si>
  <si>
    <t>478453.0</t>
  </si>
  <si>
    <t>471250.0</t>
  </si>
  <si>
    <t>459388.0</t>
  </si>
  <si>
    <t>257.78</t>
  </si>
  <si>
    <t>1374754.0</t>
  </si>
  <si>
    <t>478457.0</t>
  </si>
  <si>
    <t>471252.0</t>
  </si>
  <si>
    <t>459426.0</t>
  </si>
  <si>
    <t>257.79</t>
  </si>
  <si>
    <t>1374793.0</t>
  </si>
  <si>
    <t>471254.0</t>
  </si>
  <si>
    <t>459463.0</t>
  </si>
  <si>
    <t>1374834.0</t>
  </si>
  <si>
    <t>478458.0</t>
  </si>
  <si>
    <t>471255.0</t>
  </si>
  <si>
    <t>459502.0</t>
  </si>
  <si>
    <t>257.8</t>
  </si>
  <si>
    <t>1374836.0</t>
  </si>
  <si>
    <t>478459.0</t>
  </si>
  <si>
    <t>459503.0</t>
  </si>
  <si>
    <t>1375163.0</t>
  </si>
  <si>
    <t>478465.0</t>
  </si>
  <si>
    <t>471259.0</t>
  </si>
  <si>
    <t>459820.0</t>
  </si>
  <si>
    <t>257.86</t>
  </si>
  <si>
    <t>1375243.0</t>
  </si>
  <si>
    <t>478467.0</t>
  </si>
  <si>
    <t>471261.0</t>
  </si>
  <si>
    <t>459896.0</t>
  </si>
  <si>
    <t>257.88</t>
  </si>
  <si>
    <t>1375284.0</t>
  </si>
  <si>
    <t>478472.0</t>
  </si>
  <si>
    <t>471267.0</t>
  </si>
  <si>
    <t>459926.0</t>
  </si>
  <si>
    <t>257.89</t>
  </si>
  <si>
    <t>1375388.0</t>
  </si>
  <si>
    <t>478481.0</t>
  </si>
  <si>
    <t>471269.0</t>
  </si>
  <si>
    <t>460019.0</t>
  </si>
  <si>
    <t>1375395.0</t>
  </si>
  <si>
    <t>478482.0</t>
  </si>
  <si>
    <t>471271.0</t>
  </si>
  <si>
    <t>460023.0</t>
  </si>
  <si>
    <t>257.91</t>
  </si>
  <si>
    <t>1375727.0</t>
  </si>
  <si>
    <t>478487.0</t>
  </si>
  <si>
    <t>471277.0</t>
  </si>
  <si>
    <t>460344.0</t>
  </si>
  <si>
    <t>1375920.0</t>
  </si>
  <si>
    <t>471283.0</t>
  </si>
  <si>
    <t>460523.0</t>
  </si>
  <si>
    <t>1376068.0</t>
  </si>
  <si>
    <t>478503.0</t>
  </si>
  <si>
    <t>471290.0</t>
  </si>
  <si>
    <t>460656.0</t>
  </si>
  <si>
    <t>258.03</t>
  </si>
  <si>
    <t>1376176.0</t>
  </si>
  <si>
    <t>478510.0</t>
  </si>
  <si>
    <t>471295.0</t>
  </si>
  <si>
    <t>460752.0</t>
  </si>
  <si>
    <t>258.05</t>
  </si>
  <si>
    <t>1376203.0</t>
  </si>
  <si>
    <t>478518.0</t>
  </si>
  <si>
    <t>471296.0</t>
  </si>
  <si>
    <t>460770.0</t>
  </si>
  <si>
    <t>1376206.0</t>
  </si>
  <si>
    <t>478519.0</t>
  </si>
  <si>
    <t>471297.0</t>
  </si>
  <si>
    <t>460771.0</t>
  </si>
  <si>
    <t>1376376.0</t>
  </si>
  <si>
    <t>478521.0</t>
  </si>
  <si>
    <t>460937.0</t>
  </si>
  <si>
    <t>1376722.0</t>
  </si>
  <si>
    <t>478530.0</t>
  </si>
  <si>
    <t>471308.0</t>
  </si>
  <si>
    <t>461265.0</t>
  </si>
  <si>
    <t>258.15</t>
  </si>
  <si>
    <t>1376806.0</t>
  </si>
  <si>
    <t>478541.0</t>
  </si>
  <si>
    <t>471317.0</t>
  </si>
  <si>
    <t>461329.0</t>
  </si>
  <si>
    <t>258.17</t>
  </si>
  <si>
    <t>1376872.0</t>
  </si>
  <si>
    <t>478544.0</t>
  </si>
  <si>
    <t>461389.0</t>
  </si>
  <si>
    <t>258.18</t>
  </si>
  <si>
    <t>1376924.0</t>
  </si>
  <si>
    <t>478553.0</t>
  </si>
  <si>
    <t>471326.0</t>
  </si>
  <si>
    <t>461426.0</t>
  </si>
  <si>
    <t>258.19</t>
  </si>
  <si>
    <t>1376966.0</t>
  </si>
  <si>
    <t>461468.0</t>
  </si>
  <si>
    <t>1377032.0</t>
  </si>
  <si>
    <t>478560.0</t>
  </si>
  <si>
    <t>471332.0</t>
  </si>
  <si>
    <t>461521.0</t>
  </si>
  <si>
    <t>258.21</t>
  </si>
  <si>
    <t>1377165.0</t>
  </si>
  <si>
    <t>478561.0</t>
  </si>
  <si>
    <t>471333.0</t>
  </si>
  <si>
    <t>461652.0</t>
  </si>
  <si>
    <t>258.24</t>
  </si>
  <si>
    <t>1377291.0</t>
  </si>
  <si>
    <t>478567.0</t>
  </si>
  <si>
    <t>471336.0</t>
  </si>
  <si>
    <t>461769.0</t>
  </si>
  <si>
    <t>258.26</t>
  </si>
  <si>
    <t>MHL</t>
  </si>
  <si>
    <t>Marshall Islands</t>
  </si>
  <si>
    <t>64.162</t>
  </si>
  <si>
    <t>75.719</t>
  </si>
  <si>
    <t>9.322</t>
  </si>
  <si>
    <t>MRT</t>
  </si>
  <si>
    <t>Mauritania</t>
  </si>
  <si>
    <t>356.6</t>
  </si>
  <si>
    <t>482.5</t>
  </si>
  <si>
    <t>35765.0</t>
  </si>
  <si>
    <t>39398.0</t>
  </si>
  <si>
    <t>41862.0</t>
  </si>
  <si>
    <t>9.448</t>
  </si>
  <si>
    <t>44350.0</t>
  </si>
  <si>
    <t>10.077</t>
  </si>
  <si>
    <t>47355.0</t>
  </si>
  <si>
    <t>48037.0</t>
  </si>
  <si>
    <t>11.115</t>
  </si>
  <si>
    <t>56615.0</t>
  </si>
  <si>
    <t>58285.0</t>
  </si>
  <si>
    <t>59172.0</t>
  </si>
  <si>
    <t>61293.0</t>
  </si>
  <si>
    <t>13.281</t>
  </si>
  <si>
    <t>62650.0</t>
  </si>
  <si>
    <t>63494.0</t>
  </si>
  <si>
    <t>64723.0</t>
  </si>
  <si>
    <t>65238.0</t>
  </si>
  <si>
    <t>14.136</t>
  </si>
  <si>
    <t>14.338</t>
  </si>
  <si>
    <t>66540.0</t>
  </si>
  <si>
    <t>14.536</t>
  </si>
  <si>
    <t>67415.0</t>
  </si>
  <si>
    <t>14.608</t>
  </si>
  <si>
    <t>67832.0</t>
  </si>
  <si>
    <t>67962.0</t>
  </si>
  <si>
    <t>68086.0</t>
  </si>
  <si>
    <t>68492.0</t>
  </si>
  <si>
    <t>68872.0</t>
  </si>
  <si>
    <t>14.924</t>
  </si>
  <si>
    <t>72760.0</t>
  </si>
  <si>
    <t>15.766</t>
  </si>
  <si>
    <t>76110.0</t>
  </si>
  <si>
    <t>16.492</t>
  </si>
  <si>
    <t>76483.0</t>
  </si>
  <si>
    <t>16.573</t>
  </si>
  <si>
    <t>76784.0</t>
  </si>
  <si>
    <t>16.638</t>
  </si>
  <si>
    <t>77298.0</t>
  </si>
  <si>
    <t>16.837</t>
  </si>
  <si>
    <t>77970.0</t>
  </si>
  <si>
    <t>79835.0</t>
  </si>
  <si>
    <t>17.299</t>
  </si>
  <si>
    <t>17.346</t>
  </si>
  <si>
    <t>80362.0</t>
  </si>
  <si>
    <t>80832.0</t>
  </si>
  <si>
    <t>17.515</t>
  </si>
  <si>
    <t>81120.0</t>
  </si>
  <si>
    <t>82098.0</t>
  </si>
  <si>
    <t>17.789</t>
  </si>
  <si>
    <t>87552.0</t>
  </si>
  <si>
    <t>18.971</t>
  </si>
  <si>
    <t>87633.0</t>
  </si>
  <si>
    <t>88310.0</t>
  </si>
  <si>
    <t>19.136</t>
  </si>
  <si>
    <t>97537.0</t>
  </si>
  <si>
    <t>98641.0</t>
  </si>
  <si>
    <t>21.374</t>
  </si>
  <si>
    <t>103229.0</t>
  </si>
  <si>
    <t>22.368</t>
  </si>
  <si>
    <t>104129.0</t>
  </si>
  <si>
    <t>22.563</t>
  </si>
  <si>
    <t>104875.0</t>
  </si>
  <si>
    <t>22.725</t>
  </si>
  <si>
    <t>34.812</t>
  </si>
  <si>
    <t>164521.0</t>
  </si>
  <si>
    <t>35.649</t>
  </si>
  <si>
    <t>170574.0</t>
  </si>
  <si>
    <t>36.961</t>
  </si>
  <si>
    <t>173801.0</t>
  </si>
  <si>
    <t>178831.0</t>
  </si>
  <si>
    <t>183648.0</t>
  </si>
  <si>
    <t>39.794</t>
  </si>
  <si>
    <t>194127.0</t>
  </si>
  <si>
    <t>42.065</t>
  </si>
  <si>
    <t>194801.0</t>
  </si>
  <si>
    <t>42.211</t>
  </si>
  <si>
    <t>204492.0</t>
  </si>
  <si>
    <t>212206.0</t>
  </si>
  <si>
    <t>45.982</t>
  </si>
  <si>
    <t>224222.0</t>
  </si>
  <si>
    <t>48.586</t>
  </si>
  <si>
    <t>233820.0</t>
  </si>
  <si>
    <t>254282.0</t>
  </si>
  <si>
    <t>55.099</t>
  </si>
  <si>
    <t>28770.0</t>
  </si>
  <si>
    <t>22360.0</t>
  </si>
  <si>
    <t>44628.0</t>
  </si>
  <si>
    <t>39801.0</t>
  </si>
  <si>
    <t>49235.0</t>
  </si>
  <si>
    <t>42333.0</t>
  </si>
  <si>
    <t>142362.0</t>
  </si>
  <si>
    <t>135460.0</t>
  </si>
  <si>
    <t>161082.0</t>
  </si>
  <si>
    <t>160481.0</t>
  </si>
  <si>
    <t>174628.0</t>
  </si>
  <si>
    <t>163150.0</t>
  </si>
  <si>
    <t>176337.0</t>
  </si>
  <si>
    <t>164213.0</t>
  </si>
  <si>
    <t>178928.0</t>
  </si>
  <si>
    <t>166277.0</t>
  </si>
  <si>
    <t>182642.0</t>
  </si>
  <si>
    <t>169595.0</t>
  </si>
  <si>
    <t>189076.0</t>
  </si>
  <si>
    <t>174957.0</t>
  </si>
  <si>
    <t>190950.0</t>
  </si>
  <si>
    <t>176294.0</t>
  </si>
  <si>
    <t>192094.0</t>
  </si>
  <si>
    <t>177259.0</t>
  </si>
  <si>
    <t>193776.0</t>
  </si>
  <si>
    <t>178483.0</t>
  </si>
  <si>
    <t>219338.0</t>
  </si>
  <si>
    <t>236578.0</t>
  </si>
  <si>
    <t>215782.0</t>
  </si>
  <si>
    <t>242626.0</t>
  </si>
  <si>
    <t>221081.0</t>
  </si>
  <si>
    <t>253336.0</t>
  </si>
  <si>
    <t>254155.0</t>
  </si>
  <si>
    <t>228536.0</t>
  </si>
  <si>
    <t>265877.0</t>
  </si>
  <si>
    <t>306666.0</t>
  </si>
  <si>
    <t>285121.0</t>
  </si>
  <si>
    <t>333089.0</t>
  </si>
  <si>
    <t>311544.0</t>
  </si>
  <si>
    <t>21838.0</t>
  </si>
  <si>
    <t>39272.0</t>
  </si>
  <si>
    <t>56705.0</t>
  </si>
  <si>
    <t>65422.0</t>
  </si>
  <si>
    <t>13813.0</t>
  </si>
  <si>
    <t>1118158.0</t>
  </si>
  <si>
    <t>569587.0</t>
  </si>
  <si>
    <t>57691.0</t>
  </si>
  <si>
    <t>42228.0</t>
  </si>
  <si>
    <t>34497.0</t>
  </si>
  <si>
    <t>1298995.0</t>
  </si>
  <si>
    <t>711425.0</t>
  </si>
  <si>
    <t>587570.0</t>
  </si>
  <si>
    <t>1300831.0</t>
  </si>
  <si>
    <t>712117.0</t>
  </si>
  <si>
    <t>588714.0</t>
  </si>
  <si>
    <t>23219.0</t>
  </si>
  <si>
    <t>1556245.0</t>
  </si>
  <si>
    <t>938294.0</t>
  </si>
  <si>
    <t>617951.0</t>
  </si>
  <si>
    <t>1625803.0</t>
  </si>
  <si>
    <t>1002548.0</t>
  </si>
  <si>
    <t>623255.0</t>
  </si>
  <si>
    <t>1679943.0</t>
  </si>
  <si>
    <t>1020381.0</t>
  </si>
  <si>
    <t>659562.0</t>
  </si>
  <si>
    <t>1683625.0</t>
  </si>
  <si>
    <t>1023425.0</t>
  </si>
  <si>
    <t>660200.0</t>
  </si>
  <si>
    <t>1694010.0</t>
  </si>
  <si>
    <t>1030659.0</t>
  </si>
  <si>
    <t>663351.0</t>
  </si>
  <si>
    <t>1705013.0</t>
  </si>
  <si>
    <t>1715120.0</t>
  </si>
  <si>
    <t>1046262.0</t>
  </si>
  <si>
    <t>668858.0</t>
  </si>
  <si>
    <t>1725899.0</t>
  </si>
  <si>
    <t>1054378.0</t>
  </si>
  <si>
    <t>671521.0</t>
  </si>
  <si>
    <t>1734046.0</t>
  </si>
  <si>
    <t>1060233.0</t>
  </si>
  <si>
    <t>673813.0</t>
  </si>
  <si>
    <t>1759659.0</t>
  </si>
  <si>
    <t>1075584.0</t>
  </si>
  <si>
    <t>684075.0</t>
  </si>
  <si>
    <t>1782657.0</t>
  </si>
  <si>
    <t>1088628.0</t>
  </si>
  <si>
    <t>694029.0</t>
  </si>
  <si>
    <t>1795467.0</t>
  </si>
  <si>
    <t>1097581.0</t>
  </si>
  <si>
    <t>697886.0</t>
  </si>
  <si>
    <t>1812604.0</t>
  </si>
  <si>
    <t>1106694.0</t>
  </si>
  <si>
    <t>1814988.0</t>
  </si>
  <si>
    <t>1107814.0</t>
  </si>
  <si>
    <t>707174.0</t>
  </si>
  <si>
    <t>1820362.0</t>
  </si>
  <si>
    <t>1110533.0</t>
  </si>
  <si>
    <t>709829.0</t>
  </si>
  <si>
    <t>1824139.0</t>
  </si>
  <si>
    <t>1112438.0</t>
  </si>
  <si>
    <t>711701.0</t>
  </si>
  <si>
    <t>1838424.0</t>
  </si>
  <si>
    <t>1117799.0</t>
  </si>
  <si>
    <t>720625.0</t>
  </si>
  <si>
    <t>1843386.0</t>
  </si>
  <si>
    <t>1119680.0</t>
  </si>
  <si>
    <t>723706.0</t>
  </si>
  <si>
    <t>1937226.0</t>
  </si>
  <si>
    <t>1166230.0</t>
  </si>
  <si>
    <t>767082.0</t>
  </si>
  <si>
    <t>1384764.0</t>
  </si>
  <si>
    <t>922651.0</t>
  </si>
  <si>
    <t>35722.0</t>
  </si>
  <si>
    <t>34648.0</t>
  </si>
  <si>
    <t>23757.0</t>
  </si>
  <si>
    <t>0.5458</t>
  </si>
  <si>
    <t>0.5763</t>
  </si>
  <si>
    <t>0.5718</t>
  </si>
  <si>
    <t>0.5557</t>
  </si>
  <si>
    <t>763203.0</t>
  </si>
  <si>
    <t>165.375</t>
  </si>
  <si>
    <t>0.5285</t>
  </si>
  <si>
    <t>955826.0</t>
  </si>
  <si>
    <t>796665.0</t>
  </si>
  <si>
    <t>172.626</t>
  </si>
  <si>
    <t>800762.0</t>
  </si>
  <si>
    <t>173.514</t>
  </si>
  <si>
    <t>811083.0</t>
  </si>
  <si>
    <t>1462711.0</t>
  </si>
  <si>
    <t>975826.0</t>
  </si>
  <si>
    <t>813897.0</t>
  </si>
  <si>
    <t>820383.0</t>
  </si>
  <si>
    <t>177.765</t>
  </si>
  <si>
    <t>828868.0</t>
  </si>
  <si>
    <t>179.604</t>
  </si>
  <si>
    <t>831368.0</t>
  </si>
  <si>
    <t>180.146</t>
  </si>
  <si>
    <t>833828.0</t>
  </si>
  <si>
    <t>180.679</t>
  </si>
  <si>
    <t>839404.0</t>
  </si>
  <si>
    <t>181.887</t>
  </si>
  <si>
    <t>844397.0</t>
  </si>
  <si>
    <t>182.969</t>
  </si>
  <si>
    <t>1496690.0</t>
  </si>
  <si>
    <t>1002330.0</t>
  </si>
  <si>
    <t>850870.0</t>
  </si>
  <si>
    <t>184.372</t>
  </si>
  <si>
    <t>855121.0</t>
  </si>
  <si>
    <t>859442.0</t>
  </si>
  <si>
    <t>186.229</t>
  </si>
  <si>
    <t>1505964.0</t>
  </si>
  <si>
    <t>1009599.0</t>
  </si>
  <si>
    <t>863653.0</t>
  </si>
  <si>
    <t>187.141</t>
  </si>
  <si>
    <t>224.4</t>
  </si>
  <si>
    <t>870052.0</t>
  </si>
  <si>
    <t>338.1</t>
  </si>
  <si>
    <t>875475.0</t>
  </si>
  <si>
    <t>189.703</t>
  </si>
  <si>
    <t>1520227.0</t>
  </si>
  <si>
    <t>1024055.0</t>
  </si>
  <si>
    <t>190.51</t>
  </si>
  <si>
    <t>881238.0</t>
  </si>
  <si>
    <t>190.952</t>
  </si>
  <si>
    <t>475.8</t>
  </si>
  <si>
    <t>887497.0</t>
  </si>
  <si>
    <t>192.308</t>
  </si>
  <si>
    <t>625.6</t>
  </si>
  <si>
    <t>888998.0</t>
  </si>
  <si>
    <t>192.633</t>
  </si>
  <si>
    <t>893.8</t>
  </si>
  <si>
    <t>1539645.0</t>
  </si>
  <si>
    <t>1043548.0</t>
  </si>
  <si>
    <t>750.8</t>
  </si>
  <si>
    <t>894027.0</t>
  </si>
  <si>
    <t>193.723</t>
  </si>
  <si>
    <t>806.9</t>
  </si>
  <si>
    <t>895882.0</t>
  </si>
  <si>
    <t>194.125</t>
  </si>
  <si>
    <t>606.1</t>
  </si>
  <si>
    <t>897204.0</t>
  </si>
  <si>
    <t>194.411</t>
  </si>
  <si>
    <t>898624.0</t>
  </si>
  <si>
    <t>194.719</t>
  </si>
  <si>
    <t>566.1</t>
  </si>
  <si>
    <t>899945.0</t>
  </si>
  <si>
    <t>195.005</t>
  </si>
  <si>
    <t>487.8</t>
  </si>
  <si>
    <t>1544003.0</t>
  </si>
  <si>
    <t>1049189.0</t>
  </si>
  <si>
    <t>554.2</t>
  </si>
  <si>
    <t>470.6</t>
  </si>
  <si>
    <t>903771.0</t>
  </si>
  <si>
    <t>195.834</t>
  </si>
  <si>
    <t>464.3</t>
  </si>
  <si>
    <t>904710.0</t>
  </si>
  <si>
    <t>196.038</t>
  </si>
  <si>
    <t>906072.0</t>
  </si>
  <si>
    <t>196.333</t>
  </si>
  <si>
    <t>932.3</t>
  </si>
  <si>
    <t>1551049.0</t>
  </si>
  <si>
    <t>1054562.0</t>
  </si>
  <si>
    <t>1281.2</t>
  </si>
  <si>
    <t>1840.6</t>
  </si>
  <si>
    <t>2340.3</t>
  </si>
  <si>
    <t>1760.1</t>
  </si>
  <si>
    <t>913633.0</t>
  </si>
  <si>
    <t>1553213.0</t>
  </si>
  <si>
    <t>1057009.0</t>
  </si>
  <si>
    <t>1277.3</t>
  </si>
  <si>
    <t>1254.9</t>
  </si>
  <si>
    <t>916953.0</t>
  </si>
  <si>
    <t>198.691</t>
  </si>
  <si>
    <t>1231.1</t>
  </si>
  <si>
    <t>40677.0</t>
  </si>
  <si>
    <t>1315.2</t>
  </si>
  <si>
    <t>1091.1</t>
  </si>
  <si>
    <t>865.1</t>
  </si>
  <si>
    <t>892.8</t>
  </si>
  <si>
    <t>1558039.0</t>
  </si>
  <si>
    <t>1062534.0</t>
  </si>
  <si>
    <t>43146.0</t>
  </si>
  <si>
    <t>917329.0</t>
  </si>
  <si>
    <t>198.772</t>
  </si>
  <si>
    <t>2118211.0</t>
  </si>
  <si>
    <t>1559947.0</t>
  </si>
  <si>
    <t>1064901.0</t>
  </si>
  <si>
    <t>918770.0</t>
  </si>
  <si>
    <t>402.8</t>
  </si>
  <si>
    <t>1846.2</t>
  </si>
  <si>
    <t>1167.8</t>
  </si>
  <si>
    <t>1409.1</t>
  </si>
  <si>
    <t>921994.0</t>
  </si>
  <si>
    <t>199.783</t>
  </si>
  <si>
    <t>705.8</t>
  </si>
  <si>
    <t>847.6</t>
  </si>
  <si>
    <t>1319.3</t>
  </si>
  <si>
    <t>2262.2</t>
  </si>
  <si>
    <t>2545.5</t>
  </si>
  <si>
    <t>2828.7</t>
  </si>
  <si>
    <t>3115.4</t>
  </si>
  <si>
    <t>3398.6</t>
  </si>
  <si>
    <t>2265.7</t>
  </si>
  <si>
    <t>1561597.0</t>
  </si>
  <si>
    <t>1066564.0</t>
  </si>
  <si>
    <t>1702.3</t>
  </si>
  <si>
    <t>1361.3</t>
  </si>
  <si>
    <t>1567041.0</t>
  </si>
  <si>
    <t>1068149.0</t>
  </si>
  <si>
    <t>1567060.0</t>
  </si>
  <si>
    <t>1068169.0</t>
  </si>
  <si>
    <t>2650000.0</t>
  </si>
  <si>
    <t>1081845.0</t>
  </si>
  <si>
    <t>20377.0</t>
  </si>
  <si>
    <t>961836.0</t>
  </si>
  <si>
    <t>208.416</t>
  </si>
  <si>
    <t>2838929.0</t>
  </si>
  <si>
    <t>213042.0</t>
  </si>
  <si>
    <t>23276.0</t>
  </si>
  <si>
    <t>983046.0</t>
  </si>
  <si>
    <t>213.012</t>
  </si>
  <si>
    <t>329.2</t>
  </si>
  <si>
    <t>984684.0</t>
  </si>
  <si>
    <t>213.367</t>
  </si>
  <si>
    <t>300.6</t>
  </si>
  <si>
    <t>2845889.0</t>
  </si>
  <si>
    <t>1924472.0</t>
  </si>
  <si>
    <t>1332013.0</t>
  </si>
  <si>
    <t>215488.0</t>
  </si>
  <si>
    <t>988003.0</t>
  </si>
  <si>
    <t>214.086</t>
  </si>
  <si>
    <t>991334.0</t>
  </si>
  <si>
    <t>214.808</t>
  </si>
  <si>
    <t>993570.0</t>
  </si>
  <si>
    <t>215.293</t>
  </si>
  <si>
    <t>2850398.0</t>
  </si>
  <si>
    <t>1925871.0</t>
  </si>
  <si>
    <t>1332967.0</t>
  </si>
  <si>
    <t>215817.0</t>
  </si>
  <si>
    <t>996621.0</t>
  </si>
  <si>
    <t>215.954</t>
  </si>
  <si>
    <t>998154.0</t>
  </si>
  <si>
    <t>216.286</t>
  </si>
  <si>
    <t>1927038.0</t>
  </si>
  <si>
    <t>1334032.0</t>
  </si>
  <si>
    <t>216491.0</t>
  </si>
  <si>
    <t>2853551.0</t>
  </si>
  <si>
    <t>1927473.0</t>
  </si>
  <si>
    <t>1334465.0</t>
  </si>
  <si>
    <t>216764.0</t>
  </si>
  <si>
    <t>1928484.0</t>
  </si>
  <si>
    <t>1335276.0</t>
  </si>
  <si>
    <t>217063.0</t>
  </si>
  <si>
    <t>3052866.0</t>
  </si>
  <si>
    <t>1992317.0</t>
  </si>
  <si>
    <t>1410195.0</t>
  </si>
  <si>
    <t>3085578.0</t>
  </si>
  <si>
    <t>2004100.0</t>
  </si>
  <si>
    <t>1423733.0</t>
  </si>
  <si>
    <t>3251620.0</t>
  </si>
  <si>
    <t>2005049.0</t>
  </si>
  <si>
    <t>1423899.0</t>
  </si>
  <si>
    <t>3252274.0</t>
  </si>
  <si>
    <t>2005923.0</t>
  </si>
  <si>
    <t>1424532.0</t>
  </si>
  <si>
    <t>294569.0</t>
  </si>
  <si>
    <t>2006570.0</t>
  </si>
  <si>
    <t>1424954.0</t>
  </si>
  <si>
    <t>294874.0</t>
  </si>
  <si>
    <t>2008576.0</t>
  </si>
  <si>
    <t>1426547.0</t>
  </si>
  <si>
    <t>295764.0</t>
  </si>
  <si>
    <t>3257690.0</t>
  </si>
  <si>
    <t>2008905.0</t>
  </si>
  <si>
    <t>1426769.0</t>
  </si>
  <si>
    <t>295856.0</t>
  </si>
  <si>
    <t>3459268.0</t>
  </si>
  <si>
    <t>2055002.0</t>
  </si>
  <si>
    <t>1493749.0</t>
  </si>
  <si>
    <t>365327.0</t>
  </si>
  <si>
    <t>47209.0</t>
  </si>
  <si>
    <t>55411.0</t>
  </si>
  <si>
    <t>63614.0</t>
  </si>
  <si>
    <t>3961981.0</t>
  </si>
  <si>
    <t>2055354.0</t>
  </si>
  <si>
    <t>1493969.0</t>
  </si>
  <si>
    <t>365338.0</t>
  </si>
  <si>
    <t>62182.0</t>
  </si>
  <si>
    <t>4053878.0</t>
  </si>
  <si>
    <t>2096578.0</t>
  </si>
  <si>
    <t>1531866.0</t>
  </si>
  <si>
    <t>378996.0</t>
  </si>
  <si>
    <t>MUS</t>
  </si>
  <si>
    <t>Mauritius</t>
  </si>
  <si>
    <t>-97.3</t>
  </si>
  <si>
    <t>-74.876219528149</t>
  </si>
  <si>
    <t>-137.6</t>
  </si>
  <si>
    <t>-105.888672220692</t>
  </si>
  <si>
    <t>-175.3</t>
  </si>
  <si>
    <t>-134.900321513716</t>
  </si>
  <si>
    <t>-163.0</t>
  </si>
  <si>
    <t>-125.434982354453</t>
  </si>
  <si>
    <t>-233.9</t>
  </si>
  <si>
    <t>-179.995351979795</t>
  </si>
  <si>
    <t>-249.8</t>
  </si>
  <si>
    <t>-192.231034307622</t>
  </si>
  <si>
    <t>-337.1</t>
  </si>
  <si>
    <t>-8.79</t>
  </si>
  <si>
    <t>-259.411856145314</t>
  </si>
  <si>
    <t>-353.8</t>
  </si>
  <si>
    <t>-272.263170288377</t>
  </si>
  <si>
    <t>-353.5</t>
  </si>
  <si>
    <t>-272.032308357664</t>
  </si>
  <si>
    <t>-384.8</t>
  </si>
  <si>
    <t>-296.118903128795</t>
  </si>
  <si>
    <t>-447.8</t>
  </si>
  <si>
    <t>-344.599908578675</t>
  </si>
  <si>
    <t>-496.6</t>
  </si>
  <si>
    <t>-3.72</t>
  </si>
  <si>
    <t>-382.153449308107</t>
  </si>
  <si>
    <t>117323.0</t>
  </si>
  <si>
    <t>-547.8</t>
  </si>
  <si>
    <t>-421.553885483248</t>
  </si>
  <si>
    <t>-603.0</t>
  </si>
  <si>
    <t>-464.032480734572</t>
  </si>
  <si>
    <t>212182.0</t>
  </si>
  <si>
    <t>400801.0</t>
  </si>
  <si>
    <t>232673.0</t>
  </si>
  <si>
    <t>-674.6</t>
  </si>
  <si>
    <t>-519.131528198246</t>
  </si>
  <si>
    <t>455242.0</t>
  </si>
  <si>
    <t>247673.0</t>
  </si>
  <si>
    <t>207569.0</t>
  </si>
  <si>
    <t>598863.0</t>
  </si>
  <si>
    <t>380362.0</t>
  </si>
  <si>
    <t>218501.0</t>
  </si>
  <si>
    <t>706948.0</t>
  </si>
  <si>
    <t>486034.0</t>
  </si>
  <si>
    <t>220914.0</t>
  </si>
  <si>
    <t>20570.0</t>
  </si>
  <si>
    <t>-649.2</t>
  </si>
  <si>
    <t>-499.585218064485</t>
  </si>
  <si>
    <t>901530.0</t>
  </si>
  <si>
    <t>596255.0</t>
  </si>
  <si>
    <t>305275.0</t>
  </si>
  <si>
    <t>1040903.0</t>
  </si>
  <si>
    <t>608103.0</t>
  </si>
  <si>
    <t>432800.0</t>
  </si>
  <si>
    <t>18626.0</t>
  </si>
  <si>
    <t>1095494.0</t>
  </si>
  <si>
    <t>613134.0</t>
  </si>
  <si>
    <t>482360.0</t>
  </si>
  <si>
    <t>1156482.0</t>
  </si>
  <si>
    <t>634013.0</t>
  </si>
  <si>
    <t>522469.0</t>
  </si>
  <si>
    <t>-743.0</t>
  </si>
  <si>
    <t>-4.06</t>
  </si>
  <si>
    <t>-571.768048400973</t>
  </si>
  <si>
    <t>1237673.0</t>
  </si>
  <si>
    <t>683642.0</t>
  </si>
  <si>
    <t>554031.0</t>
  </si>
  <si>
    <t>1297090.0</t>
  </si>
  <si>
    <t>720910.0</t>
  </si>
  <si>
    <t>576180.0</t>
  </si>
  <si>
    <t>1426429.0</t>
  </si>
  <si>
    <t>768234.0</t>
  </si>
  <si>
    <t>658195.0</t>
  </si>
  <si>
    <t>109.77</t>
  </si>
  <si>
    <t>1496498.0</t>
  </si>
  <si>
    <t>791795.0</t>
  </si>
  <si>
    <t>704703.0</t>
  </si>
  <si>
    <t>-611.8</t>
  </si>
  <si>
    <t>-470.804430702174</t>
  </si>
  <si>
    <t>1564974.0</t>
  </si>
  <si>
    <t>816020.0</t>
  </si>
  <si>
    <t>748954.0</t>
  </si>
  <si>
    <t>1591414.0</t>
  </si>
  <si>
    <t>828108.0</t>
  </si>
  <si>
    <t>763306.0</t>
  </si>
  <si>
    <t>1625865.0</t>
  </si>
  <si>
    <t>783223.0</t>
  </si>
  <si>
    <t>125.12</t>
  </si>
  <si>
    <t>1633952.0</t>
  </si>
  <si>
    <t>846158.0</t>
  </si>
  <si>
    <t>787794.0</t>
  </si>
  <si>
    <t>1655555.0</t>
  </si>
  <si>
    <t>855866.0</t>
  </si>
  <si>
    <t>799689.0</t>
  </si>
  <si>
    <t>-431.0</t>
  </si>
  <si>
    <t>-331.671640458707</t>
  </si>
  <si>
    <t>1686047.0</t>
  </si>
  <si>
    <t>870130.0</t>
  </si>
  <si>
    <t>815917.0</t>
  </si>
  <si>
    <t>1713794.0</t>
  </si>
  <si>
    <t>881907.0</t>
  </si>
  <si>
    <t>831887.0</t>
  </si>
  <si>
    <t>1725697.0</t>
  </si>
  <si>
    <t>834104.0</t>
  </si>
  <si>
    <t>1749997.0</t>
  </si>
  <si>
    <t>901578.0</t>
  </si>
  <si>
    <t>848419.0</t>
  </si>
  <si>
    <t>-188.6</t>
  </si>
  <si>
    <t>-145.135200442024</t>
  </si>
  <si>
    <t>1760061.0</t>
  </si>
  <si>
    <t>905034.0</t>
  </si>
  <si>
    <t>855027.0</t>
  </si>
  <si>
    <t>1764345.0</t>
  </si>
  <si>
    <t>906214.0</t>
  </si>
  <si>
    <t>913744.0</t>
  </si>
  <si>
    <t>878510.0</t>
  </si>
  <si>
    <t>1827407.0</t>
  </si>
  <si>
    <t>913774.0</t>
  </si>
  <si>
    <t>878513.0</t>
  </si>
  <si>
    <t>35153.0</t>
  </si>
  <si>
    <t>1875132.0</t>
  </si>
  <si>
    <t>916524.0</t>
  </si>
  <si>
    <t>644.8</t>
  </si>
  <si>
    <t>496.199243080683</t>
  </si>
  <si>
    <t>2013261.0</t>
  </si>
  <si>
    <t>2016830.0</t>
  </si>
  <si>
    <t>937052.0</t>
  </si>
  <si>
    <t>908694.0</t>
  </si>
  <si>
    <t>2036896.0</t>
  </si>
  <si>
    <t>909900.0</t>
  </si>
  <si>
    <t>156.75</t>
  </si>
  <si>
    <t>1097.6</t>
  </si>
  <si>
    <t>844.646850504587</t>
  </si>
  <si>
    <t>1184.7</t>
  </si>
  <si>
    <t>911.67376438847</t>
  </si>
  <si>
    <t>2353567.0</t>
  </si>
  <si>
    <t>181.12</t>
  </si>
  <si>
    <t>412802.0</t>
  </si>
  <si>
    <t>470252.0</t>
  </si>
  <si>
    <t>1019.64019398558</t>
  </si>
  <si>
    <t>491390.0</t>
  </si>
  <si>
    <t>359627.0</t>
  </si>
  <si>
    <t>276.867</t>
  </si>
  <si>
    <t>530381.0</t>
  </si>
  <si>
    <t>553484.0</t>
  </si>
  <si>
    <t>578268.0</t>
  </si>
  <si>
    <t>1598.9</t>
  </si>
  <si>
    <t>1230.41713672721</t>
  </si>
  <si>
    <t>1630.8</t>
  </si>
  <si>
    <t>1254.96545535977</t>
  </si>
  <si>
    <t>607749.0</t>
  </si>
  <si>
    <t>1282514.0</t>
  </si>
  <si>
    <t>987.373</t>
  </si>
  <si>
    <t>2548623.0</t>
  </si>
  <si>
    <t>976846.0</t>
  </si>
  <si>
    <t>944294.0</t>
  </si>
  <si>
    <t>620077.0</t>
  </si>
  <si>
    <t>1269.97148085616</t>
  </si>
  <si>
    <t>2551638.0</t>
  </si>
  <si>
    <t>977183.0</t>
  </si>
  <si>
    <t>944658.0</t>
  </si>
  <si>
    <t>2554648.0</t>
  </si>
  <si>
    <t>977602.0</t>
  </si>
  <si>
    <t>945000.0</t>
  </si>
  <si>
    <t>623976.0</t>
  </si>
  <si>
    <t>196.59</t>
  </si>
  <si>
    <t>1282782.0</t>
  </si>
  <si>
    <t>987.58</t>
  </si>
  <si>
    <t>2559789.0</t>
  </si>
  <si>
    <t>978297.0</t>
  </si>
  <si>
    <t>945621.0</t>
  </si>
  <si>
    <t>626856.0</t>
  </si>
  <si>
    <t>1714.8</t>
  </si>
  <si>
    <t>1319.60679595961</t>
  </si>
  <si>
    <t>2563999.0</t>
  </si>
  <si>
    <t>1021934.0</t>
  </si>
  <si>
    <t>977728.0</t>
  </si>
  <si>
    <t>197.31</t>
  </si>
  <si>
    <t>2564102.0</t>
  </si>
  <si>
    <t>629718.0</t>
  </si>
  <si>
    <t>2566599.0</t>
  </si>
  <si>
    <t>630302.0</t>
  </si>
  <si>
    <t>2569905.0</t>
  </si>
  <si>
    <t>631403.0</t>
  </si>
  <si>
    <t>2571682.0</t>
  </si>
  <si>
    <t>631830.0</t>
  </si>
  <si>
    <t>2572824.0</t>
  </si>
  <si>
    <t>632058.0</t>
  </si>
  <si>
    <t>2574154.0</t>
  </si>
  <si>
    <t>632436.0</t>
  </si>
  <si>
    <t>198.09</t>
  </si>
  <si>
    <t>2580909.0</t>
  </si>
  <si>
    <t>636805.0</t>
  </si>
  <si>
    <t>2583907.0</t>
  </si>
  <si>
    <t>2584578.0</t>
  </si>
  <si>
    <t>637295.0</t>
  </si>
  <si>
    <t>2609428.0</t>
  </si>
  <si>
    <t>1039411.0</t>
  </si>
  <si>
    <t>1002616.0</t>
  </si>
  <si>
    <t>2609899.0</t>
  </si>
  <si>
    <t>1123773.0</t>
  </si>
  <si>
    <t>1088142.0</t>
  </si>
  <si>
    <t>638510.0</t>
  </si>
  <si>
    <t>200.84</t>
  </si>
  <si>
    <t>2610884.0</t>
  </si>
  <si>
    <t>2611122.0</t>
  </si>
  <si>
    <t>638882.0</t>
  </si>
  <si>
    <t>2611353.0</t>
  </si>
  <si>
    <t>638975.0</t>
  </si>
  <si>
    <t>2612048.0</t>
  </si>
  <si>
    <t>639199.0</t>
  </si>
  <si>
    <t>2612343.0</t>
  </si>
  <si>
    <t>639277.0</t>
  </si>
  <si>
    <t>2612729.0</t>
  </si>
  <si>
    <t>639407.0</t>
  </si>
  <si>
    <t>201.06</t>
  </si>
  <si>
    <t>MEX</t>
  </si>
  <si>
    <t>Mexico</t>
  </si>
  <si>
    <t>0.0964674710119171</t>
  </si>
  <si>
    <t>2.61952319658377</t>
  </si>
  <si>
    <t>313.5</t>
  </si>
  <si>
    <t>2.45874407823057</t>
  </si>
  <si>
    <t>-27.4</t>
  </si>
  <si>
    <t>-0.214895016725734</t>
  </si>
  <si>
    <t>-698.7</t>
  </si>
  <si>
    <t>-5.47982292650622</t>
  </si>
  <si>
    <t>-905.2</t>
  </si>
  <si>
    <t>-7.09937843577133</t>
  </si>
  <si>
    <t>-1645.3</t>
  </si>
  <si>
    <t>-12.9038967525128</t>
  </si>
  <si>
    <t>-2506.8</t>
  </si>
  <si>
    <t>-1.93</t>
  </si>
  <si>
    <t>-19.660541165258</t>
  </si>
  <si>
    <t>-3715.7</t>
  </si>
  <si>
    <t>-29.1418034178033</t>
  </si>
  <si>
    <t>-4460.6</t>
  </si>
  <si>
    <t>-34.9839675768909</t>
  </si>
  <si>
    <t>-5107.5</t>
  </si>
  <si>
    <t>-40.0575291214119</t>
  </si>
  <si>
    <t>18091.0</t>
  </si>
  <si>
    <t>18506.0</t>
  </si>
  <si>
    <t>-6421.6</t>
  </si>
  <si>
    <t>-9.0</t>
  </si>
  <si>
    <t>-50.3638627520428</t>
  </si>
  <si>
    <t>26173.0</t>
  </si>
  <si>
    <t>-6926.7</t>
  </si>
  <si>
    <t>-54.3253033705891</t>
  </si>
  <si>
    <t>35283.0</t>
  </si>
  <si>
    <t>37242.0</t>
  </si>
  <si>
    <t>-7691.8</t>
  </si>
  <si>
    <t>-60.3258937828833</t>
  </si>
  <si>
    <t>41365.0</t>
  </si>
  <si>
    <t>48746.0</t>
  </si>
  <si>
    <t>-7580.3</t>
  </si>
  <si>
    <t>-59.4514122367183</t>
  </si>
  <si>
    <t>52857.0</t>
  </si>
  <si>
    <t>61477.0</t>
  </si>
  <si>
    <t>64595.0</t>
  </si>
  <si>
    <t>66302.0</t>
  </si>
  <si>
    <t>67898.0</t>
  </si>
  <si>
    <t>-6358.8</t>
  </si>
  <si>
    <t>-49.8713296480145</t>
  </si>
  <si>
    <t>71622.0</t>
  </si>
  <si>
    <t>75055.0</t>
  </si>
  <si>
    <t>78392.0</t>
  </si>
  <si>
    <t>82045.0</t>
  </si>
  <si>
    <t>86140.0</t>
  </si>
  <si>
    <t>88491.0</t>
  </si>
  <si>
    <t>90550.0</t>
  </si>
  <si>
    <t>-3219.7</t>
  </si>
  <si>
    <t>-25.2517330420382</t>
  </si>
  <si>
    <t>95013.0</t>
  </si>
  <si>
    <t>112934.0</t>
  </si>
  <si>
    <t>115892.0</t>
  </si>
  <si>
    <t>118791.0</t>
  </si>
  <si>
    <t>1731.8</t>
  </si>
  <si>
    <t>13.582306203125</t>
  </si>
  <si>
    <t>124834.0</t>
  </si>
  <si>
    <t>130063.0</t>
  </si>
  <si>
    <t>135868.0</t>
  </si>
  <si>
    <t>141822.0</t>
  </si>
  <si>
    <t>148102.0</t>
  </si>
  <si>
    <t>151724.0</t>
  </si>
  <si>
    <t>154624.0</t>
  </si>
  <si>
    <t>8531.1</t>
  </si>
  <si>
    <t>66.9084261747777</t>
  </si>
  <si>
    <t>161655.0</t>
  </si>
  <si>
    <t>168828.0</t>
  </si>
  <si>
    <t>183260.0</t>
  </si>
  <si>
    <t>191234.0</t>
  </si>
  <si>
    <t>195556.0</t>
  </si>
  <si>
    <t>198558.0</t>
  </si>
  <si>
    <t>133.109424228801</t>
  </si>
  <si>
    <t>207221.0</t>
  </si>
  <si>
    <t>215075.0</t>
  </si>
  <si>
    <t>223553.0</t>
  </si>
  <si>
    <t>240668.0</t>
  </si>
  <si>
    <t>245256.0</t>
  </si>
  <si>
    <t>248981.0</t>
  </si>
  <si>
    <t>26147.5</t>
  </si>
  <si>
    <t>205.071804738545</t>
  </si>
  <si>
    <t>258640.0</t>
  </si>
  <si>
    <t>267857.0</t>
  </si>
  <si>
    <t>277354.0</t>
  </si>
  <si>
    <t>286392.0</t>
  </si>
  <si>
    <t>295782.0</t>
  </si>
  <si>
    <t>301177.0</t>
  </si>
  <si>
    <t>305131.0</t>
  </si>
  <si>
    <t>35663.0</t>
  </si>
  <si>
    <t>279.700765747805</t>
  </si>
  <si>
    <t>315830.0</t>
  </si>
  <si>
    <t>325785.0</t>
  </si>
  <si>
    <t>336242.0</t>
  </si>
  <si>
    <t>346531.0</t>
  </si>
  <si>
    <t>357300.0</t>
  </si>
  <si>
    <t>363063.0</t>
  </si>
  <si>
    <t>367355.0</t>
  </si>
  <si>
    <t>46279.1</t>
  </si>
  <si>
    <t>362.961604691676</t>
  </si>
  <si>
    <t>379302.0</t>
  </si>
  <si>
    <t>391149.0</t>
  </si>
  <si>
    <t>403012.0</t>
  </si>
  <si>
    <t>414472.0</t>
  </si>
  <si>
    <t>11460.0</t>
  </si>
  <si>
    <t>426463.0</t>
  </si>
  <si>
    <t>432314.0</t>
  </si>
  <si>
    <t>437026.0</t>
  </si>
  <si>
    <t>57659.4</t>
  </si>
  <si>
    <t>452.215975452401</t>
  </si>
  <si>
    <t>450391.0</t>
  </si>
  <si>
    <t>463213.0</t>
  </si>
  <si>
    <t>475456.0</t>
  </si>
  <si>
    <t>499468.0</t>
  </si>
  <si>
    <t>505975.0</t>
  </si>
  <si>
    <t>510237.0</t>
  </si>
  <si>
    <t>69149.9</t>
  </si>
  <si>
    <t>542.334632010322</t>
  </si>
  <si>
    <t>522931.0</t>
  </si>
  <si>
    <t>535884.0</t>
  </si>
  <si>
    <t>548200.0</t>
  </si>
  <si>
    <t>560924.0</t>
  </si>
  <si>
    <t>574109.0</t>
  </si>
  <si>
    <t>580982.0</t>
  </si>
  <si>
    <t>586191.0</t>
  </si>
  <si>
    <t>80592.2</t>
  </si>
  <si>
    <t>632.075261568018</t>
  </si>
  <si>
    <t>600976.0</t>
  </si>
  <si>
    <t>615076.0</t>
  </si>
  <si>
    <t>629975.0</t>
  </si>
  <si>
    <t>643668.0</t>
  </si>
  <si>
    <t>657764.0</t>
  </si>
  <si>
    <t>14096.0</t>
  </si>
  <si>
    <t>664361.0</t>
  </si>
  <si>
    <t>669673.0</t>
  </si>
  <si>
    <t>92728.7</t>
  </si>
  <si>
    <t>727.260421075021</t>
  </si>
  <si>
    <t>685073.0</t>
  </si>
  <si>
    <t>715103.0</t>
  </si>
  <si>
    <t>729053.0</t>
  </si>
  <si>
    <t>743198.0</t>
  </si>
  <si>
    <t>750178.0</t>
  </si>
  <si>
    <t>755554.0</t>
  </si>
  <si>
    <t>105819.0</t>
  </si>
  <si>
    <t>829.926123171549</t>
  </si>
  <si>
    <t>772123.0</t>
  </si>
  <si>
    <t>787952.0</t>
  </si>
  <si>
    <t>804909.0</t>
  </si>
  <si>
    <t>821111.0</t>
  </si>
  <si>
    <t>837405.0</t>
  </si>
  <si>
    <t>845495.0</t>
  </si>
  <si>
    <t>851035.0</t>
  </si>
  <si>
    <t>118751.3</t>
  </si>
  <si>
    <t>93.55</t>
  </si>
  <si>
    <t>931.352649624185</t>
  </si>
  <si>
    <t>868409.0</t>
  </si>
  <si>
    <t>884974.0</t>
  </si>
  <si>
    <t>16565.0</t>
  </si>
  <si>
    <t>901361.0</t>
  </si>
  <si>
    <t>917169.0</t>
  </si>
  <si>
    <t>932851.0</t>
  </si>
  <si>
    <t>940340.0</t>
  </si>
  <si>
    <t>945580.0</t>
  </si>
  <si>
    <t>130898.4</t>
  </si>
  <si>
    <t>1026.6209436997</t>
  </si>
  <si>
    <t>961707.0</t>
  </si>
  <si>
    <t>977872.0</t>
  </si>
  <si>
    <t>993170.0</t>
  </si>
  <si>
    <t>1008436.0</t>
  </si>
  <si>
    <t>1022733.0</t>
  </si>
  <si>
    <t>1030109.0</t>
  </si>
  <si>
    <t>1034665.0</t>
  </si>
  <si>
    <t>142003.1</t>
  </si>
  <si>
    <t>1113.71381567905</t>
  </si>
  <si>
    <t>1064931.0</t>
  </si>
  <si>
    <t>1079942.0</t>
  </si>
  <si>
    <t>1094214.0</t>
  </si>
  <si>
    <t>1108597.0</t>
  </si>
  <si>
    <t>8.749</t>
  </si>
  <si>
    <t>1115551.0</t>
  </si>
  <si>
    <t>1119938.0</t>
  </si>
  <si>
    <t>8.839</t>
  </si>
  <si>
    <t>1194.78492145979</t>
  </si>
  <si>
    <t>1135241.0</t>
  </si>
  <si>
    <t>1150250.0</t>
  </si>
  <si>
    <t>1164696.0</t>
  </si>
  <si>
    <t>1179128.0</t>
  </si>
  <si>
    <t>1193284.0</t>
  </si>
  <si>
    <t>1199906.0</t>
  </si>
  <si>
    <t>1204246.0</t>
  </si>
  <si>
    <t>161476.5</t>
  </si>
  <si>
    <t>1266.44142950047</t>
  </si>
  <si>
    <t>1218966.0</t>
  </si>
  <si>
    <t>1234028.0</t>
  </si>
  <si>
    <t>1248397.0</t>
  </si>
  <si>
    <t>1261588.0</t>
  </si>
  <si>
    <t>1275934.0</t>
  </si>
  <si>
    <t>1282610.0</t>
  </si>
  <si>
    <t>1286917.0</t>
  </si>
  <si>
    <t>169833.4</t>
  </si>
  <si>
    <t>1331.98362531344</t>
  </si>
  <si>
    <t>1301884.0</t>
  </si>
  <si>
    <t>10.275</t>
  </si>
  <si>
    <t>1316901.0</t>
  </si>
  <si>
    <t>10.393</t>
  </si>
  <si>
    <t>1333501.0</t>
  </si>
  <si>
    <t>10.524</t>
  </si>
  <si>
    <t>1349491.0</t>
  </si>
  <si>
    <t>1365213.0</t>
  </si>
  <si>
    <t>1372827.0</t>
  </si>
  <si>
    <t>1377231.0</t>
  </si>
  <si>
    <t>177340.3</t>
  </si>
  <si>
    <t>1390.85936987762</t>
  </si>
  <si>
    <t>1392698.0</t>
  </si>
  <si>
    <t>1409138.0</t>
  </si>
  <si>
    <t>1425521.0</t>
  </si>
  <si>
    <t>1441245.0</t>
  </si>
  <si>
    <t>1456687.0</t>
  </si>
  <si>
    <t>1463433.0</t>
  </si>
  <si>
    <t>1467596.0</t>
  </si>
  <si>
    <t>184045.2</t>
  </si>
  <si>
    <t>1443.44512161646</t>
  </si>
  <si>
    <t>1482819.0</t>
  </si>
  <si>
    <t>1498852.0</t>
  </si>
  <si>
    <t>11.829</t>
  </si>
  <si>
    <t>1514283.0</t>
  </si>
  <si>
    <t>1529368.0</t>
  </si>
  <si>
    <t>1543767.0</t>
  </si>
  <si>
    <t>1550210.0</t>
  </si>
  <si>
    <t>1554175.0</t>
  </si>
  <si>
    <t>12.266</t>
  </si>
  <si>
    <t>189846.5</t>
  </si>
  <si>
    <t>1488.94404353365</t>
  </si>
  <si>
    <t>1569295.0</t>
  </si>
  <si>
    <t>12.385</t>
  </si>
  <si>
    <t>1580677.0</t>
  </si>
  <si>
    <t>1585306.0</t>
  </si>
  <si>
    <t>1600721.0</t>
  </si>
  <si>
    <t>1615395.0</t>
  </si>
  <si>
    <t>12.749</t>
  </si>
  <si>
    <t>1621728.0</t>
  </si>
  <si>
    <t>12.799</t>
  </si>
  <si>
    <t>1625626.0</t>
  </si>
  <si>
    <t>194842.8</t>
  </si>
  <si>
    <t>1528.12944397405</t>
  </si>
  <si>
    <t>1640459.0</t>
  </si>
  <si>
    <t>1655845.0</t>
  </si>
  <si>
    <t>13.068</t>
  </si>
  <si>
    <t>1670600.0</t>
  </si>
  <si>
    <t>13.185</t>
  </si>
  <si>
    <t>1684490.0</t>
  </si>
  <si>
    <t>13.295</t>
  </si>
  <si>
    <t>1698502.0</t>
  </si>
  <si>
    <t>1704785.0</t>
  </si>
  <si>
    <t>1708640.0</t>
  </si>
  <si>
    <t>200221.9</t>
  </si>
  <si>
    <t>1570.31710034154</t>
  </si>
  <si>
    <t>1723945.0</t>
  </si>
  <si>
    <t>13.606</t>
  </si>
  <si>
    <t>1739282.0</t>
  </si>
  <si>
    <t>1753848.0</t>
  </si>
  <si>
    <t>1767596.0</t>
  </si>
  <si>
    <t>1781009.0</t>
  </si>
  <si>
    <t>14.056</t>
  </si>
  <si>
    <t>1786809.0</t>
  </si>
  <si>
    <t>14.102</t>
  </si>
  <si>
    <t>1790545.0</t>
  </si>
  <si>
    <t>204836.6</t>
  </si>
  <si>
    <t>1606.50965631542</t>
  </si>
  <si>
    <t>1804201.0</t>
  </si>
  <si>
    <t>1818996.0</t>
  </si>
  <si>
    <t>14.356</t>
  </si>
  <si>
    <t>1833459.0</t>
  </si>
  <si>
    <t>14.579</t>
  </si>
  <si>
    <t>1860835.0</t>
  </si>
  <si>
    <t>1867070.0</t>
  </si>
  <si>
    <t>1871395.0</t>
  </si>
  <si>
    <t>209836.3</t>
  </si>
  <si>
    <t>1645.72172256081</t>
  </si>
  <si>
    <t>1886794.0</t>
  </si>
  <si>
    <t>14.891</t>
  </si>
  <si>
    <t>11799.0</t>
  </si>
  <si>
    <t>1903572.0</t>
  </si>
  <si>
    <t>1919167.0</t>
  </si>
  <si>
    <t>15.147</t>
  </si>
  <si>
    <t>1933896.0</t>
  </si>
  <si>
    <t>1949640.0</t>
  </si>
  <si>
    <t>1956635.0</t>
  </si>
  <si>
    <t>1961309.0</t>
  </si>
  <si>
    <t>15.479</t>
  </si>
  <si>
    <t>1684.41615847394</t>
  </si>
  <si>
    <t>1980038.0</t>
  </si>
  <si>
    <t>15.627</t>
  </si>
  <si>
    <t>1999435.0</t>
  </si>
  <si>
    <t>2018037.0</t>
  </si>
  <si>
    <t>15.927</t>
  </si>
  <si>
    <t>2036571.0</t>
  </si>
  <si>
    <t>2054607.0</t>
  </si>
  <si>
    <t>2062132.0</t>
  </si>
  <si>
    <t>2067128.0</t>
  </si>
  <si>
    <t>220386.7</t>
  </si>
  <si>
    <t>1728.46728403757</t>
  </si>
  <si>
    <t>2087342.0</t>
  </si>
  <si>
    <t>16.474</t>
  </si>
  <si>
    <t>2107586.0</t>
  </si>
  <si>
    <t>2126868.0</t>
  </si>
  <si>
    <t>16.786</t>
  </si>
  <si>
    <t>2145245.0</t>
  </si>
  <si>
    <t>16.931</t>
  </si>
  <si>
    <t>2161263.0</t>
  </si>
  <si>
    <t>2167902.0</t>
  </si>
  <si>
    <t>2172073.0</t>
  </si>
  <si>
    <t>17.143</t>
  </si>
  <si>
    <t>226478.8</t>
  </si>
  <si>
    <t>1776.24691657023</t>
  </si>
  <si>
    <t>2182250.0</t>
  </si>
  <si>
    <t>2201141.0</t>
  </si>
  <si>
    <t>17.372</t>
  </si>
  <si>
    <t>2219394.0</t>
  </si>
  <si>
    <t>17.516</t>
  </si>
  <si>
    <t>2237564.0</t>
  </si>
  <si>
    <t>2254292.0</t>
  </si>
  <si>
    <t>17.792</t>
  </si>
  <si>
    <t>2261384.0</t>
  </si>
  <si>
    <t>17.848</t>
  </si>
  <si>
    <t>2266099.0</t>
  </si>
  <si>
    <t>233672.1</t>
  </si>
  <si>
    <t>1832.66313276779</t>
  </si>
  <si>
    <t>2286226.0</t>
  </si>
  <si>
    <t>2305973.0</t>
  </si>
  <si>
    <t>2324836.0</t>
  </si>
  <si>
    <t>2343152.0</t>
  </si>
  <si>
    <t>2360879.0</t>
  </si>
  <si>
    <t>18.633</t>
  </si>
  <si>
    <t>2368880.0</t>
  </si>
  <si>
    <t>2373728.0</t>
  </si>
  <si>
    <t>15376.0</t>
  </si>
  <si>
    <t>240959.4</t>
  </si>
  <si>
    <t>1889.81658004463</t>
  </si>
  <si>
    <t>2379749.0</t>
  </si>
  <si>
    <t>18.782</t>
  </si>
  <si>
    <t>2400823.0</t>
  </si>
  <si>
    <t>18.948</t>
  </si>
  <si>
    <t>2419883.0</t>
  </si>
  <si>
    <t>19.099</t>
  </si>
  <si>
    <t>2437482.0</t>
  </si>
  <si>
    <t>19.237</t>
  </si>
  <si>
    <t>2456744.0</t>
  </si>
  <si>
    <t>2466296.0</t>
  </si>
  <si>
    <t>2471534.0</t>
  </si>
  <si>
    <t>19.506</t>
  </si>
  <si>
    <t>248334.1</t>
  </si>
  <si>
    <t>1947.65549536752</t>
  </si>
  <si>
    <t>2494215.0</t>
  </si>
  <si>
    <t>16352.0</t>
  </si>
  <si>
    <t>2518509.0</t>
  </si>
  <si>
    <t>24294.0</t>
  </si>
  <si>
    <t>19.877</t>
  </si>
  <si>
    <t>2541747.0</t>
  </si>
  <si>
    <t>2565057.0</t>
  </si>
  <si>
    <t>2588282.0</t>
  </si>
  <si>
    <t>2599351.0</t>
  </si>
  <si>
    <t>20.515</t>
  </si>
  <si>
    <t>2605197.0</t>
  </si>
  <si>
    <t>20.561</t>
  </si>
  <si>
    <t>256116.0</t>
  </si>
  <si>
    <t>2008.68803298278</t>
  </si>
  <si>
    <t>2631710.0</t>
  </si>
  <si>
    <t>26513.0</t>
  </si>
  <si>
    <t>2660488.0</t>
  </si>
  <si>
    <t>20.997</t>
  </si>
  <si>
    <t>20283.0</t>
  </si>
  <si>
    <t>2689809.0</t>
  </si>
  <si>
    <t>29321.0</t>
  </si>
  <si>
    <t>21.229</t>
  </si>
  <si>
    <t>2719802.0</t>
  </si>
  <si>
    <t>29993.0</t>
  </si>
  <si>
    <t>22106.0</t>
  </si>
  <si>
    <t>2749493.0</t>
  </si>
  <si>
    <t>2764812.0</t>
  </si>
  <si>
    <t>21.821</t>
  </si>
  <si>
    <t>2770772.0</t>
  </si>
  <si>
    <t>264796.9</t>
  </si>
  <si>
    <t>2076.77132315411</t>
  </si>
  <si>
    <t>2803231.0</t>
  </si>
  <si>
    <t>22.124</t>
  </si>
  <si>
    <t>2834984.0</t>
  </si>
  <si>
    <t>22.375</t>
  </si>
  <si>
    <t>2867095.0</t>
  </si>
  <si>
    <t>22.628</t>
  </si>
  <si>
    <t>2900837.0</t>
  </si>
  <si>
    <t>25862.0</t>
  </si>
  <si>
    <t>2933594.0</t>
  </si>
  <si>
    <t>32757.0</t>
  </si>
  <si>
    <t>23.153</t>
  </si>
  <si>
    <t>26300.0</t>
  </si>
  <si>
    <t>2949389.0</t>
  </si>
  <si>
    <t>23.278</t>
  </si>
  <si>
    <t>2955901.0</t>
  </si>
  <si>
    <t>274644.6</t>
  </si>
  <si>
    <t>2154.00569016907</t>
  </si>
  <si>
    <t>2990704.0</t>
  </si>
  <si>
    <t>23.604</t>
  </si>
  <si>
    <t>3024621.0</t>
  </si>
  <si>
    <t>23.871</t>
  </si>
  <si>
    <t>3057847.0</t>
  </si>
  <si>
    <t>24.134</t>
  </si>
  <si>
    <t>27250.0</t>
  </si>
  <si>
    <t>3090573.0</t>
  </si>
  <si>
    <t>24.392</t>
  </si>
  <si>
    <t>3124220.0</t>
  </si>
  <si>
    <t>24.657</t>
  </si>
  <si>
    <t>3141666.0</t>
  </si>
  <si>
    <t>24.795</t>
  </si>
  <si>
    <t>27468.0</t>
  </si>
  <si>
    <t>3148616.0</t>
  </si>
  <si>
    <t>285669.5</t>
  </si>
  <si>
    <t>2240.47270001942</t>
  </si>
  <si>
    <t>3186014.0</t>
  </si>
  <si>
    <t>25.145</t>
  </si>
  <si>
    <t>3221996.0</t>
  </si>
  <si>
    <t>3257015.0</t>
  </si>
  <si>
    <t>35019.0</t>
  </si>
  <si>
    <t>28453.0</t>
  </si>
  <si>
    <t>3283892.0</t>
  </si>
  <si>
    <t>25.918</t>
  </si>
  <si>
    <t>3288635.0</t>
  </si>
  <si>
    <t>25.955</t>
  </si>
  <si>
    <t>3301306.0</t>
  </si>
  <si>
    <t>26.055</t>
  </si>
  <si>
    <t>3309084.0</t>
  </si>
  <si>
    <t>22924.0</t>
  </si>
  <si>
    <t>298895.0</t>
  </si>
  <si>
    <t>2344.1987600087</t>
  </si>
  <si>
    <t>3349675.0</t>
  </si>
  <si>
    <t>26.437</t>
  </si>
  <si>
    <t>3390362.0</t>
  </si>
  <si>
    <t>3429473.0</t>
  </si>
  <si>
    <t>27.067</t>
  </si>
  <si>
    <t>24998.0</t>
  </si>
  <si>
    <t>3460436.0</t>
  </si>
  <si>
    <t>27.311</t>
  </si>
  <si>
    <t>3466439.0</t>
  </si>
  <si>
    <t>27.358</t>
  </si>
  <si>
    <t>3481449.0</t>
  </si>
  <si>
    <t>15010.0</t>
  </si>
  <si>
    <t>27.477</t>
  </si>
  <si>
    <t>3491103.0</t>
  </si>
  <si>
    <t>27.553</t>
  </si>
  <si>
    <t>315276.5</t>
  </si>
  <si>
    <t>2472.67696134054</t>
  </si>
  <si>
    <t>3534942.0</t>
  </si>
  <si>
    <t>27.899</t>
  </si>
  <si>
    <t>43960.0</t>
  </si>
  <si>
    <t>3579288.0</t>
  </si>
  <si>
    <t>28.249</t>
  </si>
  <si>
    <t>26989.0</t>
  </si>
  <si>
    <t>3622869.0</t>
  </si>
  <si>
    <t>3668255.0</t>
  </si>
  <si>
    <t>28.951</t>
  </si>
  <si>
    <t>58402.0</t>
  </si>
  <si>
    <t>3712421.0</t>
  </si>
  <si>
    <t>67468.0</t>
  </si>
  <si>
    <t>3734972.0</t>
  </si>
  <si>
    <t>36218.0</t>
  </si>
  <si>
    <t>74794.0</t>
  </si>
  <si>
    <t>3745284.0</t>
  </si>
  <si>
    <t>29.559</t>
  </si>
  <si>
    <t>36312.0</t>
  </si>
  <si>
    <t>81300.0</t>
  </si>
  <si>
    <t>334796.3</t>
  </si>
  <si>
    <t>2625.76848497131</t>
  </si>
  <si>
    <t>3794868.0</t>
  </si>
  <si>
    <t>49584.0</t>
  </si>
  <si>
    <t>87060.0</t>
  </si>
  <si>
    <t>3842012.0</t>
  </si>
  <si>
    <t>47144.0</t>
  </si>
  <si>
    <t>92879.0</t>
  </si>
  <si>
    <t>3888288.0</t>
  </si>
  <si>
    <t>192567.0</t>
  </si>
  <si>
    <t>99688.0</t>
  </si>
  <si>
    <t>3935261.0</t>
  </si>
  <si>
    <t>31.058</t>
  </si>
  <si>
    <t>329983.0</t>
  </si>
  <si>
    <t>137416.0</t>
  </si>
  <si>
    <t>3980224.0</t>
  </si>
  <si>
    <t>44963.0</t>
  </si>
  <si>
    <t>31.413</t>
  </si>
  <si>
    <t>417375.0</t>
  </si>
  <si>
    <t>87392.0</t>
  </si>
  <si>
    <t>49987.0</t>
  </si>
  <si>
    <t>4003727.0</t>
  </si>
  <si>
    <t>31.599</t>
  </si>
  <si>
    <t>38394.0</t>
  </si>
  <si>
    <t>463246.0</t>
  </si>
  <si>
    <t>461025.0</t>
  </si>
  <si>
    <t>55493.0</t>
  </si>
  <si>
    <t>55176.0</t>
  </si>
  <si>
    <t>4013693.0</t>
  </si>
  <si>
    <t>31.677</t>
  </si>
  <si>
    <t>38344.0</t>
  </si>
  <si>
    <t>472142.0</t>
  </si>
  <si>
    <t>55835.0</t>
  </si>
  <si>
    <t>361650.5</t>
  </si>
  <si>
    <t>2836.38285570694</t>
  </si>
  <si>
    <t>4063071.0</t>
  </si>
  <si>
    <t>492529.0</t>
  </si>
  <si>
    <t>485983.0</t>
  </si>
  <si>
    <t>20387.0</t>
  </si>
  <si>
    <t>4112587.0</t>
  </si>
  <si>
    <t>38654.0</t>
  </si>
  <si>
    <t>498122.0</t>
  </si>
  <si>
    <t>488513.0</t>
  </si>
  <si>
    <t>4158988.0</t>
  </si>
  <si>
    <t>32.824</t>
  </si>
  <si>
    <t>501030.0</t>
  </si>
  <si>
    <t>489628.0</t>
  </si>
  <si>
    <t>44066.0</t>
  </si>
  <si>
    <t>4204581.0</t>
  </si>
  <si>
    <t>45593.0</t>
  </si>
  <si>
    <t>552335.0</t>
  </si>
  <si>
    <t>534317.0</t>
  </si>
  <si>
    <t>51305.0</t>
  </si>
  <si>
    <t>4251236.0</t>
  </si>
  <si>
    <t>38716.0</t>
  </si>
  <si>
    <t>614808.0</t>
  </si>
  <si>
    <t>594725.0</t>
  </si>
  <si>
    <t>28205.0</t>
  </si>
  <si>
    <t>4275497.0</t>
  </si>
  <si>
    <t>618768.0</t>
  </si>
  <si>
    <t>596296.0</t>
  </si>
  <si>
    <t>19324.0</t>
  </si>
  <si>
    <t>4285114.0</t>
  </si>
  <si>
    <t>629626.0</t>
  </si>
  <si>
    <t>604441.0</t>
  </si>
  <si>
    <t>25185.0</t>
  </si>
  <si>
    <t>389906.5</t>
  </si>
  <si>
    <t>3057.9913809844</t>
  </si>
  <si>
    <t>4333667.0</t>
  </si>
  <si>
    <t>34.203</t>
  </si>
  <si>
    <t>38657.0</t>
  </si>
  <si>
    <t>645105.0</t>
  </si>
  <si>
    <t>616390.0</t>
  </si>
  <si>
    <t>4381945.0</t>
  </si>
  <si>
    <t>48278.0</t>
  </si>
  <si>
    <t>34.584</t>
  </si>
  <si>
    <t>38480.0</t>
  </si>
  <si>
    <t>652319.0</t>
  </si>
  <si>
    <t>621005.0</t>
  </si>
  <si>
    <t>31314.0</t>
  </si>
  <si>
    <t>22028.0</t>
  </si>
  <si>
    <t>4428774.0</t>
  </si>
  <si>
    <t>34.953</t>
  </si>
  <si>
    <t>656044.0</t>
  </si>
  <si>
    <t>624730.0</t>
  </si>
  <si>
    <t>4472924.0</t>
  </si>
  <si>
    <t>44150.0</t>
  </si>
  <si>
    <t>35.302</t>
  </si>
  <si>
    <t>38335.0</t>
  </si>
  <si>
    <t>657842.0</t>
  </si>
  <si>
    <t>626528.0</t>
  </si>
  <si>
    <t>4513566.0</t>
  </si>
  <si>
    <t>35.623</t>
  </si>
  <si>
    <t>662217.0</t>
  </si>
  <si>
    <t>630820.0</t>
  </si>
  <si>
    <t>4534971.0</t>
  </si>
  <si>
    <t>35.792</t>
  </si>
  <si>
    <t>670307.0</t>
  </si>
  <si>
    <t>39009.0</t>
  </si>
  <si>
    <t>4542870.0</t>
  </si>
  <si>
    <t>35.854</t>
  </si>
  <si>
    <t>673327.0</t>
  </si>
  <si>
    <t>631485.0</t>
  </si>
  <si>
    <t>41842.0</t>
  </si>
  <si>
    <t>410390.1</t>
  </si>
  <si>
    <t>3218.64187604291</t>
  </si>
  <si>
    <t>4554402.0</t>
  </si>
  <si>
    <t>31534.0</t>
  </si>
  <si>
    <t>675202.0</t>
  </si>
  <si>
    <t>631747.0</t>
  </si>
  <si>
    <t>4595542.0</t>
  </si>
  <si>
    <t>41140.0</t>
  </si>
  <si>
    <t>677539.0</t>
  </si>
  <si>
    <t>631791.0</t>
  </si>
  <si>
    <t>4633379.0</t>
  </si>
  <si>
    <t>37837.0</t>
  </si>
  <si>
    <t>686601.0</t>
  </si>
  <si>
    <t>632439.0</t>
  </si>
  <si>
    <t>4669817.0</t>
  </si>
  <si>
    <t>36438.0</t>
  </si>
  <si>
    <t>28128.0</t>
  </si>
  <si>
    <t>695088.0</t>
  </si>
  <si>
    <t>634346.0</t>
  </si>
  <si>
    <t>60742.0</t>
  </si>
  <si>
    <t>4705187.0</t>
  </si>
  <si>
    <t>35370.0</t>
  </si>
  <si>
    <t>27374.0</t>
  </si>
  <si>
    <t>700316.0</t>
  </si>
  <si>
    <t>636070.0</t>
  </si>
  <si>
    <t>4722728.0</t>
  </si>
  <si>
    <t>37.273</t>
  </si>
  <si>
    <t>710198.0</t>
  </si>
  <si>
    <t>637098.0</t>
  </si>
  <si>
    <t>4729005.0</t>
  </si>
  <si>
    <t>37.323</t>
  </si>
  <si>
    <t>637681.0</t>
  </si>
  <si>
    <t>75836.0</t>
  </si>
  <si>
    <t>426088.3</t>
  </si>
  <si>
    <t>3341.76103485911</t>
  </si>
  <si>
    <t>4766233.0</t>
  </si>
  <si>
    <t>30262.0</t>
  </si>
  <si>
    <t>717820.0</t>
  </si>
  <si>
    <t>638391.0</t>
  </si>
  <si>
    <t>79429.0</t>
  </si>
  <si>
    <t>4800505.0</t>
  </si>
  <si>
    <t>37.887</t>
  </si>
  <si>
    <t>29280.0</t>
  </si>
  <si>
    <t>4832439.0</t>
  </si>
  <si>
    <t>38.139</t>
  </si>
  <si>
    <t>724707.0</t>
  </si>
  <si>
    <t>640115.0</t>
  </si>
  <si>
    <t>84592.0</t>
  </si>
  <si>
    <t>4863060.0</t>
  </si>
  <si>
    <t>38.381</t>
  </si>
  <si>
    <t>725447.0</t>
  </si>
  <si>
    <t>85332.0</t>
  </si>
  <si>
    <t>4894215.0</t>
  </si>
  <si>
    <t>38.627</t>
  </si>
  <si>
    <t>27004.0</t>
  </si>
  <si>
    <t>726002.0</t>
  </si>
  <si>
    <t>85887.0</t>
  </si>
  <si>
    <t>4908261.0</t>
  </si>
  <si>
    <t>38.738</t>
  </si>
  <si>
    <t>640125.0</t>
  </si>
  <si>
    <t>4913689.0</t>
  </si>
  <si>
    <t>38.781</t>
  </si>
  <si>
    <t>436784.3</t>
  </si>
  <si>
    <t>3425.64852022037</t>
  </si>
  <si>
    <t>4944008.0</t>
  </si>
  <si>
    <t>25396.0</t>
  </si>
  <si>
    <t>749682.0</t>
  </si>
  <si>
    <t>663484.0</t>
  </si>
  <si>
    <t>86198.0</t>
  </si>
  <si>
    <t>4972451.0</t>
  </si>
  <si>
    <t>39.244</t>
  </si>
  <si>
    <t>915383.0</t>
  </si>
  <si>
    <t>829185.0</t>
  </si>
  <si>
    <t>165701.0</t>
  </si>
  <si>
    <t>4999715.0</t>
  </si>
  <si>
    <t>39.459</t>
  </si>
  <si>
    <t>1058139.0</t>
  </si>
  <si>
    <t>958473.0</t>
  </si>
  <si>
    <t>99666.0</t>
  </si>
  <si>
    <t>45480.0</t>
  </si>
  <si>
    <t>5026551.0</t>
  </si>
  <si>
    <t>39.671</t>
  </si>
  <si>
    <t>1318055.0</t>
  </si>
  <si>
    <t>259916.0</t>
  </si>
  <si>
    <t>59534.0</t>
  </si>
  <si>
    <t>5053967.0</t>
  </si>
  <si>
    <t>39.888</t>
  </si>
  <si>
    <t>22822.0</t>
  </si>
  <si>
    <t>1574158.0</t>
  </si>
  <si>
    <t>1155227.0</t>
  </si>
  <si>
    <t>418931.0</t>
  </si>
  <si>
    <t>256103.0</t>
  </si>
  <si>
    <t>121165.0</t>
  </si>
  <si>
    <t>73587.0</t>
  </si>
  <si>
    <t>5066001.0</t>
  </si>
  <si>
    <t>1656304.0</t>
  </si>
  <si>
    <t>1210886.0</t>
  </si>
  <si>
    <t>445418.0</t>
  </si>
  <si>
    <t>82146.0</t>
  </si>
  <si>
    <t>5071907.0</t>
  </si>
  <si>
    <t>40.029</t>
  </si>
  <si>
    <t>1689158.0</t>
  </si>
  <si>
    <t>1236103.0</t>
  </si>
  <si>
    <t>453055.0</t>
  </si>
  <si>
    <t>446215.7</t>
  </si>
  <si>
    <t>3499.61789470019</t>
  </si>
  <si>
    <t>5104172.0</t>
  </si>
  <si>
    <t>40.284</t>
  </si>
  <si>
    <t>1733404.0</t>
  </si>
  <si>
    <t>1277187.0</t>
  </si>
  <si>
    <t>456217.0</t>
  </si>
  <si>
    <t>5133772.0</t>
  </si>
  <si>
    <t>1801156.0</t>
  </si>
  <si>
    <t>1336854.0</t>
  </si>
  <si>
    <t>67752.0</t>
  </si>
  <si>
    <t>126539.0</t>
  </si>
  <si>
    <t>5162105.0</t>
  </si>
  <si>
    <t>40.741</t>
  </si>
  <si>
    <t>1900784.0</t>
  </si>
  <si>
    <t>1425395.0</t>
  </si>
  <si>
    <t>475389.0</t>
  </si>
  <si>
    <t>66703.0</t>
  </si>
  <si>
    <t>5189865.0</t>
  </si>
  <si>
    <t>2088813.0</t>
  </si>
  <si>
    <t>1562401.0</t>
  </si>
  <si>
    <t>526412.0</t>
  </si>
  <si>
    <t>188029.0</t>
  </si>
  <si>
    <t>72222.0</t>
  </si>
  <si>
    <t>5218441.0</t>
  </si>
  <si>
    <t>41.186</t>
  </si>
  <si>
    <t>2271032.0</t>
  </si>
  <si>
    <t>1708721.0</t>
  </si>
  <si>
    <t>562311.0</t>
  </si>
  <si>
    <t>182219.0</t>
  </si>
  <si>
    <t>79071.0</t>
  </si>
  <si>
    <t>5230822.0</t>
  </si>
  <si>
    <t>23546.0</t>
  </si>
  <si>
    <t>2383411.0</t>
  </si>
  <si>
    <t>1818034.0</t>
  </si>
  <si>
    <t>565377.0</t>
  </si>
  <si>
    <t>112379.0</t>
  </si>
  <si>
    <t>103872.0</t>
  </si>
  <si>
    <t>86735.0</t>
  </si>
  <si>
    <t>5236622.0</t>
  </si>
  <si>
    <t>41.329</t>
  </si>
  <si>
    <t>2455095.0</t>
  </si>
  <si>
    <t>1889672.0</t>
  </si>
  <si>
    <t>565423.0</t>
  </si>
  <si>
    <t>109420.0</t>
  </si>
  <si>
    <t>93367.0</t>
  </si>
  <si>
    <t>454620.7</t>
  </si>
  <si>
    <t>3565.537333225</t>
  </si>
  <si>
    <t>5268102.0</t>
  </si>
  <si>
    <t>31480.0</t>
  </si>
  <si>
    <t>41.578</t>
  </si>
  <si>
    <t>2526863.0</t>
  </si>
  <si>
    <t>1959525.0</t>
  </si>
  <si>
    <t>567338.0</t>
  </si>
  <si>
    <t>71768.0</t>
  </si>
  <si>
    <t>113351.0</t>
  </si>
  <si>
    <t>97477.0</t>
  </si>
  <si>
    <t>5296200.0</t>
  </si>
  <si>
    <t>41.799</t>
  </si>
  <si>
    <t>23204.0</t>
  </si>
  <si>
    <t>2583435.0</t>
  </si>
  <si>
    <t>2012853.0</t>
  </si>
  <si>
    <t>570582.0</t>
  </si>
  <si>
    <t>56572.0</t>
  </si>
  <si>
    <t>96571.0</t>
  </si>
  <si>
    <t>5323381.0</t>
  </si>
  <si>
    <t>27181.0</t>
  </si>
  <si>
    <t>2633580.0</t>
  </si>
  <si>
    <t>2043941.0</t>
  </si>
  <si>
    <t>589639.0</t>
  </si>
  <si>
    <t>50145.0</t>
  </si>
  <si>
    <t>104685.0</t>
  </si>
  <si>
    <t>88364.0</t>
  </si>
  <si>
    <t>5349213.0</t>
  </si>
  <si>
    <t>42.218</t>
  </si>
  <si>
    <t>22764.0</t>
  </si>
  <si>
    <t>2676035.0</t>
  </si>
  <si>
    <t>42455.0</t>
  </si>
  <si>
    <t>83889.0</t>
  </si>
  <si>
    <t>5375437.0</t>
  </si>
  <si>
    <t>42.425</t>
  </si>
  <si>
    <t>22428.0</t>
  </si>
  <si>
    <t>2731900.0</t>
  </si>
  <si>
    <t>2128766.0</t>
  </si>
  <si>
    <t>603134.0</t>
  </si>
  <si>
    <t>60006.0</t>
  </si>
  <si>
    <t>5386871.0</t>
  </si>
  <si>
    <t>42.515</t>
  </si>
  <si>
    <t>2765805.0</t>
  </si>
  <si>
    <t>2162358.0</t>
  </si>
  <si>
    <t>603447.0</t>
  </si>
  <si>
    <t>54628.0</t>
  </si>
  <si>
    <t>5392321.0</t>
  </si>
  <si>
    <t>2793106.0</t>
  </si>
  <si>
    <t>459750.3</t>
  </si>
  <si>
    <t>3605.76819007888</t>
  </si>
  <si>
    <t>5419669.0</t>
  </si>
  <si>
    <t>2849630.0</t>
  </si>
  <si>
    <t>2245291.0</t>
  </si>
  <si>
    <t>604339.0</t>
  </si>
  <si>
    <t>5444679.0</t>
  </si>
  <si>
    <t>25010.0</t>
  </si>
  <si>
    <t>3100868.0</t>
  </si>
  <si>
    <t>2495067.0</t>
  </si>
  <si>
    <t>605801.0</t>
  </si>
  <si>
    <t>5469025.0</t>
  </si>
  <si>
    <t>43.163</t>
  </si>
  <si>
    <t>3488000.0</t>
  </si>
  <si>
    <t>2882000.0</t>
  </si>
  <si>
    <t>606000.0</t>
  </si>
  <si>
    <t>387132.0</t>
  </si>
  <si>
    <t>122060.0</t>
  </si>
  <si>
    <t>119723.0</t>
  </si>
  <si>
    <t>5492930.0</t>
  </si>
  <si>
    <t>43.352</t>
  </si>
  <si>
    <t>3800000.0</t>
  </si>
  <si>
    <t>312000.0</t>
  </si>
  <si>
    <t>160566.0</t>
  </si>
  <si>
    <t>150355.0</t>
  </si>
  <si>
    <t>5517245.0</t>
  </si>
  <si>
    <t>24315.0</t>
  </si>
  <si>
    <t>43.544</t>
  </si>
  <si>
    <t>4005131.0</t>
  </si>
  <si>
    <t>3395671.0</t>
  </si>
  <si>
    <t>609460.0</t>
  </si>
  <si>
    <t>205131.0</t>
  </si>
  <si>
    <t>180986.0</t>
  </si>
  <si>
    <t>5528166.0</t>
  </si>
  <si>
    <t>4214294.0</t>
  </si>
  <si>
    <t>3604420.0</t>
  </si>
  <si>
    <t>609874.0</t>
  </si>
  <si>
    <t>206927.0</t>
  </si>
  <si>
    <t>5533487.0</t>
  </si>
  <si>
    <t>20167.0</t>
  </si>
  <si>
    <t>4339926.0</t>
  </si>
  <si>
    <t>3730045.0</t>
  </si>
  <si>
    <t>609881.0</t>
  </si>
  <si>
    <t>220974.0</t>
  </si>
  <si>
    <t>218032.0</t>
  </si>
  <si>
    <t>464470.9</t>
  </si>
  <si>
    <t>3642.79130744952</t>
  </si>
  <si>
    <t>5540622.0</t>
  </si>
  <si>
    <t>43.728</t>
  </si>
  <si>
    <t>4404608.0</t>
  </si>
  <si>
    <t>3794719.0</t>
  </si>
  <si>
    <t>609889.0</t>
  </si>
  <si>
    <t>64682.0</t>
  </si>
  <si>
    <t>222140.0</t>
  </si>
  <si>
    <t>221347.0</t>
  </si>
  <si>
    <t>5567498.0</t>
  </si>
  <si>
    <t>43.941</t>
  </si>
  <si>
    <t>4530784.0</t>
  </si>
  <si>
    <t>126176.0</t>
  </si>
  <si>
    <t>204274.0</t>
  </si>
  <si>
    <t>208238.0</t>
  </si>
  <si>
    <t>5591908.0</t>
  </si>
  <si>
    <t>44.133</t>
  </si>
  <si>
    <t>4737622.0</t>
  </si>
  <si>
    <t>4110741.0</t>
  </si>
  <si>
    <t>626881.0</t>
  </si>
  <si>
    <t>178517.0</t>
  </si>
  <si>
    <t>175534.0</t>
  </si>
  <si>
    <t>5615137.0</t>
  </si>
  <si>
    <t>23229.0</t>
  </si>
  <si>
    <t>44.317</t>
  </si>
  <si>
    <t>4947522.0</t>
  </si>
  <si>
    <t>4300720.0</t>
  </si>
  <si>
    <t>646802.0</t>
  </si>
  <si>
    <t>209900.0</t>
  </si>
  <si>
    <t>163932.0</t>
  </si>
  <si>
    <t>165984.0</t>
  </si>
  <si>
    <t>5638200.0</t>
  </si>
  <si>
    <t>44.499</t>
  </si>
  <si>
    <t>5186751.0</t>
  </si>
  <si>
    <t>239229.0</t>
  </si>
  <si>
    <t>168803.0</t>
  </si>
  <si>
    <t>162338.0</t>
  </si>
  <si>
    <t>5648261.0</t>
  </si>
  <si>
    <t>44.578</t>
  </si>
  <si>
    <t>17156.0</t>
  </si>
  <si>
    <t>5459014.0</t>
  </si>
  <si>
    <t>4763347.0</t>
  </si>
  <si>
    <t>695667.0</t>
  </si>
  <si>
    <t>272263.0</t>
  </si>
  <si>
    <t>165561.0</t>
  </si>
  <si>
    <t>5653689.0</t>
  </si>
  <si>
    <t>44.621</t>
  </si>
  <si>
    <t>5612291.0</t>
  </si>
  <si>
    <t>716768.0</t>
  </si>
  <si>
    <t>153277.0</t>
  </si>
  <si>
    <t>181766.0</t>
  </si>
  <si>
    <t>166497.0</t>
  </si>
  <si>
    <t>468233.5</t>
  </si>
  <si>
    <t>3672.30094211858</t>
  </si>
  <si>
    <t>5679000.0</t>
  </si>
  <si>
    <t>44.821</t>
  </si>
  <si>
    <t>5781359.0</t>
  </si>
  <si>
    <t>5046896.0</t>
  </si>
  <si>
    <t>734463.0</t>
  </si>
  <si>
    <t>169068.0</t>
  </si>
  <si>
    <t>196679.0</t>
  </si>
  <si>
    <t>178882.0</t>
  </si>
  <si>
    <t>5703438.0</t>
  </si>
  <si>
    <t>45.013</t>
  </si>
  <si>
    <t>5926967.0</t>
  </si>
  <si>
    <t>145608.0</t>
  </si>
  <si>
    <t>199455.0</t>
  </si>
  <si>
    <t>178054.0</t>
  </si>
  <si>
    <t>5726234.0</t>
  </si>
  <si>
    <t>22796.0</t>
  </si>
  <si>
    <t>45.193</t>
  </si>
  <si>
    <t>6119298.0</t>
  </si>
  <si>
    <t>5351319.0</t>
  </si>
  <si>
    <t>767979.0</t>
  </si>
  <si>
    <t>192331.0</t>
  </si>
  <si>
    <t>197382.0</t>
  </si>
  <si>
    <t>177225.0</t>
  </si>
  <si>
    <t>5749239.0</t>
  </si>
  <si>
    <t>45.375</t>
  </si>
  <si>
    <t>6243886.0</t>
  </si>
  <si>
    <t>5460096.0</t>
  </si>
  <si>
    <t>783790.0</t>
  </si>
  <si>
    <t>124588.0</t>
  </si>
  <si>
    <t>165625.0</t>
  </si>
  <si>
    <t>5770653.0</t>
  </si>
  <si>
    <t>21414.0</t>
  </si>
  <si>
    <t>45.544</t>
  </si>
  <si>
    <t>6487170.0</t>
  </si>
  <si>
    <t>5675286.0</t>
  </si>
  <si>
    <t>811884.0</t>
  </si>
  <si>
    <t>243284.0</t>
  </si>
  <si>
    <t>185774.0</t>
  </si>
  <si>
    <t>5781230.0</t>
  </si>
  <si>
    <t>45.627</t>
  </si>
  <si>
    <t>6724789.0</t>
  </si>
  <si>
    <t>5901505.0</t>
  </si>
  <si>
    <t>823284.0</t>
  </si>
  <si>
    <t>237619.0</t>
  </si>
  <si>
    <t>180825.0</t>
  </si>
  <si>
    <t>162594.0</t>
  </si>
  <si>
    <t>5786810.0</t>
  </si>
  <si>
    <t>45.671</t>
  </si>
  <si>
    <t>19017.0</t>
  </si>
  <si>
    <t>6852596.0</t>
  </si>
  <si>
    <t>127807.0</t>
  </si>
  <si>
    <t>177186.0</t>
  </si>
  <si>
    <t>162712.0</t>
  </si>
  <si>
    <t>471366.9</t>
  </si>
  <si>
    <t>3696.87583428677</t>
  </si>
  <si>
    <t>5810565.0</t>
  </si>
  <si>
    <t>7018449.0</t>
  </si>
  <si>
    <t>6167510.0</t>
  </si>
  <si>
    <t>850939.0</t>
  </si>
  <si>
    <t>165853.0</t>
  </si>
  <si>
    <t>176727.0</t>
  </si>
  <si>
    <t>5833319.0</t>
  </si>
  <si>
    <t>22754.0</t>
  </si>
  <si>
    <t>7404912.0</t>
  </si>
  <si>
    <t>386463.0</t>
  </si>
  <si>
    <t>211135.0</t>
  </si>
  <si>
    <t>191036.0</t>
  </si>
  <si>
    <t>5854320.0</t>
  </si>
  <si>
    <t>46.204</t>
  </si>
  <si>
    <t>7851053.0</t>
  </si>
  <si>
    <t>6905214.0</t>
  </si>
  <si>
    <t>945839.0</t>
  </si>
  <si>
    <t>446141.0</t>
  </si>
  <si>
    <t>247394.0</t>
  </si>
  <si>
    <t>221985.0</t>
  </si>
  <si>
    <t>5863404.0</t>
  </si>
  <si>
    <t>46.276</t>
  </si>
  <si>
    <t>286266.0</t>
  </si>
  <si>
    <t>255082.0</t>
  </si>
  <si>
    <t>5870529.0</t>
  </si>
  <si>
    <t>46.332</t>
  </si>
  <si>
    <t>8644446.0</t>
  </si>
  <si>
    <t>7586131.0</t>
  </si>
  <si>
    <t>1058315.0</t>
  </si>
  <si>
    <t>308182.0</t>
  </si>
  <si>
    <t>272978.0</t>
  </si>
  <si>
    <t>5876046.0</t>
  </si>
  <si>
    <t>8987190.0</t>
  </si>
  <si>
    <t>7903660.0</t>
  </si>
  <si>
    <t>1083530.0</t>
  </si>
  <si>
    <t>342744.0</t>
  </si>
  <si>
    <t>323200.0</t>
  </si>
  <si>
    <t>286022.0</t>
  </si>
  <si>
    <t>5881221.0</t>
  </si>
  <si>
    <t>46.417</t>
  </si>
  <si>
    <t>9036000.0</t>
  </si>
  <si>
    <t>7924236.0</t>
  </si>
  <si>
    <t>1111764.0</t>
  </si>
  <si>
    <t>311915.0</t>
  </si>
  <si>
    <t>269961.0</t>
  </si>
  <si>
    <t>473993.3</t>
  </si>
  <si>
    <t>3717.47438435715</t>
  </si>
  <si>
    <t>5905871.0</t>
  </si>
  <si>
    <t>24650.0</t>
  </si>
  <si>
    <t>46.611</t>
  </si>
  <si>
    <t>9287405.0</t>
  </si>
  <si>
    <t>8113230.0</t>
  </si>
  <si>
    <t>1174175.0</t>
  </si>
  <si>
    <t>251405.0</t>
  </si>
  <si>
    <t>324137.0</t>
  </si>
  <si>
    <t>277960.0</t>
  </si>
  <si>
    <t>5928450.0</t>
  </si>
  <si>
    <t>9675517.0</t>
  </si>
  <si>
    <t>8372272.0</t>
  </si>
  <si>
    <t>1303245.0</t>
  </si>
  <si>
    <t>388112.0</t>
  </si>
  <si>
    <t>262273.0</t>
  </si>
  <si>
    <t>5950905.0</t>
  </si>
  <si>
    <t>46.967</t>
  </si>
  <si>
    <t>10089420.0</t>
  </si>
  <si>
    <t>8617038.0</t>
  </si>
  <si>
    <t>1472382.0</t>
  </si>
  <si>
    <t>413903.0</t>
  </si>
  <si>
    <t>319767.0</t>
  </si>
  <si>
    <t>5973915.0</t>
  </si>
  <si>
    <t>47.148</t>
  </si>
  <si>
    <t>10642873.0</t>
  </si>
  <si>
    <t>9232815.0</t>
  </si>
  <si>
    <t>1664658.0</t>
  </si>
  <si>
    <t>553453.0</t>
  </si>
  <si>
    <t>342160.0</t>
  </si>
  <si>
    <t>283878.0</t>
  </si>
  <si>
    <t>5996240.0</t>
  </si>
  <si>
    <t>22325.0</t>
  </si>
  <si>
    <t>10984869.0</t>
  </si>
  <si>
    <t>9426179.0</t>
  </si>
  <si>
    <t>1855048.0</t>
  </si>
  <si>
    <t>341996.0</t>
  </si>
  <si>
    <t>334346.0</t>
  </si>
  <si>
    <t>6007634.0</t>
  </si>
  <si>
    <t>47.414</t>
  </si>
  <si>
    <t>18798.0</t>
  </si>
  <si>
    <t>11204183.0</t>
  </si>
  <si>
    <t>9552933.0</t>
  </si>
  <si>
    <t>1976517.0</t>
  </si>
  <si>
    <t>219314.0</t>
  </si>
  <si>
    <t>316713.0</t>
  </si>
  <si>
    <t>235610.0</t>
  </si>
  <si>
    <t>6013265.0</t>
  </si>
  <si>
    <t>47.459</t>
  </si>
  <si>
    <t>11395137.0</t>
  </si>
  <si>
    <t>9673708.0</t>
  </si>
  <si>
    <t>2069821.0</t>
  </si>
  <si>
    <t>190954.0</t>
  </si>
  <si>
    <t>337020.0</t>
  </si>
  <si>
    <t>249925.0</t>
  </si>
  <si>
    <t>476944.7</t>
  </si>
  <si>
    <t>3740.62187166972</t>
  </si>
  <si>
    <t>6039027.0</t>
  </si>
  <si>
    <t>47.662</t>
  </si>
  <si>
    <t>11703164.0</t>
  </si>
  <si>
    <t>9871026.0</t>
  </si>
  <si>
    <t>2223846.0</t>
  </si>
  <si>
    <t>308027.0</t>
  </si>
  <si>
    <t>345108.0</t>
  </si>
  <si>
    <t>251114.0</t>
  </si>
  <si>
    <t>6062840.0</t>
  </si>
  <si>
    <t>12407625.0</t>
  </si>
  <si>
    <t>10310521.0</t>
  </si>
  <si>
    <t>2632006.0</t>
  </si>
  <si>
    <t>704461.0</t>
  </si>
  <si>
    <t>390301.0</t>
  </si>
  <si>
    <t>276893.0</t>
  </si>
  <si>
    <t>6085921.0</t>
  </si>
  <si>
    <t>48.032</t>
  </si>
  <si>
    <t>12912963.0</t>
  </si>
  <si>
    <t>10581915.0</t>
  </si>
  <si>
    <t>2954683.0</t>
  </si>
  <si>
    <t>505338.0</t>
  </si>
  <si>
    <t>403363.0</t>
  </si>
  <si>
    <t>6107741.0</t>
  </si>
  <si>
    <t>13421708.0</t>
  </si>
  <si>
    <t>10837356.0</t>
  </si>
  <si>
    <t>3286908.0</t>
  </si>
  <si>
    <t>508745.0</t>
  </si>
  <si>
    <t>396976.0</t>
  </si>
  <si>
    <t>6128368.0</t>
  </si>
  <si>
    <t>48.367</t>
  </si>
  <si>
    <t>13978181.0</t>
  </si>
  <si>
    <t>11067294.0</t>
  </si>
  <si>
    <t>3681064.0</t>
  </si>
  <si>
    <t>556473.0</t>
  </si>
  <si>
    <t>427616.0</t>
  </si>
  <si>
    <t>234445.0</t>
  </si>
  <si>
    <t>6137547.0</t>
  </si>
  <si>
    <t>14240830.0</t>
  </si>
  <si>
    <t>11196970.0</t>
  </si>
  <si>
    <t>3844491.0</t>
  </si>
  <si>
    <t>262649.0</t>
  </si>
  <si>
    <t>433807.0</t>
  </si>
  <si>
    <t>234862.0</t>
  </si>
  <si>
    <t>6142229.0</t>
  </si>
  <si>
    <t>48.477</t>
  </si>
  <si>
    <t>14368074.0</t>
  </si>
  <si>
    <t>11253761.0</t>
  </si>
  <si>
    <t>3927307.0</t>
  </si>
  <si>
    <t>127244.0</t>
  </si>
  <si>
    <t>424705.0</t>
  </si>
  <si>
    <t>225722.0</t>
  </si>
  <si>
    <t>479834.7</t>
  </si>
  <si>
    <t>3763.28780591561</t>
  </si>
  <si>
    <t>6165605.0</t>
  </si>
  <si>
    <t>23376.0</t>
  </si>
  <si>
    <t>14571509.0</t>
  </si>
  <si>
    <t>11288822.0</t>
  </si>
  <si>
    <t>4111121.0</t>
  </si>
  <si>
    <t>409764.0</t>
  </si>
  <si>
    <t>202542.0</t>
  </si>
  <si>
    <t>6187208.0</t>
  </si>
  <si>
    <t>48.832</t>
  </si>
  <si>
    <t>15003610.0</t>
  </si>
  <si>
    <t>11449064.0</t>
  </si>
  <si>
    <t>4512826.0</t>
  </si>
  <si>
    <t>432101.0</t>
  </si>
  <si>
    <t>370855.0</t>
  </si>
  <si>
    <t>6208805.0</t>
  </si>
  <si>
    <t>49.002</t>
  </si>
  <si>
    <t>15477517.0</t>
  </si>
  <si>
    <t>11622868.0</t>
  </si>
  <si>
    <t>4978670.0</t>
  </si>
  <si>
    <t>473907.0</t>
  </si>
  <si>
    <t>366365.0</t>
  </si>
  <si>
    <t>6229645.0</t>
  </si>
  <si>
    <t>49.166</t>
  </si>
  <si>
    <t>15874809.0</t>
  </si>
  <si>
    <t>11807897.0</t>
  </si>
  <si>
    <t>5347232.0</t>
  </si>
  <si>
    <t>397292.0</t>
  </si>
  <si>
    <t>350443.0</t>
  </si>
  <si>
    <t>138649.0</t>
  </si>
  <si>
    <t>6249502.0</t>
  </si>
  <si>
    <t>49.323</t>
  </si>
  <si>
    <t>16214484.0</t>
  </si>
  <si>
    <t>11961104.0</t>
  </si>
  <si>
    <t>5646105.0</t>
  </si>
  <si>
    <t>339675.0</t>
  </si>
  <si>
    <t>319472.0</t>
  </si>
  <si>
    <t>127687.0</t>
  </si>
  <si>
    <t>6258939.0</t>
  </si>
  <si>
    <t>49.398</t>
  </si>
  <si>
    <t>16410034.0</t>
  </si>
  <si>
    <t>12038498.0</t>
  </si>
  <si>
    <t>5830079.0</t>
  </si>
  <si>
    <t>195550.0</t>
  </si>
  <si>
    <t>309886.0</t>
  </si>
  <si>
    <t>120218.0</t>
  </si>
  <si>
    <t>6263791.0</t>
  </si>
  <si>
    <t>49.436</t>
  </si>
  <si>
    <t>17366.0</t>
  </si>
  <si>
    <t>16501739.0</t>
  </si>
  <si>
    <t>12054021.0</t>
  </si>
  <si>
    <t>5917676.0</t>
  </si>
  <si>
    <t>91705.0</t>
  </si>
  <si>
    <t>304809.0</t>
  </si>
  <si>
    <t>114323.0</t>
  </si>
  <si>
    <t>481899.7</t>
  </si>
  <si>
    <t>3779.48336100826</t>
  </si>
  <si>
    <t>6285969.0</t>
  </si>
  <si>
    <t>49.611</t>
  </si>
  <si>
    <t>16687189.0</t>
  </si>
  <si>
    <t>12096308.0</t>
  </si>
  <si>
    <t>6096954.0</t>
  </si>
  <si>
    <t>185450.0</t>
  </si>
  <si>
    <t>302240.0</t>
  </si>
  <si>
    <t>115355.0</t>
  </si>
  <si>
    <t>6305836.0</t>
  </si>
  <si>
    <t>49.768</t>
  </si>
  <si>
    <t>288426.0</t>
  </si>
  <si>
    <t>102425.0</t>
  </si>
  <si>
    <t>6325249.0</t>
  </si>
  <si>
    <t>19413.0</t>
  </si>
  <si>
    <t>49.921</t>
  </si>
  <si>
    <t>17357993.0</t>
  </si>
  <si>
    <t>12235767.0</t>
  </si>
  <si>
    <t>6752282.0</t>
  </si>
  <si>
    <t>268639.0</t>
  </si>
  <si>
    <t>87557.0</t>
  </si>
  <si>
    <t>6342879.0</t>
  </si>
  <si>
    <t>17718806.0</t>
  </si>
  <si>
    <t>12354467.0</t>
  </si>
  <si>
    <t>7100269.0</t>
  </si>
  <si>
    <t>360813.0</t>
  </si>
  <si>
    <t>78081.0</t>
  </si>
  <si>
    <t>6359123.0</t>
  </si>
  <si>
    <t>50.188</t>
  </si>
  <si>
    <t>18080005.0</t>
  </si>
  <si>
    <t>12477933.0</t>
  </si>
  <si>
    <t>7440439.0</t>
  </si>
  <si>
    <t>361199.0</t>
  </si>
  <si>
    <t>266503.0</t>
  </si>
  <si>
    <t>6363555.0</t>
  </si>
  <si>
    <t>18326726.0</t>
  </si>
  <si>
    <t>12572997.0</t>
  </si>
  <si>
    <t>7650150.0</t>
  </si>
  <si>
    <t>246721.0</t>
  </si>
  <si>
    <t>273813.0</t>
  </si>
  <si>
    <t>76357.0</t>
  </si>
  <si>
    <t>6367767.0</t>
  </si>
  <si>
    <t>50.257</t>
  </si>
  <si>
    <t>18471669.0</t>
  </si>
  <si>
    <t>12625860.0</t>
  </si>
  <si>
    <t>7792707.0</t>
  </si>
  <si>
    <t>144943.0</t>
  </si>
  <si>
    <t>281419.0</t>
  </si>
  <si>
    <t>81691.0</t>
  </si>
  <si>
    <t>483306.3</t>
  </si>
  <si>
    <t>3790.51516139243</t>
  </si>
  <si>
    <t>6387013.0</t>
  </si>
  <si>
    <t>18827623.0</t>
  </si>
  <si>
    <t>12740897.0</t>
  </si>
  <si>
    <t>355954.0</t>
  </si>
  <si>
    <t>305776.0</t>
  </si>
  <si>
    <t>92084.0</t>
  </si>
  <si>
    <t>6405685.0</t>
  </si>
  <si>
    <t>50.556</t>
  </si>
  <si>
    <t>19340234.0</t>
  </si>
  <si>
    <t>12984236.0</t>
  </si>
  <si>
    <t>8418291.0</t>
  </si>
  <si>
    <t>512611.0</t>
  </si>
  <si>
    <t>331092.0</t>
  </si>
  <si>
    <t>116886.0</t>
  </si>
  <si>
    <t>6421978.0</t>
  </si>
  <si>
    <t>50.684</t>
  </si>
  <si>
    <t>19951121.0</t>
  </si>
  <si>
    <t>13328238.0</t>
  </si>
  <si>
    <t>8790655.0</t>
  </si>
  <si>
    <t>610887.0</t>
  </si>
  <si>
    <t>370447.0</t>
  </si>
  <si>
    <t>156067.0</t>
  </si>
  <si>
    <t>6440456.0</t>
  </si>
  <si>
    <t>20540830.0</t>
  </si>
  <si>
    <t>13715159.0</t>
  </si>
  <si>
    <t>9092249.0</t>
  </si>
  <si>
    <t>589709.0</t>
  </si>
  <si>
    <t>403146.0</t>
  </si>
  <si>
    <t>194385.0</t>
  </si>
  <si>
    <t>6457678.0</t>
  </si>
  <si>
    <t>50.966</t>
  </si>
  <si>
    <t>21008618.0</t>
  </si>
  <si>
    <t>14021482.0</t>
  </si>
  <si>
    <t>9325576.0</t>
  </si>
  <si>
    <t>467788.0</t>
  </si>
  <si>
    <t>418373.0</t>
  </si>
  <si>
    <t>220507.0</t>
  </si>
  <si>
    <t>6465420.0</t>
  </si>
  <si>
    <t>51.027</t>
  </si>
  <si>
    <t>21228359.0</t>
  </si>
  <si>
    <t>14148207.0</t>
  </si>
  <si>
    <t>9440251.0</t>
  </si>
  <si>
    <t>219741.0</t>
  </si>
  <si>
    <t>414519.0</t>
  </si>
  <si>
    <t>225030.0</t>
  </si>
  <si>
    <t>6469499.0</t>
  </si>
  <si>
    <t>51.059</t>
  </si>
  <si>
    <t>21300414.0</t>
  </si>
  <si>
    <t>14176406.0</t>
  </si>
  <si>
    <t>9486795.0</t>
  </si>
  <si>
    <t>72055.0</t>
  </si>
  <si>
    <t>404106.0</t>
  </si>
  <si>
    <t>221507.0</t>
  </si>
  <si>
    <t>484428.3</t>
  </si>
  <si>
    <t>3799.31487704084</t>
  </si>
  <si>
    <t>6478879.0</t>
  </si>
  <si>
    <t>373889.0</t>
  </si>
  <si>
    <t>218791.0</t>
  </si>
  <si>
    <t>6497844.0</t>
  </si>
  <si>
    <t>51.283</t>
  </si>
  <si>
    <t>21589272.0</t>
  </si>
  <si>
    <t>14368460.0</t>
  </si>
  <si>
    <t>9500000.0</t>
  </si>
  <si>
    <t>321291.0</t>
  </si>
  <si>
    <t>197746.0</t>
  </si>
  <si>
    <t>6514548.0</t>
  </si>
  <si>
    <t>51.415</t>
  </si>
  <si>
    <t>14673682.0</t>
  </si>
  <si>
    <t>9861173.0</t>
  </si>
  <si>
    <t>397184.0</t>
  </si>
  <si>
    <t>6529945.0</t>
  </si>
  <si>
    <t>22413285.0</t>
  </si>
  <si>
    <t>14996844.0</t>
  </si>
  <si>
    <t>10108593.0</t>
  </si>
  <si>
    <t>426829.0</t>
  </si>
  <si>
    <t>183098.0</t>
  </si>
  <si>
    <t>6545337.0</t>
  </si>
  <si>
    <t>51.658</t>
  </si>
  <si>
    <t>236628.0</t>
  </si>
  <si>
    <t>161116.0</t>
  </si>
  <si>
    <t>6552516.0</t>
  </si>
  <si>
    <t>51.715</t>
  </si>
  <si>
    <t>241197.0</t>
  </si>
  <si>
    <t>6557147.0</t>
  </si>
  <si>
    <t>51.751</t>
  </si>
  <si>
    <t>23168462.0</t>
  </si>
  <si>
    <t>15454195.0</t>
  </si>
  <si>
    <t>10604476.0</t>
  </si>
  <si>
    <t>266864.0</t>
  </si>
  <si>
    <t>182541.0</t>
  </si>
  <si>
    <t>485250.1</t>
  </si>
  <si>
    <t>3805.76015896584</t>
  </si>
  <si>
    <t>6574416.0</t>
  </si>
  <si>
    <t>23301884.0</t>
  </si>
  <si>
    <t>15544106.0</t>
  </si>
  <si>
    <t>10652500.0</t>
  </si>
  <si>
    <t>133422.0</t>
  </si>
  <si>
    <t>265292.0</t>
  </si>
  <si>
    <t>6591227.0</t>
  </si>
  <si>
    <t>310474.0</t>
  </si>
  <si>
    <t>6607599.0</t>
  </si>
  <si>
    <t>52.149</t>
  </si>
  <si>
    <t>24223297.0</t>
  </si>
  <si>
    <t>16173646.0</t>
  </si>
  <si>
    <t>11131624.0</t>
  </si>
  <si>
    <t>319549.0</t>
  </si>
  <si>
    <t>214281.0</t>
  </si>
  <si>
    <t>6623282.0</t>
  </si>
  <si>
    <t>52.273</t>
  </si>
  <si>
    <t>24988066.0</t>
  </si>
  <si>
    <t>16819083.0</t>
  </si>
  <si>
    <t>11384107.0</t>
  </si>
  <si>
    <t>367826.0</t>
  </si>
  <si>
    <t>260320.0</t>
  </si>
  <si>
    <t>6638900.0</t>
  </si>
  <si>
    <t>25626413.0</t>
  </si>
  <si>
    <t>17386061.0</t>
  </si>
  <si>
    <t>11584756.0</t>
  </si>
  <si>
    <t>638347.0</t>
  </si>
  <si>
    <t>423057.0</t>
  </si>
  <si>
    <t>319538.0</t>
  </si>
  <si>
    <t>6645919.0</t>
  </si>
  <si>
    <t>52.452</t>
  </si>
  <si>
    <t>13343.0</t>
  </si>
  <si>
    <t>26148948.0</t>
  </si>
  <si>
    <t>17858127.0</t>
  </si>
  <si>
    <t>11720188.0</t>
  </si>
  <si>
    <t>461745.0</t>
  </si>
  <si>
    <t>365197.0</t>
  </si>
  <si>
    <t>6650306.0</t>
  </si>
  <si>
    <t>52.486</t>
  </si>
  <si>
    <t>26478866.0</t>
  </si>
  <si>
    <t>18170321.0</t>
  </si>
  <si>
    <t>11784494.0</t>
  </si>
  <si>
    <t>329918.0</t>
  </si>
  <si>
    <t>472915.0</t>
  </si>
  <si>
    <t>388018.0</t>
  </si>
  <si>
    <t>485529.5</t>
  </si>
  <si>
    <t>3807.95146070574</t>
  </si>
  <si>
    <t>6667298.0</t>
  </si>
  <si>
    <t>52.621</t>
  </si>
  <si>
    <t>26655760.0</t>
  </si>
  <si>
    <t>18338034.0</t>
  </si>
  <si>
    <t>11794554.0</t>
  </si>
  <si>
    <t>176894.0</t>
  </si>
  <si>
    <t>479125.0</t>
  </si>
  <si>
    <t>399133.0</t>
  </si>
  <si>
    <t>6683093.0</t>
  </si>
  <si>
    <t>26953788.0</t>
  </si>
  <si>
    <t>18610667.0</t>
  </si>
  <si>
    <t>11832208.0</t>
  </si>
  <si>
    <t>298028.0</t>
  </si>
  <si>
    <t>455885.0</t>
  </si>
  <si>
    <t>393113.0</t>
  </si>
  <si>
    <t>6697650.0</t>
  </si>
  <si>
    <t>27709853.0</t>
  </si>
  <si>
    <t>19327543.0</t>
  </si>
  <si>
    <t>11919690.0</t>
  </si>
  <si>
    <t>756065.0</t>
  </si>
  <si>
    <t>498079.0</t>
  </si>
  <si>
    <t>450557.0</t>
  </si>
  <si>
    <t>6712192.0</t>
  </si>
  <si>
    <t>52.975</t>
  </si>
  <si>
    <t>12701.0</t>
  </si>
  <si>
    <t>498123.0</t>
  </si>
  <si>
    <t>457902.0</t>
  </si>
  <si>
    <t>6727076.0</t>
  </si>
  <si>
    <t>53.092</t>
  </si>
  <si>
    <t>29239997.0</t>
  </si>
  <si>
    <t>20721248.0</t>
  </si>
  <si>
    <t>12204779.0</t>
  </si>
  <si>
    <t>516226.0</t>
  </si>
  <si>
    <t>476455.0</t>
  </si>
  <si>
    <t>6732795.0</t>
  </si>
  <si>
    <t>53.138</t>
  </si>
  <si>
    <t>29861331.0</t>
  </si>
  <si>
    <t>21259657.0</t>
  </si>
  <si>
    <t>12320589.0</t>
  </si>
  <si>
    <t>621334.0</t>
  </si>
  <si>
    <t>530340.0</t>
  </si>
  <si>
    <t>485933.0</t>
  </si>
  <si>
    <t>6736898.0</t>
  </si>
  <si>
    <t>30293682.0</t>
  </si>
  <si>
    <t>21636247.0</t>
  </si>
  <si>
    <t>12390240.0</t>
  </si>
  <si>
    <t>432351.0</t>
  </si>
  <si>
    <t>544974.0</t>
  </si>
  <si>
    <t>495132.0</t>
  </si>
  <si>
    <t>485721.5</t>
  </si>
  <si>
    <t>3809.45729439959</t>
  </si>
  <si>
    <t>6753043.0</t>
  </si>
  <si>
    <t>53.297</t>
  </si>
  <si>
    <t>30477703.0</t>
  </si>
  <si>
    <t>21796967.0</t>
  </si>
  <si>
    <t>12415247.0</t>
  </si>
  <si>
    <t>184021.0</t>
  </si>
  <si>
    <t>545992.0</t>
  </si>
  <si>
    <t>6767802.0</t>
  </si>
  <si>
    <t>53.414</t>
  </si>
  <si>
    <t>30990908.0</t>
  </si>
  <si>
    <t>22043213.0</t>
  </si>
  <si>
    <t>12604789.0</t>
  </si>
  <si>
    <t>513205.0</t>
  </si>
  <si>
    <t>576731.0</t>
  </si>
  <si>
    <t>490364.0</t>
  </si>
  <si>
    <t>6781864.0</t>
  </si>
  <si>
    <t>53.525</t>
  </si>
  <si>
    <t>31811931.0</t>
  </si>
  <si>
    <t>22633460.0</t>
  </si>
  <si>
    <t>12919455.0</t>
  </si>
  <si>
    <t>821023.0</t>
  </si>
  <si>
    <t>586011.0</t>
  </si>
  <si>
    <t>472274.0</t>
  </si>
  <si>
    <t>53.636</t>
  </si>
  <si>
    <t>32874857.0</t>
  </si>
  <si>
    <t>23200887.0</t>
  </si>
  <si>
    <t>13417362.0</t>
  </si>
  <si>
    <t>1062926.0</t>
  </si>
  <si>
    <t>628562.0</t>
  </si>
  <si>
    <t>453784.0</t>
  </si>
  <si>
    <t>6810341.0</t>
  </si>
  <si>
    <t>33779982.0</t>
  </si>
  <si>
    <t>23730336.0</t>
  </si>
  <si>
    <t>13801863.0</t>
  </si>
  <si>
    <t>905125.0</t>
  </si>
  <si>
    <t>648569.0</t>
  </si>
  <si>
    <t>429870.0</t>
  </si>
  <si>
    <t>6816465.0</t>
  </si>
  <si>
    <t>53.798</t>
  </si>
  <si>
    <t>34457602.0</t>
  </si>
  <si>
    <t>24098361.0</t>
  </si>
  <si>
    <t>14118256.0</t>
  </si>
  <si>
    <t>677620.0</t>
  </si>
  <si>
    <t>656610.0</t>
  </si>
  <si>
    <t>405529.0</t>
  </si>
  <si>
    <t>6819776.0</t>
  </si>
  <si>
    <t>53.824</t>
  </si>
  <si>
    <t>609199.0</t>
  </si>
  <si>
    <t>360724.0</t>
  </si>
  <si>
    <t>485924.5</t>
  </si>
  <si>
    <t>3811.04939981547</t>
  </si>
  <si>
    <t>6836940.0</t>
  </si>
  <si>
    <t>53.959</t>
  </si>
  <si>
    <t>34658545.0</t>
  </si>
  <si>
    <t>24224273.0</t>
  </si>
  <si>
    <t>14193288.0</t>
  </si>
  <si>
    <t>597263.0</t>
  </si>
  <si>
    <t>346758.0</t>
  </si>
  <si>
    <t>6853781.0</t>
  </si>
  <si>
    <t>35166248.0</t>
  </si>
  <si>
    <t>24570319.0</t>
  </si>
  <si>
    <t>14358881.0</t>
  </si>
  <si>
    <t>507703.0</t>
  </si>
  <si>
    <t>596477.0</t>
  </si>
  <si>
    <t>361015.0</t>
  </si>
  <si>
    <t>6870328.0</t>
  </si>
  <si>
    <t>54.223</t>
  </si>
  <si>
    <t>36164011.0</t>
  </si>
  <si>
    <t>25306211.0</t>
  </si>
  <si>
    <t>14639188.0</t>
  </si>
  <si>
    <t>997763.0</t>
  </si>
  <si>
    <t>621726.0</t>
  </si>
  <si>
    <t>381822.0</t>
  </si>
  <si>
    <t>6886422.0</t>
  </si>
  <si>
    <t>36430953.0</t>
  </si>
  <si>
    <t>25465992.0</t>
  </si>
  <si>
    <t>14747978.0</t>
  </si>
  <si>
    <t>266942.0</t>
  </si>
  <si>
    <t>508014.0</t>
  </si>
  <si>
    <t>323586.0</t>
  </si>
  <si>
    <t>6902306.0</t>
  </si>
  <si>
    <t>54.475</t>
  </si>
  <si>
    <t>36983641.0</t>
  </si>
  <si>
    <t>25860841.0</t>
  </si>
  <si>
    <t>14911487.0</t>
  </si>
  <si>
    <t>552688.0</t>
  </si>
  <si>
    <t>457666.0</t>
  </si>
  <si>
    <t>304358.0</t>
  </si>
  <si>
    <t>6909212.0</t>
  </si>
  <si>
    <t>37294959.0</t>
  </si>
  <si>
    <t>26081614.0</t>
  </si>
  <si>
    <t>15003652.0</t>
  </si>
  <si>
    <t>311318.0</t>
  </si>
  <si>
    <t>283322.0</t>
  </si>
  <si>
    <t>6913608.0</t>
  </si>
  <si>
    <t>37521976.0</t>
  </si>
  <si>
    <t>26251224.0</t>
  </si>
  <si>
    <t>15062873.0</t>
  </si>
  <si>
    <t>227017.0</t>
  </si>
  <si>
    <t>298558.0</t>
  </si>
  <si>
    <t>486359.1</t>
  </si>
  <si>
    <t>3814.45791712456</t>
  </si>
  <si>
    <t>6931742.0</t>
  </si>
  <si>
    <t>54.708</t>
  </si>
  <si>
    <t>37803462.0</t>
  </si>
  <si>
    <t>26422800.0</t>
  </si>
  <si>
    <t>15175659.0</t>
  </si>
  <si>
    <t>281486.0</t>
  </si>
  <si>
    <t>449274.0</t>
  </si>
  <si>
    <t>314075.0</t>
  </si>
  <si>
    <t>6949078.0</t>
  </si>
  <si>
    <t>54.844</t>
  </si>
  <si>
    <t>38248562.0</t>
  </si>
  <si>
    <t>26665789.0</t>
  </si>
  <si>
    <t>15383285.0</t>
  </si>
  <si>
    <t>445100.0</t>
  </si>
  <si>
    <t>440331.0</t>
  </si>
  <si>
    <t>299353.0</t>
  </si>
  <si>
    <t>6967219.0</t>
  </si>
  <si>
    <t>54.988</t>
  </si>
  <si>
    <t>38633462.0</t>
  </si>
  <si>
    <t>26886856.0</t>
  </si>
  <si>
    <t>15551250.0</t>
  </si>
  <si>
    <t>352779.0</t>
  </si>
  <si>
    <t>225806.0</t>
  </si>
  <si>
    <t>6985046.0</t>
  </si>
  <si>
    <t>55.128</t>
  </si>
  <si>
    <t>39153336.0</t>
  </si>
  <si>
    <t>27253174.0</t>
  </si>
  <si>
    <t>15825432.0</t>
  </si>
  <si>
    <t>519874.0</t>
  </si>
  <si>
    <t>388912.0</t>
  </si>
  <si>
    <t>255312.0</t>
  </si>
  <si>
    <t>7002878.0</t>
  </si>
  <si>
    <t>17832.0</t>
  </si>
  <si>
    <t>55.269</t>
  </si>
  <si>
    <t>39623088.0</t>
  </si>
  <si>
    <t>27543142.0</t>
  </si>
  <si>
    <t>16177003.0</t>
  </si>
  <si>
    <t>469752.0</t>
  </si>
  <si>
    <t>377064.0</t>
  </si>
  <si>
    <t>240329.0</t>
  </si>
  <si>
    <t>7010776.0</t>
  </si>
  <si>
    <t>55.331</t>
  </si>
  <si>
    <t>40031327.0</t>
  </si>
  <si>
    <t>27753807.0</t>
  </si>
  <si>
    <t>16526469.0</t>
  </si>
  <si>
    <t>408239.0</t>
  </si>
  <si>
    <t>390910.0</t>
  </si>
  <si>
    <t>238885.0</t>
  </si>
  <si>
    <t>7015812.0</t>
  </si>
  <si>
    <t>40227974.0</t>
  </si>
  <si>
    <t>27896212.0</t>
  </si>
  <si>
    <t>16695831.0</t>
  </si>
  <si>
    <t>196647.0</t>
  </si>
  <si>
    <t>386571.0</t>
  </si>
  <si>
    <t>234998.0</t>
  </si>
  <si>
    <t>487159.9</t>
  </si>
  <si>
    <t>3820.7384984893</t>
  </si>
  <si>
    <t>7036732.0</t>
  </si>
  <si>
    <t>55.536</t>
  </si>
  <si>
    <t>40700954.0</t>
  </si>
  <si>
    <t>28198409.0</t>
  </si>
  <si>
    <t>17047687.0</t>
  </si>
  <si>
    <t>472980.0</t>
  </si>
  <si>
    <t>413927.0</t>
  </si>
  <si>
    <t>253658.0</t>
  </si>
  <si>
    <t>7057936.0</t>
  </si>
  <si>
    <t>41368066.0</t>
  </si>
  <si>
    <t>28590500.0</t>
  </si>
  <si>
    <t>17463895.0</t>
  </si>
  <si>
    <t>667112.0</t>
  </si>
  <si>
    <t>445643.0</t>
  </si>
  <si>
    <t>274959.0</t>
  </si>
  <si>
    <t>7079619.0</t>
  </si>
  <si>
    <t>21683.0</t>
  </si>
  <si>
    <t>42155839.0</t>
  </si>
  <si>
    <t>29099499.0</t>
  </si>
  <si>
    <t>18006199.0</t>
  </si>
  <si>
    <t>787773.0</t>
  </si>
  <si>
    <t>503197.0</t>
  </si>
  <si>
    <t>316092.0</t>
  </si>
  <si>
    <t>7101265.0</t>
  </si>
  <si>
    <t>56.046</t>
  </si>
  <si>
    <t>42791467.0</t>
  </si>
  <si>
    <t>29520484.0</t>
  </si>
  <si>
    <t>18350137.0</t>
  </si>
  <si>
    <t>635628.0</t>
  </si>
  <si>
    <t>519733.0</t>
  </si>
  <si>
    <t>323901.0</t>
  </si>
  <si>
    <t>7122938.0</t>
  </si>
  <si>
    <t>56.217</t>
  </si>
  <si>
    <t>43369096.0</t>
  </si>
  <si>
    <t>29847977.0</t>
  </si>
  <si>
    <t>18634875.0</t>
  </si>
  <si>
    <t>577629.0</t>
  </si>
  <si>
    <t>535144.0</t>
  </si>
  <si>
    <t>329262.0</t>
  </si>
  <si>
    <t>7132596.0</t>
  </si>
  <si>
    <t>56.293</t>
  </si>
  <si>
    <t>43753814.0</t>
  </si>
  <si>
    <t>30009547.0</t>
  </si>
  <si>
    <t>18863087.0</t>
  </si>
  <si>
    <t>384718.0</t>
  </si>
  <si>
    <t>531784.0</t>
  </si>
  <si>
    <t>322249.0</t>
  </si>
  <si>
    <t>7138197.0</t>
  </si>
  <si>
    <t>43912990.0</t>
  </si>
  <si>
    <t>30078813.0</t>
  </si>
  <si>
    <t>18953253.0</t>
  </si>
  <si>
    <t>159176.0</t>
  </si>
  <si>
    <t>526431.0</t>
  </si>
  <si>
    <t>311800.0</t>
  </si>
  <si>
    <t>487820.9</t>
  </si>
  <si>
    <t>3825.92264469572</t>
  </si>
  <si>
    <t>7162991.0</t>
  </si>
  <si>
    <t>56.533</t>
  </si>
  <si>
    <t>44385584.0</t>
  </si>
  <si>
    <t>30385823.0</t>
  </si>
  <si>
    <t>19126940.0</t>
  </si>
  <si>
    <t>472594.0</t>
  </si>
  <si>
    <t>526376.0</t>
  </si>
  <si>
    <t>7185724.0</t>
  </si>
  <si>
    <t>56.712</t>
  </si>
  <si>
    <t>45113218.0</t>
  </si>
  <si>
    <t>30903150.0</t>
  </si>
  <si>
    <t>19358590.0</t>
  </si>
  <si>
    <t>727634.0</t>
  </si>
  <si>
    <t>535022.0</t>
  </si>
  <si>
    <t>330379.0</t>
  </si>
  <si>
    <t>7207499.0</t>
  </si>
  <si>
    <t>45898210.0</t>
  </si>
  <si>
    <t>31510606.0</t>
  </si>
  <si>
    <t>19566228.0</t>
  </si>
  <si>
    <t>784992.0</t>
  </si>
  <si>
    <t>534624.0</t>
  </si>
  <si>
    <t>344444.0</t>
  </si>
  <si>
    <t>7229779.0</t>
  </si>
  <si>
    <t>46451716.0</t>
  </si>
  <si>
    <t>31960060.0</t>
  </si>
  <si>
    <t>19686818.0</t>
  </si>
  <si>
    <t>553506.0</t>
  </si>
  <si>
    <t>522893.0</t>
  </si>
  <si>
    <t>348511.0</t>
  </si>
  <si>
    <t>7252559.0</t>
  </si>
  <si>
    <t>46945511.0</t>
  </si>
  <si>
    <t>32397097.0</t>
  </si>
  <si>
    <t>19755489.0</t>
  </si>
  <si>
    <t>493795.0</t>
  </si>
  <si>
    <t>510916.0</t>
  </si>
  <si>
    <t>7263507.0</t>
  </si>
  <si>
    <t>57.326</t>
  </si>
  <si>
    <t>473956.0</t>
  </si>
  <si>
    <t>353826.0</t>
  </si>
  <si>
    <t>7270121.0</t>
  </si>
  <si>
    <t>47197494.0</t>
  </si>
  <si>
    <t>32575554.0</t>
  </si>
  <si>
    <t>19829015.0</t>
  </si>
  <si>
    <t>469215.0</t>
  </si>
  <si>
    <t>356677.0</t>
  </si>
  <si>
    <t>488987.7</t>
  </si>
  <si>
    <t>3835.07372153935</t>
  </si>
  <si>
    <t>7299217.0</t>
  </si>
  <si>
    <t>57.608</t>
  </si>
  <si>
    <t>47739783.0</t>
  </si>
  <si>
    <t>33002466.0</t>
  </si>
  <si>
    <t>19937022.0</t>
  </si>
  <si>
    <t>542289.0</t>
  </si>
  <si>
    <t>479171.0</t>
  </si>
  <si>
    <t>373806.0</t>
  </si>
  <si>
    <t>7327691.0</t>
  </si>
  <si>
    <t>57.833</t>
  </si>
  <si>
    <t>48499324.0</t>
  </si>
  <si>
    <t>33691170.0</t>
  </si>
  <si>
    <t>20040922.0</t>
  </si>
  <si>
    <t>759541.0</t>
  </si>
  <si>
    <t>483729.0</t>
  </si>
  <si>
    <t>398289.0</t>
  </si>
  <si>
    <t>7359899.0</t>
  </si>
  <si>
    <t>32208.0</t>
  </si>
  <si>
    <t>58.087</t>
  </si>
  <si>
    <t>21771.0</t>
  </si>
  <si>
    <t>49202252.0</t>
  </si>
  <si>
    <t>34155903.0</t>
  </si>
  <si>
    <t>20355222.0</t>
  </si>
  <si>
    <t>702928.0</t>
  </si>
  <si>
    <t>472006.0</t>
  </si>
  <si>
    <t>377900.0</t>
  </si>
  <si>
    <t>7390848.0</t>
  </si>
  <si>
    <t>30949.0</t>
  </si>
  <si>
    <t>58.331</t>
  </si>
  <si>
    <t>49857020.0</t>
  </si>
  <si>
    <t>34627540.0</t>
  </si>
  <si>
    <t>20548715.0</t>
  </si>
  <si>
    <t>654768.0</t>
  </si>
  <si>
    <t>486472.0</t>
  </si>
  <si>
    <t>381069.0</t>
  </si>
  <si>
    <t>7423674.0</t>
  </si>
  <si>
    <t>50362218.0</t>
  </si>
  <si>
    <t>35065569.0</t>
  </si>
  <si>
    <t>20621383.0</t>
  </si>
  <si>
    <t>505198.0</t>
  </si>
  <si>
    <t>488101.0</t>
  </si>
  <si>
    <t>381210.0</t>
  </si>
  <si>
    <t>7438354.0</t>
  </si>
  <si>
    <t>58.706</t>
  </si>
  <si>
    <t>24978.0</t>
  </si>
  <si>
    <t>50698518.0</t>
  </si>
  <si>
    <t>35287821.0</t>
  </si>
  <si>
    <t>20736615.0</t>
  </si>
  <si>
    <t>336300.0</t>
  </si>
  <si>
    <t>400214.0</t>
  </si>
  <si>
    <t>7447399.0</t>
  </si>
  <si>
    <t>58.777</t>
  </si>
  <si>
    <t>50817979.0</t>
  </si>
  <si>
    <t>35378414.0</t>
  </si>
  <si>
    <t>20766146.0</t>
  </si>
  <si>
    <t>119461.0</t>
  </si>
  <si>
    <t>517212.0</t>
  </si>
  <si>
    <t>400409.0</t>
  </si>
  <si>
    <t>490906.7</t>
  </si>
  <si>
    <t>3850.12421559397</t>
  </si>
  <si>
    <t>7487342.0</t>
  </si>
  <si>
    <t>26875.0</t>
  </si>
  <si>
    <t>51331578.0</t>
  </si>
  <si>
    <t>35728222.0</t>
  </si>
  <si>
    <t>20945773.0</t>
  </si>
  <si>
    <t>513599.0</t>
  </si>
  <si>
    <t>513114.0</t>
  </si>
  <si>
    <t>389394.0</t>
  </si>
  <si>
    <t>7527461.0</t>
  </si>
  <si>
    <t>59.409</t>
  </si>
  <si>
    <t>51986413.0</t>
  </si>
  <si>
    <t>36230549.0</t>
  </si>
  <si>
    <t>21108633.0</t>
  </si>
  <si>
    <t>654835.0</t>
  </si>
  <si>
    <t>498156.0</t>
  </si>
  <si>
    <t>362768.0</t>
  </si>
  <si>
    <t>7567865.0</t>
  </si>
  <si>
    <t>40404.0</t>
  </si>
  <si>
    <t>59.728</t>
  </si>
  <si>
    <t>52704960.0</t>
  </si>
  <si>
    <t>36789100.0</t>
  </si>
  <si>
    <t>21274238.0</t>
  </si>
  <si>
    <t>718547.0</t>
  </si>
  <si>
    <t>500387.0</t>
  </si>
  <si>
    <t>376171.0</t>
  </si>
  <si>
    <t>7608445.0</t>
  </si>
  <si>
    <t>40580.0</t>
  </si>
  <si>
    <t>60.048</t>
  </si>
  <si>
    <t>53342673.0</t>
  </si>
  <si>
    <t>37307725.0</t>
  </si>
  <si>
    <t>21396576.0</t>
  </si>
  <si>
    <t>637713.0</t>
  </si>
  <si>
    <t>497950.0</t>
  </si>
  <si>
    <t>382884.0</t>
  </si>
  <si>
    <t>7649992.0</t>
  </si>
  <si>
    <t>60.376</t>
  </si>
  <si>
    <t>53915023.0</t>
  </si>
  <si>
    <t>37759104.0</t>
  </si>
  <si>
    <t>21525199.0</t>
  </si>
  <si>
    <t>572350.0</t>
  </si>
  <si>
    <t>507544.0</t>
  </si>
  <si>
    <t>384791.0</t>
  </si>
  <si>
    <t>7668052.0</t>
  </si>
  <si>
    <t>60.519</t>
  </si>
  <si>
    <t>32814.0</t>
  </si>
  <si>
    <t>54282399.0</t>
  </si>
  <si>
    <t>38029139.0</t>
  </si>
  <si>
    <t>21626694.0</t>
  </si>
  <si>
    <t>367376.0</t>
  </si>
  <si>
    <t>511983.0</t>
  </si>
  <si>
    <t>391617.0</t>
  </si>
  <si>
    <t>7679411.0</t>
  </si>
  <si>
    <t>60.609</t>
  </si>
  <si>
    <t>33145.0</t>
  </si>
  <si>
    <t>54542551.0</t>
  </si>
  <si>
    <t>38222492.0</t>
  </si>
  <si>
    <t>21700199.0</t>
  </si>
  <si>
    <t>260152.0</t>
  </si>
  <si>
    <t>406297.0</t>
  </si>
  <si>
    <t>493948.5</t>
  </si>
  <si>
    <t>3873.98069960406</t>
  </si>
  <si>
    <t>7728618.0</t>
  </si>
  <si>
    <t>49207.0</t>
  </si>
  <si>
    <t>60.997</t>
  </si>
  <si>
    <t>499080.0</t>
  </si>
  <si>
    <t>376667.0</t>
  </si>
  <si>
    <t>7778869.0</t>
  </si>
  <si>
    <t>61.393</t>
  </si>
  <si>
    <t>35915.0</t>
  </si>
  <si>
    <t>55107724.0</t>
  </si>
  <si>
    <t>38507285.0</t>
  </si>
  <si>
    <t>21996462.0</t>
  </si>
  <si>
    <t>445902.0</t>
  </si>
  <si>
    <t>325248.0</t>
  </si>
  <si>
    <t>7828874.0</t>
  </si>
  <si>
    <t>61.788</t>
  </si>
  <si>
    <t>37287.0</t>
  </si>
  <si>
    <t>55911861.0</t>
  </si>
  <si>
    <t>39043948.0</t>
  </si>
  <si>
    <t>22290247.0</t>
  </si>
  <si>
    <t>804137.0</t>
  </si>
  <si>
    <t>458129.0</t>
  </si>
  <si>
    <t>322121.0</t>
  </si>
  <si>
    <t>7881105.0</t>
  </si>
  <si>
    <t>52231.0</t>
  </si>
  <si>
    <t>38951.0</t>
  </si>
  <si>
    <t>56872930.0</t>
  </si>
  <si>
    <t>39725060.0</t>
  </si>
  <si>
    <t>22613981.0</t>
  </si>
  <si>
    <t>961069.0</t>
  </si>
  <si>
    <t>504322.0</t>
  </si>
  <si>
    <t>345334.0</t>
  </si>
  <si>
    <t>7931864.0</t>
  </si>
  <si>
    <t>62.601</t>
  </si>
  <si>
    <t>40267.0</t>
  </si>
  <si>
    <t>58249143.0</t>
  </si>
  <si>
    <t>40632434.0</t>
  </si>
  <si>
    <t>23121276.0</t>
  </si>
  <si>
    <t>1376213.0</t>
  </si>
  <si>
    <t>619160.0</t>
  </si>
  <si>
    <t>7953567.0</t>
  </si>
  <si>
    <t>62.772</t>
  </si>
  <si>
    <t>59580006.0</t>
  </si>
  <si>
    <t>41539250.0</t>
  </si>
  <si>
    <t>23602901.0</t>
  </si>
  <si>
    <t>1330863.0</t>
  </si>
  <si>
    <t>756801.0</t>
  </si>
  <si>
    <t>501444.0</t>
  </si>
  <si>
    <t>7968007.0</t>
  </si>
  <si>
    <t>60558289.0</t>
  </si>
  <si>
    <t>42180955.0</t>
  </si>
  <si>
    <t>23955609.0</t>
  </si>
  <si>
    <t>978283.0</t>
  </si>
  <si>
    <t>859391.0</t>
  </si>
  <si>
    <t>565495.0</t>
  </si>
  <si>
    <t>498873.3</t>
  </si>
  <si>
    <t>3912.60533385117</t>
  </si>
  <si>
    <t>8024806.0</t>
  </si>
  <si>
    <t>56799.0</t>
  </si>
  <si>
    <t>63.334</t>
  </si>
  <si>
    <t>42313.0</t>
  </si>
  <si>
    <t>60885690.0</t>
  </si>
  <si>
    <t>42429051.0</t>
  </si>
  <si>
    <t>24048259.0</t>
  </si>
  <si>
    <t>327401.0</t>
  </si>
  <si>
    <t>865793.0</t>
  </si>
  <si>
    <t>580595.0</t>
  </si>
  <si>
    <t>8081962.0</t>
  </si>
  <si>
    <t>63.786</t>
  </si>
  <si>
    <t>61858631.0</t>
  </si>
  <si>
    <t>43089310.0</t>
  </si>
  <si>
    <t>24428264.0</t>
  </si>
  <si>
    <t>972941.0</t>
  </si>
  <si>
    <t>964415.0</t>
  </si>
  <si>
    <t>654575.0</t>
  </si>
  <si>
    <t>8137202.0</t>
  </si>
  <si>
    <t>44047.0</t>
  </si>
  <si>
    <t>63313209.0</t>
  </si>
  <si>
    <t>44188943.0</t>
  </si>
  <si>
    <t>24856170.0</t>
  </si>
  <si>
    <t>1454578.0</t>
  </si>
  <si>
    <t>1057335.0</t>
  </si>
  <si>
    <t>734999.0</t>
  </si>
  <si>
    <t>8193157.0</t>
  </si>
  <si>
    <t>55955.0</t>
  </si>
  <si>
    <t>64489596.0</t>
  </si>
  <si>
    <t>45066028.0</t>
  </si>
  <si>
    <t>25205090.0</t>
  </si>
  <si>
    <t>1176387.0</t>
  </si>
  <si>
    <t>1088095.0</t>
  </si>
  <si>
    <t>762995.0</t>
  </si>
  <si>
    <t>8246460.0</t>
  </si>
  <si>
    <t>65631680.0</t>
  </si>
  <si>
    <t>45952314.0</t>
  </si>
  <si>
    <t>25511123.0</t>
  </si>
  <si>
    <t>1142084.0</t>
  </si>
  <si>
    <t>1054648.0</t>
  </si>
  <si>
    <t>759983.0</t>
  </si>
  <si>
    <t>8268666.0</t>
  </si>
  <si>
    <t>65.259</t>
  </si>
  <si>
    <t>66712486.0</t>
  </si>
  <si>
    <t>46866125.0</t>
  </si>
  <si>
    <t>25727786.0</t>
  </si>
  <si>
    <t>1080806.0</t>
  </si>
  <si>
    <t>1018926.0</t>
  </si>
  <si>
    <t>760982.0</t>
  </si>
  <si>
    <t>8284336.0</t>
  </si>
  <si>
    <t>65.383</t>
  </si>
  <si>
    <t>67355342.0</t>
  </si>
  <si>
    <t>47463637.0</t>
  </si>
  <si>
    <t>25792543.0</t>
  </si>
  <si>
    <t>642856.0</t>
  </si>
  <si>
    <t>971008.0</t>
  </si>
  <si>
    <t>754669.0</t>
  </si>
  <si>
    <t>506233.9</t>
  </si>
  <si>
    <t>3970.33366451217</t>
  </si>
  <si>
    <t>8342618.0</t>
  </si>
  <si>
    <t>67594385.0</t>
  </si>
  <si>
    <t>47690704.0</t>
  </si>
  <si>
    <t>25808916.0</t>
  </si>
  <si>
    <t>239043.0</t>
  </si>
  <si>
    <t>958385.0</t>
  </si>
  <si>
    <t>751665.0</t>
  </si>
  <si>
    <t>8401154.0</t>
  </si>
  <si>
    <t>66.305</t>
  </si>
  <si>
    <t>45599.0</t>
  </si>
  <si>
    <t>68089659.0</t>
  </si>
  <si>
    <t>48095458.0</t>
  </si>
  <si>
    <t>25912407.0</t>
  </si>
  <si>
    <t>495274.0</t>
  </si>
  <si>
    <t>890147.0</t>
  </si>
  <si>
    <t>715164.0</t>
  </si>
  <si>
    <t>8457514.0</t>
  </si>
  <si>
    <t>56360.0</t>
  </si>
  <si>
    <t>68825948.0</t>
  </si>
  <si>
    <t>48616734.0</t>
  </si>
  <si>
    <t>26152992.0</t>
  </si>
  <si>
    <t>736289.0</t>
  </si>
  <si>
    <t>787534.0</t>
  </si>
  <si>
    <t>632542.0</t>
  </si>
  <si>
    <t>8513473.0</t>
  </si>
  <si>
    <t>67.191</t>
  </si>
  <si>
    <t>69820231.0</t>
  </si>
  <si>
    <t>49299175.0</t>
  </si>
  <si>
    <t>26503580.0</t>
  </si>
  <si>
    <t>994283.0</t>
  </si>
  <si>
    <t>761519.0</t>
  </si>
  <si>
    <t>604735.0</t>
  </si>
  <si>
    <t>8567897.0</t>
  </si>
  <si>
    <t>54424.0</t>
  </si>
  <si>
    <t>67.621</t>
  </si>
  <si>
    <t>70808386.0</t>
  </si>
  <si>
    <t>49994722.0</t>
  </si>
  <si>
    <t>26834257.0</t>
  </si>
  <si>
    <t>988155.0</t>
  </si>
  <si>
    <t>739529.0</t>
  </si>
  <si>
    <t>577487.0</t>
  </si>
  <si>
    <t>8592635.0</t>
  </si>
  <si>
    <t>24738.0</t>
  </si>
  <si>
    <t>46281.0</t>
  </si>
  <si>
    <t>645599.0</t>
  </si>
  <si>
    <t>488147.0</t>
  </si>
  <si>
    <t>8609279.0</t>
  </si>
  <si>
    <t>67.947</t>
  </si>
  <si>
    <t>71654978.0</t>
  </si>
  <si>
    <t>50571586.0</t>
  </si>
  <si>
    <t>27134249.0</t>
  </si>
  <si>
    <t>614234.0</t>
  </si>
  <si>
    <t>516521.1</t>
  </si>
  <si>
    <t>4051.01497896695</t>
  </si>
  <si>
    <t>8672859.0</t>
  </si>
  <si>
    <t>63580.0</t>
  </si>
  <si>
    <t>47177.0</t>
  </si>
  <si>
    <t>72132661.0</t>
  </si>
  <si>
    <t>50835215.0</t>
  </si>
  <si>
    <t>27363404.0</t>
  </si>
  <si>
    <t>477683.0</t>
  </si>
  <si>
    <t>648325.0</t>
  </si>
  <si>
    <t>449216.0</t>
  </si>
  <si>
    <t>8735257.0</t>
  </si>
  <si>
    <t>62398.0</t>
  </si>
  <si>
    <t>68.942</t>
  </si>
  <si>
    <t>47729.0</t>
  </si>
  <si>
    <t>72488230.0</t>
  </si>
  <si>
    <t>51061391.0</t>
  </si>
  <si>
    <t>27502230.0</t>
  </si>
  <si>
    <t>355569.0</t>
  </si>
  <si>
    <t>628367.0</t>
  </si>
  <si>
    <t>423705.0</t>
  </si>
  <si>
    <t>8795358.0</t>
  </si>
  <si>
    <t>69.416</t>
  </si>
  <si>
    <t>72986350.0</t>
  </si>
  <si>
    <t>51404453.0</t>
  </si>
  <si>
    <t>27677695.0</t>
  </si>
  <si>
    <t>498120.0</t>
  </si>
  <si>
    <t>594343.0</t>
  </si>
  <si>
    <t>398246.0</t>
  </si>
  <si>
    <t>8854741.0</t>
  </si>
  <si>
    <t>59383.0</t>
  </si>
  <si>
    <t>48753.0</t>
  </si>
  <si>
    <t>73771750.0</t>
  </si>
  <si>
    <t>51914599.0</t>
  </si>
  <si>
    <t>28011649.0</t>
  </si>
  <si>
    <t>785400.0</t>
  </si>
  <si>
    <t>564503.0</t>
  </si>
  <si>
    <t>373632.0</t>
  </si>
  <si>
    <t>8912384.0</t>
  </si>
  <si>
    <t>74802779.0</t>
  </si>
  <si>
    <t>52624341.0</t>
  </si>
  <si>
    <t>28384141.0</t>
  </si>
  <si>
    <t>1031029.0</t>
  </si>
  <si>
    <t>570628.0</t>
  </si>
  <si>
    <t>375660.0</t>
  </si>
  <si>
    <t>8936525.0</t>
  </si>
  <si>
    <t>75780229.0</t>
  </si>
  <si>
    <t>53298457.0</t>
  </si>
  <si>
    <t>28746570.0</t>
  </si>
  <si>
    <t>977450.0</t>
  </si>
  <si>
    <t>649792.0</t>
  </si>
  <si>
    <t>8951910.0</t>
  </si>
  <si>
    <t>70.652</t>
  </si>
  <si>
    <t>76587422.0</t>
  </si>
  <si>
    <t>53837225.0</t>
  </si>
  <si>
    <t>29046598.0</t>
  </si>
  <si>
    <t>704635.0</t>
  </si>
  <si>
    <t>466520.0</t>
  </si>
  <si>
    <t>529218.5</t>
  </si>
  <si>
    <t>4150.59921200978</t>
  </si>
  <si>
    <t>9012852.0</t>
  </si>
  <si>
    <t>60942.0</t>
  </si>
  <si>
    <t>77225451.0</t>
  </si>
  <si>
    <t>54305039.0</t>
  </si>
  <si>
    <t>29239686.0</t>
  </si>
  <si>
    <t>638029.0</t>
  </si>
  <si>
    <t>727541.0</t>
  </si>
  <si>
    <t>495689.0</t>
  </si>
  <si>
    <t>9071569.0</t>
  </si>
  <si>
    <t>58717.0</t>
  </si>
  <si>
    <t>71.596</t>
  </si>
  <si>
    <t>48045.0</t>
  </si>
  <si>
    <t>77573466.0</t>
  </si>
  <si>
    <t>54532420.0</t>
  </si>
  <si>
    <t>29402096.0</t>
  </si>
  <si>
    <t>348015.0</t>
  </si>
  <si>
    <t>726462.0</t>
  </si>
  <si>
    <t>495861.0</t>
  </si>
  <si>
    <t>9127047.0</t>
  </si>
  <si>
    <t>47384.0</t>
  </si>
  <si>
    <t>78765073.0</t>
  </si>
  <si>
    <t>55307523.0</t>
  </si>
  <si>
    <t>29903441.0</t>
  </si>
  <si>
    <t>1191607.0</t>
  </si>
  <si>
    <t>825532.0</t>
  </si>
  <si>
    <t>557581.0</t>
  </si>
  <si>
    <t>9178961.0</t>
  </si>
  <si>
    <t>51914.0</t>
  </si>
  <si>
    <t>72.443</t>
  </si>
  <si>
    <t>79399398.0</t>
  </si>
  <si>
    <t>55643238.0</t>
  </si>
  <si>
    <t>30219721.0</t>
  </si>
  <si>
    <t>634325.0</t>
  </si>
  <si>
    <t>803950.0</t>
  </si>
  <si>
    <t>532663.0</t>
  </si>
  <si>
    <t>9229701.0</t>
  </si>
  <si>
    <t>50740.0</t>
  </si>
  <si>
    <t>72.844</t>
  </si>
  <si>
    <t>45331.0</t>
  </si>
  <si>
    <t>79933762.0</t>
  </si>
  <si>
    <t>55928566.0</t>
  </si>
  <si>
    <t>30490131.0</t>
  </si>
  <si>
    <t>732998.0</t>
  </si>
  <si>
    <t>472032.0</t>
  </si>
  <si>
    <t>9249047.0</t>
  </si>
  <si>
    <t>72.997</t>
  </si>
  <si>
    <t>80404167.0</t>
  </si>
  <si>
    <t>56165373.0</t>
  </si>
  <si>
    <t>30746818.0</t>
  </si>
  <si>
    <t>470405.0</t>
  </si>
  <si>
    <t>660563.0</t>
  </si>
  <si>
    <t>409559.0</t>
  </si>
  <si>
    <t>9262677.0</t>
  </si>
  <si>
    <t>73.104</t>
  </si>
  <si>
    <t>80683665.0</t>
  </si>
  <si>
    <t>56277083.0</t>
  </si>
  <si>
    <t>30919930.0</t>
  </si>
  <si>
    <t>279498.0</t>
  </si>
  <si>
    <t>585178.0</t>
  </si>
  <si>
    <t>348551.0</t>
  </si>
  <si>
    <t>543547.5</t>
  </si>
  <si>
    <t>4262.97989429675</t>
  </si>
  <si>
    <t>9315994.0</t>
  </si>
  <si>
    <t>53317.0</t>
  </si>
  <si>
    <t>80886612.0</t>
  </si>
  <si>
    <t>56409551.0</t>
  </si>
  <si>
    <t>30991824.0</t>
  </si>
  <si>
    <t>202947.0</t>
  </si>
  <si>
    <t>523023.0</t>
  </si>
  <si>
    <t>300645.0</t>
  </si>
  <si>
    <t>9365530.0</t>
  </si>
  <si>
    <t>49536.0</t>
  </si>
  <si>
    <t>73.916</t>
  </si>
  <si>
    <t>81274760.0</t>
  </si>
  <si>
    <t>56575083.0</t>
  </si>
  <si>
    <t>31219643.0</t>
  </si>
  <si>
    <t>388148.0</t>
  </si>
  <si>
    <t>291809.0</t>
  </si>
  <si>
    <t>9411632.0</t>
  </si>
  <si>
    <t>40655.0</t>
  </si>
  <si>
    <t>81923702.0</t>
  </si>
  <si>
    <t>56742139.0</t>
  </si>
  <si>
    <t>31703790.0</t>
  </si>
  <si>
    <t>648942.0</t>
  </si>
  <si>
    <t>451233.0</t>
  </si>
  <si>
    <t>204945.0</t>
  </si>
  <si>
    <t>9455784.0</t>
  </si>
  <si>
    <t>44152.0</t>
  </si>
  <si>
    <t>74.628</t>
  </si>
  <si>
    <t>82678717.0</t>
  </si>
  <si>
    <t>56925095.0</t>
  </si>
  <si>
    <t>32278249.0</t>
  </si>
  <si>
    <t>755015.0</t>
  </si>
  <si>
    <t>468474.0</t>
  </si>
  <si>
    <t>183122.0</t>
  </si>
  <si>
    <t>9497786.0</t>
  </si>
  <si>
    <t>38298.0</t>
  </si>
  <si>
    <t>83433577.0</t>
  </si>
  <si>
    <t>57164235.0</t>
  </si>
  <si>
    <t>32801616.0</t>
  </si>
  <si>
    <t>754860.0</t>
  </si>
  <si>
    <t>499974.0</t>
  </si>
  <si>
    <t>176524.0</t>
  </si>
  <si>
    <t>9515649.0</t>
  </si>
  <si>
    <t>75.101</t>
  </si>
  <si>
    <t>38086.0</t>
  </si>
  <si>
    <t>84026447.0</t>
  </si>
  <si>
    <t>57343646.0</t>
  </si>
  <si>
    <t>33220439.0</t>
  </si>
  <si>
    <t>592870.0</t>
  </si>
  <si>
    <t>517469.0</t>
  </si>
  <si>
    <t>168325.0</t>
  </si>
  <si>
    <t>9526948.0</t>
  </si>
  <si>
    <t>84379551.0</t>
  </si>
  <si>
    <t>57440626.0</t>
  </si>
  <si>
    <t>33489676.0</t>
  </si>
  <si>
    <t>353104.0</t>
  </si>
  <si>
    <t>527984.0</t>
  </si>
  <si>
    <t>166220.0</t>
  </si>
  <si>
    <t>557183.9</t>
  </si>
  <si>
    <t>4369.92859524853</t>
  </si>
  <si>
    <t>9573421.0</t>
  </si>
  <si>
    <t>46473.0</t>
  </si>
  <si>
    <t>75.557</t>
  </si>
  <si>
    <t>84549082.0</t>
  </si>
  <si>
    <t>57547462.0</t>
  </si>
  <si>
    <t>33620717.0</t>
  </si>
  <si>
    <t>169531.0</t>
  </si>
  <si>
    <t>523210.0</t>
  </si>
  <si>
    <t>162559.0</t>
  </si>
  <si>
    <t>9614462.0</t>
  </si>
  <si>
    <t>84946443.0</t>
  </si>
  <si>
    <t>57798967.0</t>
  </si>
  <si>
    <t>33922392.0</t>
  </si>
  <si>
    <t>397361.0</t>
  </si>
  <si>
    <t>524526.0</t>
  </si>
  <si>
    <t>174841.0</t>
  </si>
  <si>
    <t>9654158.0</t>
  </si>
  <si>
    <t>76.194</t>
  </si>
  <si>
    <t>34647.0</t>
  </si>
  <si>
    <t>85375481.0</t>
  </si>
  <si>
    <t>58008815.0</t>
  </si>
  <si>
    <t>34282292.0</t>
  </si>
  <si>
    <t>429038.0</t>
  </si>
  <si>
    <t>493111.0</t>
  </si>
  <si>
    <t>180954.0</t>
  </si>
  <si>
    <t>9691822.0</t>
  </si>
  <si>
    <t>76.491</t>
  </si>
  <si>
    <t>85845792.0</t>
  </si>
  <si>
    <t>58238589.0</t>
  </si>
  <si>
    <t>34656277.0</t>
  </si>
  <si>
    <t>470311.0</t>
  </si>
  <si>
    <t>452439.0</t>
  </si>
  <si>
    <t>187642.0</t>
  </si>
  <si>
    <t>9730076.0</t>
  </si>
  <si>
    <t>38254.0</t>
  </si>
  <si>
    <t>76.793</t>
  </si>
  <si>
    <t>33184.0</t>
  </si>
  <si>
    <t>9746801.0</t>
  </si>
  <si>
    <t>76.925</t>
  </si>
  <si>
    <t>86793531.0</t>
  </si>
  <si>
    <t>58749621.0</t>
  </si>
  <si>
    <t>35425324.0</t>
  </si>
  <si>
    <t>395298.0</t>
  </si>
  <si>
    <t>200854.0</t>
  </si>
  <si>
    <t>9757237.0</t>
  </si>
  <si>
    <t>77.007</t>
  </si>
  <si>
    <t>87014220.0</t>
  </si>
  <si>
    <t>58906303.0</t>
  </si>
  <si>
    <t>35623880.0</t>
  </si>
  <si>
    <t>220689.0</t>
  </si>
  <si>
    <t>376381.0</t>
  </si>
  <si>
    <t>209382.0</t>
  </si>
  <si>
    <t>570548.3</t>
  </si>
  <si>
    <t>4474.7440318007</t>
  </si>
  <si>
    <t>9801245.0</t>
  </si>
  <si>
    <t>77.355</t>
  </si>
  <si>
    <t>87224714.0</t>
  </si>
  <si>
    <t>59059884.0</t>
  </si>
  <si>
    <t>35813552.0</t>
  </si>
  <si>
    <t>210494.0</t>
  </si>
  <si>
    <t>382233.0</t>
  </si>
  <si>
    <t>9839375.0</t>
  </si>
  <si>
    <t>38130.0</t>
  </si>
  <si>
    <t>77.656</t>
  </si>
  <si>
    <t>87750381.0</t>
  </si>
  <si>
    <t>59334972.0</t>
  </si>
  <si>
    <t>36190731.0</t>
  </si>
  <si>
    <t>525667.0</t>
  </si>
  <si>
    <t>400563.0</t>
  </si>
  <si>
    <t>219429.0</t>
  </si>
  <si>
    <t>9875092.0</t>
  </si>
  <si>
    <t>399475.0</t>
  </si>
  <si>
    <t>209437.0</t>
  </si>
  <si>
    <t>9911577.0</t>
  </si>
  <si>
    <t>36485.0</t>
  </si>
  <si>
    <t>78.226</t>
  </si>
  <si>
    <t>88593229.0</t>
  </si>
  <si>
    <t>59614774.0</t>
  </si>
  <si>
    <t>36864200.0</t>
  </si>
  <si>
    <t>392491.0</t>
  </si>
  <si>
    <t>196598.0</t>
  </si>
  <si>
    <t>9947409.0</t>
  </si>
  <si>
    <t>78.508</t>
  </si>
  <si>
    <t>90366606.0</t>
  </si>
  <si>
    <t>60186714.0</t>
  </si>
  <si>
    <t>38161378.0</t>
  </si>
  <si>
    <t>1773377.0</t>
  </si>
  <si>
    <t>578135.0</t>
  </si>
  <si>
    <t>241801.0</t>
  </si>
  <si>
    <t>9962796.0</t>
  </si>
  <si>
    <t>91182279.0</t>
  </si>
  <si>
    <t>60468615.0</t>
  </si>
  <si>
    <t>38782067.0</t>
  </si>
  <si>
    <t>626964.0</t>
  </si>
  <si>
    <t>245571.0</t>
  </si>
  <si>
    <t>9973030.0</t>
  </si>
  <si>
    <t>91720391.0</t>
  </si>
  <si>
    <t>60759845.0</t>
  </si>
  <si>
    <t>39070943.0</t>
  </si>
  <si>
    <t>538112.0</t>
  </si>
  <si>
    <t>672310.0</t>
  </si>
  <si>
    <t>264792.0</t>
  </si>
  <si>
    <t>581830.7</t>
  </si>
  <si>
    <t>4563.23058423524</t>
  </si>
  <si>
    <t>10012714.0</t>
  </si>
  <si>
    <t>30210.0</t>
  </si>
  <si>
    <t>92080595.0</t>
  </si>
  <si>
    <t>60921470.0</t>
  </si>
  <si>
    <t>39319931.0</t>
  </si>
  <si>
    <t>360204.0</t>
  </si>
  <si>
    <t>693697.0</t>
  </si>
  <si>
    <t>265941.0</t>
  </si>
  <si>
    <t>10047786.0</t>
  </si>
  <si>
    <t>79.301</t>
  </si>
  <si>
    <t>92749295.0</t>
  </si>
  <si>
    <t>61175097.0</t>
  </si>
  <si>
    <t>39850745.0</t>
  </si>
  <si>
    <t>668700.0</t>
  </si>
  <si>
    <t>714131.0</t>
  </si>
  <si>
    <t>10073015.0</t>
  </si>
  <si>
    <t>28275.0</t>
  </si>
  <si>
    <t>93588719.0</t>
  </si>
  <si>
    <t>61407799.0</t>
  </si>
  <si>
    <t>40532869.0</t>
  </si>
  <si>
    <t>839424.0</t>
  </si>
  <si>
    <t>773845.0</t>
  </si>
  <si>
    <t>276132.0</t>
  </si>
  <si>
    <t>10082945.0</t>
  </si>
  <si>
    <t>94144251.0</t>
  </si>
  <si>
    <t>61573170.0</t>
  </si>
  <si>
    <t>40997724.0</t>
  </si>
  <si>
    <t>555532.0</t>
  </si>
  <si>
    <t>793003.0</t>
  </si>
  <si>
    <t>279771.0</t>
  </si>
  <si>
    <t>10118842.0</t>
  </si>
  <si>
    <t>79.861</t>
  </si>
  <si>
    <t>24490.0</t>
  </si>
  <si>
    <t>94300526.0</t>
  </si>
  <si>
    <t>61616895.0</t>
  </si>
  <si>
    <t>41115211.0</t>
  </si>
  <si>
    <t>156275.0</t>
  </si>
  <si>
    <t>561989.0</t>
  </si>
  <si>
    <t>204312.0</t>
  </si>
  <si>
    <t>10133094.0</t>
  </si>
  <si>
    <t>79.974</t>
  </si>
  <si>
    <t>24328.0</t>
  </si>
  <si>
    <t>94858068.0</t>
  </si>
  <si>
    <t>61886401.0</t>
  </si>
  <si>
    <t>41463209.0</t>
  </si>
  <si>
    <t>557542.0</t>
  </si>
  <si>
    <t>525113.0</t>
  </si>
  <si>
    <t>202541.0</t>
  </si>
  <si>
    <t>10142433.0</t>
  </si>
  <si>
    <t>80.048</t>
  </si>
  <si>
    <t>95271399.0</t>
  </si>
  <si>
    <t>62089019.0</t>
  </si>
  <si>
    <t>41698947.0</t>
  </si>
  <si>
    <t>413331.0</t>
  </si>
  <si>
    <t>507287.0</t>
  </si>
  <si>
    <t>591667.5</t>
  </si>
  <si>
    <t>4640.37946381654</t>
  </si>
  <si>
    <t>10181735.0</t>
  </si>
  <si>
    <t>80.358</t>
  </si>
  <si>
    <t>24146.0</t>
  </si>
  <si>
    <t>95638622.0</t>
  </si>
  <si>
    <t>62254786.0</t>
  </si>
  <si>
    <t>41918336.0</t>
  </si>
  <si>
    <t>367223.0</t>
  </si>
  <si>
    <t>508290.0</t>
  </si>
  <si>
    <t>190474.0</t>
  </si>
  <si>
    <t>10215517.0</t>
  </si>
  <si>
    <t>80.624</t>
  </si>
  <si>
    <t>96080633.0</t>
  </si>
  <si>
    <t>62466037.0</t>
  </si>
  <si>
    <t>42200082.0</t>
  </si>
  <si>
    <t>442011.0</t>
  </si>
  <si>
    <t>475905.0</t>
  </si>
  <si>
    <t>184420.0</t>
  </si>
  <si>
    <t>10248608.0</t>
  </si>
  <si>
    <t>33091.0</t>
  </si>
  <si>
    <t>80.885</t>
  </si>
  <si>
    <t>96793184.0</t>
  </si>
  <si>
    <t>62692366.0</t>
  </si>
  <si>
    <t>42715579.0</t>
  </si>
  <si>
    <t>712551.0</t>
  </si>
  <si>
    <t>457781.0</t>
  </si>
  <si>
    <t>183510.0</t>
  </si>
  <si>
    <t>10279197.0</t>
  </si>
  <si>
    <t>97523713.0</t>
  </si>
  <si>
    <t>62911164.0</t>
  </si>
  <si>
    <t>43248659.0</t>
  </si>
  <si>
    <t>730529.0</t>
  </si>
  <si>
    <t>482780.0</t>
  </si>
  <si>
    <t>191142.0</t>
  </si>
  <si>
    <t>10310432.0</t>
  </si>
  <si>
    <t>81.373</t>
  </si>
  <si>
    <t>98282544.0</t>
  </si>
  <si>
    <t>63125382.0</t>
  </si>
  <si>
    <t>43820430.0</t>
  </si>
  <si>
    <t>758831.0</t>
  </si>
  <si>
    <t>568860.0</t>
  </si>
  <si>
    <t>215498.0</t>
  </si>
  <si>
    <t>10323197.0</t>
  </si>
  <si>
    <t>98895325.0</t>
  </si>
  <si>
    <t>63317849.0</t>
  </si>
  <si>
    <t>44278675.0</t>
  </si>
  <si>
    <t>612781.0</t>
  </si>
  <si>
    <t>576751.0</t>
  </si>
  <si>
    <t>204493.0</t>
  </si>
  <si>
    <t>10331858.0</t>
  </si>
  <si>
    <t>81.543</t>
  </si>
  <si>
    <t>27061.0</t>
  </si>
  <si>
    <t>99186517.0</t>
  </si>
  <si>
    <t>63396136.0</t>
  </si>
  <si>
    <t>44511000.0</t>
  </si>
  <si>
    <t>559303.0</t>
  </si>
  <si>
    <t>186731.0</t>
  </si>
  <si>
    <t>599441.3</t>
  </si>
  <si>
    <t>4701.34847407284</t>
  </si>
  <si>
    <t>10366782.0</t>
  </si>
  <si>
    <t>81.818</t>
  </si>
  <si>
    <t>99366403.0</t>
  </si>
  <si>
    <t>63473608.0</t>
  </si>
  <si>
    <t>44626347.0</t>
  </si>
  <si>
    <t>179886.0</t>
  </si>
  <si>
    <t>532540.0</t>
  </si>
  <si>
    <t>174117.0</t>
  </si>
  <si>
    <t>10396727.0</t>
  </si>
  <si>
    <t>99868671.0</t>
  </si>
  <si>
    <t>63550739.0</t>
  </si>
  <si>
    <t>44902572.0</t>
  </si>
  <si>
    <t>502268.0</t>
  </si>
  <si>
    <t>541148.0</t>
  </si>
  <si>
    <t>154957.0</t>
  </si>
  <si>
    <t>10424166.0</t>
  </si>
  <si>
    <t>82.271</t>
  </si>
  <si>
    <t>25080.0</t>
  </si>
  <si>
    <t>100516964.0</t>
  </si>
  <si>
    <t>63719420.0</t>
  </si>
  <si>
    <t>45284037.0</t>
  </si>
  <si>
    <t>648293.0</t>
  </si>
  <si>
    <t>531969.0</t>
  </si>
  <si>
    <t>146722.0</t>
  </si>
  <si>
    <t>10448958.0</t>
  </si>
  <si>
    <t>24252.0</t>
  </si>
  <si>
    <t>101190484.0</t>
  </si>
  <si>
    <t>63913428.0</t>
  </si>
  <si>
    <t>45572525.0</t>
  </si>
  <si>
    <t>673520.0</t>
  </si>
  <si>
    <t>523824.0</t>
  </si>
  <si>
    <t>143181.0</t>
  </si>
  <si>
    <t>10474061.0</t>
  </si>
  <si>
    <t>82.665</t>
  </si>
  <si>
    <t>457701.0</t>
  </si>
  <si>
    <t>122260.0</t>
  </si>
  <si>
    <t>10484865.0</t>
  </si>
  <si>
    <t>23095.0</t>
  </si>
  <si>
    <t>101782415.0</t>
  </si>
  <si>
    <t>64048979.0</t>
  </si>
  <si>
    <t>45794439.0</t>
  </si>
  <si>
    <t>412441.0</t>
  </si>
  <si>
    <t>10492136.0</t>
  </si>
  <si>
    <t>82.808</t>
  </si>
  <si>
    <t>112843.0</t>
  </si>
  <si>
    <t>606022.9</t>
  </si>
  <si>
    <t>4752.96719823642</t>
  </si>
  <si>
    <t>10521536.0</t>
  </si>
  <si>
    <t>102643418.0</t>
  </si>
  <si>
    <t>64323090.0</t>
  </si>
  <si>
    <t>46054543.0</t>
  </si>
  <si>
    <t>468145.0</t>
  </si>
  <si>
    <t>10548005.0</t>
  </si>
  <si>
    <t>26469.0</t>
  </si>
  <si>
    <t>83.248</t>
  </si>
  <si>
    <t>21611.0</t>
  </si>
  <si>
    <t>532894.0</t>
  </si>
  <si>
    <t>208117.0</t>
  </si>
  <si>
    <t>10573590.0</t>
  </si>
  <si>
    <t>104554441.0</t>
  </si>
  <si>
    <t>65692031.0</t>
  </si>
  <si>
    <t>46309831.0</t>
  </si>
  <si>
    <t>576782.0</t>
  </si>
  <si>
    <t>281802.0</t>
  </si>
  <si>
    <t>10597238.0</t>
  </si>
  <si>
    <t>83.637</t>
  </si>
  <si>
    <t>21183.0</t>
  </si>
  <si>
    <t>105320232.0</t>
  </si>
  <si>
    <t>65879194.0</t>
  </si>
  <si>
    <t>46986802.0</t>
  </si>
  <si>
    <t>765791.0</t>
  </si>
  <si>
    <t>589964.0</t>
  </si>
  <si>
    <t>280824.0</t>
  </si>
  <si>
    <t>10621360.0</t>
  </si>
  <si>
    <t>83.827</t>
  </si>
  <si>
    <t>106121884.0</t>
  </si>
  <si>
    <t>66049447.0</t>
  </si>
  <si>
    <t>47692378.0</t>
  </si>
  <si>
    <t>801652.0</t>
  </si>
  <si>
    <t>662205.0</t>
  </si>
  <si>
    <t>295463.0</t>
  </si>
  <si>
    <t>10632311.0</t>
  </si>
  <si>
    <t>83.914</t>
  </si>
  <si>
    <t>106730702.0</t>
  </si>
  <si>
    <t>66225915.0</t>
  </si>
  <si>
    <t>48166370.0</t>
  </si>
  <si>
    <t>608818.0</t>
  </si>
  <si>
    <t>706898.0</t>
  </si>
  <si>
    <t>310991.0</t>
  </si>
  <si>
    <t>10640374.0</t>
  </si>
  <si>
    <t>83.977</t>
  </si>
  <si>
    <t>107154354.0</t>
  </si>
  <si>
    <t>66324955.0</t>
  </si>
  <si>
    <t>423652.0</t>
  </si>
  <si>
    <t>705920.0</t>
  </si>
  <si>
    <t>305560.0</t>
  </si>
  <si>
    <t>611150.1</t>
  </si>
  <si>
    <t>4793.17923216913</t>
  </si>
  <si>
    <t>10669869.0</t>
  </si>
  <si>
    <t>107381477.0</t>
  </si>
  <si>
    <t>66680553.0</t>
  </si>
  <si>
    <t>48482445.0</t>
  </si>
  <si>
    <t>227123.0</t>
  </si>
  <si>
    <t>676866.0</t>
  </si>
  <si>
    <t>336780.0</t>
  </si>
  <si>
    <t>10694786.0</t>
  </si>
  <si>
    <t>107921674.0</t>
  </si>
  <si>
    <t>66900796.0</t>
  </si>
  <si>
    <t>48874683.0</t>
  </si>
  <si>
    <t>540197.0</t>
  </si>
  <si>
    <t>617535.0</t>
  </si>
  <si>
    <t>270462.0</t>
  </si>
  <si>
    <t>10718880.0</t>
  </si>
  <si>
    <t>84.597</t>
  </si>
  <si>
    <t>554284.0</t>
  </si>
  <si>
    <t>204122.0</t>
  </si>
  <si>
    <t>10742333.0</t>
  </si>
  <si>
    <t>84.782</t>
  </si>
  <si>
    <t>108947179.0</t>
  </si>
  <si>
    <t>67340974.0</t>
  </si>
  <si>
    <t>49588993.0</t>
  </si>
  <si>
    <t>208826.0</t>
  </si>
  <si>
    <t>10765977.0</t>
  </si>
  <si>
    <t>23644.0</t>
  </si>
  <si>
    <t>213846.0</t>
  </si>
  <si>
    <t>10775251.0</t>
  </si>
  <si>
    <t>85.042</t>
  </si>
  <si>
    <t>471626.0</t>
  </si>
  <si>
    <t>217978.0</t>
  </si>
  <si>
    <t>10781543.0</t>
  </si>
  <si>
    <t>85.092</t>
  </si>
  <si>
    <t>110574539.0</t>
  </si>
  <si>
    <t>67957153.0</t>
  </si>
  <si>
    <t>50772621.0</t>
  </si>
  <si>
    <t>488598.0</t>
  </si>
  <si>
    <t>233171.0</t>
  </si>
  <si>
    <t>615071.3</t>
  </si>
  <si>
    <t>4823.93274821237</t>
  </si>
  <si>
    <t>10808069.0</t>
  </si>
  <si>
    <t>85.301</t>
  </si>
  <si>
    <t>112198441.0</t>
  </si>
  <si>
    <t>69105502.0</t>
  </si>
  <si>
    <t>51291609.0</t>
  </si>
  <si>
    <t>1623902.0</t>
  </si>
  <si>
    <t>688138.0</t>
  </si>
  <si>
    <t>10831608.0</t>
  </si>
  <si>
    <t>85.487</t>
  </si>
  <si>
    <t>19546.0</t>
  </si>
  <si>
    <t>112603277.0</t>
  </si>
  <si>
    <t>69301136.0</t>
  </si>
  <si>
    <t>51521552.0</t>
  </si>
  <si>
    <t>404836.0</t>
  </si>
  <si>
    <t>668800.0</t>
  </si>
  <si>
    <t>342906.0</t>
  </si>
  <si>
    <t>10855018.0</t>
  </si>
  <si>
    <t>85.671</t>
  </si>
  <si>
    <t>112996000.0</t>
  </si>
  <si>
    <t>69478811.0</t>
  </si>
  <si>
    <t>51763221.0</t>
  </si>
  <si>
    <t>651653.0</t>
  </si>
  <si>
    <t>336847.0</t>
  </si>
  <si>
    <t>10877140.0</t>
  </si>
  <si>
    <t>85.846</t>
  </si>
  <si>
    <t>113471215.0</t>
  </si>
  <si>
    <t>69612911.0</t>
  </si>
  <si>
    <t>52117827.0</t>
  </si>
  <si>
    <t>475215.0</t>
  </si>
  <si>
    <t>646291.0</t>
  </si>
  <si>
    <t>324562.0</t>
  </si>
  <si>
    <t>10899414.0</t>
  </si>
  <si>
    <t>113957610.0</t>
  </si>
  <si>
    <t>69724549.0</t>
  </si>
  <si>
    <t>52499013.0</t>
  </si>
  <si>
    <t>486395.0</t>
  </si>
  <si>
    <t>638283.0</t>
  </si>
  <si>
    <t>10908509.0</t>
  </si>
  <si>
    <t>86.094</t>
  </si>
  <si>
    <t>114558359.0</t>
  </si>
  <si>
    <t>69879788.0</t>
  </si>
  <si>
    <t>52949966.0</t>
  </si>
  <si>
    <t>600749.0</t>
  </si>
  <si>
    <t>646610.0</t>
  </si>
  <si>
    <t>304004.0</t>
  </si>
  <si>
    <t>10914766.0</t>
  </si>
  <si>
    <t>86.143</t>
  </si>
  <si>
    <t>115185985.0</t>
  </si>
  <si>
    <t>69974180.0</t>
  </si>
  <si>
    <t>53487503.0</t>
  </si>
  <si>
    <t>627626.0</t>
  </si>
  <si>
    <t>658778.0</t>
  </si>
  <si>
    <t>288147.0</t>
  </si>
  <si>
    <t>617739.5</t>
  </si>
  <si>
    <t>4844.85913082652</t>
  </si>
  <si>
    <t>10941258.0</t>
  </si>
  <si>
    <t>19027.0</t>
  </si>
  <si>
    <t>115624628.0</t>
  </si>
  <si>
    <t>70049066.0</t>
  </si>
  <si>
    <t>53853917.0</t>
  </si>
  <si>
    <t>438643.0</t>
  </si>
  <si>
    <t>489455.0</t>
  </si>
  <si>
    <t>134795.0</t>
  </si>
  <si>
    <t>10964150.0</t>
  </si>
  <si>
    <t>22892.0</t>
  </si>
  <si>
    <t>86.533</t>
  </si>
  <si>
    <t>117240849.0</t>
  </si>
  <si>
    <t>70996565.0</t>
  </si>
  <si>
    <t>54683434.0</t>
  </si>
  <si>
    <t>1616221.0</t>
  </si>
  <si>
    <t>662510.0</t>
  </si>
  <si>
    <t>242204.0</t>
  </si>
  <si>
    <t>10985762.0</t>
  </si>
  <si>
    <t>86.703</t>
  </si>
  <si>
    <t>683024.0</t>
  </si>
  <si>
    <t>234424.0</t>
  </si>
  <si>
    <t>11006364.0</t>
  </si>
  <si>
    <t>86.866</t>
  </si>
  <si>
    <t>691752.0</t>
  </si>
  <si>
    <t>232869.0</t>
  </si>
  <si>
    <t>11025612.0</t>
  </si>
  <si>
    <t>87.018</t>
  </si>
  <si>
    <t>118849796.0</t>
  </si>
  <si>
    <t>71366205.0</t>
  </si>
  <si>
    <t>55942853.0</t>
  </si>
  <si>
    <t>234522.0</t>
  </si>
  <si>
    <t>11033519.0</t>
  </si>
  <si>
    <t>17859.0</t>
  </si>
  <si>
    <t>126095919.0</t>
  </si>
  <si>
    <t>74560444.0</t>
  </si>
  <si>
    <t>60366148.0</t>
  </si>
  <si>
    <t>7246123.0</t>
  </si>
  <si>
    <t>1648223.0</t>
  </si>
  <si>
    <t>668665.0</t>
  </si>
  <si>
    <t>11038736.0</t>
  </si>
  <si>
    <t>87.121</t>
  </si>
  <si>
    <t>126339370.0</t>
  </si>
  <si>
    <t>74607721.0</t>
  </si>
  <si>
    <t>60565545.0</t>
  </si>
  <si>
    <t>243451.0</t>
  </si>
  <si>
    <t>1593341.0</t>
  </si>
  <si>
    <t>661934.0</t>
  </si>
  <si>
    <t>619769.7</t>
  </si>
  <si>
    <t>4860.78175356216</t>
  </si>
  <si>
    <t>11056991.0</t>
  </si>
  <si>
    <t>87.266</t>
  </si>
  <si>
    <t>126429271.0</t>
  </si>
  <si>
    <t>74634486.0</t>
  </si>
  <si>
    <t>60629516.0</t>
  </si>
  <si>
    <t>89901.0</t>
  </si>
  <si>
    <t>1543520.0</t>
  </si>
  <si>
    <t>99.16</t>
  </si>
  <si>
    <t>655060.0</t>
  </si>
  <si>
    <t>11069998.0</t>
  </si>
  <si>
    <t>87.368</t>
  </si>
  <si>
    <t>1319263.0</t>
  </si>
  <si>
    <t>520271.0</t>
  </si>
  <si>
    <t>11092750.0</t>
  </si>
  <si>
    <t>87.548</t>
  </si>
  <si>
    <t>126522110.0</t>
  </si>
  <si>
    <t>74642433.0</t>
  </si>
  <si>
    <t>60714988.0</t>
  </si>
  <si>
    <t>1249278.0</t>
  </si>
  <si>
    <t>503236.0</t>
  </si>
  <si>
    <t>11114901.0</t>
  </si>
  <si>
    <t>22151.0</t>
  </si>
  <si>
    <t>87.723</t>
  </si>
  <si>
    <t>126884663.0</t>
  </si>
  <si>
    <t>74687340.0</t>
  </si>
  <si>
    <t>61036413.0</t>
  </si>
  <si>
    <t>362553.0</t>
  </si>
  <si>
    <t>1224455.0</t>
  </si>
  <si>
    <t>99.51</t>
  </si>
  <si>
    <t>492050.0</t>
  </si>
  <si>
    <t>11135895.0</t>
  </si>
  <si>
    <t>87.888</t>
  </si>
  <si>
    <t>1212427.0</t>
  </si>
  <si>
    <t>486363.0</t>
  </si>
  <si>
    <t>11143959.0</t>
  </si>
  <si>
    <t>87.952</t>
  </si>
  <si>
    <t>241855.0</t>
  </si>
  <si>
    <t>41957.0</t>
  </si>
  <si>
    <t>11149929.0</t>
  </si>
  <si>
    <t>87.999</t>
  </si>
  <si>
    <t>15885.0</t>
  </si>
  <si>
    <t>128241025.0</t>
  </si>
  <si>
    <t>74937548.0</t>
  </si>
  <si>
    <t>62164245.0</t>
  </si>
  <si>
    <t>271665.0</t>
  </si>
  <si>
    <t>100.58</t>
  </si>
  <si>
    <t>47118.0</t>
  </si>
  <si>
    <t>621629.3</t>
  </si>
  <si>
    <t>4875.36638031775</t>
  </si>
  <si>
    <t>11174561.0</t>
  </si>
  <si>
    <t>88.193</t>
  </si>
  <si>
    <t>128356362.0</t>
  </si>
  <si>
    <t>74953313.0</t>
  </si>
  <si>
    <t>62264479.0</t>
  </si>
  <si>
    <t>115337.0</t>
  </si>
  <si>
    <t>275299.0</t>
  </si>
  <si>
    <t>11196620.0</t>
  </si>
  <si>
    <t>22059.0</t>
  </si>
  <si>
    <t>310374.0</t>
  </si>
  <si>
    <t>60517.0</t>
  </si>
  <si>
    <t>11217795.0</t>
  </si>
  <si>
    <t>88.535</t>
  </si>
  <si>
    <t>128940251.0</t>
  </si>
  <si>
    <t>75170848.0</t>
  </si>
  <si>
    <t>62684986.0</t>
  </si>
  <si>
    <t>345449.0</t>
  </si>
  <si>
    <t>101.13</t>
  </si>
  <si>
    <t>75488.0</t>
  </si>
  <si>
    <t>11237890.0</t>
  </si>
  <si>
    <t>88.693</t>
  </si>
  <si>
    <t>129201826.0</t>
  </si>
  <si>
    <t>75260370.0</t>
  </si>
  <si>
    <t>62881897.0</t>
  </si>
  <si>
    <t>261575.0</t>
  </si>
  <si>
    <t>331023.0</t>
  </si>
  <si>
    <t>11256846.0</t>
  </si>
  <si>
    <t>88.843</t>
  </si>
  <si>
    <t>295212.0</t>
  </si>
  <si>
    <t>78497.0</t>
  </si>
  <si>
    <t>11263865.0</t>
  </si>
  <si>
    <t>259400.0</t>
  </si>
  <si>
    <t>75133.0</t>
  </si>
  <si>
    <t>11268812.0</t>
  </si>
  <si>
    <t>88.937</t>
  </si>
  <si>
    <t>129806147.0</t>
  </si>
  <si>
    <t>75439928.0</t>
  </si>
  <si>
    <t>63353433.0</t>
  </si>
  <si>
    <t>223589.0</t>
  </si>
  <si>
    <t>71769.0</t>
  </si>
  <si>
    <t>623386.1</t>
  </si>
  <si>
    <t>4889.14475861643</t>
  </si>
  <si>
    <t>11275957.0</t>
  </si>
  <si>
    <t>88.994</t>
  </si>
  <si>
    <t>129859458.0</t>
  </si>
  <si>
    <t>75455207.0</t>
  </si>
  <si>
    <t>63394870.0</t>
  </si>
  <si>
    <t>214728.0</t>
  </si>
  <si>
    <t>71699.0</t>
  </si>
  <si>
    <t>11297856.0</t>
  </si>
  <si>
    <t>89.167</t>
  </si>
  <si>
    <t>129874396.0</t>
  </si>
  <si>
    <t>75459027.0</t>
  </si>
  <si>
    <t>63407243.0</t>
  </si>
  <si>
    <t>175156.0</t>
  </si>
  <si>
    <t>101.86</t>
  </si>
  <si>
    <t>56707.0</t>
  </si>
  <si>
    <t>11318133.0</t>
  </si>
  <si>
    <t>20277.0</t>
  </si>
  <si>
    <t>89.327</t>
  </si>
  <si>
    <t>129993156.0</t>
  </si>
  <si>
    <t>75497762.0</t>
  </si>
  <si>
    <t>63495569.0</t>
  </si>
  <si>
    <t>118760.0</t>
  </si>
  <si>
    <t>150415.0</t>
  </si>
  <si>
    <t>11338002.0</t>
  </si>
  <si>
    <t>89.483</t>
  </si>
  <si>
    <t>130244910.0</t>
  </si>
  <si>
    <t>75577084.0</t>
  </si>
  <si>
    <t>63690510.0</t>
  </si>
  <si>
    <t>251754.0</t>
  </si>
  <si>
    <t>149012.0</t>
  </si>
  <si>
    <t>11356228.0</t>
  </si>
  <si>
    <t>89.627</t>
  </si>
  <si>
    <t>14197.0</t>
  </si>
  <si>
    <t>159156.0</t>
  </si>
  <si>
    <t>51549.0</t>
  </si>
  <si>
    <t>11364037.0</t>
  </si>
  <si>
    <t>130789808.0</t>
  </si>
  <si>
    <t>75785054.0</t>
  </si>
  <si>
    <t>64131916.0</t>
  </si>
  <si>
    <t>11370155.0</t>
  </si>
  <si>
    <t>89.737</t>
  </si>
  <si>
    <t>14478.0</t>
  </si>
  <si>
    <t>130975650.0</t>
  </si>
  <si>
    <t>75862107.0</t>
  </si>
  <si>
    <t>64249748.0</t>
  </si>
  <si>
    <t>185842.0</t>
  </si>
  <si>
    <t>167072.0</t>
  </si>
  <si>
    <t>625124.9</t>
  </si>
  <si>
    <t>4902.78196500631</t>
  </si>
  <si>
    <t>11392710.0</t>
  </si>
  <si>
    <t>89.915</t>
  </si>
  <si>
    <t>131075161.0</t>
  </si>
  <si>
    <t>75896683.0</t>
  </si>
  <si>
    <t>64317192.0</t>
  </si>
  <si>
    <t>63068.0</t>
  </si>
  <si>
    <t>11412593.0</t>
  </si>
  <si>
    <t>90.072</t>
  </si>
  <si>
    <t>193285.0</t>
  </si>
  <si>
    <t>73212.0</t>
  </si>
  <si>
    <t>11432233.0</t>
  </si>
  <si>
    <t>90.227</t>
  </si>
  <si>
    <t>131379625.0</t>
  </si>
  <si>
    <t>76046332.0</t>
  </si>
  <si>
    <t>64502180.0</t>
  </si>
  <si>
    <t>198067.0</t>
  </si>
  <si>
    <t>11450983.0</t>
  </si>
  <si>
    <t>131601135.0</t>
  </si>
  <si>
    <t>76164064.0</t>
  </si>
  <si>
    <t>64618673.0</t>
  </si>
  <si>
    <t>221510.0</t>
  </si>
  <si>
    <t>193746.0</t>
  </si>
  <si>
    <t>11469614.0</t>
  </si>
  <si>
    <t>90.522</t>
  </si>
  <si>
    <t>91597.0</t>
  </si>
  <si>
    <t>11477111.0</t>
  </si>
  <si>
    <t>90.581</t>
  </si>
  <si>
    <t>132097392.0</t>
  </si>
  <si>
    <t>76480431.0</t>
  </si>
  <si>
    <t>64830452.0</t>
  </si>
  <si>
    <t>186798.0</t>
  </si>
  <si>
    <t>99340.0</t>
  </si>
  <si>
    <t>11482465.0</t>
  </si>
  <si>
    <t>90.624</t>
  </si>
  <si>
    <t>132308788.0</t>
  </si>
  <si>
    <t>76609987.0</t>
  </si>
  <si>
    <t>64922896.0</t>
  </si>
  <si>
    <t>211396.0</t>
  </si>
  <si>
    <t>190448.0</t>
  </si>
  <si>
    <t>625841.1</t>
  </si>
  <si>
    <t>4908.3990383997</t>
  </si>
  <si>
    <t>11504032.0</t>
  </si>
  <si>
    <t>90.794</t>
  </si>
  <si>
    <t>132422896.0</t>
  </si>
  <si>
    <t>76685147.0</t>
  </si>
  <si>
    <t>64971111.0</t>
  </si>
  <si>
    <t>114108.0</t>
  </si>
  <si>
    <t>192534.0</t>
  </si>
  <si>
    <t>112638.0</t>
  </si>
  <si>
    <t>11523099.0</t>
  </si>
  <si>
    <t>90.944</t>
  </si>
  <si>
    <t>132636811.0</t>
  </si>
  <si>
    <t>76845255.0</t>
  </si>
  <si>
    <t>65038728.0</t>
  </si>
  <si>
    <t>213915.0</t>
  </si>
  <si>
    <t>201345.0</t>
  </si>
  <si>
    <t>124821.0</t>
  </si>
  <si>
    <t>11541691.0</t>
  </si>
  <si>
    <t>91.091</t>
  </si>
  <si>
    <t>132840902.0</t>
  </si>
  <si>
    <t>77011430.0</t>
  </si>
  <si>
    <t>65089672.0</t>
  </si>
  <si>
    <t>204091.0</t>
  </si>
  <si>
    <t>208754.0</t>
  </si>
  <si>
    <t>137871.0</t>
  </si>
  <si>
    <t>11559739.0</t>
  </si>
  <si>
    <t>91.233</t>
  </si>
  <si>
    <t>133256228.0</t>
  </si>
  <si>
    <t>77366309.0</t>
  </si>
  <si>
    <t>65166868.0</t>
  </si>
  <si>
    <t>415326.0</t>
  </si>
  <si>
    <t>236442.0</t>
  </si>
  <si>
    <t>171749.0</t>
  </si>
  <si>
    <t>11577460.0</t>
  </si>
  <si>
    <t>91.373</t>
  </si>
  <si>
    <t>254047.0</t>
  </si>
  <si>
    <t>192126.0</t>
  </si>
  <si>
    <t>11583988.0</t>
  </si>
  <si>
    <t>271653.0</t>
  </si>
  <si>
    <t>212503.0</t>
  </si>
  <si>
    <t>11589446.0</t>
  </si>
  <si>
    <t>91.468</t>
  </si>
  <si>
    <t>134370326.0</t>
  </si>
  <si>
    <t>78268776.0</t>
  </si>
  <si>
    <t>65422436.0</t>
  </si>
  <si>
    <t>294505.0</t>
  </si>
  <si>
    <t>626924.5</t>
  </si>
  <si>
    <t>4916.89601873257</t>
  </si>
  <si>
    <t>11610874.0</t>
  </si>
  <si>
    <t>21428.0</t>
  </si>
  <si>
    <t>91.637</t>
  </si>
  <si>
    <t>309247.0</t>
  </si>
  <si>
    <t>252296.0</t>
  </si>
  <si>
    <t>11630098.0</t>
  </si>
  <si>
    <t>91.789</t>
  </si>
  <si>
    <t>309731.0</t>
  </si>
  <si>
    <t>255486.0</t>
  </si>
  <si>
    <t>11648346.0</t>
  </si>
  <si>
    <t>91.933</t>
  </si>
  <si>
    <t>135022230.0</t>
  </si>
  <si>
    <t>78816099.0</t>
  </si>
  <si>
    <t>65543077.0</t>
  </si>
  <si>
    <t>311618.0</t>
  </si>
  <si>
    <t>257810.0</t>
  </si>
  <si>
    <t>11666697.0</t>
  </si>
  <si>
    <t>92.078</t>
  </si>
  <si>
    <t>15280.0</t>
  </si>
  <si>
    <t>135481459.0</t>
  </si>
  <si>
    <t>79202068.0</t>
  </si>
  <si>
    <t>65630611.0</t>
  </si>
  <si>
    <t>459229.0</t>
  </si>
  <si>
    <t>317890.0</t>
  </si>
  <si>
    <t>262251.0</t>
  </si>
  <si>
    <t>11683482.0</t>
  </si>
  <si>
    <t>361101.0</t>
  </si>
  <si>
    <t>289985.0</t>
  </si>
  <si>
    <t>11689832.0</t>
  </si>
  <si>
    <t>92.26</t>
  </si>
  <si>
    <t>136829147.0</t>
  </si>
  <si>
    <t>80191983.0</t>
  </si>
  <si>
    <t>66003384.0</t>
  </si>
  <si>
    <t>404312.0</t>
  </si>
  <si>
    <t>107.31</t>
  </si>
  <si>
    <t>317718.0</t>
  </si>
  <si>
    <t>11695094.0</t>
  </si>
  <si>
    <t>92.302</t>
  </si>
  <si>
    <t>137169511.0</t>
  </si>
  <si>
    <t>80388496.0</t>
  </si>
  <si>
    <t>66150375.0</t>
  </si>
  <si>
    <t>340364.0</t>
  </si>
  <si>
    <t>399884.0</t>
  </si>
  <si>
    <t>107.58</t>
  </si>
  <si>
    <t>627701.9</t>
  </si>
  <si>
    <t>4922.99307661588</t>
  </si>
  <si>
    <t>11714311.0</t>
  </si>
  <si>
    <t>92.453</t>
  </si>
  <si>
    <t>137357032.0</t>
  </si>
  <si>
    <t>80503005.0</t>
  </si>
  <si>
    <t>66225140.0</t>
  </si>
  <si>
    <t>187521.0</t>
  </si>
  <si>
    <t>395629.0</t>
  </si>
  <si>
    <t>293113.0</t>
  </si>
  <si>
    <t>11731749.0</t>
  </si>
  <si>
    <t>92.591</t>
  </si>
  <si>
    <t>357577.0</t>
  </si>
  <si>
    <t>11749029.0</t>
  </si>
  <si>
    <t>92.727</t>
  </si>
  <si>
    <t>138851637.0</t>
  </si>
  <si>
    <t>81770394.0</t>
  </si>
  <si>
    <t>66459570.0</t>
  </si>
  <si>
    <t>547058.0</t>
  </si>
  <si>
    <t>422042.0</t>
  </si>
  <si>
    <t>11765579.0</t>
  </si>
  <si>
    <t>92.858</t>
  </si>
  <si>
    <t>139820373.0</t>
  </si>
  <si>
    <t>81785946.0</t>
  </si>
  <si>
    <t>66586509.0</t>
  </si>
  <si>
    <t>968736.0</t>
  </si>
  <si>
    <t>619845.0</t>
  </si>
  <si>
    <t>369125.0</t>
  </si>
  <si>
    <t>11780969.0</t>
  </si>
  <si>
    <t>92.979</t>
  </si>
  <si>
    <t>614161.0</t>
  </si>
  <si>
    <t>299591.0</t>
  </si>
  <si>
    <t>11787476.0</t>
  </si>
  <si>
    <t>93.031</t>
  </si>
  <si>
    <t>13949.0</t>
  </si>
  <si>
    <t>608477.0</t>
  </si>
  <si>
    <t>230056.0</t>
  </si>
  <si>
    <t>11792733.0</t>
  </si>
  <si>
    <t>93.072</t>
  </si>
  <si>
    <t>141722544.0</t>
  </si>
  <si>
    <t>81810589.0</t>
  </si>
  <si>
    <t>66740075.0</t>
  </si>
  <si>
    <t>650433.0</t>
  </si>
  <si>
    <t>203156.0</t>
  </si>
  <si>
    <t>628143.1</t>
  </si>
  <si>
    <t>4926.45335695819</t>
  </si>
  <si>
    <t>11811509.0</t>
  </si>
  <si>
    <t>148467260.0</t>
  </si>
  <si>
    <t>81913687.0</t>
  </si>
  <si>
    <t>72694585.0</t>
  </si>
  <si>
    <t>6744716.0</t>
  </si>
  <si>
    <t>1587175.0</t>
  </si>
  <si>
    <t>116.44</t>
  </si>
  <si>
    <t>201526.0</t>
  </si>
  <si>
    <t>11828914.0</t>
  </si>
  <si>
    <t>93.358</t>
  </si>
  <si>
    <t>1481763.0</t>
  </si>
  <si>
    <t>111033.0</t>
  </si>
  <si>
    <t>11847748.0</t>
  </si>
  <si>
    <t>93.506</t>
  </si>
  <si>
    <t>1376350.0</t>
  </si>
  <si>
    <t>11866410.0</t>
  </si>
  <si>
    <t>93.654</t>
  </si>
  <si>
    <t>1239304.0</t>
  </si>
  <si>
    <t>11881026.0</t>
  </si>
  <si>
    <t>93.769</t>
  </si>
  <si>
    <t>148504910.0</t>
  </si>
  <si>
    <t>81914654.0</t>
  </si>
  <si>
    <t>72699095.0</t>
  </si>
  <si>
    <t>1150069.0</t>
  </si>
  <si>
    <t>116.47</t>
  </si>
  <si>
    <t>11885061.0</t>
  </si>
  <si>
    <t>93.801</t>
  </si>
  <si>
    <t>1066078.0</t>
  </si>
  <si>
    <t>11892254.0</t>
  </si>
  <si>
    <t>982087.0</t>
  </si>
  <si>
    <t>629083.5</t>
  </si>
  <si>
    <t>4933.8288049045</t>
  </si>
  <si>
    <t>11918973.0</t>
  </si>
  <si>
    <t>94.069</t>
  </si>
  <si>
    <t>11948616.0</t>
  </si>
  <si>
    <t>148689393.0</t>
  </si>
  <si>
    <t>81915851.0</t>
  </si>
  <si>
    <t>72751888.0</t>
  </si>
  <si>
    <t>116.62</t>
  </si>
  <si>
    <t>11981140.0</t>
  </si>
  <si>
    <t>94.559</t>
  </si>
  <si>
    <t>37963.0</t>
  </si>
  <si>
    <t>12015313.0</t>
  </si>
  <si>
    <t>34173.0</t>
  </si>
  <si>
    <t>94.829</t>
  </si>
  <si>
    <t>148814260.0</t>
  </si>
  <si>
    <t>81916007.0</t>
  </si>
  <si>
    <t>72780356.0</t>
  </si>
  <si>
    <t>12043531.0</t>
  </si>
  <si>
    <t>28218.0</t>
  </si>
  <si>
    <t>95.052</t>
  </si>
  <si>
    <t>12052695.0</t>
  </si>
  <si>
    <t>95.124</t>
  </si>
  <si>
    <t>23948.0</t>
  </si>
  <si>
    <t>148938454.0</t>
  </si>
  <si>
    <t>81916351.0</t>
  </si>
  <si>
    <t>72846741.0</t>
  </si>
  <si>
    <t>12066223.0</t>
  </si>
  <si>
    <t>148943207.0</t>
  </si>
  <si>
    <t>81916395.0</t>
  </si>
  <si>
    <t>72849124.0</t>
  </si>
  <si>
    <t>49436.0</t>
  </si>
  <si>
    <t>629676.5</t>
  </si>
  <si>
    <t>4938.47963501101</t>
  </si>
  <si>
    <t>12120251.0</t>
  </si>
  <si>
    <t>54028.0</t>
  </si>
  <si>
    <t>95.657</t>
  </si>
  <si>
    <t>28754.0</t>
  </si>
  <si>
    <t>148943382.0</t>
  </si>
  <si>
    <t>81916418.0</t>
  </si>
  <si>
    <t>72849255.0</t>
  </si>
  <si>
    <t>12184655.0</t>
  </si>
  <si>
    <t>64404.0</t>
  </si>
  <si>
    <t>96.165</t>
  </si>
  <si>
    <t>149382709.0</t>
  </si>
  <si>
    <t>82091136.0</t>
  </si>
  <si>
    <t>72881907.0</t>
  </si>
  <si>
    <t>439327.0</t>
  </si>
  <si>
    <t>99045.0</t>
  </si>
  <si>
    <t>117.16</t>
  </si>
  <si>
    <t>25041.0</t>
  </si>
  <si>
    <t>12260517.0</t>
  </si>
  <si>
    <t>75862.0</t>
  </si>
  <si>
    <t>96.764</t>
  </si>
  <si>
    <t>39911.0</t>
  </si>
  <si>
    <t>149574164.0</t>
  </si>
  <si>
    <t>82114490.0</t>
  </si>
  <si>
    <t>72979978.0</t>
  </si>
  <si>
    <t>191455.0</t>
  </si>
  <si>
    <t>117477.0</t>
  </si>
  <si>
    <t>117.31</t>
  </si>
  <si>
    <t>12340655.0</t>
  </si>
  <si>
    <t>80138.0</t>
  </si>
  <si>
    <t>97.397</t>
  </si>
  <si>
    <t>46477.0</t>
  </si>
  <si>
    <t>150180676.0</t>
  </si>
  <si>
    <t>82152852.0</t>
  </si>
  <si>
    <t>73347525.0</t>
  </si>
  <si>
    <t>606512.0</t>
  </si>
  <si>
    <t>12427960.0</t>
  </si>
  <si>
    <t>98.086</t>
  </si>
  <si>
    <t>54918.0</t>
  </si>
  <si>
    <t>278044.0</t>
  </si>
  <si>
    <t>12470174.0</t>
  </si>
  <si>
    <t>98.419</t>
  </si>
  <si>
    <t>59640.0</t>
  </si>
  <si>
    <t>151464652.0</t>
  </si>
  <si>
    <t>82350939.0</t>
  </si>
  <si>
    <t>73840012.0</t>
  </si>
  <si>
    <t>360885.0</t>
  </si>
  <si>
    <t>118.79</t>
  </si>
  <si>
    <t>12503520.0</t>
  </si>
  <si>
    <t>98.682</t>
  </si>
  <si>
    <t>151945143.0</t>
  </si>
  <si>
    <t>82407688.0</t>
  </si>
  <si>
    <t>74053608.0</t>
  </si>
  <si>
    <t>480491.0</t>
  </si>
  <si>
    <t>428848.0</t>
  </si>
  <si>
    <t>119.17</t>
  </si>
  <si>
    <t>70185.0</t>
  </si>
  <si>
    <t>630146.7</t>
  </si>
  <si>
    <t>4942.16735898416</t>
  </si>
  <si>
    <t>12617776.0</t>
  </si>
  <si>
    <t>114256.0</t>
  </si>
  <si>
    <t>99.584</t>
  </si>
  <si>
    <t>152051707.0</t>
  </si>
  <si>
    <t>82425639.0</t>
  </si>
  <si>
    <t>74107031.0</t>
  </si>
  <si>
    <t>106564.0</t>
  </si>
  <si>
    <t>444046.0</t>
  </si>
  <si>
    <t>12732572.0</t>
  </si>
  <si>
    <t>114796.0</t>
  </si>
  <si>
    <t>152315526.0</t>
  </si>
  <si>
    <t>82482249.0</t>
  </si>
  <si>
    <t>74236740.0</t>
  </si>
  <si>
    <t>263819.0</t>
  </si>
  <si>
    <t>418974.0</t>
  </si>
  <si>
    <t>12850935.0</t>
  </si>
  <si>
    <t>118363.0</t>
  </si>
  <si>
    <t>101.424</t>
  </si>
  <si>
    <t>488625.0</t>
  </si>
  <si>
    <t>62868.0</t>
  </si>
  <si>
    <t>12964092.0</t>
  </si>
  <si>
    <t>113157.0</t>
  </si>
  <si>
    <t>102.317</t>
  </si>
  <si>
    <t>89062.0</t>
  </si>
  <si>
    <t>153673555.0</t>
  </si>
  <si>
    <t>82626877.0</t>
  </si>
  <si>
    <t>74761824.0</t>
  </si>
  <si>
    <t>498983.0</t>
  </si>
  <si>
    <t>13075861.0</t>
  </si>
  <si>
    <t>111769.0</t>
  </si>
  <si>
    <t>103.199</t>
  </si>
  <si>
    <t>92557.0</t>
  </si>
  <si>
    <t>154611440.0</t>
  </si>
  <si>
    <t>82725740.0</t>
  </si>
  <si>
    <t>75060397.0</t>
  </si>
  <si>
    <t>937885.0</t>
  </si>
  <si>
    <t>541254.0</t>
  </si>
  <si>
    <t>13124617.0</t>
  </si>
  <si>
    <t>93492.0</t>
  </si>
  <si>
    <t>155420388.0</t>
  </si>
  <si>
    <t>82815932.0</t>
  </si>
  <si>
    <t>75374678.0</t>
  </si>
  <si>
    <t>808948.0</t>
  </si>
  <si>
    <t>565105.0</t>
  </si>
  <si>
    <t>66428.0</t>
  </si>
  <si>
    <t>13159315.0</t>
  </si>
  <si>
    <t>103.858</t>
  </si>
  <si>
    <t>155882479.0</t>
  </si>
  <si>
    <t>82898265.0</t>
  </si>
  <si>
    <t>75617241.0</t>
  </si>
  <si>
    <t>462091.0</t>
  </si>
  <si>
    <t>562477.0</t>
  </si>
  <si>
    <t>70082.0</t>
  </si>
  <si>
    <t>632750.3</t>
  </si>
  <si>
    <t>4962.5870913034</t>
  </si>
  <si>
    <t>13273399.0</t>
  </si>
  <si>
    <t>114084.0</t>
  </si>
  <si>
    <t>104.758</t>
  </si>
  <si>
    <t>93660.0</t>
  </si>
  <si>
    <t>585596.0</t>
  </si>
  <si>
    <t>13379698.0</t>
  </si>
  <si>
    <t>106299.0</t>
  </si>
  <si>
    <t>156419272.0</t>
  </si>
  <si>
    <t>82952806.0</t>
  </si>
  <si>
    <t>75809119.0</t>
  </si>
  <si>
    <t>586249.0</t>
  </si>
  <si>
    <t>67222.0</t>
  </si>
  <si>
    <t>13480641.0</t>
  </si>
  <si>
    <t>100943.0</t>
  </si>
  <si>
    <t>106.394</t>
  </si>
  <si>
    <t>157145915.0</t>
  </si>
  <si>
    <t>83002950.0</t>
  </si>
  <si>
    <t>76006592.0</t>
  </si>
  <si>
    <t>726643.0</t>
  </si>
  <si>
    <t>593054.0</t>
  </si>
  <si>
    <t>64055.0</t>
  </si>
  <si>
    <t>13574047.0</t>
  </si>
  <si>
    <t>93406.0</t>
  </si>
  <si>
    <t>107.131</t>
  </si>
  <si>
    <t>157875271.0</t>
  </si>
  <si>
    <t>83049588.0</t>
  </si>
  <si>
    <t>76179149.0</t>
  </si>
  <si>
    <t>729356.0</t>
  </si>
  <si>
    <t>600245.0</t>
  </si>
  <si>
    <t>13660264.0</t>
  </si>
  <si>
    <t>86217.0</t>
  </si>
  <si>
    <t>107.811</t>
  </si>
  <si>
    <t>83486.0</t>
  </si>
  <si>
    <t>158656184.0</t>
  </si>
  <si>
    <t>83159111.0</t>
  </si>
  <si>
    <t>76345784.0</t>
  </si>
  <si>
    <t>780913.0</t>
  </si>
  <si>
    <t>577821.0</t>
  </si>
  <si>
    <t>13699398.0</t>
  </si>
  <si>
    <t>82112.0</t>
  </si>
  <si>
    <t>592574.0</t>
  </si>
  <si>
    <t>60748.0</t>
  </si>
  <si>
    <t>13726820.0</t>
  </si>
  <si>
    <t>108.337</t>
  </si>
  <si>
    <t>160480629.0</t>
  </si>
  <si>
    <t>83323226.0</t>
  </si>
  <si>
    <t>76519923.0</t>
  </si>
  <si>
    <t>656879.0</t>
  </si>
  <si>
    <t>60709.0</t>
  </si>
  <si>
    <t>639795.7</t>
  </si>
  <si>
    <t>5017.84334498368</t>
  </si>
  <si>
    <t>13816207.0</t>
  </si>
  <si>
    <t>89387.0</t>
  </si>
  <si>
    <t>109.042</t>
  </si>
  <si>
    <t>77544.0</t>
  </si>
  <si>
    <t>160816753.0</t>
  </si>
  <si>
    <t>83329994.0</t>
  </si>
  <si>
    <t>76560077.0</t>
  </si>
  <si>
    <t>336124.0</t>
  </si>
  <si>
    <t>666554.0</t>
  </si>
  <si>
    <t>126.13</t>
  </si>
  <si>
    <t>57780.0</t>
  </si>
  <si>
    <t>13891431.0</t>
  </si>
  <si>
    <t>75224.0</t>
  </si>
  <si>
    <t>109.636</t>
  </si>
  <si>
    <t>73105.0</t>
  </si>
  <si>
    <t>161466948.0</t>
  </si>
  <si>
    <t>83349759.0</t>
  </si>
  <si>
    <t>76618411.0</t>
  </si>
  <si>
    <t>650195.0</t>
  </si>
  <si>
    <t>721097.0</t>
  </si>
  <si>
    <t>13960910.0</t>
  </si>
  <si>
    <t>110.184</t>
  </si>
  <si>
    <t>161997209.0</t>
  </si>
  <si>
    <t>83386735.0</t>
  </si>
  <si>
    <t>76701452.0</t>
  </si>
  <si>
    <t>530261.0</t>
  </si>
  <si>
    <t>693042.0</t>
  </si>
  <si>
    <t>54826.0</t>
  </si>
  <si>
    <t>14023356.0</t>
  </si>
  <si>
    <t>62446.0</t>
  </si>
  <si>
    <t>110.677</t>
  </si>
  <si>
    <t>164844649.0</t>
  </si>
  <si>
    <t>83510659.0</t>
  </si>
  <si>
    <t>76941127.0</t>
  </si>
  <si>
    <t>2847440.0</t>
  </si>
  <si>
    <t>995625.0</t>
  </si>
  <si>
    <t>14081872.0</t>
  </si>
  <si>
    <t>58516.0</t>
  </si>
  <si>
    <t>111.139</t>
  </si>
  <si>
    <t>60230.0</t>
  </si>
  <si>
    <t>917364.0</t>
  </si>
  <si>
    <t>14108675.0</t>
  </si>
  <si>
    <t>820345.0</t>
  </si>
  <si>
    <t>14127559.0</t>
  </si>
  <si>
    <t>111.499</t>
  </si>
  <si>
    <t>165543906.0</t>
  </si>
  <si>
    <t>83612558.0</t>
  </si>
  <si>
    <t>77129336.0</t>
  </si>
  <si>
    <t>723325.0</t>
  </si>
  <si>
    <t>41333.0</t>
  </si>
  <si>
    <t>655938.7</t>
  </si>
  <si>
    <t>5144.45101852395</t>
  </si>
  <si>
    <t>14185750.0</t>
  </si>
  <si>
    <t>111.959</t>
  </si>
  <si>
    <t>52792.0</t>
  </si>
  <si>
    <t>165750330.0</t>
  </si>
  <si>
    <t>83620573.0</t>
  </si>
  <si>
    <t>77159476.0</t>
  </si>
  <si>
    <t>206424.0</t>
  </si>
  <si>
    <t>704797.0</t>
  </si>
  <si>
    <t>41511.0</t>
  </si>
  <si>
    <t>14232386.0</t>
  </si>
  <si>
    <t>112.327</t>
  </si>
  <si>
    <t>48708.0</t>
  </si>
  <si>
    <t>166102210.0</t>
  </si>
  <si>
    <t>83651266.0</t>
  </si>
  <si>
    <t>77242259.0</t>
  </si>
  <si>
    <t>351880.0</t>
  </si>
  <si>
    <t>43072.0</t>
  </si>
  <si>
    <t>14276080.0</t>
  </si>
  <si>
    <t>43694.0</t>
  </si>
  <si>
    <t>112.672</t>
  </si>
  <si>
    <t>45024.0</t>
  </si>
  <si>
    <t>166768826.0</t>
  </si>
  <si>
    <t>83683108.0</t>
  </si>
  <si>
    <t>77298207.0</t>
  </si>
  <si>
    <t>666616.0</t>
  </si>
  <si>
    <t>681660.0</t>
  </si>
  <si>
    <t>42339.0</t>
  </si>
  <si>
    <t>14314567.0</t>
  </si>
  <si>
    <t>112.975</t>
  </si>
  <si>
    <t>41602.0</t>
  </si>
  <si>
    <t>167682458.0</t>
  </si>
  <si>
    <t>83729127.0</t>
  </si>
  <si>
    <t>77378510.0</t>
  </si>
  <si>
    <t>913632.0</t>
  </si>
  <si>
    <t>405401.0</t>
  </si>
  <si>
    <t>31210.0</t>
  </si>
  <si>
    <t>14350326.0</t>
  </si>
  <si>
    <t>113.258</t>
  </si>
  <si>
    <t>168535697.0</t>
  </si>
  <si>
    <t>83812313.0</t>
  </si>
  <si>
    <t>77478070.0</t>
  </si>
  <si>
    <t>853239.0</t>
  </si>
  <si>
    <t>493995.0</t>
  </si>
  <si>
    <t>38241.0</t>
  </si>
  <si>
    <t>14366988.0</t>
  </si>
  <si>
    <t>538711.0</t>
  </si>
  <si>
    <t>14378172.0</t>
  </si>
  <si>
    <t>113.477</t>
  </si>
  <si>
    <t>35802.0</t>
  </si>
  <si>
    <t>169627892.0</t>
  </si>
  <si>
    <t>83893768.0</t>
  </si>
  <si>
    <t>77601746.0</t>
  </si>
  <si>
    <t>583427.0</t>
  </si>
  <si>
    <t>666826.3</t>
  </si>
  <si>
    <t>5229.84120042552</t>
  </si>
  <si>
    <t>14393463.0</t>
  </si>
  <si>
    <t>113.598</t>
  </si>
  <si>
    <t>169681294.0</t>
  </si>
  <si>
    <t>83903511.0</t>
  </si>
  <si>
    <t>77614361.0</t>
  </si>
  <si>
    <t>561566.0</t>
  </si>
  <si>
    <t>133.08</t>
  </si>
  <si>
    <t>40420.0</t>
  </si>
  <si>
    <t>14428452.0</t>
  </si>
  <si>
    <t>34989.0</t>
  </si>
  <si>
    <t>169815314.0</t>
  </si>
  <si>
    <t>83917663.0</t>
  </si>
  <si>
    <t>77632311.0</t>
  </si>
  <si>
    <t>134020.0</t>
  </si>
  <si>
    <t>530443.0</t>
  </si>
  <si>
    <t>38057.0</t>
  </si>
  <si>
    <t>14455585.0</t>
  </si>
  <si>
    <t>114.088</t>
  </si>
  <si>
    <t>170203675.0</t>
  </si>
  <si>
    <t>83936198.0</t>
  </si>
  <si>
    <t>77659769.0</t>
  </si>
  <si>
    <t>388361.0</t>
  </si>
  <si>
    <t>490693.0</t>
  </si>
  <si>
    <t>36156.0</t>
  </si>
  <si>
    <t>14480901.0</t>
  </si>
  <si>
    <t>25316.0</t>
  </si>
  <si>
    <t>170713604.0</t>
  </si>
  <si>
    <t>83967069.0</t>
  </si>
  <si>
    <t>77705833.0</t>
  </si>
  <si>
    <t>509929.0</t>
  </si>
  <si>
    <t>433021.0</t>
  </si>
  <si>
    <t>14504949.0</t>
  </si>
  <si>
    <t>24048.0</t>
  </si>
  <si>
    <t>114.478</t>
  </si>
  <si>
    <t>171453754.0</t>
  </si>
  <si>
    <t>84016011.0</t>
  </si>
  <si>
    <t>77809539.0</t>
  </si>
  <si>
    <t>740150.0</t>
  </si>
  <si>
    <t>416865.0</t>
  </si>
  <si>
    <t>29100.0</t>
  </si>
  <si>
    <t>14517131.0</t>
  </si>
  <si>
    <t>172046323.0</t>
  </si>
  <si>
    <t>84064526.0</t>
  </si>
  <si>
    <t>77885188.0</t>
  </si>
  <si>
    <t>592569.0</t>
  </si>
  <si>
    <t>423504.0</t>
  </si>
  <si>
    <t>134.93</t>
  </si>
  <si>
    <t>30212.0</t>
  </si>
  <si>
    <t>14525902.0</t>
  </si>
  <si>
    <t>114.643</t>
  </si>
  <si>
    <t>172480864.0</t>
  </si>
  <si>
    <t>84097727.0</t>
  </si>
  <si>
    <t>77924179.0</t>
  </si>
  <si>
    <t>434541.0</t>
  </si>
  <si>
    <t>407567.0</t>
  </si>
  <si>
    <t>673381.7</t>
  </si>
  <si>
    <t>5281.25444103296</t>
  </si>
  <si>
    <t>14550534.0</t>
  </si>
  <si>
    <t>114.838</t>
  </si>
  <si>
    <t>22439.0</t>
  </si>
  <si>
    <t>172673715.0</t>
  </si>
  <si>
    <t>84112878.0</t>
  </si>
  <si>
    <t>77952732.0</t>
  </si>
  <si>
    <t>192851.0</t>
  </si>
  <si>
    <t>14572482.0</t>
  </si>
  <si>
    <t>115.011</t>
  </si>
  <si>
    <t>173037874.0</t>
  </si>
  <si>
    <t>84765334.0</t>
  </si>
  <si>
    <t>78499390.0</t>
  </si>
  <si>
    <t>364159.0</t>
  </si>
  <si>
    <t>460366.0</t>
  </si>
  <si>
    <t>121096.0</t>
  </si>
  <si>
    <t>14593434.0</t>
  </si>
  <si>
    <t>173826545.0</t>
  </si>
  <si>
    <t>84782507.0</t>
  </si>
  <si>
    <t>78528456.0</t>
  </si>
  <si>
    <t>788671.0</t>
  </si>
  <si>
    <t>517553.0</t>
  </si>
  <si>
    <t>120901.0</t>
  </si>
  <si>
    <t>14614978.0</t>
  </si>
  <si>
    <t>115.346</t>
  </si>
  <si>
    <t>174967379.0</t>
  </si>
  <si>
    <t>84920810.0</t>
  </si>
  <si>
    <t>78556148.0</t>
  </si>
  <si>
    <t>1140834.0</t>
  </si>
  <si>
    <t>607682.0</t>
  </si>
  <si>
    <t>14634683.0</t>
  </si>
  <si>
    <t>115.502</t>
  </si>
  <si>
    <t>18533.0</t>
  </si>
  <si>
    <t>176177592.0</t>
  </si>
  <si>
    <t>84958858.0</t>
  </si>
  <si>
    <t>78569196.0</t>
  </si>
  <si>
    <t>1210213.0</t>
  </si>
  <si>
    <t>674834.0</t>
  </si>
  <si>
    <t>134692.0</t>
  </si>
  <si>
    <t>14644472.0</t>
  </si>
  <si>
    <t>115.579</t>
  </si>
  <si>
    <t>714560.0</t>
  </si>
  <si>
    <t>133651.0</t>
  </si>
  <si>
    <t>14652041.0</t>
  </si>
  <si>
    <t>115.639</t>
  </si>
  <si>
    <t>177918897.0</t>
  </si>
  <si>
    <t>85041305.0</t>
  </si>
  <si>
    <t>78663516.0</t>
  </si>
  <si>
    <t>776862.0</t>
  </si>
  <si>
    <t>134797.0</t>
  </si>
  <si>
    <t>677530.5</t>
  </si>
  <si>
    <t>5313.79299743412</t>
  </si>
  <si>
    <t>14671954.0</t>
  </si>
  <si>
    <t>115.796</t>
  </si>
  <si>
    <t>178130383.0</t>
  </si>
  <si>
    <t>85050217.0</t>
  </si>
  <si>
    <t>78680575.0</t>
  </si>
  <si>
    <t>779524.0</t>
  </si>
  <si>
    <t>133906.0</t>
  </si>
  <si>
    <t>14689128.0</t>
  </si>
  <si>
    <t>115.932</t>
  </si>
  <si>
    <t>16664.0</t>
  </si>
  <si>
    <t>809210.0</t>
  </si>
  <si>
    <t>14705350.0</t>
  </si>
  <si>
    <t>179274307.0</t>
  </si>
  <si>
    <t>85083649.0</t>
  </si>
  <si>
    <t>78750047.0</t>
  </si>
  <si>
    <t>778252.0</t>
  </si>
  <si>
    <t>14720822.0</t>
  </si>
  <si>
    <t>116.182</t>
  </si>
  <si>
    <t>180066010.0</t>
  </si>
  <si>
    <t>85113370.0</t>
  </si>
  <si>
    <t>78798251.0</t>
  </si>
  <si>
    <t>791703.0</t>
  </si>
  <si>
    <t>728376.0</t>
  </si>
  <si>
    <t>14734597.0</t>
  </si>
  <si>
    <t>630326.0</t>
  </si>
  <si>
    <t>14740932.0</t>
  </si>
  <si>
    <t>580785.0</t>
  </si>
  <si>
    <t>14746223.0</t>
  </si>
  <si>
    <t>181637603.0</t>
  </si>
  <si>
    <t>85179352.0</t>
  </si>
  <si>
    <t>78888689.0</t>
  </si>
  <si>
    <t>531244.0</t>
  </si>
  <si>
    <t>679082.9</t>
  </si>
  <si>
    <t>5325.96829027956</t>
  </si>
  <si>
    <t>14761910.0</t>
  </si>
  <si>
    <t>181945907.0</t>
  </si>
  <si>
    <t>85192820.0</t>
  </si>
  <si>
    <t>78915838.0</t>
  </si>
  <si>
    <t>308304.0</t>
  </si>
  <si>
    <t>545075.0</t>
  </si>
  <si>
    <t>20372.0</t>
  </si>
  <si>
    <t>14774394.0</t>
  </si>
  <si>
    <t>116.605</t>
  </si>
  <si>
    <t>182185704.0</t>
  </si>
  <si>
    <t>85238025.0</t>
  </si>
  <si>
    <t>78945844.0</t>
  </si>
  <si>
    <t>239797.0</t>
  </si>
  <si>
    <t>497623.0</t>
  </si>
  <si>
    <t>14786541.0</t>
  </si>
  <si>
    <t>182472333.0</t>
  </si>
  <si>
    <t>85261393.0</t>
  </si>
  <si>
    <t>78987826.0</t>
  </si>
  <si>
    <t>286629.0</t>
  </si>
  <si>
    <t>14799267.0</t>
  </si>
  <si>
    <t>116.801</t>
  </si>
  <si>
    <t>182771895.0</t>
  </si>
  <si>
    <t>85292153.0</t>
  </si>
  <si>
    <t>79014513.0</t>
  </si>
  <si>
    <t>299562.0</t>
  </si>
  <si>
    <t>386555.0</t>
  </si>
  <si>
    <t>143.35</t>
  </si>
  <si>
    <t>14810435.0</t>
  </si>
  <si>
    <t>116.889</t>
  </si>
  <si>
    <t>183043385.0</t>
  </si>
  <si>
    <t>85315634.0</t>
  </si>
  <si>
    <t>79050604.0</t>
  </si>
  <si>
    <t>271490.0</t>
  </si>
  <si>
    <t>350502.0</t>
  </si>
  <si>
    <t>14815776.0</t>
  </si>
  <si>
    <t>116.931</t>
  </si>
  <si>
    <t>308976.0</t>
  </si>
  <si>
    <t>14819935.0</t>
  </si>
  <si>
    <t>116.964</t>
  </si>
  <si>
    <t>183509755.0</t>
  </si>
  <si>
    <t>85340303.0</t>
  </si>
  <si>
    <t>79110688.0</t>
  </si>
  <si>
    <t>267450.0</t>
  </si>
  <si>
    <t>22993.0</t>
  </si>
  <si>
    <t>679123.9</t>
  </si>
  <si>
    <t>5326.28984851627</t>
  </si>
  <si>
    <t>14832320.0</t>
  </si>
  <si>
    <t>117.062</t>
  </si>
  <si>
    <t>251847.0</t>
  </si>
  <si>
    <t>14842924.0</t>
  </si>
  <si>
    <t>117.145</t>
  </si>
  <si>
    <t>183907915.0</t>
  </si>
  <si>
    <t>85351315.0</t>
  </si>
  <si>
    <t>79157987.0</t>
  </si>
  <si>
    <t>144.24</t>
  </si>
  <si>
    <t>14853051.0</t>
  </si>
  <si>
    <t>117.225</t>
  </si>
  <si>
    <t>184272842.0</t>
  </si>
  <si>
    <t>85359340.0</t>
  </si>
  <si>
    <t>79199042.0</t>
  </si>
  <si>
    <t>364927.0</t>
  </si>
  <si>
    <t>257216.0</t>
  </si>
  <si>
    <t>14863042.0</t>
  </si>
  <si>
    <t>117.304</t>
  </si>
  <si>
    <t>184812990.0</t>
  </si>
  <si>
    <t>85376554.0</t>
  </si>
  <si>
    <t>79235679.0</t>
  </si>
  <si>
    <t>540148.0</t>
  </si>
  <si>
    <t>291585.0</t>
  </si>
  <si>
    <t>144.95</t>
  </si>
  <si>
    <t>14872396.0</t>
  </si>
  <si>
    <t>117.378</t>
  </si>
  <si>
    <t>347662.0</t>
  </si>
  <si>
    <t>14876751.0</t>
  </si>
  <si>
    <t>117.412</t>
  </si>
  <si>
    <t>186141053.0</t>
  </si>
  <si>
    <t>85413399.0</t>
  </si>
  <si>
    <t>79345826.0</t>
  </si>
  <si>
    <t>409212.0</t>
  </si>
  <si>
    <t>14880525.0</t>
  </si>
  <si>
    <t>117.442</t>
  </si>
  <si>
    <t>678978.9</t>
  </si>
  <si>
    <t>5325.15263036206</t>
  </si>
  <si>
    <t>14892028.0</t>
  </si>
  <si>
    <t>117.533</t>
  </si>
  <si>
    <t>186532017.0</t>
  </si>
  <si>
    <t>85436974.0</t>
  </si>
  <si>
    <t>79380412.0</t>
  </si>
  <si>
    <t>403312.0</t>
  </si>
  <si>
    <t>14902405.0</t>
  </si>
  <si>
    <t>117.615</t>
  </si>
  <si>
    <t>186796040.0</t>
  </si>
  <si>
    <t>85452359.0</t>
  </si>
  <si>
    <t>79411249.0</t>
  </si>
  <si>
    <t>264023.0</t>
  </si>
  <si>
    <t>412589.0</t>
  </si>
  <si>
    <t>14911496.0</t>
  </si>
  <si>
    <t>117.687</t>
  </si>
  <si>
    <t>187180552.0</t>
  </si>
  <si>
    <t>85465067.0</t>
  </si>
  <si>
    <t>79433093.0</t>
  </si>
  <si>
    <t>415387.0</t>
  </si>
  <si>
    <t>14920636.0</t>
  </si>
  <si>
    <t>117.759</t>
  </si>
  <si>
    <t>187650994.0</t>
  </si>
  <si>
    <t>85476366.0</t>
  </si>
  <si>
    <t>79459368.0</t>
  </si>
  <si>
    <t>470442.0</t>
  </si>
  <si>
    <t>405429.0</t>
  </si>
  <si>
    <t>147.17</t>
  </si>
  <si>
    <t>14929075.0</t>
  </si>
  <si>
    <t>117.825</t>
  </si>
  <si>
    <t>188160158.0</t>
  </si>
  <si>
    <t>85502104.0</t>
  </si>
  <si>
    <t>79496022.0</t>
  </si>
  <si>
    <t>509164.0</t>
  </si>
  <si>
    <t>383305.0</t>
  </si>
  <si>
    <t>14932896.0</t>
  </si>
  <si>
    <t>117.855</t>
  </si>
  <si>
    <t>331524.0</t>
  </si>
  <si>
    <t>14935695.0</t>
  </si>
  <si>
    <t>188763277.0</t>
  </si>
  <si>
    <t>85528952.0</t>
  </si>
  <si>
    <t>79537014.0</t>
  </si>
  <si>
    <t>346677.0</t>
  </si>
  <si>
    <t>678114.9</t>
  </si>
  <si>
    <t>5318.37637873976</t>
  </si>
  <si>
    <t>14939955.0</t>
  </si>
  <si>
    <t>117.911</t>
  </si>
  <si>
    <t>188854049.0</t>
  </si>
  <si>
    <t>85531580.0</t>
  </si>
  <si>
    <t>79546420.0</t>
  </si>
  <si>
    <t>90772.0</t>
  </si>
  <si>
    <t>14950694.0</t>
  </si>
  <si>
    <t>117.996</t>
  </si>
  <si>
    <t>188885665.0</t>
  </si>
  <si>
    <t>85533607.0</t>
  </si>
  <si>
    <t>79548382.0</t>
  </si>
  <si>
    <t>298518.0</t>
  </si>
  <si>
    <t>14960348.0</t>
  </si>
  <si>
    <t>118.072</t>
  </si>
  <si>
    <t>189083111.0</t>
  </si>
  <si>
    <t>85538032.0</t>
  </si>
  <si>
    <t>79562871.0</t>
  </si>
  <si>
    <t>197446.0</t>
  </si>
  <si>
    <t>271794.0</t>
  </si>
  <si>
    <t>14969672.0</t>
  </si>
  <si>
    <t>118.146</t>
  </si>
  <si>
    <t>14977535.0</t>
  </si>
  <si>
    <t>189804498.0</t>
  </si>
  <si>
    <t>85556080.0</t>
  </si>
  <si>
    <t>79625736.0</t>
  </si>
  <si>
    <t>14981448.0</t>
  </si>
  <si>
    <t>118.239</t>
  </si>
  <si>
    <t>190197035.0</t>
  </si>
  <si>
    <t>85566651.0</t>
  </si>
  <si>
    <t>79662373.0</t>
  </si>
  <si>
    <t>392537.0</t>
  </si>
  <si>
    <t>247902.0</t>
  </si>
  <si>
    <t>14984482.0</t>
  </si>
  <si>
    <t>118.263</t>
  </si>
  <si>
    <t>190337668.0</t>
  </si>
  <si>
    <t>85573127.0</t>
  </si>
  <si>
    <t>79686428.0</t>
  </si>
  <si>
    <t>140633.0</t>
  </si>
  <si>
    <t>224913.0</t>
  </si>
  <si>
    <t>676635.7</t>
  </si>
  <si>
    <t>5306.7751849901</t>
  </si>
  <si>
    <t>14994912.0</t>
  </si>
  <si>
    <t>118.345</t>
  </si>
  <si>
    <t>190441475.0</t>
  </si>
  <si>
    <t>85575818.0</t>
  </si>
  <si>
    <t>79693409.0</t>
  </si>
  <si>
    <t>226775.0</t>
  </si>
  <si>
    <t>15004308.0</t>
  </si>
  <si>
    <t>118.419</t>
  </si>
  <si>
    <t>191907868.0</t>
  </si>
  <si>
    <t>85580293.0</t>
  </si>
  <si>
    <t>79711762.0</t>
  </si>
  <si>
    <t>1466393.0</t>
  </si>
  <si>
    <t>431743.0</t>
  </si>
  <si>
    <t>15013044.0</t>
  </si>
  <si>
    <t>118.488</t>
  </si>
  <si>
    <t>428584.0</t>
  </si>
  <si>
    <t>15021246.0</t>
  </si>
  <si>
    <t>118.553</t>
  </si>
  <si>
    <t>402104.0</t>
  </si>
  <si>
    <t>15028723.0</t>
  </si>
  <si>
    <t>118.612</t>
  </si>
  <si>
    <t>15032313.0</t>
  </si>
  <si>
    <t>344595.0</t>
  </si>
  <si>
    <t>15035372.0</t>
  </si>
  <si>
    <t>118.664</t>
  </si>
  <si>
    <t>349553.0</t>
  </si>
  <si>
    <t>675851.5</t>
  </si>
  <si>
    <t>5300.6247954968</t>
  </si>
  <si>
    <t>15044999.0</t>
  </si>
  <si>
    <t>118.74</t>
  </si>
  <si>
    <t>359771.0</t>
  </si>
  <si>
    <t>15053692.0</t>
  </si>
  <si>
    <t>118.809</t>
  </si>
  <si>
    <t>175334.0</t>
  </si>
  <si>
    <t>15061720.0</t>
  </si>
  <si>
    <t>118.872</t>
  </si>
  <si>
    <t>15069326.0</t>
  </si>
  <si>
    <t>118.932</t>
  </si>
  <si>
    <t>15076189.0</t>
  </si>
  <si>
    <t>118.986</t>
  </si>
  <si>
    <t>15079665.0</t>
  </si>
  <si>
    <t>119.014</t>
  </si>
  <si>
    <t>15082490.0</t>
  </si>
  <si>
    <t>119.036</t>
  </si>
  <si>
    <t>674347.3</t>
  </si>
  <si>
    <t>-9.93</t>
  </si>
  <si>
    <t>5288.82752965159</t>
  </si>
  <si>
    <t>15089750.0</t>
  </si>
  <si>
    <t>119.093</t>
  </si>
  <si>
    <t>15096511.0</t>
  </si>
  <si>
    <t>119.147</t>
  </si>
  <si>
    <t>15102357.0</t>
  </si>
  <si>
    <t>119.193</t>
  </si>
  <si>
    <t>194537872.0</t>
  </si>
  <si>
    <t>85689086.0</t>
  </si>
  <si>
    <t>79919412.0</t>
  </si>
  <si>
    <t>15104776.0</t>
  </si>
  <si>
    <t>185683.0</t>
  </si>
  <si>
    <t>15106684.0</t>
  </si>
  <si>
    <t>119.227</t>
  </si>
  <si>
    <t>196033.0</t>
  </si>
  <si>
    <t>15108907.0</t>
  </si>
  <si>
    <t>119.245</t>
  </si>
  <si>
    <t>206382.0</t>
  </si>
  <si>
    <t>15110895.0</t>
  </si>
  <si>
    <t>119.26</t>
  </si>
  <si>
    <t>195528994.0</t>
  </si>
  <si>
    <t>85708849.0</t>
  </si>
  <si>
    <t>79945002.0</t>
  </si>
  <si>
    <t>216732.0</t>
  </si>
  <si>
    <t>673284.7</t>
  </si>
  <si>
    <t>5280.49368130222</t>
  </si>
  <si>
    <t>15118588.0</t>
  </si>
  <si>
    <t>119.321</t>
  </si>
  <si>
    <t>235007.0</t>
  </si>
  <si>
    <t>15125073.0</t>
  </si>
  <si>
    <t>253283.0</t>
  </si>
  <si>
    <t>15131345.0</t>
  </si>
  <si>
    <t>119.422</t>
  </si>
  <si>
    <t>196438782.0</t>
  </si>
  <si>
    <t>85722750.0</t>
  </si>
  <si>
    <t>43248573.0</t>
  </si>
  <si>
    <t>271559.0</t>
  </si>
  <si>
    <t>154.06</t>
  </si>
  <si>
    <t>15137257.0</t>
  </si>
  <si>
    <t>119.468</t>
  </si>
  <si>
    <t>196998244.0</t>
  </si>
  <si>
    <t>85745934.0</t>
  </si>
  <si>
    <t>43758721.0</t>
  </si>
  <si>
    <t>559462.0</t>
  </si>
  <si>
    <t>316084.0</t>
  </si>
  <si>
    <t>15142830.0</t>
  </si>
  <si>
    <t>197496797.0</t>
  </si>
  <si>
    <t>85767339.0</t>
  </si>
  <si>
    <t>44213119.0</t>
  </si>
  <si>
    <t>498553.0</t>
  </si>
  <si>
    <t>351909.0</t>
  </si>
  <si>
    <t>15145873.0</t>
  </si>
  <si>
    <t>119.536</t>
  </si>
  <si>
    <t>377688.0</t>
  </si>
  <si>
    <t>15148844.0</t>
  </si>
  <si>
    <t>198353262.0</t>
  </si>
  <si>
    <t>85793297.0</t>
  </si>
  <si>
    <t>44986463.0</t>
  </si>
  <si>
    <t>403467.0</t>
  </si>
  <si>
    <t>672201.1</t>
  </si>
  <si>
    <t>5271.99513239259</t>
  </si>
  <si>
    <t>15156229.0</t>
  </si>
  <si>
    <t>119.618</t>
  </si>
  <si>
    <t>198511220.0</t>
  </si>
  <si>
    <t>85797486.0</t>
  </si>
  <si>
    <t>45134105.0</t>
  </si>
  <si>
    <t>157958.0</t>
  </si>
  <si>
    <t>382709.0</t>
  </si>
  <si>
    <t>15162112.0</t>
  </si>
  <si>
    <t>119.665</t>
  </si>
  <si>
    <t>382891.0</t>
  </si>
  <si>
    <t>15167840.0</t>
  </si>
  <si>
    <t>15173291.0</t>
  </si>
  <si>
    <t>119.753</t>
  </si>
  <si>
    <t>346654.0</t>
  </si>
  <si>
    <t>15178271.0</t>
  </si>
  <si>
    <t>119.792</t>
  </si>
  <si>
    <t>318937.0</t>
  </si>
  <si>
    <t>15180698.0</t>
  </si>
  <si>
    <t>119.811</t>
  </si>
  <si>
    <t>301266.0</t>
  </si>
  <si>
    <t>15182788.0</t>
  </si>
  <si>
    <t>119.828</t>
  </si>
  <si>
    <t>283595.0</t>
  </si>
  <si>
    <t>670250.1</t>
  </si>
  <si>
    <t>-13.17</t>
  </si>
  <si>
    <t>5256.69366605566</t>
  </si>
  <si>
    <t>15189614.0</t>
  </si>
  <si>
    <t>119.882</t>
  </si>
  <si>
    <t>304535.0</t>
  </si>
  <si>
    <t>15195612.0</t>
  </si>
  <si>
    <t>119.929</t>
  </si>
  <si>
    <t>15201455.0</t>
  </si>
  <si>
    <t>119.975</t>
  </si>
  <si>
    <t>15206096.0</t>
  </si>
  <si>
    <t>15211601.0</t>
  </si>
  <si>
    <t>120.055</t>
  </si>
  <si>
    <t>201861103.0</t>
  </si>
  <si>
    <t>85904997.0</t>
  </si>
  <si>
    <t>79947470.0</t>
  </si>
  <si>
    <t>48258084.0</t>
  </si>
  <si>
    <t>15214007.0</t>
  </si>
  <si>
    <t>120.074</t>
  </si>
  <si>
    <t>337936.0</t>
  </si>
  <si>
    <t>15216196.0</t>
  </si>
  <si>
    <t>120.091</t>
  </si>
  <si>
    <t>371337.0</t>
  </si>
  <si>
    <t>669429.5</t>
  </si>
  <si>
    <t>5250.25779559123</t>
  </si>
  <si>
    <t>15222642.0</t>
  </si>
  <si>
    <t>404738.0</t>
  </si>
  <si>
    <t>15226375.0</t>
  </si>
  <si>
    <t>120.172</t>
  </si>
  <si>
    <t>438139.0</t>
  </si>
  <si>
    <t>15232906.0</t>
  </si>
  <si>
    <t>15239106.0</t>
  </si>
  <si>
    <t>120.272</t>
  </si>
  <si>
    <t>504941.0</t>
  </si>
  <si>
    <t>15244852.0</t>
  </si>
  <si>
    <t>120.318</t>
  </si>
  <si>
    <t>205629496.0</t>
  </si>
  <si>
    <t>85923271.0</t>
  </si>
  <si>
    <t>52940036.0</t>
  </si>
  <si>
    <t>538342.0</t>
  </si>
  <si>
    <t>15247569.0</t>
  </si>
  <si>
    <t>120.339</t>
  </si>
  <si>
    <t>523919.0</t>
  </si>
  <si>
    <t>15250173.0</t>
  </si>
  <si>
    <t>509497.0</t>
  </si>
  <si>
    <t>90981.0</t>
  </si>
  <si>
    <t>668794.7</t>
  </si>
  <si>
    <t>5245.27913294096</t>
  </si>
  <si>
    <t>15257479.0</t>
  </si>
  <si>
    <t>120.417</t>
  </si>
  <si>
    <t>206941649.0</t>
  </si>
  <si>
    <t>86858994.0</t>
  </si>
  <si>
    <t>53001421.0</t>
  </si>
  <si>
    <t>495074.0</t>
  </si>
  <si>
    <t>135166.0</t>
  </si>
  <si>
    <t>15264796.0</t>
  </si>
  <si>
    <t>120.475</t>
  </si>
  <si>
    <t>418168.0</t>
  </si>
  <si>
    <t>134794.0</t>
  </si>
  <si>
    <t>15272088.0</t>
  </si>
  <si>
    <t>341262.0</t>
  </si>
  <si>
    <t>134421.0</t>
  </si>
  <si>
    <t>15279272.0</t>
  </si>
  <si>
    <t>120.589</t>
  </si>
  <si>
    <t>134048.0</t>
  </si>
  <si>
    <t>15286022.0</t>
  </si>
  <si>
    <t>187450.0</t>
  </si>
  <si>
    <t>133675.0</t>
  </si>
  <si>
    <t>15288975.0</t>
  </si>
  <si>
    <t>120.666</t>
  </si>
  <si>
    <t>142202.0</t>
  </si>
  <si>
    <t>101246.0</t>
  </si>
  <si>
    <t>15291791.0</t>
  </si>
  <si>
    <t>120.688</t>
  </si>
  <si>
    <t>96954.0</t>
  </si>
  <si>
    <t>68817.0</t>
  </si>
  <si>
    <t>668018.5</t>
  </si>
  <si>
    <t>-5.26</t>
  </si>
  <si>
    <t>5239.19148651824</t>
  </si>
  <si>
    <t>15300859.0</t>
  </si>
  <si>
    <t>15309363.0</t>
  </si>
  <si>
    <t>120.827</t>
  </si>
  <si>
    <t>68941.0</t>
  </si>
  <si>
    <t>15317878.0</t>
  </si>
  <si>
    <t>120.894</t>
  </si>
  <si>
    <t>86176.0</t>
  </si>
  <si>
    <t>60646.0</t>
  </si>
  <si>
    <t>15326088.0</t>
  </si>
  <si>
    <t>120.959</t>
  </si>
  <si>
    <t>103411.0</t>
  </si>
  <si>
    <t>72775.0</t>
  </si>
  <si>
    <t>15333967.0</t>
  </si>
  <si>
    <t>121.021</t>
  </si>
  <si>
    <t>120646.0</t>
  </si>
  <si>
    <t>15337756.0</t>
  </si>
  <si>
    <t>121.051</t>
  </si>
  <si>
    <t>15341289.0</t>
  </si>
  <si>
    <t>121.079</t>
  </si>
  <si>
    <t>666390.9</t>
  </si>
  <si>
    <t>-10.88</t>
  </si>
  <si>
    <t>5226.42640880938</t>
  </si>
  <si>
    <t>15352418.0</t>
  </si>
  <si>
    <t>121.166</t>
  </si>
  <si>
    <t>15363010.0</t>
  </si>
  <si>
    <t>15373917.0</t>
  </si>
  <si>
    <t>121.336</t>
  </si>
  <si>
    <t>15384077.0</t>
  </si>
  <si>
    <t>121.416</t>
  </si>
  <si>
    <t>15394343.0</t>
  </si>
  <si>
    <t>121.497</t>
  </si>
  <si>
    <t>208630697.0</t>
  </si>
  <si>
    <t>88047653.0</t>
  </si>
  <si>
    <t>53063583.0</t>
  </si>
  <si>
    <t>15399267.0</t>
  </si>
  <si>
    <t>121.536</t>
  </si>
  <si>
    <t>106156.0</t>
  </si>
  <si>
    <t>76027.0</t>
  </si>
  <si>
    <t>15403420.0</t>
  </si>
  <si>
    <t>121.569</t>
  </si>
  <si>
    <t>67150.0</t>
  </si>
  <si>
    <t>665072.3</t>
  </si>
  <si>
    <t>-9.06</t>
  </si>
  <si>
    <t>5216.08478220155</t>
  </si>
  <si>
    <t>15418252.0</t>
  </si>
  <si>
    <t>121.686</t>
  </si>
  <si>
    <t>77176.0</t>
  </si>
  <si>
    <t>58273.0</t>
  </si>
  <si>
    <t>15432613.0</t>
  </si>
  <si>
    <t>121.799</t>
  </si>
  <si>
    <t>9943.0</t>
  </si>
  <si>
    <t>62686.0</t>
  </si>
  <si>
    <t>49396.0</t>
  </si>
  <si>
    <t>15447772.0</t>
  </si>
  <si>
    <t>121.919</t>
  </si>
  <si>
    <t>40519.0</t>
  </si>
  <si>
    <t>15462143.0</t>
  </si>
  <si>
    <t>122.032</t>
  </si>
  <si>
    <t>33706.0</t>
  </si>
  <si>
    <t>31642.0</t>
  </si>
  <si>
    <t>15476187.0</t>
  </si>
  <si>
    <t>208765211.0</t>
  </si>
  <si>
    <t>88207004.0</t>
  </si>
  <si>
    <t>53077125.0</t>
  </si>
  <si>
    <t>15482472.0</t>
  </si>
  <si>
    <t>21879.0</t>
  </si>
  <si>
    <t>15487252.0</t>
  </si>
  <si>
    <t>122.231</t>
  </si>
  <si>
    <t>664403.3</t>
  </si>
  <si>
    <t>5210.83789292456</t>
  </si>
  <si>
    <t>15505785.0</t>
  </si>
  <si>
    <t>27205.0</t>
  </si>
  <si>
    <t>15523286.0</t>
  </si>
  <si>
    <t>122.515</t>
  </si>
  <si>
    <t>29868.0</t>
  </si>
  <si>
    <t>15540438.0</t>
  </si>
  <si>
    <t>15556322.0</t>
  </si>
  <si>
    <t>35194.0</t>
  </si>
  <si>
    <t>15568002.0</t>
  </si>
  <si>
    <t>122.868</t>
  </si>
  <si>
    <t>209030212.0</t>
  </si>
  <si>
    <t>88302201.0</t>
  </si>
  <si>
    <t>53110007.0</t>
  </si>
  <si>
    <t>37857.0</t>
  </si>
  <si>
    <t>163.94</t>
  </si>
  <si>
    <t>15569464.0</t>
  </si>
  <si>
    <t>663652.5</t>
  </si>
  <si>
    <t>5204.94945575092</t>
  </si>
  <si>
    <t>209179257.0</t>
  </si>
  <si>
    <t>88336802.0</t>
  </si>
  <si>
    <t>53157386.0</t>
  </si>
  <si>
    <t>44009.0</t>
  </si>
  <si>
    <t>662603.9</t>
  </si>
  <si>
    <t>5196.72540777506</t>
  </si>
  <si>
    <t>63542.0</t>
  </si>
  <si>
    <t>102607.0</t>
  </si>
  <si>
    <t>122140.0</t>
  </si>
  <si>
    <t>35311.0</t>
  </si>
  <si>
    <t>141673.0</t>
  </si>
  <si>
    <t>662427.1</t>
  </si>
  <si>
    <t>5195.33878591531</t>
  </si>
  <si>
    <t>209673612.0</t>
  </si>
  <si>
    <t>90320224.0</t>
  </si>
  <si>
    <t>56611084.0</t>
  </si>
  <si>
    <t>141981.0</t>
  </si>
  <si>
    <t>25222.0</t>
  </si>
  <si>
    <t>142289.0</t>
  </si>
  <si>
    <t>662195.5</t>
  </si>
  <si>
    <t>5193.52237402211</t>
  </si>
  <si>
    <t>142597.0</t>
  </si>
  <si>
    <t>142905.0</t>
  </si>
  <si>
    <t>143212.0</t>
  </si>
  <si>
    <t>143520.0</t>
  </si>
  <si>
    <t>143828.0</t>
  </si>
  <si>
    <t>662957.7</t>
  </si>
  <si>
    <t>5199.50022007132</t>
  </si>
  <si>
    <t>92333818.0</t>
  </si>
  <si>
    <t>56677145.0</t>
  </si>
  <si>
    <t>140748.0</t>
  </si>
  <si>
    <t>137667.0</t>
  </si>
  <si>
    <t>663875.9</t>
  </si>
  <si>
    <t>5206.70155599678</t>
  </si>
  <si>
    <t>131506.0</t>
  </si>
  <si>
    <t>128425.0</t>
  </si>
  <si>
    <t>125345.0</t>
  </si>
  <si>
    <t>122264.0</t>
  </si>
  <si>
    <t>664321.9</t>
  </si>
  <si>
    <t>5210.19948218144</t>
  </si>
  <si>
    <t>94045513.0</t>
  </si>
  <si>
    <t>56771604.0</t>
  </si>
  <si>
    <t>118890.0</t>
  </si>
  <si>
    <t>115515.0</t>
  </si>
  <si>
    <t>665029.5</t>
  </si>
  <si>
    <t>5215.74910677396</t>
  </si>
  <si>
    <t>112141.0</t>
  </si>
  <si>
    <t>94736020.0</t>
  </si>
  <si>
    <t>56800006.0</t>
  </si>
  <si>
    <t>98644.0</t>
  </si>
  <si>
    <t>92563.0</t>
  </si>
  <si>
    <t>86482.0</t>
  </si>
  <si>
    <t>665156.3</t>
  </si>
  <si>
    <t>5216.74358444261</t>
  </si>
  <si>
    <t>80401.0</t>
  </si>
  <si>
    <t>74320.0</t>
  </si>
  <si>
    <t>62157.0</t>
  </si>
  <si>
    <t>95128554.0</t>
  </si>
  <si>
    <t>56898775.0</t>
  </si>
  <si>
    <t>76594.0</t>
  </si>
  <si>
    <t>664704.7</t>
  </si>
  <si>
    <t>5213.20173810854</t>
  </si>
  <si>
    <t>86852.0</t>
  </si>
  <si>
    <t>97111.0</t>
  </si>
  <si>
    <t>107369.0</t>
  </si>
  <si>
    <t>117628.0</t>
  </si>
  <si>
    <t>96023760.0</t>
  </si>
  <si>
    <t>56938756.0</t>
  </si>
  <si>
    <t>127887.0</t>
  </si>
  <si>
    <t>116729.0</t>
  </si>
  <si>
    <t>663970.5</t>
  </si>
  <si>
    <t>5207.44349280635</t>
  </si>
  <si>
    <t>96372242.0</t>
  </si>
  <si>
    <t>56968034.0</t>
  </si>
  <si>
    <t>49783.0</t>
  </si>
  <si>
    <t>49264.0</t>
  </si>
  <si>
    <t>663008.3</t>
  </si>
  <si>
    <t>-6.75</t>
  </si>
  <si>
    <t>5199.89706999272</t>
  </si>
  <si>
    <t>48225.0</t>
  </si>
  <si>
    <t>46666.0</t>
  </si>
  <si>
    <t>46146.0</t>
  </si>
  <si>
    <t>661834.1</t>
  </si>
  <si>
    <t>-8.17</t>
  </si>
  <si>
    <t>5190.6879558088</t>
  </si>
  <si>
    <t>97018292.0</t>
  </si>
  <si>
    <t>57014052.0</t>
  </si>
  <si>
    <t>91737.0</t>
  </si>
  <si>
    <t>40651.0</t>
  </si>
  <si>
    <t>183475.0</t>
  </si>
  <si>
    <t>35155.0</t>
  </si>
  <si>
    <t>660622.3</t>
  </si>
  <si>
    <t>5181.18394919317</t>
  </si>
  <si>
    <t>275212.0</t>
  </si>
  <si>
    <t>29659.0</t>
  </si>
  <si>
    <t>366949.0</t>
  </si>
  <si>
    <t>24163.0</t>
  </si>
  <si>
    <t>458686.0</t>
  </si>
  <si>
    <t>550424.0</t>
  </si>
  <si>
    <t>13172.0</t>
  </si>
  <si>
    <t>642161.0</t>
  </si>
  <si>
    <t>659279.5</t>
  </si>
  <si>
    <t>-9.12</t>
  </si>
  <si>
    <t>5170.65252479685</t>
  </si>
  <si>
    <t>657972.5</t>
  </si>
  <si>
    <t>5160.40187564135</t>
  </si>
  <si>
    <t>223158993.0</t>
  </si>
  <si>
    <t>97179493.0</t>
  </si>
  <si>
    <t>81849962.0</t>
  </si>
  <si>
    <t>555281.0</t>
  </si>
  <si>
    <t>468401.0</t>
  </si>
  <si>
    <t>656517.1</t>
  </si>
  <si>
    <t>-9.86</t>
  </si>
  <si>
    <t>5148.98734252666</t>
  </si>
  <si>
    <t>381521.0</t>
  </si>
  <si>
    <t>23161.0</t>
  </si>
  <si>
    <t>294641.0</t>
  </si>
  <si>
    <t>207761.0</t>
  </si>
  <si>
    <t>120881.0</t>
  </si>
  <si>
    <t>654920.7</t>
  </si>
  <si>
    <t>-10.82</t>
  </si>
  <si>
    <t>5136.46696279305</t>
  </si>
  <si>
    <t>99019438.0</t>
  </si>
  <si>
    <t>57026630.0</t>
  </si>
  <si>
    <t>26612.0</t>
  </si>
  <si>
    <t>225063079.0</t>
  </si>
  <si>
    <t>99071001.0</t>
  </si>
  <si>
    <t>82652919.0</t>
  </si>
  <si>
    <t>FSM</t>
  </si>
  <si>
    <t>Micronesia (country)</t>
  </si>
  <si>
    <t>MDA</t>
  </si>
  <si>
    <t>Moldova</t>
  </si>
  <si>
    <t>-841.1</t>
  </si>
  <si>
    <t>-15.36</t>
  </si>
  <si>
    <t>-256.981912274178</t>
  </si>
  <si>
    <t>-1475.6</t>
  </si>
  <si>
    <t>-11.32</t>
  </si>
  <si>
    <t>-21.81</t>
  </si>
  <si>
    <t>-450.841171979286</t>
  </si>
  <si>
    <t>-614.1</t>
  </si>
  <si>
    <t>-187.626432442721</t>
  </si>
  <si>
    <t>-44.8</t>
  </si>
  <si>
    <t>-13.6877775173977</t>
  </si>
  <si>
    <t>740.1</t>
  </si>
  <si>
    <t>226.123306710402</t>
  </si>
  <si>
    <t>296.975887207825</t>
  </si>
  <si>
    <t>1805.7</t>
  </si>
  <si>
    <t>551.696871945647</t>
  </si>
  <si>
    <t>2673.4</t>
  </si>
  <si>
    <t>816.805902120781</t>
  </si>
  <si>
    <t>0.2929</t>
  </si>
  <si>
    <t>0.2968</t>
  </si>
  <si>
    <t>0.3349</t>
  </si>
  <si>
    <t>0.3712</t>
  </si>
  <si>
    <t>0.3983</t>
  </si>
  <si>
    <t>0.4042</t>
  </si>
  <si>
    <t>0.4075</t>
  </si>
  <si>
    <t>0.4062</t>
  </si>
  <si>
    <t>0.4144</t>
  </si>
  <si>
    <t>0.4121</t>
  </si>
  <si>
    <t>3340.9</t>
  </si>
  <si>
    <t>1020.74767651504</t>
  </si>
  <si>
    <t>0.4127</t>
  </si>
  <si>
    <t>0.4197</t>
  </si>
  <si>
    <t>0.4319</t>
  </si>
  <si>
    <t>0.4406</t>
  </si>
  <si>
    <t>0.4378</t>
  </si>
  <si>
    <t>0.4289</t>
  </si>
  <si>
    <t>0.3657</t>
  </si>
  <si>
    <t>0.3535</t>
  </si>
  <si>
    <t>0.3268</t>
  </si>
  <si>
    <t>5141.6</t>
  </si>
  <si>
    <t>1570.91689471991</t>
  </si>
  <si>
    <t>0.2745</t>
  </si>
  <si>
    <t>0.2519</t>
  </si>
  <si>
    <t>5538.5</t>
  </si>
  <si>
    <t>1692.1820486631</t>
  </si>
  <si>
    <t>0.2527</t>
  </si>
  <si>
    <t>0.2622</t>
  </si>
  <si>
    <t>0.2912</t>
  </si>
  <si>
    <t>0.3107</t>
  </si>
  <si>
    <t>0.3253</t>
  </si>
  <si>
    <t>6160.6</t>
  </si>
  <si>
    <t>1882.25272709108</t>
  </si>
  <si>
    <t>0.3409</t>
  </si>
  <si>
    <t>0.3405</t>
  </si>
  <si>
    <t>0.3522</t>
  </si>
  <si>
    <t>0.3508</t>
  </si>
  <si>
    <t>0.3568</t>
  </si>
  <si>
    <t>23454.0</t>
  </si>
  <si>
    <t>0.3284</t>
  </si>
  <si>
    <t>33885.0</t>
  </si>
  <si>
    <t>0.3119</t>
  </si>
  <si>
    <t>7931.7</t>
  </si>
  <si>
    <t>2423.37823515052</t>
  </si>
  <si>
    <t>0.2408</t>
  </si>
  <si>
    <t>47524.0</t>
  </si>
  <si>
    <t>51574.0</t>
  </si>
  <si>
    <t>54907.0</t>
  </si>
  <si>
    <t>64179.0</t>
  </si>
  <si>
    <t>78665.0</t>
  </si>
  <si>
    <t>86016.0</t>
  </si>
  <si>
    <t>78019.0</t>
  </si>
  <si>
    <t>82267.0</t>
  </si>
  <si>
    <t>93466.0</t>
  </si>
  <si>
    <t>99639.0</t>
  </si>
  <si>
    <t>88824.0</t>
  </si>
  <si>
    <t>109899.0</t>
  </si>
  <si>
    <t>120254.0</t>
  </si>
  <si>
    <t>108760.0</t>
  </si>
  <si>
    <t>124695.0</t>
  </si>
  <si>
    <t>132600.0</t>
  </si>
  <si>
    <t>139505.0</t>
  </si>
  <si>
    <t>124505.0</t>
  </si>
  <si>
    <t>145117.0</t>
  </si>
  <si>
    <t>128587.0</t>
  </si>
  <si>
    <t>16530.0</t>
  </si>
  <si>
    <t>147315.0</t>
  </si>
  <si>
    <t>130218.0</t>
  </si>
  <si>
    <t>17097.0</t>
  </si>
  <si>
    <t>9429.6</t>
  </si>
  <si>
    <t>2881.03274281369</t>
  </si>
  <si>
    <t>132065.0</t>
  </si>
  <si>
    <t>160476.0</t>
  </si>
  <si>
    <t>140174.0</t>
  </si>
  <si>
    <t>171820.0</t>
  </si>
  <si>
    <t>150173.0</t>
  </si>
  <si>
    <t>182717.0</t>
  </si>
  <si>
    <t>159420.0</t>
  </si>
  <si>
    <t>184660.0</t>
  </si>
  <si>
    <t>161266.0</t>
  </si>
  <si>
    <t>185292.0</t>
  </si>
  <si>
    <t>161849.0</t>
  </si>
  <si>
    <t>192845.0</t>
  </si>
  <si>
    <t>167476.0</t>
  </si>
  <si>
    <t>202883.0</t>
  </si>
  <si>
    <t>175754.0</t>
  </si>
  <si>
    <t>27129.0</t>
  </si>
  <si>
    <t>216740.0</t>
  </si>
  <si>
    <t>187446.0</t>
  </si>
  <si>
    <t>228971.0</t>
  </si>
  <si>
    <t>197548.0</t>
  </si>
  <si>
    <t>233603.0</t>
  </si>
  <si>
    <t>201838.0</t>
  </si>
  <si>
    <t>242946.0</t>
  </si>
  <si>
    <t>209881.0</t>
  </si>
  <si>
    <t>253310.0</t>
  </si>
  <si>
    <t>219004.0</t>
  </si>
  <si>
    <t>228911.0</t>
  </si>
  <si>
    <t>275627.0</t>
  </si>
  <si>
    <t>239094.0</t>
  </si>
  <si>
    <t>288097.0</t>
  </si>
  <si>
    <t>250034.0</t>
  </si>
  <si>
    <t>38063.0</t>
  </si>
  <si>
    <t>294794.0</t>
  </si>
  <si>
    <t>256175.0</t>
  </si>
  <si>
    <t>298553.0</t>
  </si>
  <si>
    <t>259809.0</t>
  </si>
  <si>
    <t>306610.0</t>
  </si>
  <si>
    <t>266238.0</t>
  </si>
  <si>
    <t>351843.0</t>
  </si>
  <si>
    <t>301175.0</t>
  </si>
  <si>
    <t>376969.0</t>
  </si>
  <si>
    <t>316382.0</t>
  </si>
  <si>
    <t>398609.0</t>
  </si>
  <si>
    <t>328268.0</t>
  </si>
  <si>
    <t>70341.0</t>
  </si>
  <si>
    <t>333875.0</t>
  </si>
  <si>
    <t>72883.0</t>
  </si>
  <si>
    <t>416814.0</t>
  </si>
  <si>
    <t>340151.0</t>
  </si>
  <si>
    <t>9858.5</t>
  </si>
  <si>
    <t>3012.07488069788</t>
  </si>
  <si>
    <t>426086.0</t>
  </si>
  <si>
    <t>344826.0</t>
  </si>
  <si>
    <t>81260.0</t>
  </si>
  <si>
    <t>439049.0</t>
  </si>
  <si>
    <t>349748.0</t>
  </si>
  <si>
    <t>89301.0</t>
  </si>
  <si>
    <t>465028.0</t>
  </si>
  <si>
    <t>360070.0</t>
  </si>
  <si>
    <t>104958.0</t>
  </si>
  <si>
    <t>469665.0</t>
  </si>
  <si>
    <t>362421.0</t>
  </si>
  <si>
    <t>107244.0</t>
  </si>
  <si>
    <t>470718.0</t>
  </si>
  <si>
    <t>363188.0</t>
  </si>
  <si>
    <t>107530.0</t>
  </si>
  <si>
    <t>480131.0</t>
  </si>
  <si>
    <t>366599.0</t>
  </si>
  <si>
    <t>501896.0</t>
  </si>
  <si>
    <t>374041.0</t>
  </si>
  <si>
    <t>127855.0</t>
  </si>
  <si>
    <t>512205.0</t>
  </si>
  <si>
    <t>377714.0</t>
  </si>
  <si>
    <t>134491.0</t>
  </si>
  <si>
    <t>522848.0</t>
  </si>
  <si>
    <t>381141.0</t>
  </si>
  <si>
    <t>141707.0</t>
  </si>
  <si>
    <t>528421.0</t>
  </si>
  <si>
    <t>382803.0</t>
  </si>
  <si>
    <t>145618.0</t>
  </si>
  <si>
    <t>530364.0</t>
  </si>
  <si>
    <t>383429.0</t>
  </si>
  <si>
    <t>146935.0</t>
  </si>
  <si>
    <t>538879.0</t>
  </si>
  <si>
    <t>385969.0</t>
  </si>
  <si>
    <t>556597.0</t>
  </si>
  <si>
    <t>388808.0</t>
  </si>
  <si>
    <t>577763.0</t>
  </si>
  <si>
    <t>391279.0</t>
  </si>
  <si>
    <t>186484.0</t>
  </si>
  <si>
    <t>597494.0</t>
  </si>
  <si>
    <t>394554.0</t>
  </si>
  <si>
    <t>202940.0</t>
  </si>
  <si>
    <t>397151.0</t>
  </si>
  <si>
    <t>216436.0</t>
  </si>
  <si>
    <t>618217.0</t>
  </si>
  <si>
    <t>398376.0</t>
  </si>
  <si>
    <t>219841.0</t>
  </si>
  <si>
    <t>631346.0</t>
  </si>
  <si>
    <t>401379.0</t>
  </si>
  <si>
    <t>229967.0</t>
  </si>
  <si>
    <t>642482.0</t>
  </si>
  <si>
    <t>404766.0</t>
  </si>
  <si>
    <t>655537.0</t>
  </si>
  <si>
    <t>410648.0</t>
  </si>
  <si>
    <t>244889.0</t>
  </si>
  <si>
    <t>667835.0</t>
  </si>
  <si>
    <t>250270.0</t>
  </si>
  <si>
    <t>680298.0</t>
  </si>
  <si>
    <t>424419.0</t>
  </si>
  <si>
    <t>255879.0</t>
  </si>
  <si>
    <t>688125.0</t>
  </si>
  <si>
    <t>430483.0</t>
  </si>
  <si>
    <t>257642.0</t>
  </si>
  <si>
    <t>696911.0</t>
  </si>
  <si>
    <t>435687.0</t>
  </si>
  <si>
    <t>261224.0</t>
  </si>
  <si>
    <t>706942.0</t>
  </si>
  <si>
    <t>441619.0</t>
  </si>
  <si>
    <t>265323.0</t>
  </si>
  <si>
    <t>726970.0</t>
  </si>
  <si>
    <t>453142.0</t>
  </si>
  <si>
    <t>273828.0</t>
  </si>
  <si>
    <t>10175.2</t>
  </si>
  <si>
    <t>3108.83646863895</t>
  </si>
  <si>
    <t>735965.0</t>
  </si>
  <si>
    <t>458077.0</t>
  </si>
  <si>
    <t>277888.0</t>
  </si>
  <si>
    <t>739402.0</t>
  </si>
  <si>
    <t>460117.0</t>
  </si>
  <si>
    <t>279285.0</t>
  </si>
  <si>
    <t>740317.0</t>
  </si>
  <si>
    <t>460800.0</t>
  </si>
  <si>
    <t>279517.0</t>
  </si>
  <si>
    <t>746463.0</t>
  </si>
  <si>
    <t>464080.0</t>
  </si>
  <si>
    <t>282383.0</t>
  </si>
  <si>
    <t>755391.0</t>
  </si>
  <si>
    <t>468103.0</t>
  </si>
  <si>
    <t>287288.0</t>
  </si>
  <si>
    <t>763927.0</t>
  </si>
  <si>
    <t>471666.0</t>
  </si>
  <si>
    <t>292261.0</t>
  </si>
  <si>
    <t>774187.0</t>
  </si>
  <si>
    <t>475466.0</t>
  </si>
  <si>
    <t>298721.0</t>
  </si>
  <si>
    <t>784671.0</t>
  </si>
  <si>
    <t>479124.0</t>
  </si>
  <si>
    <t>305547.0</t>
  </si>
  <si>
    <t>786774.0</t>
  </si>
  <si>
    <t>480224.0</t>
  </si>
  <si>
    <t>793281.0</t>
  </si>
  <si>
    <t>484842.0</t>
  </si>
  <si>
    <t>308439.0</t>
  </si>
  <si>
    <t>803049.0</t>
  </si>
  <si>
    <t>489576.0</t>
  </si>
  <si>
    <t>313473.0</t>
  </si>
  <si>
    <t>813722.0</t>
  </si>
  <si>
    <t>493393.0</t>
  </si>
  <si>
    <t>320329.0</t>
  </si>
  <si>
    <t>495794.0</t>
  </si>
  <si>
    <t>328995.0</t>
  </si>
  <si>
    <t>848306.0</t>
  </si>
  <si>
    <t>500900.0</t>
  </si>
  <si>
    <t>347406.0</t>
  </si>
  <si>
    <t>23517.0</t>
  </si>
  <si>
    <t>861995.0</t>
  </si>
  <si>
    <t>503171.0</t>
  </si>
  <si>
    <t>358824.0</t>
  </si>
  <si>
    <t>892293.0</t>
  </si>
  <si>
    <t>503426.0</t>
  </si>
  <si>
    <t>388867.0</t>
  </si>
  <si>
    <t>910782.0</t>
  </si>
  <si>
    <t>505356.0</t>
  </si>
  <si>
    <t>405426.0</t>
  </si>
  <si>
    <t>941278.0</t>
  </si>
  <si>
    <t>508482.0</t>
  </si>
  <si>
    <t>432796.0</t>
  </si>
  <si>
    <t>30496.0</t>
  </si>
  <si>
    <t>951807.0</t>
  </si>
  <si>
    <t>514771.0</t>
  </si>
  <si>
    <t>437036.0</t>
  </si>
  <si>
    <t>955799.0</t>
  </si>
  <si>
    <t>517392.0</t>
  </si>
  <si>
    <t>438407.0</t>
  </si>
  <si>
    <t>973797.0</t>
  </si>
  <si>
    <t>524906.0</t>
  </si>
  <si>
    <t>992873.0</t>
  </si>
  <si>
    <t>532962.0</t>
  </si>
  <si>
    <t>459911.0</t>
  </si>
  <si>
    <t>19076.0</t>
  </si>
  <si>
    <t>1008855.0</t>
  </si>
  <si>
    <t>538869.0</t>
  </si>
  <si>
    <t>469986.0</t>
  </si>
  <si>
    <t>1022126.0</t>
  </si>
  <si>
    <t>1034428.0</t>
  </si>
  <si>
    <t>546407.0</t>
  </si>
  <si>
    <t>488021.0</t>
  </si>
  <si>
    <t>1042636.0</t>
  </si>
  <si>
    <t>548890.0</t>
  </si>
  <si>
    <t>493746.0</t>
  </si>
  <si>
    <t>10613.5</t>
  </si>
  <si>
    <t>3242.75059555581</t>
  </si>
  <si>
    <t>1044529.0</t>
  </si>
  <si>
    <t>549478.0</t>
  </si>
  <si>
    <t>495051.0</t>
  </si>
  <si>
    <t>1051038.0</t>
  </si>
  <si>
    <t>551424.0</t>
  </si>
  <si>
    <t>1070385.0</t>
  </si>
  <si>
    <t>557291.0</t>
  </si>
  <si>
    <t>513094.0</t>
  </si>
  <si>
    <t>1089888.0</t>
  </si>
  <si>
    <t>561055.0</t>
  </si>
  <si>
    <t>10699.8</t>
  </si>
  <si>
    <t>3269.11789912169</t>
  </si>
  <si>
    <t>1375981.0</t>
  </si>
  <si>
    <t>765025.0</t>
  </si>
  <si>
    <t>1381402.0</t>
  </si>
  <si>
    <t>769140.0</t>
  </si>
  <si>
    <t>1383749.0</t>
  </si>
  <si>
    <t>770910.0</t>
  </si>
  <si>
    <t>1388566.0</t>
  </si>
  <si>
    <t>774327.0</t>
  </si>
  <si>
    <t>1392707.0</t>
  </si>
  <si>
    <t>1401428.0</t>
  </si>
  <si>
    <t>784753.0</t>
  </si>
  <si>
    <t>11702.9</t>
  </si>
  <si>
    <t>3575.59579259717</t>
  </si>
  <si>
    <t>1406287.0</t>
  </si>
  <si>
    <t>788410.0</t>
  </si>
  <si>
    <t>1408345.0</t>
  </si>
  <si>
    <t>789987.0</t>
  </si>
  <si>
    <t>1409245.0</t>
  </si>
  <si>
    <t>824986.0</t>
  </si>
  <si>
    <t>1412166.0</t>
  </si>
  <si>
    <t>793002.0</t>
  </si>
  <si>
    <t>1421336.0</t>
  </si>
  <si>
    <t>800205.0</t>
  </si>
  <si>
    <t>1426850.0</t>
  </si>
  <si>
    <t>1431054.0</t>
  </si>
  <si>
    <t>808047.0</t>
  </si>
  <si>
    <t>1433903.0</t>
  </si>
  <si>
    <t>810274.0</t>
  </si>
  <si>
    <t>1437198.0</t>
  </si>
  <si>
    <t>812959.0</t>
  </si>
  <si>
    <t>1441867.0</t>
  </si>
  <si>
    <t>816616.0</t>
  </si>
  <si>
    <t>1446037.0</t>
  </si>
  <si>
    <t>819844.0</t>
  </si>
  <si>
    <t>1449528.0</t>
  </si>
  <si>
    <t>822610.0</t>
  </si>
  <si>
    <t>1454300.0</t>
  </si>
  <si>
    <t>826262.0</t>
  </si>
  <si>
    <t>1456392.0</t>
  </si>
  <si>
    <t>827724.0</t>
  </si>
  <si>
    <t>1457475.0</t>
  </si>
  <si>
    <t>828466.0</t>
  </si>
  <si>
    <t>1462458.0</t>
  </si>
  <si>
    <t>832171.0</t>
  </si>
  <si>
    <t>1472843.0</t>
  </si>
  <si>
    <t>839851.0</t>
  </si>
  <si>
    <t>1483643.0</t>
  </si>
  <si>
    <t>847840.0</t>
  </si>
  <si>
    <t>1485935.0</t>
  </si>
  <si>
    <t>849435.0</t>
  </si>
  <si>
    <t>1487315.0</t>
  </si>
  <si>
    <t>884590.0</t>
  </si>
  <si>
    <t>1497461.0</t>
  </si>
  <si>
    <t>857485.0</t>
  </si>
  <si>
    <t>1502791.0</t>
  </si>
  <si>
    <t>861156.0</t>
  </si>
  <si>
    <t>1508749.0</t>
  </si>
  <si>
    <t>865114.0</t>
  </si>
  <si>
    <t>871564.0</t>
  </si>
  <si>
    <t>1520548.0</t>
  </si>
  <si>
    <t>873078.0</t>
  </si>
  <si>
    <t>4145.4411909833</t>
  </si>
  <si>
    <t>1525820.0</t>
  </si>
  <si>
    <t>876595.0</t>
  </si>
  <si>
    <t>1530283.0</t>
  </si>
  <si>
    <t>879489.0</t>
  </si>
  <si>
    <t>1534556.0</t>
  </si>
  <si>
    <t>1538866.0</t>
  </si>
  <si>
    <t>884663.0</t>
  </si>
  <si>
    <t>1543273.0</t>
  </si>
  <si>
    <t>887228.0</t>
  </si>
  <si>
    <t>1545105.0</t>
  </si>
  <si>
    <t>888318.0</t>
  </si>
  <si>
    <t>1546036.0</t>
  </si>
  <si>
    <t>888853.0</t>
  </si>
  <si>
    <t>1548917.0</t>
  </si>
  <si>
    <t>890666.0</t>
  </si>
  <si>
    <t>1556953.0</t>
  </si>
  <si>
    <t>895607.0</t>
  </si>
  <si>
    <t>1566973.0</t>
  </si>
  <si>
    <t>901624.0</t>
  </si>
  <si>
    <t>1568214.0</t>
  </si>
  <si>
    <t>948882.0</t>
  </si>
  <si>
    <t>1571582.0</t>
  </si>
  <si>
    <t>904467.0</t>
  </si>
  <si>
    <t>1575729.0</t>
  </si>
  <si>
    <t>906967.0</t>
  </si>
  <si>
    <t>1579951.0</t>
  </si>
  <si>
    <t>909551.0</t>
  </si>
  <si>
    <t>1583939.0</t>
  </si>
  <si>
    <t>912013.0</t>
  </si>
  <si>
    <t>1588379.0</t>
  </si>
  <si>
    <t>914777.0</t>
  </si>
  <si>
    <t>1590186.0</t>
  </si>
  <si>
    <t>915802.0</t>
  </si>
  <si>
    <t>1590771.0</t>
  </si>
  <si>
    <t>916106.0</t>
  </si>
  <si>
    <t>1594761.0</t>
  </si>
  <si>
    <t>918857.0</t>
  </si>
  <si>
    <t>1602864.0</t>
  </si>
  <si>
    <t>924050.0</t>
  </si>
  <si>
    <t>1607196.0</t>
  </si>
  <si>
    <t>926795.0</t>
  </si>
  <si>
    <t>1614235.0</t>
  </si>
  <si>
    <t>931474.0</t>
  </si>
  <si>
    <t>1619124.0</t>
  </si>
  <si>
    <t>934281.0</t>
  </si>
  <si>
    <t>1625371.0</t>
  </si>
  <si>
    <t>937115.0</t>
  </si>
  <si>
    <t>15274.9</t>
  </si>
  <si>
    <t>4666.95162501111</t>
  </si>
  <si>
    <t>1635687.0</t>
  </si>
  <si>
    <t>941612.0</t>
  </si>
  <si>
    <t>1641121.0</t>
  </si>
  <si>
    <t>943618.0</t>
  </si>
  <si>
    <t>1644452.0</t>
  </si>
  <si>
    <t>944930.0</t>
  </si>
  <si>
    <t>989897.0</t>
  </si>
  <si>
    <t>1650052.0</t>
  </si>
  <si>
    <t>946989.0</t>
  </si>
  <si>
    <t>1656471.0</t>
  </si>
  <si>
    <t>948952.0</t>
  </si>
  <si>
    <t>1663845.0</t>
  </si>
  <si>
    <t>951124.0</t>
  </si>
  <si>
    <t>1676112.0</t>
  </si>
  <si>
    <t>1680897.0</t>
  </si>
  <si>
    <t>956010.0</t>
  </si>
  <si>
    <t>1681763.0</t>
  </si>
  <si>
    <t>956321.0</t>
  </si>
  <si>
    <t>1692270.0</t>
  </si>
  <si>
    <t>959284.0</t>
  </si>
  <si>
    <t>1698522.0</t>
  </si>
  <si>
    <t>960828.0</t>
  </si>
  <si>
    <t>1713249.0</t>
  </si>
  <si>
    <t>964400.0</t>
  </si>
  <si>
    <t>1716162.0</t>
  </si>
  <si>
    <t>965092.0</t>
  </si>
  <si>
    <t>1721289.0</t>
  </si>
  <si>
    <t>966337.0</t>
  </si>
  <si>
    <t>52.59</t>
  </si>
  <si>
    <t>1727791.0</t>
  </si>
  <si>
    <t>967938.0</t>
  </si>
  <si>
    <t>1732560.0</t>
  </si>
  <si>
    <t>969073.0</t>
  </si>
  <si>
    <t>1741344.0</t>
  </si>
  <si>
    <t>971398.0</t>
  </si>
  <si>
    <t>1750433.0</t>
  </si>
  <si>
    <t>974033.0</t>
  </si>
  <si>
    <t>1751385.0</t>
  </si>
  <si>
    <t>974377.0</t>
  </si>
  <si>
    <t>1757491.0</t>
  </si>
  <si>
    <t>976236.0</t>
  </si>
  <si>
    <t>1770434.0</t>
  </si>
  <si>
    <t>1775044.0</t>
  </si>
  <si>
    <t>981735.0</t>
  </si>
  <si>
    <t>1776513.0</t>
  </si>
  <si>
    <t>982152.0</t>
  </si>
  <si>
    <t>4797.44380754863</t>
  </si>
  <si>
    <t>1776666.0</t>
  </si>
  <si>
    <t>982174.0</t>
  </si>
  <si>
    <t>1776831.0</t>
  </si>
  <si>
    <t>982244.0</t>
  </si>
  <si>
    <t>1779632.0</t>
  </si>
  <si>
    <t>983210.0</t>
  </si>
  <si>
    <t>1784626.0</t>
  </si>
  <si>
    <t>984473.0</t>
  </si>
  <si>
    <t>1791089.0</t>
  </si>
  <si>
    <t>986001.0</t>
  </si>
  <si>
    <t>1795508.0</t>
  </si>
  <si>
    <t>987233.0</t>
  </si>
  <si>
    <t>1795925.0</t>
  </si>
  <si>
    <t>987376.0</t>
  </si>
  <si>
    <t>1797147.0</t>
  </si>
  <si>
    <t>987745.0</t>
  </si>
  <si>
    <t>1799243.0</t>
  </si>
  <si>
    <t>82869.0</t>
  </si>
  <si>
    <t>1803710.0</t>
  </si>
  <si>
    <t>989831.0</t>
  </si>
  <si>
    <t>1811729.0</t>
  </si>
  <si>
    <t>992012.0</t>
  </si>
  <si>
    <t>1828482.0</t>
  </si>
  <si>
    <t>995778.0</t>
  </si>
  <si>
    <t>1836567.0</t>
  </si>
  <si>
    <t>997456.0</t>
  </si>
  <si>
    <t>1838952.0</t>
  </si>
  <si>
    <t>997886.0</t>
  </si>
  <si>
    <t>1839531.0</t>
  </si>
  <si>
    <t>998038.0</t>
  </si>
  <si>
    <t>1846783.0</t>
  </si>
  <si>
    <t>999493.0</t>
  </si>
  <si>
    <t>1855176.0</t>
  </si>
  <si>
    <t>1001014.0</t>
  </si>
  <si>
    <t>1863038.0</t>
  </si>
  <si>
    <t>1002291.0</t>
  </si>
  <si>
    <t>1871454.0</t>
  </si>
  <si>
    <t>1003660.0</t>
  </si>
  <si>
    <t>1884181.0</t>
  </si>
  <si>
    <t>1005096.0</t>
  </si>
  <si>
    <t>1885107.0</t>
  </si>
  <si>
    <t>1005181.0</t>
  </si>
  <si>
    <t>1892090.0</t>
  </si>
  <si>
    <t>1006241.0</t>
  </si>
  <si>
    <t>1900228.0</t>
  </si>
  <si>
    <t>1007469.0</t>
  </si>
  <si>
    <t>1907733.0</t>
  </si>
  <si>
    <t>1008613.0</t>
  </si>
  <si>
    <t>1009598.0</t>
  </si>
  <si>
    <t>1923355.0</t>
  </si>
  <si>
    <t>1010356.0</t>
  </si>
  <si>
    <t>1925550.0</t>
  </si>
  <si>
    <t>1010620.0</t>
  </si>
  <si>
    <t>1926048.0</t>
  </si>
  <si>
    <t>1010673.0</t>
  </si>
  <si>
    <t>1931716.0</t>
  </si>
  <si>
    <t>1011693.0</t>
  </si>
  <si>
    <t>15906.3</t>
  </si>
  <si>
    <t>4859.86373939694</t>
  </si>
  <si>
    <t>1938137.0</t>
  </si>
  <si>
    <t>1012695.0</t>
  </si>
  <si>
    <t>1945473.0</t>
  </si>
  <si>
    <t>1013833.0</t>
  </si>
  <si>
    <t>1952818.0</t>
  </si>
  <si>
    <t>1015033.0</t>
  </si>
  <si>
    <t>1963208.0</t>
  </si>
  <si>
    <t>1016441.0</t>
  </si>
  <si>
    <t>1963941.0</t>
  </si>
  <si>
    <t>1016526.0</t>
  </si>
  <si>
    <t>1975450.0</t>
  </si>
  <si>
    <t>1018391.0</t>
  </si>
  <si>
    <t>1989248.0</t>
  </si>
  <si>
    <t>1020664.0</t>
  </si>
  <si>
    <t>1996925.0</t>
  </si>
  <si>
    <t>1999290.0</t>
  </si>
  <si>
    <t>1022409.0</t>
  </si>
  <si>
    <t>2005222.0</t>
  </si>
  <si>
    <t>1023741.0</t>
  </si>
  <si>
    <t>2018036.0</t>
  </si>
  <si>
    <t>1025126.0</t>
  </si>
  <si>
    <t>2023728.0</t>
  </si>
  <si>
    <t>1027734.0</t>
  </si>
  <si>
    <t>2031229.0</t>
  </si>
  <si>
    <t>1029345.0</t>
  </si>
  <si>
    <t>1074332.0</t>
  </si>
  <si>
    <t>2038224.0</t>
  </si>
  <si>
    <t>1031212.0</t>
  </si>
  <si>
    <t>2043679.0</t>
  </si>
  <si>
    <t>1032604.0</t>
  </si>
  <si>
    <t>2053840.0</t>
  </si>
  <si>
    <t>1035442.0</t>
  </si>
  <si>
    <t>2059492.0</t>
  </si>
  <si>
    <t>1036950.0</t>
  </si>
  <si>
    <t>2061624.0</t>
  </si>
  <si>
    <t>1037429.0</t>
  </si>
  <si>
    <t>2067005.0</t>
  </si>
  <si>
    <t>1038990.0</t>
  </si>
  <si>
    <t>16946.8</t>
  </si>
  <si>
    <t>5177.76848285346</t>
  </si>
  <si>
    <t>2070811.0</t>
  </si>
  <si>
    <t>1040065.0</t>
  </si>
  <si>
    <t>2074352.0</t>
  </si>
  <si>
    <t>1040940.0</t>
  </si>
  <si>
    <t>2078446.0</t>
  </si>
  <si>
    <t>1042045.0</t>
  </si>
  <si>
    <t>2082297.0</t>
  </si>
  <si>
    <t>1042979.0</t>
  </si>
  <si>
    <t>1081073.0</t>
  </si>
  <si>
    <t>2086634.0</t>
  </si>
  <si>
    <t>1044154.0</t>
  </si>
  <si>
    <t>2086895.0</t>
  </si>
  <si>
    <t>1044208.0</t>
  </si>
  <si>
    <t>2090321.0</t>
  </si>
  <si>
    <t>1045183.0</t>
  </si>
  <si>
    <t>2094214.0</t>
  </si>
  <si>
    <t>1046167.0</t>
  </si>
  <si>
    <t>1083286.0</t>
  </si>
  <si>
    <t>2103369.0</t>
  </si>
  <si>
    <t>1048472.0</t>
  </si>
  <si>
    <t>2107217.0</t>
  </si>
  <si>
    <t>1049578.0</t>
  </si>
  <si>
    <t>2110481.0</t>
  </si>
  <si>
    <t>1050413.0</t>
  </si>
  <si>
    <t>2111987.0</t>
  </si>
  <si>
    <t>1050931.0</t>
  </si>
  <si>
    <t>2112400.0</t>
  </si>
  <si>
    <t>1051070.0</t>
  </si>
  <si>
    <t>2112563.0</t>
  </si>
  <si>
    <t>1051115.0</t>
  </si>
  <si>
    <t>2113955.0</t>
  </si>
  <si>
    <t>1051620.0</t>
  </si>
  <si>
    <t>2115629.0</t>
  </si>
  <si>
    <t>1052188.0</t>
  </si>
  <si>
    <t>2117174.0</t>
  </si>
  <si>
    <t>1052588.0</t>
  </si>
  <si>
    <t>2118777.0</t>
  </si>
  <si>
    <t>1053067.0</t>
  </si>
  <si>
    <t>2120425.0</t>
  </si>
  <si>
    <t>1053530.0</t>
  </si>
  <si>
    <t>2120914.0</t>
  </si>
  <si>
    <t>1053682.0</t>
  </si>
  <si>
    <t>2121069.0</t>
  </si>
  <si>
    <t>1053718.0</t>
  </si>
  <si>
    <t>2123778.0</t>
  </si>
  <si>
    <t>1054472.0</t>
  </si>
  <si>
    <t>2125247.0</t>
  </si>
  <si>
    <t>1054899.0</t>
  </si>
  <si>
    <t>17340.3</t>
  </si>
  <si>
    <t>5297.99483225293</t>
  </si>
  <si>
    <t>2130029.0</t>
  </si>
  <si>
    <t>1056183.0</t>
  </si>
  <si>
    <t>2131054.0</t>
  </si>
  <si>
    <t>1056470.0</t>
  </si>
  <si>
    <t>2133522.0</t>
  </si>
  <si>
    <t>1057203.0</t>
  </si>
  <si>
    <t>2133581.0</t>
  </si>
  <si>
    <t>1057211.0</t>
  </si>
  <si>
    <t>1057498.0</t>
  </si>
  <si>
    <t>2136398.0</t>
  </si>
  <si>
    <t>1058059.0</t>
  </si>
  <si>
    <t>2137606.0</t>
  </si>
  <si>
    <t>1058340.0</t>
  </si>
  <si>
    <t>2139183.0</t>
  </si>
  <si>
    <t>1058761.0</t>
  </si>
  <si>
    <t>2140228.0</t>
  </si>
  <si>
    <t>1058956.0</t>
  </si>
  <si>
    <t>2141239.0</t>
  </si>
  <si>
    <t>1059141.0</t>
  </si>
  <si>
    <t>2142286.0</t>
  </si>
  <si>
    <t>1059366.0</t>
  </si>
  <si>
    <t>2143365.0</t>
  </si>
  <si>
    <t>1059577.0</t>
  </si>
  <si>
    <t>2144104.0</t>
  </si>
  <si>
    <t>1059746.0</t>
  </si>
  <si>
    <t>17471.6</t>
  </si>
  <si>
    <t>5338.11101948583</t>
  </si>
  <si>
    <t>2148116.0</t>
  </si>
  <si>
    <t>1060470.0</t>
  </si>
  <si>
    <t>17428.9</t>
  </si>
  <si>
    <t>-1.48</t>
  </si>
  <si>
    <t>5325.06485653956</t>
  </si>
  <si>
    <t>2165600.0</t>
  </si>
  <si>
    <t>1063425.0</t>
  </si>
  <si>
    <t>5324.78987886622</t>
  </si>
  <si>
    <t>17511.7</t>
  </si>
  <si>
    <t>5350.3628024869</t>
  </si>
  <si>
    <t>2229252.0</t>
  </si>
  <si>
    <t>1099642.0</t>
  </si>
  <si>
    <t>1069467.0</t>
  </si>
  <si>
    <t>361564.0</t>
  </si>
  <si>
    <t>17883.4</t>
  </si>
  <si>
    <t>5463.92858157656</t>
  </si>
  <si>
    <t>2241785.0</t>
  </si>
  <si>
    <t>1101302.0</t>
  </si>
  <si>
    <t>1071341.0</t>
  </si>
  <si>
    <t>370563.0</t>
  </si>
  <si>
    <t>18064.9</t>
  </si>
  <si>
    <t>5519.38241236691</t>
  </si>
  <si>
    <t>2257287.0</t>
  </si>
  <si>
    <t>1103268.0</t>
  </si>
  <si>
    <t>1073162.0</t>
  </si>
  <si>
    <t>382278.0</t>
  </si>
  <si>
    <t>2266205.0</t>
  </si>
  <si>
    <t>1104450.0</t>
  </si>
  <si>
    <t>1073914.0</t>
  </si>
  <si>
    <t>389262.0</t>
  </si>
  <si>
    <t>MCO</t>
  </si>
  <si>
    <t>Monaco</t>
  </si>
  <si>
    <t>-11.4</t>
  </si>
  <si>
    <t>-12.21</t>
  </si>
  <si>
    <t>-312.405798690088</t>
  </si>
  <si>
    <t>-0.299999999999999</t>
  </si>
  <si>
    <t>-8.2212052286865</t>
  </si>
  <si>
    <t>131.539283658984</t>
  </si>
  <si>
    <t>150.722095859253</t>
  </si>
  <si>
    <t>235.674549889014</t>
  </si>
  <si>
    <t>339.809816119043</t>
  </si>
  <si>
    <t>496.012715464087</t>
  </si>
  <si>
    <t>624.811597380176</t>
  </si>
  <si>
    <t>419.281466663013</t>
  </si>
  <si>
    <t>701.54284618125</t>
  </si>
  <si>
    <t>942.698199556055</t>
  </si>
  <si>
    <t>1699.04908059522</t>
  </si>
  <si>
    <t>2384.14951631909</t>
  </si>
  <si>
    <t>2411.55353374805</t>
  </si>
  <si>
    <t>28663.0</t>
  </si>
  <si>
    <t>3003.48031021348</t>
  </si>
  <si>
    <t>33965.0</t>
  </si>
  <si>
    <t>16767.0</t>
  </si>
  <si>
    <t>-22.86</t>
  </si>
  <si>
    <t>2784.24817078184</t>
  </si>
  <si>
    <t>106.46</t>
  </si>
  <si>
    <t>18646.0</t>
  </si>
  <si>
    <t>42806.0</t>
  </si>
  <si>
    <t>2778.76736729604</t>
  </si>
  <si>
    <t>44060.0</t>
  </si>
  <si>
    <t>120.74</t>
  </si>
  <si>
    <t>47882.0</t>
  </si>
  <si>
    <t>3047.3267380998</t>
  </si>
  <si>
    <t>26135.0</t>
  </si>
  <si>
    <t>22556.0</t>
  </si>
  <si>
    <t>22811.0</t>
  </si>
  <si>
    <t>49980.0</t>
  </si>
  <si>
    <t>3283.00128798882</t>
  </si>
  <si>
    <t>3518.67583787783</t>
  </si>
  <si>
    <t>-25.93</t>
  </si>
  <si>
    <t>3173.385218273</t>
  </si>
  <si>
    <t>65140.0</t>
  </si>
  <si>
    <t>28875.0</t>
  </si>
  <si>
    <t>178.51</t>
  </si>
  <si>
    <t>3672.13833547998</t>
  </si>
  <si>
    <t>3746.12918253816</t>
  </si>
  <si>
    <t>-20.48</t>
  </si>
  <si>
    <t>3513.19503439204</t>
  </si>
  <si>
    <t>3784.4948069387</t>
  </si>
  <si>
    <t>3891.37047491162</t>
  </si>
  <si>
    <t>4042.09257077087</t>
  </si>
  <si>
    <t>4176.37225617275</t>
  </si>
  <si>
    <t>4277.76712065989</t>
  </si>
  <si>
    <t>4433.97002000493</t>
  </si>
  <si>
    <t>4694.30818558</t>
  </si>
  <si>
    <t>MNG</t>
  </si>
  <si>
    <t>Mongolia</t>
  </si>
  <si>
    <t>-408.1</t>
  </si>
  <si>
    <t>-14.33</t>
  </si>
  <si>
    <t>-120.086876867254</t>
  </si>
  <si>
    <t>-513.4</t>
  </si>
  <si>
    <t>-8.88</t>
  </si>
  <si>
    <t>-151.072292535281</t>
  </si>
  <si>
    <t>-716.3</t>
  </si>
  <si>
    <t>-13.61</t>
  </si>
  <si>
    <t>-210.777333741764</t>
  </si>
  <si>
    <t>-809.0</t>
  </si>
  <si>
    <t>-9.33</t>
  </si>
  <si>
    <t>-238.05509283413</t>
  </si>
  <si>
    <t>-853.5</t>
  </si>
  <si>
    <t>-8.44</t>
  </si>
  <si>
    <t>-251.149594232299</t>
  </si>
  <si>
    <t>-959.4</t>
  </si>
  <si>
    <t>-282.311564975357</t>
  </si>
  <si>
    <t>-1013.3</t>
  </si>
  <si>
    <t>-7.79</t>
  </si>
  <si>
    <t>-298.172095882353</t>
  </si>
  <si>
    <t>-1053.4</t>
  </si>
  <si>
    <t>-309.971860063625</t>
  </si>
  <si>
    <t>95082.0</t>
  </si>
  <si>
    <t>28.401</t>
  </si>
  <si>
    <t>28.594</t>
  </si>
  <si>
    <t>96756.0</t>
  </si>
  <si>
    <t>28.902</t>
  </si>
  <si>
    <t>29.146</t>
  </si>
  <si>
    <t>100208.0</t>
  </si>
  <si>
    <t>29.933</t>
  </si>
  <si>
    <t>101970.0</t>
  </si>
  <si>
    <t>105003.0</t>
  </si>
  <si>
    <t>108628.0</t>
  </si>
  <si>
    <t>32.448</t>
  </si>
  <si>
    <t>110309.0</t>
  </si>
  <si>
    <t>111614.0</t>
  </si>
  <si>
    <t>114625.0</t>
  </si>
  <si>
    <t>118960.0</t>
  </si>
  <si>
    <t>121971.0</t>
  </si>
  <si>
    <t>36.433</t>
  </si>
  <si>
    <t>126147.0</t>
  </si>
  <si>
    <t>37.681</t>
  </si>
  <si>
    <t>144178.0</t>
  </si>
  <si>
    <t>156107.0</t>
  </si>
  <si>
    <t>165620.0</t>
  </si>
  <si>
    <t>355.3</t>
  </si>
  <si>
    <t>175928.0</t>
  </si>
  <si>
    <t>52.551</t>
  </si>
  <si>
    <t>-1157.9</t>
  </si>
  <si>
    <t>-7.3</t>
  </si>
  <si>
    <t>-340.721868964943</t>
  </si>
  <si>
    <t>457.5</t>
  </si>
  <si>
    <t>200059.0</t>
  </si>
  <si>
    <t>605.3</t>
  </si>
  <si>
    <t>216589.0</t>
  </si>
  <si>
    <t>64.696</t>
  </si>
  <si>
    <t>800.3</t>
  </si>
  <si>
    <t>236269.0</t>
  </si>
  <si>
    <t>70.575</t>
  </si>
  <si>
    <t>860.7</t>
  </si>
  <si>
    <t>256509.0</t>
  </si>
  <si>
    <t>76.621</t>
  </si>
  <si>
    <t>1079.6</t>
  </si>
  <si>
    <t>270528.0</t>
  </si>
  <si>
    <t>80.808</t>
  </si>
  <si>
    <t>293869.0</t>
  </si>
  <si>
    <t>1814.5</t>
  </si>
  <si>
    <t>321357.0</t>
  </si>
  <si>
    <t>27488.0</t>
  </si>
  <si>
    <t>95.991</t>
  </si>
  <si>
    <t>8.211</t>
  </si>
  <si>
    <t>1388.7</t>
  </si>
  <si>
    <t>103.167</t>
  </si>
  <si>
    <t>1670.3</t>
  </si>
  <si>
    <t>366851.0</t>
  </si>
  <si>
    <t>21466.0</t>
  </si>
  <si>
    <t>1855.2</t>
  </si>
  <si>
    <t>387484.0</t>
  </si>
  <si>
    <t>1914.1</t>
  </si>
  <si>
    <t>405013.0</t>
  </si>
  <si>
    <t>2006.9</t>
  </si>
  <si>
    <t>125.456</t>
  </si>
  <si>
    <t>21353.0</t>
  </si>
  <si>
    <t>2335.4</t>
  </si>
  <si>
    <t>428574.0</t>
  </si>
  <si>
    <t>128.017</t>
  </si>
  <si>
    <t>2322.5</t>
  </si>
  <si>
    <t>439523.0</t>
  </si>
  <si>
    <t>131.288</t>
  </si>
  <si>
    <t>4727.2</t>
  </si>
  <si>
    <t>452234.0</t>
  </si>
  <si>
    <t>3684.5</t>
  </si>
  <si>
    <t>462793.0</t>
  </si>
  <si>
    <t>138.239</t>
  </si>
  <si>
    <t>3838.1</t>
  </si>
  <si>
    <t>471863.0</t>
  </si>
  <si>
    <t>140.948</t>
  </si>
  <si>
    <t>3375.5</t>
  </si>
  <si>
    <t>144.291</t>
  </si>
  <si>
    <t>491470.0</t>
  </si>
  <si>
    <t>146.805</t>
  </si>
  <si>
    <t>1520.7</t>
  </si>
  <si>
    <t>497431.0</t>
  </si>
  <si>
    <t>148.585</t>
  </si>
  <si>
    <t>1275.2</t>
  </si>
  <si>
    <t>509788.0</t>
  </si>
  <si>
    <t>152.276</t>
  </si>
  <si>
    <t>867.5</t>
  </si>
  <si>
    <t>513922.0</t>
  </si>
  <si>
    <t>153.511</t>
  </si>
  <si>
    <t>693.2</t>
  </si>
  <si>
    <t>525722.0</t>
  </si>
  <si>
    <t>157.036</t>
  </si>
  <si>
    <t>534585.0</t>
  </si>
  <si>
    <t>159.683</t>
  </si>
  <si>
    <t>548812.0</t>
  </si>
  <si>
    <t>163.933</t>
  </si>
  <si>
    <t>490.7</t>
  </si>
  <si>
    <t>563458.0</t>
  </si>
  <si>
    <t>168.308</t>
  </si>
  <si>
    <t>572352.0</t>
  </si>
  <si>
    <t>170.965</t>
  </si>
  <si>
    <t>468.3</t>
  </si>
  <si>
    <t>14035.0</t>
  </si>
  <si>
    <t>175.157</t>
  </si>
  <si>
    <t>600984.0</t>
  </si>
  <si>
    <t>179.517</t>
  </si>
  <si>
    <t>570.2</t>
  </si>
  <si>
    <t>-1502.2</t>
  </si>
  <si>
    <t>-8.62</t>
  </si>
  <si>
    <t>-22.02</t>
  </si>
  <si>
    <t>-442.035056187181</t>
  </si>
  <si>
    <t>618748.0</t>
  </si>
  <si>
    <t>184.823</t>
  </si>
  <si>
    <t>557.4</t>
  </si>
  <si>
    <t>629900.0</t>
  </si>
  <si>
    <t>188.154</t>
  </si>
  <si>
    <t>485.6</t>
  </si>
  <si>
    <t>635707.0</t>
  </si>
  <si>
    <t>189.889</t>
  </si>
  <si>
    <t>399.2</t>
  </si>
  <si>
    <t>649328.0</t>
  </si>
  <si>
    <t>193.958</t>
  </si>
  <si>
    <t>660909.0</t>
  </si>
  <si>
    <t>197.417</t>
  </si>
  <si>
    <t>435.8</t>
  </si>
  <si>
    <t>677286.0</t>
  </si>
  <si>
    <t>202.309</t>
  </si>
  <si>
    <t>689486.0</t>
  </si>
  <si>
    <t>205.953</t>
  </si>
  <si>
    <t>703711.0</t>
  </si>
  <si>
    <t>210.202</t>
  </si>
  <si>
    <t>717484.0</t>
  </si>
  <si>
    <t>214.316</t>
  </si>
  <si>
    <t>740477.0</t>
  </si>
  <si>
    <t>221.184</t>
  </si>
  <si>
    <t>631.1</t>
  </si>
  <si>
    <t>754693.0</t>
  </si>
  <si>
    <t>225.431</t>
  </si>
  <si>
    <t>675.4</t>
  </si>
  <si>
    <t>230.165</t>
  </si>
  <si>
    <t>740.8</t>
  </si>
  <si>
    <t>787517.0</t>
  </si>
  <si>
    <t>235.235</t>
  </si>
  <si>
    <t>918.6</t>
  </si>
  <si>
    <t>803416.0</t>
  </si>
  <si>
    <t>239.985</t>
  </si>
  <si>
    <t>973.8</t>
  </si>
  <si>
    <t>820270.0</t>
  </si>
  <si>
    <t>245.019</t>
  </si>
  <si>
    <t>1214.2</t>
  </si>
  <si>
    <t>838757.0</t>
  </si>
  <si>
    <t>250.541</t>
  </si>
  <si>
    <t>1166.1</t>
  </si>
  <si>
    <t>854099.0</t>
  </si>
  <si>
    <t>255.124</t>
  </si>
  <si>
    <t>1291.2</t>
  </si>
  <si>
    <t>863214.0</t>
  </si>
  <si>
    <t>257.847</t>
  </si>
  <si>
    <t>1291.9</t>
  </si>
  <si>
    <t>880860.0</t>
  </si>
  <si>
    <t>263.117</t>
  </si>
  <si>
    <t>1378.9</t>
  </si>
  <si>
    <t>894178.0</t>
  </si>
  <si>
    <t>267.096</t>
  </si>
  <si>
    <t>1077.4</t>
  </si>
  <si>
    <t>907118.0</t>
  </si>
  <si>
    <t>270.961</t>
  </si>
  <si>
    <t>987.7</t>
  </si>
  <si>
    <t>1011.4</t>
  </si>
  <si>
    <t>937735.0</t>
  </si>
  <si>
    <t>280.106</t>
  </si>
  <si>
    <t>999.8</t>
  </si>
  <si>
    <t>950583.0</t>
  </si>
  <si>
    <t>283.944</t>
  </si>
  <si>
    <t>957648.0</t>
  </si>
  <si>
    <t>286.054</t>
  </si>
  <si>
    <t>807.2</t>
  </si>
  <si>
    <t>969687.0</t>
  </si>
  <si>
    <t>289.651</t>
  </si>
  <si>
    <t>740.2</t>
  </si>
  <si>
    <t>982390.0</t>
  </si>
  <si>
    <t>293.445</t>
  </si>
  <si>
    <t>997592.0</t>
  </si>
  <si>
    <t>297.986</t>
  </si>
  <si>
    <t>837.7</t>
  </si>
  <si>
    <t>301.835</t>
  </si>
  <si>
    <t>746.2</t>
  </si>
  <si>
    <t>1024972.0</t>
  </si>
  <si>
    <t>306.164</t>
  </si>
  <si>
    <t>12462.0</t>
  </si>
  <si>
    <t>665.9</t>
  </si>
  <si>
    <t>1036174.0</t>
  </si>
  <si>
    <t>309.511</t>
  </si>
  <si>
    <t>563.1</t>
  </si>
  <si>
    <t>-1859.5</t>
  </si>
  <si>
    <t>-23.69</t>
  </si>
  <si>
    <t>-547.173603368435</t>
  </si>
  <si>
    <t>1041607.0</t>
  </si>
  <si>
    <t>311.133</t>
  </si>
  <si>
    <t>1051022.0</t>
  </si>
  <si>
    <t>313.946</t>
  </si>
  <si>
    <t>462.1</t>
  </si>
  <si>
    <t>1066919.0</t>
  </si>
  <si>
    <t>318.694</t>
  </si>
  <si>
    <t>440.3</t>
  </si>
  <si>
    <t>1083879.0</t>
  </si>
  <si>
    <t>323.76</t>
  </si>
  <si>
    <t>1098162.0</t>
  </si>
  <si>
    <t>328.027</t>
  </si>
  <si>
    <t>402.2</t>
  </si>
  <si>
    <t>1119015.0</t>
  </si>
  <si>
    <t>334.256</t>
  </si>
  <si>
    <t>1133993.0</t>
  </si>
  <si>
    <t>338.73</t>
  </si>
  <si>
    <t>1146245.0</t>
  </si>
  <si>
    <t>342.389</t>
  </si>
  <si>
    <t>1165116.0</t>
  </si>
  <si>
    <t>348.026</t>
  </si>
  <si>
    <t>396.2</t>
  </si>
  <si>
    <t>1190361.0</t>
  </si>
  <si>
    <t>355.567</t>
  </si>
  <si>
    <t>17635.0</t>
  </si>
  <si>
    <t>391.9</t>
  </si>
  <si>
    <t>372.842</t>
  </si>
  <si>
    <t>17.275</t>
  </si>
  <si>
    <t>518.4</t>
  </si>
  <si>
    <t>1278662.0</t>
  </si>
  <si>
    <t>30468.0</t>
  </si>
  <si>
    <t>381.943</t>
  </si>
  <si>
    <t>7.702</t>
  </si>
  <si>
    <t>565.8</t>
  </si>
  <si>
    <t>1308949.0</t>
  </si>
  <si>
    <t>390.99</t>
  </si>
  <si>
    <t>624.8</t>
  </si>
  <si>
    <t>38450.0</t>
  </si>
  <si>
    <t>402.475</t>
  </si>
  <si>
    <t>11.485</t>
  </si>
  <si>
    <t>650.6</t>
  </si>
  <si>
    <t>1376250.0</t>
  </si>
  <si>
    <t>28851.0</t>
  </si>
  <si>
    <t>411.093</t>
  </si>
  <si>
    <t>1413780.0</t>
  </si>
  <si>
    <t>422.303</t>
  </si>
  <si>
    <t>35523.0</t>
  </si>
  <si>
    <t>840.1</t>
  </si>
  <si>
    <t>1452189.0</t>
  </si>
  <si>
    <t>433.776</t>
  </si>
  <si>
    <t>969.7</t>
  </si>
  <si>
    <t>1492406.0</t>
  </si>
  <si>
    <t>445.789</t>
  </si>
  <si>
    <t>853.9</t>
  </si>
  <si>
    <t>1539516.0</t>
  </si>
  <si>
    <t>459.861</t>
  </si>
  <si>
    <t>1583183.0</t>
  </si>
  <si>
    <t>43667.0</t>
  </si>
  <si>
    <t>472.905</t>
  </si>
  <si>
    <t>39176.0</t>
  </si>
  <si>
    <t>935.9</t>
  </si>
  <si>
    <t>1627201.0</t>
  </si>
  <si>
    <t>44018.0</t>
  </si>
  <si>
    <t>486.053</t>
  </si>
  <si>
    <t>974.9</t>
  </si>
  <si>
    <t>1664104.0</t>
  </si>
  <si>
    <t>36903.0</t>
  </si>
  <si>
    <t>497.077</t>
  </si>
  <si>
    <t>12.283</t>
  </si>
  <si>
    <t>928.6</t>
  </si>
  <si>
    <t>1707024.0</t>
  </si>
  <si>
    <t>509.897</t>
  </si>
  <si>
    <t>955.2</t>
  </si>
  <si>
    <t>1733082.0</t>
  </si>
  <si>
    <t>517.681</t>
  </si>
  <si>
    <t>11.986</t>
  </si>
  <si>
    <t>903.2</t>
  </si>
  <si>
    <t>1749859.0</t>
  </si>
  <si>
    <t>16777.0</t>
  </si>
  <si>
    <t>522.692</t>
  </si>
  <si>
    <t>36779.0</t>
  </si>
  <si>
    <t>1759786.0</t>
  </si>
  <si>
    <t>525.657</t>
  </si>
  <si>
    <t>9.399</t>
  </si>
  <si>
    <t>1774941.0</t>
  </si>
  <si>
    <t>530.184</t>
  </si>
  <si>
    <t>684.9</t>
  </si>
  <si>
    <t>1784899.0</t>
  </si>
  <si>
    <t>533.159</t>
  </si>
  <si>
    <t>22528.0</t>
  </si>
  <si>
    <t>586.2</t>
  </si>
  <si>
    <t>-2017.0</t>
  </si>
  <si>
    <t>-11.29</t>
  </si>
  <si>
    <t>-593.519310564202</t>
  </si>
  <si>
    <t>1805453.0</t>
  </si>
  <si>
    <t>539.298</t>
  </si>
  <si>
    <t>545.8</t>
  </si>
  <si>
    <t>1818561.0</t>
  </si>
  <si>
    <t>543.214</t>
  </si>
  <si>
    <t>402.7</t>
  </si>
  <si>
    <t>1836090.0</t>
  </si>
  <si>
    <t>548.45</t>
  </si>
  <si>
    <t>371.9</t>
  </si>
  <si>
    <t>1855597.0</t>
  </si>
  <si>
    <t>554.277</t>
  </si>
  <si>
    <t>1868803.0</t>
  </si>
  <si>
    <t>558.221</t>
  </si>
  <si>
    <t>1893606.0</t>
  </si>
  <si>
    <t>565.63</t>
  </si>
  <si>
    <t>16952.0</t>
  </si>
  <si>
    <t>1915232.0</t>
  </si>
  <si>
    <t>21626.0</t>
  </si>
  <si>
    <t>572.09</t>
  </si>
  <si>
    <t>1928501.0</t>
  </si>
  <si>
    <t>576.053</t>
  </si>
  <si>
    <t>17578.0</t>
  </si>
  <si>
    <t>1934966.0</t>
  </si>
  <si>
    <t>577.984</t>
  </si>
  <si>
    <t>1946136.0</t>
  </si>
  <si>
    <t>581.321</t>
  </si>
  <si>
    <t>1967721.0</t>
  </si>
  <si>
    <t>587.769</t>
  </si>
  <si>
    <t>17819.0</t>
  </si>
  <si>
    <t>1987062.0</t>
  </si>
  <si>
    <t>19341.0</t>
  </si>
  <si>
    <t>593.546</t>
  </si>
  <si>
    <t>67489.0</t>
  </si>
  <si>
    <t>2006380.0</t>
  </si>
  <si>
    <t>599.316</t>
  </si>
  <si>
    <t>4.812</t>
  </si>
  <si>
    <t>84017.0</t>
  </si>
  <si>
    <t>16528.0</t>
  </si>
  <si>
    <t>2024274.0</t>
  </si>
  <si>
    <t>604.661</t>
  </si>
  <si>
    <t>4.653</t>
  </si>
  <si>
    <t>2033684.0</t>
  </si>
  <si>
    <t>607.472</t>
  </si>
  <si>
    <t>118294.0</t>
  </si>
  <si>
    <t>2044869.0</t>
  </si>
  <si>
    <t>610.813</t>
  </si>
  <si>
    <t>126449.0</t>
  </si>
  <si>
    <t>2061669.0</t>
  </si>
  <si>
    <t>16800.0</t>
  </si>
  <si>
    <t>615.831</t>
  </si>
  <si>
    <t>139636.0</t>
  </si>
  <si>
    <t>2078713.0</t>
  </si>
  <si>
    <t>620.922</t>
  </si>
  <si>
    <t>171535.0</t>
  </si>
  <si>
    <t>31899.0</t>
  </si>
  <si>
    <t>2086151.0</t>
  </si>
  <si>
    <t>623.144</t>
  </si>
  <si>
    <t>2101444.0</t>
  </si>
  <si>
    <t>627.712</t>
  </si>
  <si>
    <t>204121.0</t>
  </si>
  <si>
    <t>2121013.0</t>
  </si>
  <si>
    <t>633.558</t>
  </si>
  <si>
    <t>2133339.0</t>
  </si>
  <si>
    <t>637.24</t>
  </si>
  <si>
    <t>223444.0</t>
  </si>
  <si>
    <t>2145944.0</t>
  </si>
  <si>
    <t>641.005</t>
  </si>
  <si>
    <t>256979.0</t>
  </si>
  <si>
    <t>2159400.0</t>
  </si>
  <si>
    <t>645.024</t>
  </si>
  <si>
    <t>2174336.0</t>
  </si>
  <si>
    <t>649.486</t>
  </si>
  <si>
    <t>2191336.0</t>
  </si>
  <si>
    <t>654.564</t>
  </si>
  <si>
    <t>276068.0</t>
  </si>
  <si>
    <t>2204393.0</t>
  </si>
  <si>
    <t>658.464</t>
  </si>
  <si>
    <t>2218007.0</t>
  </si>
  <si>
    <t>662.53</t>
  </si>
  <si>
    <t>279069.0</t>
  </si>
  <si>
    <t>2232225.0</t>
  </si>
  <si>
    <t>666.777</t>
  </si>
  <si>
    <t>290108.0</t>
  </si>
  <si>
    <t>2242877.0</t>
  </si>
  <si>
    <t>669.959</t>
  </si>
  <si>
    <t>-2167.5</t>
  </si>
  <si>
    <t>-9.83</t>
  </si>
  <si>
    <t>-637.805208551268</t>
  </si>
  <si>
    <t>2263366.0</t>
  </si>
  <si>
    <t>676.079</t>
  </si>
  <si>
    <t>311262.0</t>
  </si>
  <si>
    <t>2275242.0</t>
  </si>
  <si>
    <t>679.627</t>
  </si>
  <si>
    <t>323690.0</t>
  </si>
  <si>
    <t>2292779.0</t>
  </si>
  <si>
    <t>684.865</t>
  </si>
  <si>
    <t>336758.0</t>
  </si>
  <si>
    <t>2305014.0</t>
  </si>
  <si>
    <t>688.52</t>
  </si>
  <si>
    <t>376373.0</t>
  </si>
  <si>
    <t>39615.0</t>
  </si>
  <si>
    <t>2314818.0</t>
  </si>
  <si>
    <t>691.448</t>
  </si>
  <si>
    <t>414382.0</t>
  </si>
  <si>
    <t>2328242.0</t>
  </si>
  <si>
    <t>695.458</t>
  </si>
  <si>
    <t>466946.0</t>
  </si>
  <si>
    <t>2345886.0</t>
  </si>
  <si>
    <t>700.728</t>
  </si>
  <si>
    <t>2357529.0</t>
  </si>
  <si>
    <t>704.206</t>
  </si>
  <si>
    <t>569825.0</t>
  </si>
  <si>
    <t>36938.0</t>
  </si>
  <si>
    <t>2370316.0</t>
  </si>
  <si>
    <t>708.026</t>
  </si>
  <si>
    <t>599132.0</t>
  </si>
  <si>
    <t>39349.0</t>
  </si>
  <si>
    <t>2389021.0</t>
  </si>
  <si>
    <t>713.613</t>
  </si>
  <si>
    <t>609875.0</t>
  </si>
  <si>
    <t>11261.0</t>
  </si>
  <si>
    <t>2446241.0</t>
  </si>
  <si>
    <t>57220.0</t>
  </si>
  <si>
    <t>730.705</t>
  </si>
  <si>
    <t>17.092</t>
  </si>
  <si>
    <t>616906.0</t>
  </si>
  <si>
    <t>2479832.0</t>
  </si>
  <si>
    <t>740.739</t>
  </si>
  <si>
    <t>28757.0</t>
  </si>
  <si>
    <t>29665.0</t>
  </si>
  <si>
    <t>2492932.0</t>
  </si>
  <si>
    <t>744.652</t>
  </si>
  <si>
    <t>7.028</t>
  </si>
  <si>
    <t>627168.0</t>
  </si>
  <si>
    <t>22036.0</t>
  </si>
  <si>
    <t>632812.0</t>
  </si>
  <si>
    <t>634240.0</t>
  </si>
  <si>
    <t>2554027.0</t>
  </si>
  <si>
    <t>762.901</t>
  </si>
  <si>
    <t>2566490.0</t>
  </si>
  <si>
    <t>766.624</t>
  </si>
  <si>
    <t>2576921.0</t>
  </si>
  <si>
    <t>769.74</t>
  </si>
  <si>
    <t>637415.0</t>
  </si>
  <si>
    <t>2592363.0</t>
  </si>
  <si>
    <t>774.352</t>
  </si>
  <si>
    <t>2606797.0</t>
  </si>
  <si>
    <t>778.664</t>
  </si>
  <si>
    <t>670842.0</t>
  </si>
  <si>
    <t>649236.0</t>
  </si>
  <si>
    <t>2616906.0</t>
  </si>
  <si>
    <t>781.684</t>
  </si>
  <si>
    <t>651060.0</t>
  </si>
  <si>
    <t>2630600.0</t>
  </si>
  <si>
    <t>785.774</t>
  </si>
  <si>
    <t>660548.0</t>
  </si>
  <si>
    <t>23151.0</t>
  </si>
  <si>
    <t>2643658.0</t>
  </si>
  <si>
    <t>789.674</t>
  </si>
  <si>
    <t>678692.0</t>
  </si>
  <si>
    <t>2652302.0</t>
  </si>
  <si>
    <t>792.256</t>
  </si>
  <si>
    <t>707838.0</t>
  </si>
  <si>
    <t>2662875.0</t>
  </si>
  <si>
    <t>795.415</t>
  </si>
  <si>
    <t>1007030.0</t>
  </si>
  <si>
    <t>744564.0</t>
  </si>
  <si>
    <t>262466.0</t>
  </si>
  <si>
    <t>49603.0</t>
  </si>
  <si>
    <t>2675590.0</t>
  </si>
  <si>
    <t>799.213</t>
  </si>
  <si>
    <t>1080571.0</t>
  </si>
  <si>
    <t>782314.0</t>
  </si>
  <si>
    <t>298257.0</t>
  </si>
  <si>
    <t>73541.0</t>
  </si>
  <si>
    <t>19856.0</t>
  </si>
  <si>
    <t>2686735.0</t>
  </si>
  <si>
    <t>802.542</t>
  </si>
  <si>
    <t>1138662.0</t>
  </si>
  <si>
    <t>811452.0</t>
  </si>
  <si>
    <t>327210.0</t>
  </si>
  <si>
    <t>58091.0</t>
  </si>
  <si>
    <t>66831.0</t>
  </si>
  <si>
    <t>23174.0</t>
  </si>
  <si>
    <t>2697804.0</t>
  </si>
  <si>
    <t>805.848</t>
  </si>
  <si>
    <t>1208619.0</t>
  </si>
  <si>
    <t>845693.0</t>
  </si>
  <si>
    <t>362926.0</t>
  </si>
  <si>
    <t>27805.0</t>
  </si>
  <si>
    <t>-2122.2</t>
  </si>
  <si>
    <t>-624.475300386391</t>
  </si>
  <si>
    <t>2710815.0</t>
  </si>
  <si>
    <t>809.735</t>
  </si>
  <si>
    <t>1296538.0</t>
  </si>
  <si>
    <t>887248.0</t>
  </si>
  <si>
    <t>409290.0</t>
  </si>
  <si>
    <t>2719337.0</t>
  </si>
  <si>
    <t>812.28</t>
  </si>
  <si>
    <t>1398592.0</t>
  </si>
  <si>
    <t>947529.0</t>
  </si>
  <si>
    <t>451063.0</t>
  </si>
  <si>
    <t>102054.0</t>
  </si>
  <si>
    <t>2727169.0</t>
  </si>
  <si>
    <t>814.62</t>
  </si>
  <si>
    <t>1532522.0</t>
  </si>
  <si>
    <t>1037675.0</t>
  </si>
  <si>
    <t>494847.0</t>
  </si>
  <si>
    <t>47120.0</t>
  </si>
  <si>
    <t>2735617.0</t>
  </si>
  <si>
    <t>817.143</t>
  </si>
  <si>
    <t>1661497.0</t>
  </si>
  <si>
    <t>1128680.0</t>
  </si>
  <si>
    <t>532817.0</t>
  </si>
  <si>
    <t>93495.0</t>
  </si>
  <si>
    <t>54874.0</t>
  </si>
  <si>
    <t>2745094.0</t>
  </si>
  <si>
    <t>819.974</t>
  </si>
  <si>
    <t>1756434.0</t>
  </si>
  <si>
    <t>1208913.0</t>
  </si>
  <si>
    <t>96552.0</t>
  </si>
  <si>
    <t>2754347.0</t>
  </si>
  <si>
    <t>822.738</t>
  </si>
  <si>
    <t>1946350.0</t>
  </si>
  <si>
    <t>1356678.0</t>
  </si>
  <si>
    <t>589672.0</t>
  </si>
  <si>
    <t>189916.0</t>
  </si>
  <si>
    <t>115384.0</t>
  </si>
  <si>
    <t>2762832.0</t>
  </si>
  <si>
    <t>825.272</t>
  </si>
  <si>
    <t>2086853.0</t>
  </si>
  <si>
    <t>1476779.0</t>
  </si>
  <si>
    <t>610074.0</t>
  </si>
  <si>
    <t>140503.0</t>
  </si>
  <si>
    <t>125462.0</t>
  </si>
  <si>
    <t>2772740.0</t>
  </si>
  <si>
    <t>828.232</t>
  </si>
  <si>
    <t>2154623.0</t>
  </si>
  <si>
    <t>1536715.0</t>
  </si>
  <si>
    <t>617908.0</t>
  </si>
  <si>
    <t>67770.0</t>
  </si>
  <si>
    <t>122584.0</t>
  </si>
  <si>
    <t>2780161.0</t>
  </si>
  <si>
    <t>830.449</t>
  </si>
  <si>
    <t>2213376.0</t>
  </si>
  <si>
    <t>1590636.0</t>
  </si>
  <si>
    <t>622740.0</t>
  </si>
  <si>
    <t>58753.0</t>
  </si>
  <si>
    <t>116398.0</t>
  </si>
  <si>
    <t>91872.0</t>
  </si>
  <si>
    <t>2785411.0</t>
  </si>
  <si>
    <t>2271109.0</t>
  </si>
  <si>
    <t>1643030.0</t>
  </si>
  <si>
    <t>628079.0</t>
  </si>
  <si>
    <t>2793005.0</t>
  </si>
  <si>
    <t>834.285</t>
  </si>
  <si>
    <t>2309864.0</t>
  </si>
  <si>
    <t>1678198.0</t>
  </si>
  <si>
    <t>631666.0</t>
  </si>
  <si>
    <t>92624.0</t>
  </si>
  <si>
    <t>27255.0</t>
  </si>
  <si>
    <t>2800505.0</t>
  </si>
  <si>
    <t>836.525</t>
  </si>
  <si>
    <t>2347229.0</t>
  </si>
  <si>
    <t>1712577.0</t>
  </si>
  <si>
    <t>634652.0</t>
  </si>
  <si>
    <t>37365.0</t>
  </si>
  <si>
    <t>24835.0</t>
  </si>
  <si>
    <t>71952.0</t>
  </si>
  <si>
    <t>2808208.0</t>
  </si>
  <si>
    <t>838.826</t>
  </si>
  <si>
    <t>2372848.0</t>
  </si>
  <si>
    <t>1735389.0</t>
  </si>
  <si>
    <t>637459.0</t>
  </si>
  <si>
    <t>60928.0</t>
  </si>
  <si>
    <t>54102.0</t>
  </si>
  <si>
    <t>2815627.0</t>
  </si>
  <si>
    <t>841.043</t>
  </si>
  <si>
    <t>2398067.0</t>
  </si>
  <si>
    <t>1758608.0</t>
  </si>
  <si>
    <t>639459.0</t>
  </si>
  <si>
    <t>25219.0</t>
  </si>
  <si>
    <t>40261.0</t>
  </si>
  <si>
    <t>2822456.0</t>
  </si>
  <si>
    <t>843.082</t>
  </si>
  <si>
    <t>2411556.0</t>
  </si>
  <si>
    <t>1770527.0</t>
  </si>
  <si>
    <t>641029.0</t>
  </si>
  <si>
    <t>33402.0</t>
  </si>
  <si>
    <t>2827220.0</t>
  </si>
  <si>
    <t>844.505</t>
  </si>
  <si>
    <t>2422303.0</t>
  </si>
  <si>
    <t>1778612.0</t>
  </si>
  <si>
    <t>643691.0</t>
  </si>
  <si>
    <t>2833138.0</t>
  </si>
  <si>
    <t>846.273</t>
  </si>
  <si>
    <t>2444245.0</t>
  </si>
  <si>
    <t>1792657.0</t>
  </si>
  <si>
    <t>651588.0</t>
  </si>
  <si>
    <t>2840929.0</t>
  </si>
  <si>
    <t>2468557.0</t>
  </si>
  <si>
    <t>1802270.0</t>
  </si>
  <si>
    <t>666287.0</t>
  </si>
  <si>
    <t>24312.0</t>
  </si>
  <si>
    <t>2849952.0</t>
  </si>
  <si>
    <t>851.296</t>
  </si>
  <si>
    <t>2495668.0</t>
  </si>
  <si>
    <t>1810479.0</t>
  </si>
  <si>
    <t>685189.0</t>
  </si>
  <si>
    <t>2858085.0</t>
  </si>
  <si>
    <t>853.725</t>
  </si>
  <si>
    <t>2522900.0</t>
  </si>
  <si>
    <t>1818876.0</t>
  </si>
  <si>
    <t>704024.0</t>
  </si>
  <si>
    <t>2864970.0</t>
  </si>
  <si>
    <t>855.782</t>
  </si>
  <si>
    <t>2556277.0</t>
  </si>
  <si>
    <t>1824984.0</t>
  </si>
  <si>
    <t>731293.0</t>
  </si>
  <si>
    <t>2873985.0</t>
  </si>
  <si>
    <t>858.474</t>
  </si>
  <si>
    <t>2580962.0</t>
  </si>
  <si>
    <t>1827826.0</t>
  </si>
  <si>
    <t>753136.0</t>
  </si>
  <si>
    <t>24685.0</t>
  </si>
  <si>
    <t>2881773.0</t>
  </si>
  <si>
    <t>860.801</t>
  </si>
  <si>
    <t>2604563.0</t>
  </si>
  <si>
    <t>1830623.0</t>
  </si>
  <si>
    <t>773940.0</t>
  </si>
  <si>
    <t>2887622.0</t>
  </si>
  <si>
    <t>862.548</t>
  </si>
  <si>
    <t>2664014.0</t>
  </si>
  <si>
    <t>1836501.0</t>
  </si>
  <si>
    <t>827513.0</t>
  </si>
  <si>
    <t>59451.0</t>
  </si>
  <si>
    <t>2895638.0</t>
  </si>
  <si>
    <t>864.942</t>
  </si>
  <si>
    <t>2729983.0</t>
  </si>
  <si>
    <t>1841111.0</t>
  </si>
  <si>
    <t>888872.0</t>
  </si>
  <si>
    <t>65969.0</t>
  </si>
  <si>
    <t>37347.0</t>
  </si>
  <si>
    <t>2903519.0</t>
  </si>
  <si>
    <t>867.296</t>
  </si>
  <si>
    <t>2787884.0</t>
  </si>
  <si>
    <t>1843635.0</t>
  </si>
  <si>
    <t>944249.0</t>
  </si>
  <si>
    <t>2909756.0</t>
  </si>
  <si>
    <t>869.159</t>
  </si>
  <si>
    <t>2872572.0</t>
  </si>
  <si>
    <t>1847246.0</t>
  </si>
  <si>
    <t>1025326.0</t>
  </si>
  <si>
    <t>84688.0</t>
  </si>
  <si>
    <t>2917095.0</t>
  </si>
  <si>
    <t>871.352</t>
  </si>
  <si>
    <t>3027240.0</t>
  </si>
  <si>
    <t>1852565.0</t>
  </si>
  <si>
    <t>1174675.0</t>
  </si>
  <si>
    <t>67280.0</t>
  </si>
  <si>
    <t>19798.0</t>
  </si>
  <si>
    <t>2925707.0</t>
  </si>
  <si>
    <t>873.924</t>
  </si>
  <si>
    <t>2933544.0</t>
  </si>
  <si>
    <t>876.265</t>
  </si>
  <si>
    <t>3083871.0</t>
  </si>
  <si>
    <t>1854643.0</t>
  </si>
  <si>
    <t>1229228.0</t>
  </si>
  <si>
    <t>2939533.0</t>
  </si>
  <si>
    <t>878.054</t>
  </si>
  <si>
    <t>3165008.0</t>
  </si>
  <si>
    <t>1858546.0</t>
  </si>
  <si>
    <t>1306462.0</t>
  </si>
  <si>
    <t>81137.0</t>
  </si>
  <si>
    <t>21060.0</t>
  </si>
  <si>
    <t>-2233.5</t>
  </si>
  <si>
    <t>-7.35</t>
  </si>
  <si>
    <t>-657.226266804733</t>
  </si>
  <si>
    <t>2948151.0</t>
  </si>
  <si>
    <t>880.628</t>
  </si>
  <si>
    <t>3182775.0</t>
  </si>
  <si>
    <t>1859509.0</t>
  </si>
  <si>
    <t>1323266.0</t>
  </si>
  <si>
    <t>64685.0</t>
  </si>
  <si>
    <t>2955253.0</t>
  </si>
  <si>
    <t>882.75</t>
  </si>
  <si>
    <t>3234111.0</t>
  </si>
  <si>
    <t>1860915.0</t>
  </si>
  <si>
    <t>1373196.0</t>
  </si>
  <si>
    <t>2964654.0</t>
  </si>
  <si>
    <t>885.558</t>
  </si>
  <si>
    <t>3305569.0</t>
  </si>
  <si>
    <t>1865857.0</t>
  </si>
  <si>
    <t>1439712.0</t>
  </si>
  <si>
    <t>61857.0</t>
  </si>
  <si>
    <t>97.27</t>
  </si>
  <si>
    <t>2975686.0</t>
  </si>
  <si>
    <t>888.853</t>
  </si>
  <si>
    <t>3358051.0</t>
  </si>
  <si>
    <t>1869199.0</t>
  </si>
  <si>
    <t>1488852.0</t>
  </si>
  <si>
    <t>47259.0</t>
  </si>
  <si>
    <t>2986458.0</t>
  </si>
  <si>
    <t>892.071</t>
  </si>
  <si>
    <t>3380812.0</t>
  </si>
  <si>
    <t>1870788.0</t>
  </si>
  <si>
    <t>1510024.0</t>
  </si>
  <si>
    <t>2993959.0</t>
  </si>
  <si>
    <t>894.311</t>
  </si>
  <si>
    <t>3397608.0</t>
  </si>
  <si>
    <t>1872056.0</t>
  </si>
  <si>
    <t>1525552.0</t>
  </si>
  <si>
    <t>3000207.0</t>
  </si>
  <si>
    <t>896.178</t>
  </si>
  <si>
    <t>3436701.0</t>
  </si>
  <si>
    <t>1875003.0</t>
  </si>
  <si>
    <t>1561698.0</t>
  </si>
  <si>
    <t>3009838.0</t>
  </si>
  <si>
    <t>899.054</t>
  </si>
  <si>
    <t>3481129.0</t>
  </si>
  <si>
    <t>1884272.0</t>
  </si>
  <si>
    <t>1596857.0</t>
  </si>
  <si>
    <t>44428.0</t>
  </si>
  <si>
    <t>42622.0</t>
  </si>
  <si>
    <t>102.44</t>
  </si>
  <si>
    <t>3018338.0</t>
  </si>
  <si>
    <t>901.593</t>
  </si>
  <si>
    <t>37241.0</t>
  </si>
  <si>
    <t>3027934.0</t>
  </si>
  <si>
    <t>904.46</t>
  </si>
  <si>
    <t>3508471.0</t>
  </si>
  <si>
    <t>1887425.0</t>
  </si>
  <si>
    <t>1621046.0</t>
  </si>
  <si>
    <t>3038587.0</t>
  </si>
  <si>
    <t>907.642</t>
  </si>
  <si>
    <t>3528572.0</t>
  </si>
  <si>
    <t>1890678.0</t>
  </si>
  <si>
    <t>1637894.0</t>
  </si>
  <si>
    <t>3050108.0</t>
  </si>
  <si>
    <t>911.083</t>
  </si>
  <si>
    <t>3534495.0</t>
  </si>
  <si>
    <t>1891804.0</t>
  </si>
  <si>
    <t>1642691.0</t>
  </si>
  <si>
    <t>3061071.0</t>
  </si>
  <si>
    <t>914.358</t>
  </si>
  <si>
    <t>3538289.0</t>
  </si>
  <si>
    <t>1892396.0</t>
  </si>
  <si>
    <t>1645893.0</t>
  </si>
  <si>
    <t>104.12</t>
  </si>
  <si>
    <t>3071861.0</t>
  </si>
  <si>
    <t>917.581</t>
  </si>
  <si>
    <t>3552788.0</t>
  </si>
  <si>
    <t>1894995.0</t>
  </si>
  <si>
    <t>1657793.0</t>
  </si>
  <si>
    <t>104.54</t>
  </si>
  <si>
    <t>3083418.0</t>
  </si>
  <si>
    <t>921.033</t>
  </si>
  <si>
    <t>3565805.0</t>
  </si>
  <si>
    <t>1897956.0</t>
  </si>
  <si>
    <t>1667849.0</t>
  </si>
  <si>
    <t>3097091.0</t>
  </si>
  <si>
    <t>925.117</t>
  </si>
  <si>
    <t>3108631.0</t>
  </si>
  <si>
    <t>928.564</t>
  </si>
  <si>
    <t>3588146.0</t>
  </si>
  <si>
    <t>1903859.0</t>
  </si>
  <si>
    <t>1684287.0</t>
  </si>
  <si>
    <t>3120389.0</t>
  </si>
  <si>
    <t>932.077</t>
  </si>
  <si>
    <t>3599557.0</t>
  </si>
  <si>
    <t>1907878.0</t>
  </si>
  <si>
    <t>1691679.0</t>
  </si>
  <si>
    <t>3133254.0</t>
  </si>
  <si>
    <t>935.919</t>
  </si>
  <si>
    <t>3143854.0</t>
  </si>
  <si>
    <t>939.086</t>
  </si>
  <si>
    <t>3608480.0</t>
  </si>
  <si>
    <t>1912235.0</t>
  </si>
  <si>
    <t>1696245.0</t>
  </si>
  <si>
    <t>3155127.0</t>
  </si>
  <si>
    <t>11273.0</t>
  </si>
  <si>
    <t>942.453</t>
  </si>
  <si>
    <t>3166892.0</t>
  </si>
  <si>
    <t>945.967</t>
  </si>
  <si>
    <t>3633222.0</t>
  </si>
  <si>
    <t>1924675.0</t>
  </si>
  <si>
    <t>1708547.0</t>
  </si>
  <si>
    <t>3178573.0</t>
  </si>
  <si>
    <t>949.456</t>
  </si>
  <si>
    <t>3645291.0</t>
  </si>
  <si>
    <t>1931642.0</t>
  </si>
  <si>
    <t>3191735.0</t>
  </si>
  <si>
    <t>953.388</t>
  </si>
  <si>
    <t>3205257.0</t>
  </si>
  <si>
    <t>957.427</t>
  </si>
  <si>
    <t>3672281.0</t>
  </si>
  <si>
    <t>1948459.0</t>
  </si>
  <si>
    <t>1723822.0</t>
  </si>
  <si>
    <t>3217160.0</t>
  </si>
  <si>
    <t>960.983</t>
  </si>
  <si>
    <t>3227599.0</t>
  </si>
  <si>
    <t>964.101</t>
  </si>
  <si>
    <t>3682742.0</t>
  </si>
  <si>
    <t>1956403.0</t>
  </si>
  <si>
    <t>1726339.0</t>
  </si>
  <si>
    <t>3720002.0</t>
  </si>
  <si>
    <t>1981613.0</t>
  </si>
  <si>
    <t>1738389.0</t>
  </si>
  <si>
    <t>3234630.0</t>
  </si>
  <si>
    <t>966.201</t>
  </si>
  <si>
    <t>3257155.0</t>
  </si>
  <si>
    <t>972.929</t>
  </si>
  <si>
    <t>3767598.0</t>
  </si>
  <si>
    <t>2021411.0</t>
  </si>
  <si>
    <t>1746187.0</t>
  </si>
  <si>
    <t>-1940.6</t>
  </si>
  <si>
    <t>-571.037964343526</t>
  </si>
  <si>
    <t>3266128.0</t>
  </si>
  <si>
    <t>975.61</t>
  </si>
  <si>
    <t>3788394.0</t>
  </si>
  <si>
    <t>2038128.0</t>
  </si>
  <si>
    <t>1750266.0</t>
  </si>
  <si>
    <t>18515.0</t>
  </si>
  <si>
    <t>3275613.0</t>
  </si>
  <si>
    <t>978.443</t>
  </si>
  <si>
    <t>3810163.0</t>
  </si>
  <si>
    <t>2053714.0</t>
  </si>
  <si>
    <t>1756449.0</t>
  </si>
  <si>
    <t>3285490.0</t>
  </si>
  <si>
    <t>981.393</t>
  </si>
  <si>
    <t>3294324.0</t>
  </si>
  <si>
    <t>984.032</t>
  </si>
  <si>
    <t>3827417.0</t>
  </si>
  <si>
    <t>2066119.0</t>
  </si>
  <si>
    <t>1761298.0</t>
  </si>
  <si>
    <t>3303023.0</t>
  </si>
  <si>
    <t>986.63</t>
  </si>
  <si>
    <t>3312614.0</t>
  </si>
  <si>
    <t>989.495</t>
  </si>
  <si>
    <t>3865840.0</t>
  </si>
  <si>
    <t>2088595.0</t>
  </si>
  <si>
    <t>1777245.0</t>
  </si>
  <si>
    <t>3322280.0</t>
  </si>
  <si>
    <t>992.382</t>
  </si>
  <si>
    <t>3879567.0</t>
  </si>
  <si>
    <t>2097303.0</t>
  </si>
  <si>
    <t>1782264.0</t>
  </si>
  <si>
    <t>3331186.0</t>
  </si>
  <si>
    <t>995.043</t>
  </si>
  <si>
    <t>3888172.0</t>
  </si>
  <si>
    <t>2100918.0</t>
  </si>
  <si>
    <t>1787254.0</t>
  </si>
  <si>
    <t>3343725.0</t>
  </si>
  <si>
    <t>998.788</t>
  </si>
  <si>
    <t>3354200.0</t>
  </si>
  <si>
    <t>1001.917</t>
  </si>
  <si>
    <t>3899770.0</t>
  </si>
  <si>
    <t>2103485.0</t>
  </si>
  <si>
    <t>1796285.0</t>
  </si>
  <si>
    <t>3364669.0</t>
  </si>
  <si>
    <t>1005.044</t>
  </si>
  <si>
    <t>3902647.0</t>
  </si>
  <si>
    <t>2103983.0</t>
  </si>
  <si>
    <t>1798664.0</t>
  </si>
  <si>
    <t>114.84</t>
  </si>
  <si>
    <t>3912996.0</t>
  </si>
  <si>
    <t>2104832.0</t>
  </si>
  <si>
    <t>1808164.0</t>
  </si>
  <si>
    <t>3926213.0</t>
  </si>
  <si>
    <t>2105725.0</t>
  </si>
  <si>
    <t>1820488.0</t>
  </si>
  <si>
    <t>3930877.0</t>
  </si>
  <si>
    <t>2107044.0</t>
  </si>
  <si>
    <t>1823833.0</t>
  </si>
  <si>
    <t>115.67</t>
  </si>
  <si>
    <t>3950708.0</t>
  </si>
  <si>
    <t>2108868.0</t>
  </si>
  <si>
    <t>1841840.0</t>
  </si>
  <si>
    <t>3972424.0</t>
  </si>
  <si>
    <t>2111927.0</t>
  </si>
  <si>
    <t>1860497.0</t>
  </si>
  <si>
    <t>3998762.0</t>
  </si>
  <si>
    <t>2117494.0</t>
  </si>
  <si>
    <t>1881268.0</t>
  </si>
  <si>
    <t>26338.0</t>
  </si>
  <si>
    <t>4024669.0</t>
  </si>
  <si>
    <t>2124499.0</t>
  </si>
  <si>
    <t>1900170.0</t>
  </si>
  <si>
    <t>25907.0</t>
  </si>
  <si>
    <t>4047468.0</t>
  </si>
  <si>
    <t>2131221.0</t>
  </si>
  <si>
    <t>1916247.0</t>
  </si>
  <si>
    <t>4068492.0</t>
  </si>
  <si>
    <t>2138538.0</t>
  </si>
  <si>
    <t>1929954.0</t>
  </si>
  <si>
    <t>119.72</t>
  </si>
  <si>
    <t>2146874.0</t>
  </si>
  <si>
    <t>1944128.0</t>
  </si>
  <si>
    <t>20042.0</t>
  </si>
  <si>
    <t>120.38</t>
  </si>
  <si>
    <t>4111223.0</t>
  </si>
  <si>
    <t>2155040.0</t>
  </si>
  <si>
    <t>1956183.0</t>
  </si>
  <si>
    <t>20221.0</t>
  </si>
  <si>
    <t>4127311.0</t>
  </si>
  <si>
    <t>2161612.0</t>
  </si>
  <si>
    <t>1965699.0</t>
  </si>
  <si>
    <t>4154534.0</t>
  </si>
  <si>
    <t>2174672.0</t>
  </si>
  <si>
    <t>1979862.0</t>
  </si>
  <si>
    <t>122.25</t>
  </si>
  <si>
    <t>-1591.5</t>
  </si>
  <si>
    <t>-468.312336521035</t>
  </si>
  <si>
    <t>4161918.0</t>
  </si>
  <si>
    <t>2178913.0</t>
  </si>
  <si>
    <t>1983005.0</t>
  </si>
  <si>
    <t>4171546.0</t>
  </si>
  <si>
    <t>2184602.0</t>
  </si>
  <si>
    <t>1986944.0</t>
  </si>
  <si>
    <t>4173071.0</t>
  </si>
  <si>
    <t>2185468.0</t>
  </si>
  <si>
    <t>1987603.0</t>
  </si>
  <si>
    <t>4185547.0</t>
  </si>
  <si>
    <t>2192905.0</t>
  </si>
  <si>
    <t>4192146.0</t>
  </si>
  <si>
    <t>2197111.0</t>
  </si>
  <si>
    <t>1995035.0</t>
  </si>
  <si>
    <t>4198321.0</t>
  </si>
  <si>
    <t>2200824.0</t>
  </si>
  <si>
    <t>1997497.0</t>
  </si>
  <si>
    <t>4199691.0</t>
  </si>
  <si>
    <t>2201703.0</t>
  </si>
  <si>
    <t>1997988.0</t>
  </si>
  <si>
    <t>123.58</t>
  </si>
  <si>
    <t>4200827.0</t>
  </si>
  <si>
    <t>2202412.0</t>
  </si>
  <si>
    <t>1998415.0</t>
  </si>
  <si>
    <t>4206816.0</t>
  </si>
  <si>
    <t>2206071.0</t>
  </si>
  <si>
    <t>2000745.0</t>
  </si>
  <si>
    <t>4211450.0</t>
  </si>
  <si>
    <t>2208400.0</t>
  </si>
  <si>
    <t>2003050.0</t>
  </si>
  <si>
    <t>4217855.0</t>
  </si>
  <si>
    <t>2210968.0</t>
  </si>
  <si>
    <t>2006887.0</t>
  </si>
  <si>
    <t>124.11</t>
  </si>
  <si>
    <t>4224580.0</t>
  </si>
  <si>
    <t>2213422.0</t>
  </si>
  <si>
    <t>2011158.0</t>
  </si>
  <si>
    <t>4232784.0</t>
  </si>
  <si>
    <t>2216191.0</t>
  </si>
  <si>
    <t>2016593.0</t>
  </si>
  <si>
    <t>4235613.0</t>
  </si>
  <si>
    <t>2217044.0</t>
  </si>
  <si>
    <t>2018569.0</t>
  </si>
  <si>
    <t>4236033.0</t>
  </si>
  <si>
    <t>2217139.0</t>
  </si>
  <si>
    <t>2018894.0</t>
  </si>
  <si>
    <t>124.65</t>
  </si>
  <si>
    <t>4240587.0</t>
  </si>
  <si>
    <t>2218058.0</t>
  </si>
  <si>
    <t>2022529.0</t>
  </si>
  <si>
    <t>4254734.0</t>
  </si>
  <si>
    <t>2221121.0</t>
  </si>
  <si>
    <t>2033613.0</t>
  </si>
  <si>
    <t>4261009.0</t>
  </si>
  <si>
    <t>2222451.0</t>
  </si>
  <si>
    <t>2038558.0</t>
  </si>
  <si>
    <t>4278004.0</t>
  </si>
  <si>
    <t>2226436.0</t>
  </si>
  <si>
    <t>2051568.0</t>
  </si>
  <si>
    <t>4280748.0</t>
  </si>
  <si>
    <t>2227072.0</t>
  </si>
  <si>
    <t>2053676.0</t>
  </si>
  <si>
    <t>4282702.0</t>
  </si>
  <si>
    <t>2227434.0</t>
  </si>
  <si>
    <t>2055268.0</t>
  </si>
  <si>
    <t>4291705.0</t>
  </si>
  <si>
    <t>2229595.0</t>
  </si>
  <si>
    <t>2062110.0</t>
  </si>
  <si>
    <t>4298705.0</t>
  </si>
  <si>
    <t>2231314.0</t>
  </si>
  <si>
    <t>2067391.0</t>
  </si>
  <si>
    <t>126.49</t>
  </si>
  <si>
    <t>4305958.0</t>
  </si>
  <si>
    <t>2232964.0</t>
  </si>
  <si>
    <t>2072994.0</t>
  </si>
  <si>
    <t>126.71</t>
  </si>
  <si>
    <t>0.2748</t>
  </si>
  <si>
    <t>4311222.0</t>
  </si>
  <si>
    <t>2234061.0</t>
  </si>
  <si>
    <t>2077161.0</t>
  </si>
  <si>
    <t>3690466.0</t>
  </si>
  <si>
    <t>1102.362</t>
  </si>
  <si>
    <t>3698686.0</t>
  </si>
  <si>
    <t>1104.817</t>
  </si>
  <si>
    <t>4320299.0</t>
  </si>
  <si>
    <t>2236137.0</t>
  </si>
  <si>
    <t>2084162.0</t>
  </si>
  <si>
    <t>3704899.0</t>
  </si>
  <si>
    <t>1106.673</t>
  </si>
  <si>
    <t>4321363.0</t>
  </si>
  <si>
    <t>2236363.0</t>
  </si>
  <si>
    <t>2085000.0</t>
  </si>
  <si>
    <t>3709272.0</t>
  </si>
  <si>
    <t>1107.979</t>
  </si>
  <si>
    <t>4327878.0</t>
  </si>
  <si>
    <t>2238037.0</t>
  </si>
  <si>
    <t>2089841.0</t>
  </si>
  <si>
    <t>3715089.0</t>
  </si>
  <si>
    <t>1109.717</t>
  </si>
  <si>
    <t>4333638.0</t>
  </si>
  <si>
    <t>2239399.0</t>
  </si>
  <si>
    <t>2094239.0</t>
  </si>
  <si>
    <t>-1373.8</t>
  </si>
  <si>
    <t>-4.71</t>
  </si>
  <si>
    <t>-404.252270130442</t>
  </si>
  <si>
    <t>4337491.0</t>
  </si>
  <si>
    <t>2240435.0</t>
  </si>
  <si>
    <t>2097056.0</t>
  </si>
  <si>
    <t>0.3981</t>
  </si>
  <si>
    <t>4340885.0</t>
  </si>
  <si>
    <t>2241087.0</t>
  </si>
  <si>
    <t>2099798.0</t>
  </si>
  <si>
    <t>127.73</t>
  </si>
  <si>
    <t>4344079.0</t>
  </si>
  <si>
    <t>2242107.0</t>
  </si>
  <si>
    <t>2101972.0</t>
  </si>
  <si>
    <t>4345842.0</t>
  </si>
  <si>
    <t>2242568.0</t>
  </si>
  <si>
    <t>2103274.0</t>
  </si>
  <si>
    <t>4346550.0</t>
  </si>
  <si>
    <t>2242768.0</t>
  </si>
  <si>
    <t>2103782.0</t>
  </si>
  <si>
    <t>0.4139</t>
  </si>
  <si>
    <t>4349057.0</t>
  </si>
  <si>
    <t>2243338.0</t>
  </si>
  <si>
    <t>2105719.0</t>
  </si>
  <si>
    <t>0.4227</t>
  </si>
  <si>
    <t>4352131.0</t>
  </si>
  <si>
    <t>2244222.0</t>
  </si>
  <si>
    <t>2107909.0</t>
  </si>
  <si>
    <t>128.07</t>
  </si>
  <si>
    <t>0.4616</t>
  </si>
  <si>
    <t>4355047.0</t>
  </si>
  <si>
    <t>2245049.0</t>
  </si>
  <si>
    <t>2109998.0</t>
  </si>
  <si>
    <t>4356196.0</t>
  </si>
  <si>
    <t>2245323.0</t>
  </si>
  <si>
    <t>2110873.0</t>
  </si>
  <si>
    <t>0.4965</t>
  </si>
  <si>
    <t>0.5077</t>
  </si>
  <si>
    <t>4358822.0</t>
  </si>
  <si>
    <t>2246005.0</t>
  </si>
  <si>
    <t>2112817.0</t>
  </si>
  <si>
    <t>128.26</t>
  </si>
  <si>
    <t>0.5136</t>
  </si>
  <si>
    <t>4362413.0</t>
  </si>
  <si>
    <t>2246924.0</t>
  </si>
  <si>
    <t>2115489.0</t>
  </si>
  <si>
    <t>3842463.0</t>
  </si>
  <si>
    <t>1147.764</t>
  </si>
  <si>
    <t>4364524.0</t>
  </si>
  <si>
    <t>2247390.0</t>
  </si>
  <si>
    <t>2117134.0</t>
  </si>
  <si>
    <t>4366169.0</t>
  </si>
  <si>
    <t>2247754.0</t>
  </si>
  <si>
    <t>2118415.0</t>
  </si>
  <si>
    <t>3866591.0</t>
  </si>
  <si>
    <t>1154.971</t>
  </si>
  <si>
    <t>0.4321</t>
  </si>
  <si>
    <t>4367512.0</t>
  </si>
  <si>
    <t>2248058.0</t>
  </si>
  <si>
    <t>2119454.0</t>
  </si>
  <si>
    <t>4369498.0</t>
  </si>
  <si>
    <t>2248549.0</t>
  </si>
  <si>
    <t>2120949.0</t>
  </si>
  <si>
    <t>0.5037</t>
  </si>
  <si>
    <t>0.5157</t>
  </si>
  <si>
    <t>4370453.0</t>
  </si>
  <si>
    <t>2248757.0</t>
  </si>
  <si>
    <t>2121696.0</t>
  </si>
  <si>
    <t>0.5408</t>
  </si>
  <si>
    <t>4371868.0</t>
  </si>
  <si>
    <t>2249078.0</t>
  </si>
  <si>
    <t>2122790.0</t>
  </si>
  <si>
    <t>0.5973</t>
  </si>
  <si>
    <t>4372991.0</t>
  </si>
  <si>
    <t>2249289.0</t>
  </si>
  <si>
    <t>2123702.0</t>
  </si>
  <si>
    <t>0.6788</t>
  </si>
  <si>
    <t>4374191.0</t>
  </si>
  <si>
    <t>2249607.0</t>
  </si>
  <si>
    <t>2124584.0</t>
  </si>
  <si>
    <t>0.7458</t>
  </si>
  <si>
    <t>4375211.0</t>
  </si>
  <si>
    <t>2249848.0</t>
  </si>
  <si>
    <t>2125363.0</t>
  </si>
  <si>
    <t>3943973.0</t>
  </si>
  <si>
    <t>1178.085</t>
  </si>
  <si>
    <t>0.7774</t>
  </si>
  <si>
    <t>4376377.0</t>
  </si>
  <si>
    <t>2250137.0</t>
  </si>
  <si>
    <t>2126240.0</t>
  </si>
  <si>
    <t>128.78</t>
  </si>
  <si>
    <t>3954506.0</t>
  </si>
  <si>
    <t>1181.232</t>
  </si>
  <si>
    <t>0.7647</t>
  </si>
  <si>
    <t>3962539.0</t>
  </si>
  <si>
    <t>1183.631</t>
  </si>
  <si>
    <t>0.7772</t>
  </si>
  <si>
    <t>4376793.0</t>
  </si>
  <si>
    <t>2250218.0</t>
  </si>
  <si>
    <t>2126575.0</t>
  </si>
  <si>
    <t>3969995.0</t>
  </si>
  <si>
    <t>1185.858</t>
  </si>
  <si>
    <t>0.7848</t>
  </si>
  <si>
    <t>4378071.0</t>
  </si>
  <si>
    <t>2250537.0</t>
  </si>
  <si>
    <t>2127534.0</t>
  </si>
  <si>
    <t>3980390.0</t>
  </si>
  <si>
    <t>1188.963</t>
  </si>
  <si>
    <t>0.7704</t>
  </si>
  <si>
    <t>4379100.0</t>
  </si>
  <si>
    <t>2250797.0</t>
  </si>
  <si>
    <t>2128303.0</t>
  </si>
  <si>
    <t>128.86</t>
  </si>
  <si>
    <t>3990254.0</t>
  </si>
  <si>
    <t>1191.91</t>
  </si>
  <si>
    <t>4380175.0</t>
  </si>
  <si>
    <t>2251069.0</t>
  </si>
  <si>
    <t>2129106.0</t>
  </si>
  <si>
    <t>4001638.0</t>
  </si>
  <si>
    <t>1195.31</t>
  </si>
  <si>
    <t>0.7203</t>
  </si>
  <si>
    <t>4381268.0</t>
  </si>
  <si>
    <t>2251392.0</t>
  </si>
  <si>
    <t>2129876.0</t>
  </si>
  <si>
    <t>128.92</t>
  </si>
  <si>
    <t>-830.1</t>
  </si>
  <si>
    <t>-244.263946306071</t>
  </si>
  <si>
    <t>0.7851</t>
  </si>
  <si>
    <t>4381911.0</t>
  </si>
  <si>
    <t>2251542.0</t>
  </si>
  <si>
    <t>2130369.0</t>
  </si>
  <si>
    <t>4382393.0</t>
  </si>
  <si>
    <t>2251684.0</t>
  </si>
  <si>
    <t>2130709.0</t>
  </si>
  <si>
    <t>0.9168</t>
  </si>
  <si>
    <t>4382486.0</t>
  </si>
  <si>
    <t>2251699.0</t>
  </si>
  <si>
    <t>2130787.0</t>
  </si>
  <si>
    <t>0.9593</t>
  </si>
  <si>
    <t>4383409.0</t>
  </si>
  <si>
    <t>2251944.0</t>
  </si>
  <si>
    <t>2131465.0</t>
  </si>
  <si>
    <t>4022930.0</t>
  </si>
  <si>
    <t>1201.67</t>
  </si>
  <si>
    <t>4384114.0</t>
  </si>
  <si>
    <t>2252136.0</t>
  </si>
  <si>
    <t>2131978.0</t>
  </si>
  <si>
    <t>4032032.0</t>
  </si>
  <si>
    <t>1204.389</t>
  </si>
  <si>
    <t>4384825.0</t>
  </si>
  <si>
    <t>2252313.0</t>
  </si>
  <si>
    <t>2132512.0</t>
  </si>
  <si>
    <t>4041932.0</t>
  </si>
  <si>
    <t>1207.346</t>
  </si>
  <si>
    <t>4385371.0</t>
  </si>
  <si>
    <t>2252459.0</t>
  </si>
  <si>
    <t>2132912.0</t>
  </si>
  <si>
    <t>4051769.0</t>
  </si>
  <si>
    <t>1210.285</t>
  </si>
  <si>
    <t>4061410.0</t>
  </si>
  <si>
    <t>1213.164</t>
  </si>
  <si>
    <t>0.9015</t>
  </si>
  <si>
    <t>4067726.0</t>
  </si>
  <si>
    <t>1215.051</t>
  </si>
  <si>
    <t>0.8703</t>
  </si>
  <si>
    <t>4386477.0</t>
  </si>
  <si>
    <t>2252748.0</t>
  </si>
  <si>
    <t>2133729.0</t>
  </si>
  <si>
    <t>4074039.0</t>
  </si>
  <si>
    <t>1216.937</t>
  </si>
  <si>
    <t>0.8486</t>
  </si>
  <si>
    <t>4387025.0</t>
  </si>
  <si>
    <t>2252914.0</t>
  </si>
  <si>
    <t>2134111.0</t>
  </si>
  <si>
    <t>4082943.0</t>
  </si>
  <si>
    <t>1219.596</t>
  </si>
  <si>
    <t>0.7852</t>
  </si>
  <si>
    <t>4387627.0</t>
  </si>
  <si>
    <t>2253082.0</t>
  </si>
  <si>
    <t>2134545.0</t>
  </si>
  <si>
    <t>129.11</t>
  </si>
  <si>
    <t>4092725.0</t>
  </si>
  <si>
    <t>1222.518</t>
  </si>
  <si>
    <t>0.7814</t>
  </si>
  <si>
    <t>4388414.0</t>
  </si>
  <si>
    <t>2253306.0</t>
  </si>
  <si>
    <t>2135108.0</t>
  </si>
  <si>
    <t>4102407.0</t>
  </si>
  <si>
    <t>1225.41</t>
  </si>
  <si>
    <t>0.7782</t>
  </si>
  <si>
    <t>4389002.0</t>
  </si>
  <si>
    <t>2253472.0</t>
  </si>
  <si>
    <t>2135530.0</t>
  </si>
  <si>
    <t>4112374.0</t>
  </si>
  <si>
    <t>1228.388</t>
  </si>
  <si>
    <t>0.7623</t>
  </si>
  <si>
    <t>4389528.0</t>
  </si>
  <si>
    <t>2253658.0</t>
  </si>
  <si>
    <t>2135870.0</t>
  </si>
  <si>
    <t>0.7739</t>
  </si>
  <si>
    <t>0.7966</t>
  </si>
  <si>
    <t>4389824.0</t>
  </si>
  <si>
    <t>2253761.0</t>
  </si>
  <si>
    <t>2136063.0</t>
  </si>
  <si>
    <t>4133659.0</t>
  </si>
  <si>
    <t>1234.746</t>
  </si>
  <si>
    <t>0.7808</t>
  </si>
  <si>
    <t>4390301.0</t>
  </si>
  <si>
    <t>2253925.0</t>
  </si>
  <si>
    <t>2136376.0</t>
  </si>
  <si>
    <t>4143744.0</t>
  </si>
  <si>
    <t>1237.758</t>
  </si>
  <si>
    <t>0.7477</t>
  </si>
  <si>
    <t>4390773.0</t>
  </si>
  <si>
    <t>2136699.0</t>
  </si>
  <si>
    <t>4153764.0</t>
  </si>
  <si>
    <t>1240.751</t>
  </si>
  <si>
    <t>0.7338</t>
  </si>
  <si>
    <t>4391183.0</t>
  </si>
  <si>
    <t>2254204.0</t>
  </si>
  <si>
    <t>2136979.0</t>
  </si>
  <si>
    <t>129.21</t>
  </si>
  <si>
    <t>4163196.0</t>
  </si>
  <si>
    <t>1243.568</t>
  </si>
  <si>
    <t>0.7238</t>
  </si>
  <si>
    <t>4172417.0</t>
  </si>
  <si>
    <t>1246.323</t>
  </si>
  <si>
    <t>0.7191</t>
  </si>
  <si>
    <t>0.7234</t>
  </si>
  <si>
    <t>4187288.0</t>
  </si>
  <si>
    <t>1250.765</t>
  </si>
  <si>
    <t>0.6708</t>
  </si>
  <si>
    <t>4392350.0</t>
  </si>
  <si>
    <t>2254570.0</t>
  </si>
  <si>
    <t>2137780.0</t>
  </si>
  <si>
    <t>4192592.0</t>
  </si>
  <si>
    <t>1252.349</t>
  </si>
  <si>
    <t>0.6837</t>
  </si>
  <si>
    <t>4199594.0</t>
  </si>
  <si>
    <t>1254.441</t>
  </si>
  <si>
    <t>0.7029</t>
  </si>
  <si>
    <t>4393356.0</t>
  </si>
  <si>
    <t>2254866.0</t>
  </si>
  <si>
    <t>2138490.0</t>
  </si>
  <si>
    <t>4208941.0</t>
  </si>
  <si>
    <t>1257.233</t>
  </si>
  <si>
    <t>0.6901</t>
  </si>
  <si>
    <t>4218162.0</t>
  </si>
  <si>
    <t>1259.987</t>
  </si>
  <si>
    <t>0.6745</t>
  </si>
  <si>
    <t>4394377.0</t>
  </si>
  <si>
    <t>2255155.0</t>
  </si>
  <si>
    <t>2139222.0</t>
  </si>
  <si>
    <t>4226781.0</t>
  </si>
  <si>
    <t>1262.562</t>
  </si>
  <si>
    <t>0.6637</t>
  </si>
  <si>
    <t>0.6415</t>
  </si>
  <si>
    <t>4395278.0</t>
  </si>
  <si>
    <t>2255448.0</t>
  </si>
  <si>
    <t>2139830.0</t>
  </si>
  <si>
    <t>-18.5999999999999</t>
  </si>
  <si>
    <t>-5.47320732597626</t>
  </si>
  <si>
    <t>4246025.0</t>
  </si>
  <si>
    <t>1268.31</t>
  </si>
  <si>
    <t>4254093.0</t>
  </si>
  <si>
    <t>1270.72</t>
  </si>
  <si>
    <t>0.9531</t>
  </si>
  <si>
    <t>4262480.0</t>
  </si>
  <si>
    <t>1273.225</t>
  </si>
  <si>
    <t>0.9729</t>
  </si>
  <si>
    <t>4270494.0</t>
  </si>
  <si>
    <t>1275.619</t>
  </si>
  <si>
    <t>4278618.0</t>
  </si>
  <si>
    <t>1278.046</t>
  </si>
  <si>
    <t>0.9912</t>
  </si>
  <si>
    <t>4397188.0</t>
  </si>
  <si>
    <t>2256014.0</t>
  </si>
  <si>
    <t>2141174.0</t>
  </si>
  <si>
    <t>0.9885</t>
  </si>
  <si>
    <t>4397342.0</t>
  </si>
  <si>
    <t>2256066.0</t>
  </si>
  <si>
    <t>2141276.0</t>
  </si>
  <si>
    <t>0.5614</t>
  </si>
  <si>
    <t>4398356.0</t>
  </si>
  <si>
    <t>2256273.0</t>
  </si>
  <si>
    <t>2142083.0</t>
  </si>
  <si>
    <t>4299358.0</t>
  </si>
  <si>
    <t>1284.241</t>
  </si>
  <si>
    <t>4307430.0</t>
  </si>
  <si>
    <t>1286.652</t>
  </si>
  <si>
    <t>4399820.0</t>
  </si>
  <si>
    <t>2256788.0</t>
  </si>
  <si>
    <t>2143032.0</t>
  </si>
  <si>
    <t>4314472.0</t>
  </si>
  <si>
    <t>1288.755</t>
  </si>
  <si>
    <t>0.4619</t>
  </si>
  <si>
    <t>4400422.0</t>
  </si>
  <si>
    <t>2256958.0</t>
  </si>
  <si>
    <t>2143464.0</t>
  </si>
  <si>
    <t>129.49</t>
  </si>
  <si>
    <t>4321687.0</t>
  </si>
  <si>
    <t>1290.911</t>
  </si>
  <si>
    <t>4401882.0</t>
  </si>
  <si>
    <t>2257457.0</t>
  </si>
  <si>
    <t>2144425.0</t>
  </si>
  <si>
    <t>129.53</t>
  </si>
  <si>
    <t>4402207.0</t>
  </si>
  <si>
    <t>2257590.0</t>
  </si>
  <si>
    <t>2144617.0</t>
  </si>
  <si>
    <t>129.54</t>
  </si>
  <si>
    <t>4337236.0</t>
  </si>
  <si>
    <t>1295.555</t>
  </si>
  <si>
    <t>0.4295</t>
  </si>
  <si>
    <t>4402983.0</t>
  </si>
  <si>
    <t>2257845.0</t>
  </si>
  <si>
    <t>2145138.0</t>
  </si>
  <si>
    <t>129.56</t>
  </si>
  <si>
    <t>4343998.0</t>
  </si>
  <si>
    <t>1297.575</t>
  </si>
  <si>
    <t>0.4045</t>
  </si>
  <si>
    <t>4403763.0</t>
  </si>
  <si>
    <t>2258055.0</t>
  </si>
  <si>
    <t>2145708.0</t>
  </si>
  <si>
    <t>0.3987</t>
  </si>
  <si>
    <t>4356963.0</t>
  </si>
  <si>
    <t>1301.448</t>
  </si>
  <si>
    <t>4405032.0</t>
  </si>
  <si>
    <t>2258443.0</t>
  </si>
  <si>
    <t>2146589.0</t>
  </si>
  <si>
    <t>4363862.0</t>
  </si>
  <si>
    <t>1303.508</t>
  </si>
  <si>
    <t>0.4166</t>
  </si>
  <si>
    <t>4405665.0</t>
  </si>
  <si>
    <t>2258631.0</t>
  </si>
  <si>
    <t>2147034.0</t>
  </si>
  <si>
    <t>4373908.0</t>
  </si>
  <si>
    <t>1306.509</t>
  </si>
  <si>
    <t>4406086.0</t>
  </si>
  <si>
    <t>2258752.0</t>
  </si>
  <si>
    <t>2147334.0</t>
  </si>
  <si>
    <t>0.3921</t>
  </si>
  <si>
    <t>4406703.0</t>
  </si>
  <si>
    <t>2258938.0</t>
  </si>
  <si>
    <t>2147765.0</t>
  </si>
  <si>
    <t>129.67</t>
  </si>
  <si>
    <t>4383771.0</t>
  </si>
  <si>
    <t>1309.455</t>
  </si>
  <si>
    <t>4407363.0</t>
  </si>
  <si>
    <t>2259157.0</t>
  </si>
  <si>
    <t>2148206.0</t>
  </si>
  <si>
    <t>4390069.0</t>
  </si>
  <si>
    <t>1311.337</t>
  </si>
  <si>
    <t>4408200.0</t>
  </si>
  <si>
    <t>2148807.0</t>
  </si>
  <si>
    <t>4397102.0</t>
  </si>
  <si>
    <t>1313.437</t>
  </si>
  <si>
    <t>4408998.0</t>
  </si>
  <si>
    <t>2259619.0</t>
  </si>
  <si>
    <t>2149379.0</t>
  </si>
  <si>
    <t>4407750.0</t>
  </si>
  <si>
    <t>1316.618</t>
  </si>
  <si>
    <t>4409480.0</t>
  </si>
  <si>
    <t>2259763.0</t>
  </si>
  <si>
    <t>2149717.0</t>
  </si>
  <si>
    <t>4409756.0</t>
  </si>
  <si>
    <t>2259870.0</t>
  </si>
  <si>
    <t>2149886.0</t>
  </si>
  <si>
    <t>4415592.0</t>
  </si>
  <si>
    <t>1318.96</t>
  </si>
  <si>
    <t>4410657.0</t>
  </si>
  <si>
    <t>2260178.0</t>
  </si>
  <si>
    <t>2150479.0</t>
  </si>
  <si>
    <t>129.79</t>
  </si>
  <si>
    <t>4421974.0</t>
  </si>
  <si>
    <t>1320.867</t>
  </si>
  <si>
    <t>525.5</t>
  </si>
  <si>
    <t>154.632819881749</t>
  </si>
  <si>
    <t>4427875.0</t>
  </si>
  <si>
    <t>1322.629</t>
  </si>
  <si>
    <t>4412537.0</t>
  </si>
  <si>
    <t>2260835.0</t>
  </si>
  <si>
    <t>2151702.0</t>
  </si>
  <si>
    <t>4434068.0</t>
  </si>
  <si>
    <t>1324.479</t>
  </si>
  <si>
    <t>4413469.0</t>
  </si>
  <si>
    <t>2261082.0</t>
  </si>
  <si>
    <t>2152387.0</t>
  </si>
  <si>
    <t>6211949.0</t>
  </si>
  <si>
    <t>1777881.0</t>
  </si>
  <si>
    <t>1855.542</t>
  </si>
  <si>
    <t>258503.0</t>
  </si>
  <si>
    <t>77.216</t>
  </si>
  <si>
    <t>4414208.0</t>
  </si>
  <si>
    <t>2261289.0</t>
  </si>
  <si>
    <t>2152919.0</t>
  </si>
  <si>
    <t>258862.0</t>
  </si>
  <si>
    <t>77.323</t>
  </si>
  <si>
    <t>4414696.0</t>
  </si>
  <si>
    <t>2261462.0</t>
  </si>
  <si>
    <t>2153234.0</t>
  </si>
  <si>
    <t>259421.0</t>
  </si>
  <si>
    <t>4414941.0</t>
  </si>
  <si>
    <t>2261533.0</t>
  </si>
  <si>
    <t>2153408.0</t>
  </si>
  <si>
    <t>259981.0</t>
  </si>
  <si>
    <t>77.658</t>
  </si>
  <si>
    <t>4415784.0</t>
  </si>
  <si>
    <t>2261816.0</t>
  </si>
  <si>
    <t>2153968.0</t>
  </si>
  <si>
    <t>260188.0</t>
  </si>
  <si>
    <t>260465.0</t>
  </si>
  <si>
    <t>77.802</t>
  </si>
  <si>
    <t>4417349.0</t>
  </si>
  <si>
    <t>2262343.0</t>
  </si>
  <si>
    <t>2155006.0</t>
  </si>
  <si>
    <t>260700.0</t>
  </si>
  <si>
    <t>4417715.0</t>
  </si>
  <si>
    <t>2262458.0</t>
  </si>
  <si>
    <t>2155257.0</t>
  </si>
  <si>
    <t>6266801.0</t>
  </si>
  <si>
    <t>1871.926</t>
  </si>
  <si>
    <t>6275104.0</t>
  </si>
  <si>
    <t>1874.406</t>
  </si>
  <si>
    <t>4418587.0</t>
  </si>
  <si>
    <t>2262711.0</t>
  </si>
  <si>
    <t>2155876.0</t>
  </si>
  <si>
    <t>4418882.0</t>
  </si>
  <si>
    <t>2262825.0</t>
  </si>
  <si>
    <t>2156057.0</t>
  </si>
  <si>
    <t>6279519.0</t>
  </si>
  <si>
    <t>1875.725</t>
  </si>
  <si>
    <t>4419007.0</t>
  </si>
  <si>
    <t>2262883.0</t>
  </si>
  <si>
    <t>2156124.0</t>
  </si>
  <si>
    <t>6288199.0</t>
  </si>
  <si>
    <t>1878.318</t>
  </si>
  <si>
    <t>4419779.0</t>
  </si>
  <si>
    <t>2263123.0</t>
  </si>
  <si>
    <t>2156656.0</t>
  </si>
  <si>
    <t>130.06</t>
  </si>
  <si>
    <t>6296169.0</t>
  </si>
  <si>
    <t>1880.699</t>
  </si>
  <si>
    <t>2263912.0</t>
  </si>
  <si>
    <t>2159006.0</t>
  </si>
  <si>
    <t>824063.0</t>
  </si>
  <si>
    <t>827202.0</t>
  </si>
  <si>
    <t>118519.0</t>
  </si>
  <si>
    <t>34875.0</t>
  </si>
  <si>
    <t>6305271.0</t>
  </si>
  <si>
    <t>1883.417</t>
  </si>
  <si>
    <t>2264125.0</t>
  </si>
  <si>
    <t>119476.0</t>
  </si>
  <si>
    <t>35157.0</t>
  </si>
  <si>
    <t>6313921.0</t>
  </si>
  <si>
    <t>1886.001</t>
  </si>
  <si>
    <t>2264299.0</t>
  </si>
  <si>
    <t>2159905.0</t>
  </si>
  <si>
    <t>120424.0</t>
  </si>
  <si>
    <t>6322617.0</t>
  </si>
  <si>
    <t>1888.599</t>
  </si>
  <si>
    <t>2264410.0</t>
  </si>
  <si>
    <t>2160122.0</t>
  </si>
  <si>
    <t>121372.0</t>
  </si>
  <si>
    <t>35715.0</t>
  </si>
  <si>
    <t>6327135.0</t>
  </si>
  <si>
    <t>1889.948</t>
  </si>
  <si>
    <t>2264437.0</t>
  </si>
  <si>
    <t>2160217.0</t>
  </si>
  <si>
    <t>122339.0</t>
  </si>
  <si>
    <t>6330939.0</t>
  </si>
  <si>
    <t>1891.085</t>
  </si>
  <si>
    <t>123331.0</t>
  </si>
  <si>
    <t>6339198.0</t>
  </si>
  <si>
    <t>1893.552</t>
  </si>
  <si>
    <t>2264713.0</t>
  </si>
  <si>
    <t>2160782.0</t>
  </si>
  <si>
    <t>124231.0</t>
  </si>
  <si>
    <t>5296465.0</t>
  </si>
  <si>
    <t>2264962.0</t>
  </si>
  <si>
    <t>2161328.0</t>
  </si>
  <si>
    <t>870175.0</t>
  </si>
  <si>
    <t>155.85</t>
  </si>
  <si>
    <t>6347080.0</t>
  </si>
  <si>
    <t>1895.906</t>
  </si>
  <si>
    <t>5303769.0</t>
  </si>
  <si>
    <t>2265155.0</t>
  </si>
  <si>
    <t>2161678.0</t>
  </si>
  <si>
    <t>876936.0</t>
  </si>
  <si>
    <t>6354211.0</t>
  </si>
  <si>
    <t>1898.036</t>
  </si>
  <si>
    <t>5313055.0</t>
  </si>
  <si>
    <t>2265391.0</t>
  </si>
  <si>
    <t>2162201.0</t>
  </si>
  <si>
    <t>885463.0</t>
  </si>
  <si>
    <t>6360540.0</t>
  </si>
  <si>
    <t>1899.927</t>
  </si>
  <si>
    <t>5321817.0</t>
  </si>
  <si>
    <t>2265616.0</t>
  </si>
  <si>
    <t>2162721.0</t>
  </si>
  <si>
    <t>893480.0</t>
  </si>
  <si>
    <t>6364949.0</t>
  </si>
  <si>
    <t>1901.244</t>
  </si>
  <si>
    <t>6368902.0</t>
  </si>
  <si>
    <t>1902.424</t>
  </si>
  <si>
    <t>5325526.0</t>
  </si>
  <si>
    <t>2265683.0</t>
  </si>
  <si>
    <t>2162885.0</t>
  </si>
  <si>
    <t>896958.0</t>
  </si>
  <si>
    <t>5332165.0</t>
  </si>
  <si>
    <t>2265849.0</t>
  </si>
  <si>
    <t>2163214.0</t>
  </si>
  <si>
    <t>903102.0</t>
  </si>
  <si>
    <t>6382259.0</t>
  </si>
  <si>
    <t>1906.414</t>
  </si>
  <si>
    <t>5337594.0</t>
  </si>
  <si>
    <t>2265951.0</t>
  </si>
  <si>
    <t>2163528.0</t>
  </si>
  <si>
    <t>908115.0</t>
  </si>
  <si>
    <t>6386834.0</t>
  </si>
  <si>
    <t>1907.781</t>
  </si>
  <si>
    <t>6392729.0</t>
  </si>
  <si>
    <t>1909.542</t>
  </si>
  <si>
    <t>5340605.0</t>
  </si>
  <si>
    <t>2265984.0</t>
  </si>
  <si>
    <t>2163572.0</t>
  </si>
  <si>
    <t>911049.0</t>
  </si>
  <si>
    <t>723.8</t>
  </si>
  <si>
    <t>212.984272179658</t>
  </si>
  <si>
    <t>5346343.0</t>
  </si>
  <si>
    <t>2266150.0</t>
  </si>
  <si>
    <t>2164097.0</t>
  </si>
  <si>
    <t>916096.0</t>
  </si>
  <si>
    <t>5348124.0</t>
  </si>
  <si>
    <t>2266151.0</t>
  </si>
  <si>
    <t>917048.0</t>
  </si>
  <si>
    <t>6399802.0</t>
  </si>
  <si>
    <t>1911.654</t>
  </si>
  <si>
    <t>5350066.0</t>
  </si>
  <si>
    <t>2266225.0</t>
  </si>
  <si>
    <t>2164363.0</t>
  </si>
  <si>
    <t>919478.0</t>
  </si>
  <si>
    <t>5353583.0</t>
  </si>
  <si>
    <t>2266323.0</t>
  </si>
  <si>
    <t>2164579.0</t>
  </si>
  <si>
    <t>922681.0</t>
  </si>
  <si>
    <t>5357450.0</t>
  </si>
  <si>
    <t>2266446.0</t>
  </si>
  <si>
    <t>2164820.0</t>
  </si>
  <si>
    <t>157.65</t>
  </si>
  <si>
    <t>5362315.0</t>
  </si>
  <si>
    <t>2266748.0</t>
  </si>
  <si>
    <t>2165862.0</t>
  </si>
  <si>
    <t>929705.0</t>
  </si>
  <si>
    <t>6457117.0</t>
  </si>
  <si>
    <t>1928.775</t>
  </si>
  <si>
    <t>5367157.0</t>
  </si>
  <si>
    <t>2266911.0</t>
  </si>
  <si>
    <t>2166126.0</t>
  </si>
  <si>
    <t>934120.0</t>
  </si>
  <si>
    <t>5369265.0</t>
  </si>
  <si>
    <t>2266964.0</t>
  </si>
  <si>
    <t>2166235.0</t>
  </si>
  <si>
    <t>936066.0</t>
  </si>
  <si>
    <t>6473159.0</t>
  </si>
  <si>
    <t>1933.566</t>
  </si>
  <si>
    <t>5370194.0</t>
  </si>
  <si>
    <t>2266992.0</t>
  </si>
  <si>
    <t>2166296.0</t>
  </si>
  <si>
    <t>936906.0</t>
  </si>
  <si>
    <t>5374811.0</t>
  </si>
  <si>
    <t>2267136.0</t>
  </si>
  <si>
    <t>2166556.0</t>
  </si>
  <si>
    <t>941119.0</t>
  </si>
  <si>
    <t>5380649.0</t>
  </si>
  <si>
    <t>2267296.0</t>
  </si>
  <si>
    <t>2166817.0</t>
  </si>
  <si>
    <t>946536.0</t>
  </si>
  <si>
    <t>6528859.0</t>
  </si>
  <si>
    <t>1950.204</t>
  </si>
  <si>
    <t>5387539.0</t>
  </si>
  <si>
    <t>2267482.0</t>
  </si>
  <si>
    <t>2167156.0</t>
  </si>
  <si>
    <t>952901.0</t>
  </si>
  <si>
    <t>158.53</t>
  </si>
  <si>
    <t>5389933.0</t>
  </si>
  <si>
    <t>2267546.0</t>
  </si>
  <si>
    <t>2167267.0</t>
  </si>
  <si>
    <t>955120.0</t>
  </si>
  <si>
    <t>15413.0</t>
  </si>
  <si>
    <t>5403042.0</t>
  </si>
  <si>
    <t>2267934.0</t>
  </si>
  <si>
    <t>2168053.0</t>
  </si>
  <si>
    <t>967055.0</t>
  </si>
  <si>
    <t>6601162.0</t>
  </si>
  <si>
    <t>1971.802</t>
  </si>
  <si>
    <t>0.2789</t>
  </si>
  <si>
    <t>5404572.0</t>
  </si>
  <si>
    <t>2267969.0</t>
  </si>
  <si>
    <t>2168125.0</t>
  </si>
  <si>
    <t>968478.0</t>
  </si>
  <si>
    <t>5411741.0</t>
  </si>
  <si>
    <t>2268196.0</t>
  </si>
  <si>
    <t>2168532.0</t>
  </si>
  <si>
    <t>975013.0</t>
  </si>
  <si>
    <t>159.25</t>
  </si>
  <si>
    <t>6.005</t>
  </si>
  <si>
    <t>5416594.0</t>
  </si>
  <si>
    <t>2268377.0</t>
  </si>
  <si>
    <t>2168827.0</t>
  </si>
  <si>
    <t>979390.0</t>
  </si>
  <si>
    <t>21011.0</t>
  </si>
  <si>
    <t>0.3099</t>
  </si>
  <si>
    <t>5421108.0</t>
  </si>
  <si>
    <t>2268525.0</t>
  </si>
  <si>
    <t>2168965.0</t>
  </si>
  <si>
    <t>983618.0</t>
  </si>
  <si>
    <t>6700859.0</t>
  </si>
  <si>
    <t>2001.582</t>
  </si>
  <si>
    <t>5426161.0</t>
  </si>
  <si>
    <t>2268689.0</t>
  </si>
  <si>
    <t>2169197.0</t>
  </si>
  <si>
    <t>988275.0</t>
  </si>
  <si>
    <t>6724753.0</t>
  </si>
  <si>
    <t>2008.719</t>
  </si>
  <si>
    <t>5430683.0</t>
  </si>
  <si>
    <t>2268810.0</t>
  </si>
  <si>
    <t>2169354.0</t>
  </si>
  <si>
    <t>992519.0</t>
  </si>
  <si>
    <t>5432373.0</t>
  </si>
  <si>
    <t>2268885.0</t>
  </si>
  <si>
    <t>994004.0</t>
  </si>
  <si>
    <t>6752497.0</t>
  </si>
  <si>
    <t>2017.006</t>
  </si>
  <si>
    <t>5433063.0</t>
  </si>
  <si>
    <t>2268905.0</t>
  </si>
  <si>
    <t>2169467.0</t>
  </si>
  <si>
    <t>159.87</t>
  </si>
  <si>
    <t>5436704.0</t>
  </si>
  <si>
    <t>2269055.0</t>
  </si>
  <si>
    <t>2169694.0</t>
  </si>
  <si>
    <t>997955.0</t>
  </si>
  <si>
    <t>159.98</t>
  </si>
  <si>
    <t>6800692.0</t>
  </si>
  <si>
    <t>2031.402</t>
  </si>
  <si>
    <t>21383.0</t>
  </si>
  <si>
    <t>6.387</t>
  </si>
  <si>
    <t>0.3721</t>
  </si>
  <si>
    <t>5439337.0</t>
  </si>
  <si>
    <t>2269170.0</t>
  </si>
  <si>
    <t>2169823.0</t>
  </si>
  <si>
    <t>1000344.0</t>
  </si>
  <si>
    <t>5442017.0</t>
  </si>
  <si>
    <t>2269389.0</t>
  </si>
  <si>
    <t>2170005.0</t>
  </si>
  <si>
    <t>1002623.0</t>
  </si>
  <si>
    <t>6839716.0</t>
  </si>
  <si>
    <t>2043.059</t>
  </si>
  <si>
    <t>0.4023</t>
  </si>
  <si>
    <t>5444192.0</t>
  </si>
  <si>
    <t>2269541.0</t>
  </si>
  <si>
    <t>2170323.0</t>
  </si>
  <si>
    <t>1004328.0</t>
  </si>
  <si>
    <t>0.4175</t>
  </si>
  <si>
    <t>5446296.0</t>
  </si>
  <si>
    <t>2269702.0</t>
  </si>
  <si>
    <t>2170516.0</t>
  </si>
  <si>
    <t>1006078.0</t>
  </si>
  <si>
    <t>6869627.0</t>
  </si>
  <si>
    <t>2051.994</t>
  </si>
  <si>
    <t>0.3622</t>
  </si>
  <si>
    <t>5446692.0</t>
  </si>
  <si>
    <t>2269723.0</t>
  </si>
  <si>
    <t>2170556.0</t>
  </si>
  <si>
    <t>1006413.0</t>
  </si>
  <si>
    <t>6879126.0</t>
  </si>
  <si>
    <t>2054.831</t>
  </si>
  <si>
    <t>5446952.0</t>
  </si>
  <si>
    <t>2269737.0</t>
  </si>
  <si>
    <t>2170575.0</t>
  </si>
  <si>
    <t>1006640.0</t>
  </si>
  <si>
    <t>160.28</t>
  </si>
  <si>
    <t>-12.19</t>
  </si>
  <si>
    <t>158.016792153186</t>
  </si>
  <si>
    <t>0.4041</t>
  </si>
  <si>
    <t>5448205.0</t>
  </si>
  <si>
    <t>2269816.0</t>
  </si>
  <si>
    <t>2170691.0</t>
  </si>
  <si>
    <t>1007698.0</t>
  </si>
  <si>
    <t>6907479.0</t>
  </si>
  <si>
    <t>2063.3</t>
  </si>
  <si>
    <t>6911505.0</t>
  </si>
  <si>
    <t>2064.503</t>
  </si>
  <si>
    <t>0.3645</t>
  </si>
  <si>
    <t>5448682.0</t>
  </si>
  <si>
    <t>2269843.0</t>
  </si>
  <si>
    <t>2170723.0</t>
  </si>
  <si>
    <t>1008116.0</t>
  </si>
  <si>
    <t>6917587.0</t>
  </si>
  <si>
    <t>2066.319</t>
  </si>
  <si>
    <t>6941687.0</t>
  </si>
  <si>
    <t>2073.518</t>
  </si>
  <si>
    <t>5451403.0</t>
  </si>
  <si>
    <t>2270031.0</t>
  </si>
  <si>
    <t>2171053.0</t>
  </si>
  <si>
    <t>1010319.0</t>
  </si>
  <si>
    <t>5452668.0</t>
  </si>
  <si>
    <t>2270107.0</t>
  </si>
  <si>
    <t>2171173.0</t>
  </si>
  <si>
    <t>1011388.0</t>
  </si>
  <si>
    <t>7003022.0</t>
  </si>
  <si>
    <t>2091.839</t>
  </si>
  <si>
    <t>5454241.0</t>
  </si>
  <si>
    <t>2270250.0</t>
  </si>
  <si>
    <t>2171433.0</t>
  </si>
  <si>
    <t>1012558.0</t>
  </si>
  <si>
    <t>5455980.0</t>
  </si>
  <si>
    <t>2270372.0</t>
  </si>
  <si>
    <t>2171612.0</t>
  </si>
  <si>
    <t>1013996.0</t>
  </si>
  <si>
    <t>7036256.0</t>
  </si>
  <si>
    <t>2101.766</t>
  </si>
  <si>
    <t>5456193.0</t>
  </si>
  <si>
    <t>2270398.0</t>
  </si>
  <si>
    <t>2171647.0</t>
  </si>
  <si>
    <t>1014148.0</t>
  </si>
  <si>
    <t>5457368.0</t>
  </si>
  <si>
    <t>2270478.0</t>
  </si>
  <si>
    <t>2171771.0</t>
  </si>
  <si>
    <t>160.59</t>
  </si>
  <si>
    <t>7062333.0</t>
  </si>
  <si>
    <t>2109.556</t>
  </si>
  <si>
    <t>5458041.0</t>
  </si>
  <si>
    <t>2270545.0</t>
  </si>
  <si>
    <t>2171826.0</t>
  </si>
  <si>
    <t>1015670.0</t>
  </si>
  <si>
    <t>0.3443</t>
  </si>
  <si>
    <t>7082428.0</t>
  </si>
  <si>
    <t>2115.558</t>
  </si>
  <si>
    <t>5460660.0</t>
  </si>
  <si>
    <t>2270828.0</t>
  </si>
  <si>
    <t>2172141.0</t>
  </si>
  <si>
    <t>1017691.0</t>
  </si>
  <si>
    <t>5461677.0</t>
  </si>
  <si>
    <t>2270897.0</t>
  </si>
  <si>
    <t>2172253.0</t>
  </si>
  <si>
    <t>1018527.0</t>
  </si>
  <si>
    <t>160.71</t>
  </si>
  <si>
    <t>7097615.0</t>
  </si>
  <si>
    <t>2120.095</t>
  </si>
  <si>
    <t>7108451.0</t>
  </si>
  <si>
    <t>2123.332</t>
  </si>
  <si>
    <t>5463421.0</t>
  </si>
  <si>
    <t>2271053.0</t>
  </si>
  <si>
    <t>2172432.0</t>
  </si>
  <si>
    <t>1019936.0</t>
  </si>
  <si>
    <t>7126870.0</t>
  </si>
  <si>
    <t>2128.833</t>
  </si>
  <si>
    <t>7784.0</t>
  </si>
  <si>
    <t>5465967.0</t>
  </si>
  <si>
    <t>2271377.0</t>
  </si>
  <si>
    <t>2172714.0</t>
  </si>
  <si>
    <t>1021876.0</t>
  </si>
  <si>
    <t>7135436.0</t>
  </si>
  <si>
    <t>2131.392</t>
  </si>
  <si>
    <t>5466733.0</t>
  </si>
  <si>
    <t>2271447.0</t>
  </si>
  <si>
    <t>2172814.0</t>
  </si>
  <si>
    <t>1022472.0</t>
  </si>
  <si>
    <t>7143709.0</t>
  </si>
  <si>
    <t>2133.863</t>
  </si>
  <si>
    <t>5467728.0</t>
  </si>
  <si>
    <t>2271548.0</t>
  </si>
  <si>
    <t>2172909.0</t>
  </si>
  <si>
    <t>1023271.0</t>
  </si>
  <si>
    <t>160.89</t>
  </si>
  <si>
    <t>7156454.0</t>
  </si>
  <si>
    <t>2137.67</t>
  </si>
  <si>
    <t>178.320625781808</t>
  </si>
  <si>
    <t>7175225.0</t>
  </si>
  <si>
    <t>2143.277</t>
  </si>
  <si>
    <t>5469549.0</t>
  </si>
  <si>
    <t>2271676.0</t>
  </si>
  <si>
    <t>2173057.0</t>
  </si>
  <si>
    <t>1024816.0</t>
  </si>
  <si>
    <t>7183403.0</t>
  </si>
  <si>
    <t>2145.72</t>
  </si>
  <si>
    <t>5470227.0</t>
  </si>
  <si>
    <t>2271724.0</t>
  </si>
  <si>
    <t>2173135.0</t>
  </si>
  <si>
    <t>1025368.0</t>
  </si>
  <si>
    <t>7190252.0</t>
  </si>
  <si>
    <t>2147.766</t>
  </si>
  <si>
    <t>5470867.0</t>
  </si>
  <si>
    <t>2271778.0</t>
  </si>
  <si>
    <t>2173241.0</t>
  </si>
  <si>
    <t>1025848.0</t>
  </si>
  <si>
    <t>160.98</t>
  </si>
  <si>
    <t>7196902.0</t>
  </si>
  <si>
    <t>2149.752</t>
  </si>
  <si>
    <t>2151.209</t>
  </si>
  <si>
    <t>7206650.0</t>
  </si>
  <si>
    <t>2152.664</t>
  </si>
  <si>
    <t>5471403.0</t>
  </si>
  <si>
    <t>2271836.0</t>
  </si>
  <si>
    <t>2173300.0</t>
  </si>
  <si>
    <t>1026267.0</t>
  </si>
  <si>
    <t>7213658.0</t>
  </si>
  <si>
    <t>2154.757</t>
  </si>
  <si>
    <t>5472008.0</t>
  </si>
  <si>
    <t>2271860.0</t>
  </si>
  <si>
    <t>2173366.0</t>
  </si>
  <si>
    <t>1026782.0</t>
  </si>
  <si>
    <t>5472644.0</t>
  </si>
  <si>
    <t>2271943.0</t>
  </si>
  <si>
    <t>2173448.0</t>
  </si>
  <si>
    <t>1027253.0</t>
  </si>
  <si>
    <t>7232340.0</t>
  </si>
  <si>
    <t>2160.338</t>
  </si>
  <si>
    <t>5473176.0</t>
  </si>
  <si>
    <t>2173542.0</t>
  </si>
  <si>
    <t>1027634.0</t>
  </si>
  <si>
    <t>5473520.0</t>
  </si>
  <si>
    <t>2272019.0</t>
  </si>
  <si>
    <t>2173594.0</t>
  </si>
  <si>
    <t>1027907.0</t>
  </si>
  <si>
    <t>7243120.0</t>
  </si>
  <si>
    <t>2163.558</t>
  </si>
  <si>
    <t>7247137.0</t>
  </si>
  <si>
    <t>2164.758</t>
  </si>
  <si>
    <t>5474359.0</t>
  </si>
  <si>
    <t>2272084.0</t>
  </si>
  <si>
    <t>2173713.0</t>
  </si>
  <si>
    <t>1028562.0</t>
  </si>
  <si>
    <t>161.09</t>
  </si>
  <si>
    <t>5474962.0</t>
  </si>
  <si>
    <t>2272118.0</t>
  </si>
  <si>
    <t>2173847.0</t>
  </si>
  <si>
    <t>1028997.0</t>
  </si>
  <si>
    <t>5475938.0</t>
  </si>
  <si>
    <t>2272176.0</t>
  </si>
  <si>
    <t>2174046.0</t>
  </si>
  <si>
    <t>1029716.0</t>
  </si>
  <si>
    <t>7273735.0</t>
  </si>
  <si>
    <t>2172.703</t>
  </si>
  <si>
    <t>5476381.0</t>
  </si>
  <si>
    <t>2272200.0</t>
  </si>
  <si>
    <t>2174127.0</t>
  </si>
  <si>
    <t>1030054.0</t>
  </si>
  <si>
    <t>161.15</t>
  </si>
  <si>
    <t>5477293.0</t>
  </si>
  <si>
    <t>2272237.0</t>
  </si>
  <si>
    <t>2174231.0</t>
  </si>
  <si>
    <t>1030825.0</t>
  </si>
  <si>
    <t>5477685.0</t>
  </si>
  <si>
    <t>2272271.0</t>
  </si>
  <si>
    <t>2174306.0</t>
  </si>
  <si>
    <t>1031108.0</t>
  </si>
  <si>
    <t>7296101.0</t>
  </si>
  <si>
    <t>2179.384</t>
  </si>
  <si>
    <t>5478043.0</t>
  </si>
  <si>
    <t>2272319.0</t>
  </si>
  <si>
    <t>2174350.0</t>
  </si>
  <si>
    <t>1031374.0</t>
  </si>
  <si>
    <t>5478362.0</t>
  </si>
  <si>
    <t>2272327.0</t>
  </si>
  <si>
    <t>2174398.0</t>
  </si>
  <si>
    <t>1031637.0</t>
  </si>
  <si>
    <t>161.21</t>
  </si>
  <si>
    <t>7302839.0</t>
  </si>
  <si>
    <t>2181.396</t>
  </si>
  <si>
    <t>7306957.0</t>
  </si>
  <si>
    <t>2182.626</t>
  </si>
  <si>
    <t>5478794.0</t>
  </si>
  <si>
    <t>2272363.0</t>
  </si>
  <si>
    <t>2174463.0</t>
  </si>
  <si>
    <t>1031968.0</t>
  </si>
  <si>
    <t>160.959376737045</t>
  </si>
  <si>
    <t>5479928.0</t>
  </si>
  <si>
    <t>2272439.0</t>
  </si>
  <si>
    <t>2174613.0</t>
  </si>
  <si>
    <t>1032876.0</t>
  </si>
  <si>
    <t>5480677.0</t>
  </si>
  <si>
    <t>2272551.0</t>
  </si>
  <si>
    <t>2174793.0</t>
  </si>
  <si>
    <t>1033333.0</t>
  </si>
  <si>
    <t>5480965.0</t>
  </si>
  <si>
    <t>2272577.0</t>
  </si>
  <si>
    <t>2174840.0</t>
  </si>
  <si>
    <t>1033548.0</t>
  </si>
  <si>
    <t>7345700.0</t>
  </si>
  <si>
    <t>2194.199</t>
  </si>
  <si>
    <t>5481503.0</t>
  </si>
  <si>
    <t>2272612.0</t>
  </si>
  <si>
    <t>2174901.0</t>
  </si>
  <si>
    <t>1033990.0</t>
  </si>
  <si>
    <t>5481741.0</t>
  </si>
  <si>
    <t>2272629.0</t>
  </si>
  <si>
    <t>2174933.0</t>
  </si>
  <si>
    <t>1034179.0</t>
  </si>
  <si>
    <t>7356002.0</t>
  </si>
  <si>
    <t>2197.276</t>
  </si>
  <si>
    <t>5482031.0</t>
  </si>
  <si>
    <t>2272643.0</t>
  </si>
  <si>
    <t>2174965.0</t>
  </si>
  <si>
    <t>1034423.0</t>
  </si>
  <si>
    <t>5482355.0</t>
  </si>
  <si>
    <t>2272656.0</t>
  </si>
  <si>
    <t>2175006.0</t>
  </si>
  <si>
    <t>5482737.0</t>
  </si>
  <si>
    <t>2272688.0</t>
  </si>
  <si>
    <t>2175051.0</t>
  </si>
  <si>
    <t>1034998.0</t>
  </si>
  <si>
    <t>7368559.0</t>
  </si>
  <si>
    <t>2201.027</t>
  </si>
  <si>
    <t>5483283.0</t>
  </si>
  <si>
    <t>2272705.0</t>
  </si>
  <si>
    <t>2175124.0</t>
  </si>
  <si>
    <t>1035454.0</t>
  </si>
  <si>
    <t>7388718.0</t>
  </si>
  <si>
    <t>2207.049</t>
  </si>
  <si>
    <t>5484929.0</t>
  </si>
  <si>
    <t>2272797.0</t>
  </si>
  <si>
    <t>2175274.0</t>
  </si>
  <si>
    <t>1036858.0</t>
  </si>
  <si>
    <t>5485869.0</t>
  </si>
  <si>
    <t>2272842.0</t>
  </si>
  <si>
    <t>2175357.0</t>
  </si>
  <si>
    <t>1037670.0</t>
  </si>
  <si>
    <t>7400494.0</t>
  </si>
  <si>
    <t>2210.566</t>
  </si>
  <si>
    <t>5487668.0</t>
  </si>
  <si>
    <t>2272920.0</t>
  </si>
  <si>
    <t>2175481.0</t>
  </si>
  <si>
    <t>1039267.0</t>
  </si>
  <si>
    <t>5488768.0</t>
  </si>
  <si>
    <t>2272965.0</t>
  </si>
  <si>
    <t>2175617.0</t>
  </si>
  <si>
    <t>1040186.0</t>
  </si>
  <si>
    <t>189.149337050406</t>
  </si>
  <si>
    <t>0.2558</t>
  </si>
  <si>
    <t>5490832.0</t>
  </si>
  <si>
    <t>1042250.0</t>
  </si>
  <si>
    <t>5491917.0</t>
  </si>
  <si>
    <t>1043335.0</t>
  </si>
  <si>
    <t>7408778.0</t>
  </si>
  <si>
    <t>2213.041</t>
  </si>
  <si>
    <t>5492919.0</t>
  </si>
  <si>
    <t>1044337.0</t>
  </si>
  <si>
    <t>-2.07</t>
  </si>
  <si>
    <t>179.791918073737</t>
  </si>
  <si>
    <t>589.4</t>
  </si>
  <si>
    <t>-1.49</t>
  </si>
  <si>
    <t>173.435935372603</t>
  </si>
  <si>
    <t>157.134016778029</t>
  </si>
  <si>
    <t>659.2</t>
  </si>
  <si>
    <t>193.975175767934</t>
  </si>
  <si>
    <t>189.325892125438</t>
  </si>
  <si>
    <t>180.792396832249</t>
  </si>
  <si>
    <t>193.327807159485</t>
  </si>
  <si>
    <t>MNE</t>
  </si>
  <si>
    <t>Montenegro</t>
  </si>
  <si>
    <t>-178.6</t>
  </si>
  <si>
    <t>-284.811236807945</t>
  </si>
  <si>
    <t>-148.6</t>
  </si>
  <si>
    <t>-8.07</t>
  </si>
  <si>
    <t>-236.970603525536</t>
  </si>
  <si>
    <t>-170.0</t>
  </si>
  <si>
    <t>-15.35</t>
  </si>
  <si>
    <t>-271.096921933655</t>
  </si>
  <si>
    <t>-170.2</t>
  </si>
  <si>
    <t>-8.1</t>
  </si>
  <si>
    <t>-271.415859488871</t>
  </si>
  <si>
    <t>-177.8</t>
  </si>
  <si>
    <t>-283.535486587081</t>
  </si>
  <si>
    <t>-204.0</t>
  </si>
  <si>
    <t>-8.68</t>
  </si>
  <si>
    <t>-325.316306320385</t>
  </si>
  <si>
    <t>-216.0</t>
  </si>
  <si>
    <t>-344.452559633349</t>
  </si>
  <si>
    <t>-233.6</t>
  </si>
  <si>
    <t>-9.03</t>
  </si>
  <si>
    <t>-15.63</t>
  </si>
  <si>
    <t>-372.519064492363</t>
  </si>
  <si>
    <t>-231.8</t>
  </si>
  <si>
    <t>-369.648626495418</t>
  </si>
  <si>
    <t>-233.0</t>
  </si>
  <si>
    <t>-371.562251826715</t>
  </si>
  <si>
    <t>-231.2</t>
  </si>
  <si>
    <t>-7.9</t>
  </si>
  <si>
    <t>-368.69181382977</t>
  </si>
  <si>
    <t>-243.8</t>
  </si>
  <si>
    <t>-10.11</t>
  </si>
  <si>
    <t>-388.784879808382</t>
  </si>
  <si>
    <t>-255.6</t>
  </si>
  <si>
    <t>-8.05</t>
  </si>
  <si>
    <t>-9.46</t>
  </si>
  <si>
    <t>-407.60219556613</t>
  </si>
  <si>
    <t>-272.8</t>
  </si>
  <si>
    <t>-14.55</t>
  </si>
  <si>
    <t>-435.030825314712</t>
  </si>
  <si>
    <t>-279.6</t>
  </si>
  <si>
    <t>-8.18</t>
  </si>
  <si>
    <t>-445.874702192058</t>
  </si>
  <si>
    <t>-239.8</t>
  </si>
  <si>
    <t>-382.406128704061</t>
  </si>
  <si>
    <t>-350.831310737671</t>
  </si>
  <si>
    <t>-190.4</t>
  </si>
  <si>
    <t>-303.628552565693</t>
  </si>
  <si>
    <t>-167.2</t>
  </si>
  <si>
    <t>-266.63179616063</t>
  </si>
  <si>
    <t>-138.8</t>
  </si>
  <si>
    <t>-221.342663319949</t>
  </si>
  <si>
    <t>-134.8</t>
  </si>
  <si>
    <t>-3.25</t>
  </si>
  <si>
    <t>-214.963912215627</t>
  </si>
  <si>
    <t>-135.0</t>
  </si>
  <si>
    <t>-215.282849770843</t>
  </si>
  <si>
    <t>-111.2</t>
  </si>
  <si>
    <t>-177.329280700132</t>
  </si>
  <si>
    <t>-81.8</t>
  </si>
  <si>
    <t>-130.44546008337</t>
  </si>
  <si>
    <t>-56.8</t>
  </si>
  <si>
    <t>-90.5782656813622</t>
  </si>
  <si>
    <t>-72.3988250340465</t>
  </si>
  <si>
    <t>-31.6</t>
  </si>
  <si>
    <t>-50.3921337241381</t>
  </si>
  <si>
    <t>5.40000000000004</t>
  </si>
  <si>
    <t>8.6113139908338</t>
  </si>
  <si>
    <t>40.5050695124402</t>
  </si>
  <si>
    <t>83.5616394666089</t>
  </si>
  <si>
    <t>92.0000000000001</t>
  </si>
  <si>
    <t>146.71127539939</t>
  </si>
  <si>
    <t>245.900855071586</t>
  </si>
  <si>
    <t>330.419307203843</t>
  </si>
  <si>
    <t>255.6</t>
  </si>
  <si>
    <t>407.60219556613</t>
  </si>
  <si>
    <t>463.735205284158</t>
  </si>
  <si>
    <t>575.682287164996</t>
  </si>
  <si>
    <t>645.529611757314</t>
  </si>
  <si>
    <t>704.21412191707</t>
  </si>
  <si>
    <t>464.2</t>
  </si>
  <si>
    <t>740.254065656485</t>
  </si>
  <si>
    <t>807.230952251859</t>
  </si>
  <si>
    <t>886.646403500659</t>
  </si>
  <si>
    <t>579.8</t>
  </si>
  <si>
    <t>924.59997257137</t>
  </si>
  <si>
    <t>624.5</t>
  </si>
  <si>
    <t>995.882516162161</t>
  </si>
  <si>
    <t>1034.95236667613</t>
  </si>
  <si>
    <t>687.1</t>
  </si>
  <si>
    <t>1095.70997094479</t>
  </si>
  <si>
    <t>1135.41769656919</t>
  </si>
  <si>
    <t>763.7</t>
  </si>
  <si>
    <t>1217.86305459254</t>
  </si>
  <si>
    <t>831.4</t>
  </si>
  <si>
    <t>1325.82341703318</t>
  </si>
  <si>
    <t>910.3</t>
  </si>
  <si>
    <t>1451.64428256592</t>
  </si>
  <si>
    <t>979.8</t>
  </si>
  <si>
    <t>1562.4750830035</t>
  </si>
  <si>
    <t>1055.3</t>
  </si>
  <si>
    <t>1682.87401009756</t>
  </si>
  <si>
    <t>1124.2</t>
  </si>
  <si>
    <t>1792.7479978695</t>
  </si>
  <si>
    <t>1231.5</t>
  </si>
  <si>
    <t>1963.85799624292</t>
  </si>
  <si>
    <t>2041.20035338281</t>
  </si>
  <si>
    <t>26972.0</t>
  </si>
  <si>
    <t>25516.0</t>
  </si>
  <si>
    <t>1380.9</t>
  </si>
  <si>
    <t>2202.10434998932</t>
  </si>
  <si>
    <t>27149.0</t>
  </si>
  <si>
    <t>34335.0</t>
  </si>
  <si>
    <t>33163.0</t>
  </si>
  <si>
    <t>41372.0</t>
  </si>
  <si>
    <t>35290.0</t>
  </si>
  <si>
    <t>1437.4</t>
  </si>
  <si>
    <t>2292.20420933785</t>
  </si>
  <si>
    <t>42866.0</t>
  </si>
  <si>
    <t>36113.0</t>
  </si>
  <si>
    <t>44979.0</t>
  </si>
  <si>
    <t>49293.0</t>
  </si>
  <si>
    <t>37519.0</t>
  </si>
  <si>
    <t>52390.0</t>
  </si>
  <si>
    <t>1501.1</t>
  </si>
  <si>
    <t>2393.78582067417</t>
  </si>
  <si>
    <t>56423.0</t>
  </si>
  <si>
    <t>39123.0</t>
  </si>
  <si>
    <t>1572.4</t>
  </si>
  <si>
    <t>2507.4870591087</t>
  </si>
  <si>
    <t>60044.0</t>
  </si>
  <si>
    <t>39715.0</t>
  </si>
  <si>
    <t>40092.0</t>
  </si>
  <si>
    <t>61745.0</t>
  </si>
  <si>
    <t>1633.1</t>
  </si>
  <si>
    <t>2604.28460711677</t>
  </si>
  <si>
    <t>40282.0</t>
  </si>
  <si>
    <t>65517.0</t>
  </si>
  <si>
    <t>28901.0</t>
  </si>
  <si>
    <t>78760.0</t>
  </si>
  <si>
    <t>30747.0</t>
  </si>
  <si>
    <t>2651.96577162157</t>
  </si>
  <si>
    <t>31072.0</t>
  </si>
  <si>
    <t>120795.0</t>
  </si>
  <si>
    <t>125646.0</t>
  </si>
  <si>
    <t>93341.0</t>
  </si>
  <si>
    <t>130545.0</t>
  </si>
  <si>
    <t>97783.0</t>
  </si>
  <si>
    <t>133626.0</t>
  </si>
  <si>
    <t>100544.0</t>
  </si>
  <si>
    <t>137259.0</t>
  </si>
  <si>
    <t>103700.0</t>
  </si>
  <si>
    <t>33559.0</t>
  </si>
  <si>
    <t>140148.0</t>
  </si>
  <si>
    <t>106368.0</t>
  </si>
  <si>
    <t>1715.3</t>
  </si>
  <si>
    <t>2735.36794231058</t>
  </si>
  <si>
    <t>141808.0</t>
  </si>
  <si>
    <t>107881.0</t>
  </si>
  <si>
    <t>145316.0</t>
  </si>
  <si>
    <t>110949.0</t>
  </si>
  <si>
    <t>34367.0</t>
  </si>
  <si>
    <t>148255.0</t>
  </si>
  <si>
    <t>151522.0</t>
  </si>
  <si>
    <t>116481.0</t>
  </si>
  <si>
    <t>154048.0</t>
  </si>
  <si>
    <t>118725.0</t>
  </si>
  <si>
    <t>121050.0</t>
  </si>
  <si>
    <t>2801.86642257312</t>
  </si>
  <si>
    <t>157592.0</t>
  </si>
  <si>
    <t>35809.0</t>
  </si>
  <si>
    <t>160077.0</t>
  </si>
  <si>
    <t>180839.0</t>
  </si>
  <si>
    <t>53662.0</t>
  </si>
  <si>
    <t>191178.0</t>
  </si>
  <si>
    <t>129071.0</t>
  </si>
  <si>
    <t>62107.0</t>
  </si>
  <si>
    <t>200228.0</t>
  </si>
  <si>
    <t>130696.0</t>
  </si>
  <si>
    <t>206544.0</t>
  </si>
  <si>
    <t>131761.0</t>
  </si>
  <si>
    <t>1752.7</t>
  </si>
  <si>
    <t>-3.73</t>
  </si>
  <si>
    <t>2795.00926513598</t>
  </si>
  <si>
    <t>210720.0</t>
  </si>
  <si>
    <t>132480.0</t>
  </si>
  <si>
    <t>218306.0</t>
  </si>
  <si>
    <t>133828.0</t>
  </si>
  <si>
    <t>223627.0</t>
  </si>
  <si>
    <t>135025.0</t>
  </si>
  <si>
    <t>229803.0</t>
  </si>
  <si>
    <t>234278.0</t>
  </si>
  <si>
    <t>138052.0</t>
  </si>
  <si>
    <t>96226.0</t>
  </si>
  <si>
    <t>139333.0</t>
  </si>
  <si>
    <t>242070.0</t>
  </si>
  <si>
    <t>140068.0</t>
  </si>
  <si>
    <t>102002.0</t>
  </si>
  <si>
    <t>1782.4</t>
  </si>
  <si>
    <t>2842.37149208557</t>
  </si>
  <si>
    <t>244138.0</t>
  </si>
  <si>
    <t>140543.0</t>
  </si>
  <si>
    <t>103595.0</t>
  </si>
  <si>
    <t>248522.0</t>
  </si>
  <si>
    <t>141574.0</t>
  </si>
  <si>
    <t>106948.0</t>
  </si>
  <si>
    <t>252253.0</t>
  </si>
  <si>
    <t>142558.0</t>
  </si>
  <si>
    <t>109695.0</t>
  </si>
  <si>
    <t>256046.0</t>
  </si>
  <si>
    <t>143375.0</t>
  </si>
  <si>
    <t>112671.0</t>
  </si>
  <si>
    <t>259428.0</t>
  </si>
  <si>
    <t>144223.0</t>
  </si>
  <si>
    <t>115205.0</t>
  </si>
  <si>
    <t>261294.0</t>
  </si>
  <si>
    <t>144685.0</t>
  </si>
  <si>
    <t>116609.0</t>
  </si>
  <si>
    <t>-23.63</t>
  </si>
  <si>
    <t>263433.0</t>
  </si>
  <si>
    <t>145130.0</t>
  </si>
  <si>
    <t>118303.0</t>
  </si>
  <si>
    <t>265964.0</t>
  </si>
  <si>
    <t>145636.0</t>
  </si>
  <si>
    <t>120328.0</t>
  </si>
  <si>
    <t>270237.0</t>
  </si>
  <si>
    <t>146964.0</t>
  </si>
  <si>
    <t>123273.0</t>
  </si>
  <si>
    <t>272636.0</t>
  </si>
  <si>
    <t>147499.0</t>
  </si>
  <si>
    <t>125137.0</t>
  </si>
  <si>
    <t>274514.0</t>
  </si>
  <si>
    <t>147875.0</t>
  </si>
  <si>
    <t>275658.0</t>
  </si>
  <si>
    <t>147995.0</t>
  </si>
  <si>
    <t>1764.8</t>
  </si>
  <si>
    <t>2814.30498722655</t>
  </si>
  <si>
    <t>276374.0</t>
  </si>
  <si>
    <t>128295.0</t>
  </si>
  <si>
    <t>278146.0</t>
  </si>
  <si>
    <t>129800.0</t>
  </si>
  <si>
    <t>279639.0</t>
  </si>
  <si>
    <t>148571.0</t>
  </si>
  <si>
    <t>131068.0</t>
  </si>
  <si>
    <t>281741.0</t>
  </si>
  <si>
    <t>149220.0</t>
  </si>
  <si>
    <t>132521.0</t>
  </si>
  <si>
    <t>149912.0</t>
  </si>
  <si>
    <t>135144.0</t>
  </si>
  <si>
    <t>135864.0</t>
  </si>
  <si>
    <t>1770.5</t>
  </si>
  <si>
    <t>2823.39470755021</t>
  </si>
  <si>
    <t>286327.0</t>
  </si>
  <si>
    <t>150031.0</t>
  </si>
  <si>
    <t>136296.0</t>
  </si>
  <si>
    <t>287653.0</t>
  </si>
  <si>
    <t>137334.0</t>
  </si>
  <si>
    <t>288860.0</t>
  </si>
  <si>
    <t>150545.0</t>
  </si>
  <si>
    <t>138315.0</t>
  </si>
  <si>
    <t>290246.0</t>
  </si>
  <si>
    <t>291621.0</t>
  </si>
  <si>
    <t>151655.0</t>
  </si>
  <si>
    <t>139966.0</t>
  </si>
  <si>
    <t>292815.0</t>
  </si>
  <si>
    <t>152306.0</t>
  </si>
  <si>
    <t>140509.0</t>
  </si>
  <si>
    <t>293834.0</t>
  </si>
  <si>
    <t>152975.0</t>
  </si>
  <si>
    <t>140859.0</t>
  </si>
  <si>
    <t>2837.90636631254</t>
  </si>
  <si>
    <t>294306.0</t>
  </si>
  <si>
    <t>153343.0</t>
  </si>
  <si>
    <t>140963.0</t>
  </si>
  <si>
    <t>296156.0</t>
  </si>
  <si>
    <t>141626.0</t>
  </si>
  <si>
    <t>297632.0</t>
  </si>
  <si>
    <t>155477.0</t>
  </si>
  <si>
    <t>299372.0</t>
  </si>
  <si>
    <t>156459.0</t>
  </si>
  <si>
    <t>300611.0</t>
  </si>
  <si>
    <t>157177.0</t>
  </si>
  <si>
    <t>143434.0</t>
  </si>
  <si>
    <t>301828.0</t>
  </si>
  <si>
    <t>157971.0</t>
  </si>
  <si>
    <t>143857.0</t>
  </si>
  <si>
    <t>302321.0</t>
  </si>
  <si>
    <t>158357.0</t>
  </si>
  <si>
    <t>143964.0</t>
  </si>
  <si>
    <t>1801.3</t>
  </si>
  <si>
    <t>2872.51109105348</t>
  </si>
  <si>
    <t>302534.0</t>
  </si>
  <si>
    <t>158511.0</t>
  </si>
  <si>
    <t>144023.0</t>
  </si>
  <si>
    <t>303615.0</t>
  </si>
  <si>
    <t>159297.0</t>
  </si>
  <si>
    <t>144318.0</t>
  </si>
  <si>
    <t>303963.0</t>
  </si>
  <si>
    <t>159478.0</t>
  </si>
  <si>
    <t>144485.0</t>
  </si>
  <si>
    <t>304655.0</t>
  </si>
  <si>
    <t>159701.0</t>
  </si>
  <si>
    <t>144954.0</t>
  </si>
  <si>
    <t>305775.0</t>
  </si>
  <si>
    <t>160299.0</t>
  </si>
  <si>
    <t>145476.0</t>
  </si>
  <si>
    <t>307140.0</t>
  </si>
  <si>
    <t>161258.0</t>
  </si>
  <si>
    <t>145882.0</t>
  </si>
  <si>
    <t>161728.0</t>
  </si>
  <si>
    <t>145972.0</t>
  </si>
  <si>
    <t>-1.94</t>
  </si>
  <si>
    <t>2868.8433091685</t>
  </si>
  <si>
    <t>307939.0</t>
  </si>
  <si>
    <t>161910.0</t>
  </si>
  <si>
    <t>146029.0</t>
  </si>
  <si>
    <t>310395.0</t>
  </si>
  <si>
    <t>163791.0</t>
  </si>
  <si>
    <t>146604.0</t>
  </si>
  <si>
    <t>312206.0</t>
  </si>
  <si>
    <t>165022.0</t>
  </si>
  <si>
    <t>147184.0</t>
  </si>
  <si>
    <t>313854.0</t>
  </si>
  <si>
    <t>166048.0</t>
  </si>
  <si>
    <t>147806.0</t>
  </si>
  <si>
    <t>315653.0</t>
  </si>
  <si>
    <t>167235.0</t>
  </si>
  <si>
    <t>317045.0</t>
  </si>
  <si>
    <t>168043.0</t>
  </si>
  <si>
    <t>149002.0</t>
  </si>
  <si>
    <t>1813.5</t>
  </si>
  <si>
    <t>2891.96628192166</t>
  </si>
  <si>
    <t>168455.0</t>
  </si>
  <si>
    <t>149255.0</t>
  </si>
  <si>
    <t>320335.0</t>
  </si>
  <si>
    <t>169919.0</t>
  </si>
  <si>
    <t>150416.0</t>
  </si>
  <si>
    <t>322759.0</t>
  </si>
  <si>
    <t>171423.0</t>
  </si>
  <si>
    <t>151336.0</t>
  </si>
  <si>
    <t>325394.0</t>
  </si>
  <si>
    <t>173101.0</t>
  </si>
  <si>
    <t>327600.0</t>
  </si>
  <si>
    <t>174571.0</t>
  </si>
  <si>
    <t>153029.0</t>
  </si>
  <si>
    <t>329968.0</t>
  </si>
  <si>
    <t>176140.0</t>
  </si>
  <si>
    <t>153828.0</t>
  </si>
  <si>
    <t>332022.0</t>
  </si>
  <si>
    <t>177757.0</t>
  </si>
  <si>
    <t>1826.6</t>
  </si>
  <si>
    <t>2912.85669178832</t>
  </si>
  <si>
    <t>178577.0</t>
  </si>
  <si>
    <t>154438.0</t>
  </si>
  <si>
    <t>335862.0</t>
  </si>
  <si>
    <t>180472.0</t>
  </si>
  <si>
    <t>155390.0</t>
  </si>
  <si>
    <t>337934.0</t>
  </si>
  <si>
    <t>155826.0</t>
  </si>
  <si>
    <t>340485.0</t>
  </si>
  <si>
    <t>184259.0</t>
  </si>
  <si>
    <t>156226.0</t>
  </si>
  <si>
    <t>342913.0</t>
  </si>
  <si>
    <t>186086.0</t>
  </si>
  <si>
    <t>156827.0</t>
  </si>
  <si>
    <t>345307.0</t>
  </si>
  <si>
    <t>187553.0</t>
  </si>
  <si>
    <t>346493.0</t>
  </si>
  <si>
    <t>188359.0</t>
  </si>
  <si>
    <t>158134.0</t>
  </si>
  <si>
    <t>1838.9</t>
  </si>
  <si>
    <t>2932.4713514341</t>
  </si>
  <si>
    <t>347255.0</t>
  </si>
  <si>
    <t>188921.0</t>
  </si>
  <si>
    <t>158334.0</t>
  </si>
  <si>
    <t>190090.0</t>
  </si>
  <si>
    <t>159313.0</t>
  </si>
  <si>
    <t>351202.0</t>
  </si>
  <si>
    <t>191020.0</t>
  </si>
  <si>
    <t>160182.0</t>
  </si>
  <si>
    <t>353648.0</t>
  </si>
  <si>
    <t>355963.0</t>
  </si>
  <si>
    <t>193657.0</t>
  </si>
  <si>
    <t>162306.0</t>
  </si>
  <si>
    <t>194784.0</t>
  </si>
  <si>
    <t>163440.0</t>
  </si>
  <si>
    <t>359341.0</t>
  </si>
  <si>
    <t>195231.0</t>
  </si>
  <si>
    <t>164110.0</t>
  </si>
  <si>
    <t>1893.8</t>
  </si>
  <si>
    <t>3020.01971034091</t>
  </si>
  <si>
    <t>360080.0</t>
  </si>
  <si>
    <t>195542.0</t>
  </si>
  <si>
    <t>362335.0</t>
  </si>
  <si>
    <t>196475.0</t>
  </si>
  <si>
    <t>364762.0</t>
  </si>
  <si>
    <t>197605.0</t>
  </si>
  <si>
    <t>167157.0</t>
  </si>
  <si>
    <t>367434.0</t>
  </si>
  <si>
    <t>198891.0</t>
  </si>
  <si>
    <t>168543.0</t>
  </si>
  <si>
    <t>200404.0</t>
  </si>
  <si>
    <t>169861.0</t>
  </si>
  <si>
    <t>372949.0</t>
  </si>
  <si>
    <t>201841.0</t>
  </si>
  <si>
    <t>171108.0</t>
  </si>
  <si>
    <t>374674.0</t>
  </si>
  <si>
    <t>172159.0</t>
  </si>
  <si>
    <t>1947.5</t>
  </si>
  <si>
    <t>3105.65444391643</t>
  </si>
  <si>
    <t>375542.0</t>
  </si>
  <si>
    <t>202810.0</t>
  </si>
  <si>
    <t>378338.0</t>
  </si>
  <si>
    <t>380803.0</t>
  </si>
  <si>
    <t>175897.0</t>
  </si>
  <si>
    <t>206126.0</t>
  </si>
  <si>
    <t>177650.0</t>
  </si>
  <si>
    <t>207657.0</t>
  </si>
  <si>
    <t>179424.0</t>
  </si>
  <si>
    <t>389828.0</t>
  </si>
  <si>
    <t>208847.0</t>
  </si>
  <si>
    <t>180981.0</t>
  </si>
  <si>
    <t>391359.0</t>
  </si>
  <si>
    <t>181925.0</t>
  </si>
  <si>
    <t>2014.2</t>
  </si>
  <si>
    <t>3212.02011858098</t>
  </si>
  <si>
    <t>392235.0</t>
  </si>
  <si>
    <t>209792.0</t>
  </si>
  <si>
    <t>182443.0</t>
  </si>
  <si>
    <t>394420.0</t>
  </si>
  <si>
    <t>210591.0</t>
  </si>
  <si>
    <t>396383.0</t>
  </si>
  <si>
    <t>211397.0</t>
  </si>
  <si>
    <t>184986.0</t>
  </si>
  <si>
    <t>398819.0</t>
  </si>
  <si>
    <t>212520.0</t>
  </si>
  <si>
    <t>186299.0</t>
  </si>
  <si>
    <t>401157.0</t>
  </si>
  <si>
    <t>213624.0</t>
  </si>
  <si>
    <t>187533.0</t>
  </si>
  <si>
    <t>403546.0</t>
  </si>
  <si>
    <t>214822.0</t>
  </si>
  <si>
    <t>188724.0</t>
  </si>
  <si>
    <t>404320.0</t>
  </si>
  <si>
    <t>215121.0</t>
  </si>
  <si>
    <t>189199.0</t>
  </si>
  <si>
    <t>2072.5</t>
  </si>
  <si>
    <t>3304.99041592647</t>
  </si>
  <si>
    <t>404847.0</t>
  </si>
  <si>
    <t>215264.0</t>
  </si>
  <si>
    <t>189583.0</t>
  </si>
  <si>
    <t>406561.0</t>
  </si>
  <si>
    <t>215858.0</t>
  </si>
  <si>
    <t>190703.0</t>
  </si>
  <si>
    <t>408060.0</t>
  </si>
  <si>
    <t>410238.0</t>
  </si>
  <si>
    <t>217401.0</t>
  </si>
  <si>
    <t>192837.0</t>
  </si>
  <si>
    <t>218493.0</t>
  </si>
  <si>
    <t>194321.0</t>
  </si>
  <si>
    <t>415776.0</t>
  </si>
  <si>
    <t>220066.0</t>
  </si>
  <si>
    <t>417419.0</t>
  </si>
  <si>
    <t>221080.0</t>
  </si>
  <si>
    <t>196339.0</t>
  </si>
  <si>
    <t>2126.4</t>
  </si>
  <si>
    <t>3390.9440870572</t>
  </si>
  <si>
    <t>418150.0</t>
  </si>
  <si>
    <t>196652.0</t>
  </si>
  <si>
    <t>421231.0</t>
  </si>
  <si>
    <t>223265.0</t>
  </si>
  <si>
    <t>197966.0</t>
  </si>
  <si>
    <t>423768.0</t>
  </si>
  <si>
    <t>224708.0</t>
  </si>
  <si>
    <t>199060.0</t>
  </si>
  <si>
    <t>426662.0</t>
  </si>
  <si>
    <t>226457.0</t>
  </si>
  <si>
    <t>200205.0</t>
  </si>
  <si>
    <t>432167.0</t>
  </si>
  <si>
    <t>229399.0</t>
  </si>
  <si>
    <t>433269.0</t>
  </si>
  <si>
    <t>229932.0</t>
  </si>
  <si>
    <t>203337.0</t>
  </si>
  <si>
    <t>2206.7</t>
  </si>
  <si>
    <t>3518.99751547645</t>
  </si>
  <si>
    <t>433867.0</t>
  </si>
  <si>
    <t>230187.0</t>
  </si>
  <si>
    <t>203680.0</t>
  </si>
  <si>
    <t>436177.0</t>
  </si>
  <si>
    <t>204651.0</t>
  </si>
  <si>
    <t>440083.0</t>
  </si>
  <si>
    <t>233663.0</t>
  </si>
  <si>
    <t>206420.0</t>
  </si>
  <si>
    <t>442333.0</t>
  </si>
  <si>
    <t>207471.0</t>
  </si>
  <si>
    <t>445238.0</t>
  </si>
  <si>
    <t>236626.0</t>
  </si>
  <si>
    <t>208612.0</t>
  </si>
  <si>
    <t>446806.0</t>
  </si>
  <si>
    <t>237797.0</t>
  </si>
  <si>
    <t>209009.0</t>
  </si>
  <si>
    <t>2275.4</t>
  </si>
  <si>
    <t>3628.55256569316</t>
  </si>
  <si>
    <t>447473.0</t>
  </si>
  <si>
    <t>209166.0</t>
  </si>
  <si>
    <t>450451.0</t>
  </si>
  <si>
    <t>240355.0</t>
  </si>
  <si>
    <t>210096.0</t>
  </si>
  <si>
    <t>452830.0</t>
  </si>
  <si>
    <t>241982.0</t>
  </si>
  <si>
    <t>210848.0</t>
  </si>
  <si>
    <t>455035.0</t>
  </si>
  <si>
    <t>243234.0</t>
  </si>
  <si>
    <t>211801.0</t>
  </si>
  <si>
    <t>457474.0</t>
  </si>
  <si>
    <t>212932.0</t>
  </si>
  <si>
    <t>460029.0</t>
  </si>
  <si>
    <t>245622.0</t>
  </si>
  <si>
    <t>214407.0</t>
  </si>
  <si>
    <t>461140.0</t>
  </si>
  <si>
    <t>246061.0</t>
  </si>
  <si>
    <t>215079.0</t>
  </si>
  <si>
    <t>2344.3</t>
  </si>
  <si>
    <t>3738.4265534651</t>
  </si>
  <si>
    <t>461865.0</t>
  </si>
  <si>
    <t>246366.0</t>
  </si>
  <si>
    <t>215499.0</t>
  </si>
  <si>
    <t>464087.0</t>
  </si>
  <si>
    <t>247176.0</t>
  </si>
  <si>
    <t>216911.0</t>
  </si>
  <si>
    <t>468367.0</t>
  </si>
  <si>
    <t>248628.0</t>
  </si>
  <si>
    <t>219739.0</t>
  </si>
  <si>
    <t>470700.0</t>
  </si>
  <si>
    <t>249454.0</t>
  </si>
  <si>
    <t>221246.0</t>
  </si>
  <si>
    <t>250063.0</t>
  </si>
  <si>
    <t>222560.0</t>
  </si>
  <si>
    <t>473328.0</t>
  </si>
  <si>
    <t>250322.0</t>
  </si>
  <si>
    <t>223006.0</t>
  </si>
  <si>
    <t>2387.2</t>
  </si>
  <si>
    <t>3806.83865905894</t>
  </si>
  <si>
    <t>475813.0</t>
  </si>
  <si>
    <t>250947.0</t>
  </si>
  <si>
    <t>224866.0</t>
  </si>
  <si>
    <t>477395.0</t>
  </si>
  <si>
    <t>251376.0</t>
  </si>
  <si>
    <t>226019.0</t>
  </si>
  <si>
    <t>478974.0</t>
  </si>
  <si>
    <t>251782.0</t>
  </si>
  <si>
    <t>227192.0</t>
  </si>
  <si>
    <t>480822.0</t>
  </si>
  <si>
    <t>252330.0</t>
  </si>
  <si>
    <t>483790.0</t>
  </si>
  <si>
    <t>252969.0</t>
  </si>
  <si>
    <t>230821.0</t>
  </si>
  <si>
    <t>2465.1</t>
  </si>
  <si>
    <t>3931.0648368156</t>
  </si>
  <si>
    <t>484414.0</t>
  </si>
  <si>
    <t>253068.0</t>
  </si>
  <si>
    <t>231346.0</t>
  </si>
  <si>
    <t>486669.0</t>
  </si>
  <si>
    <t>253486.0</t>
  </si>
  <si>
    <t>233183.0</t>
  </si>
  <si>
    <t>488661.0</t>
  </si>
  <si>
    <t>253936.0</t>
  </si>
  <si>
    <t>234725.0</t>
  </si>
  <si>
    <t>490274.0</t>
  </si>
  <si>
    <t>254348.0</t>
  </si>
  <si>
    <t>491945.0</t>
  </si>
  <si>
    <t>254830.0</t>
  </si>
  <si>
    <t>237115.0</t>
  </si>
  <si>
    <t>493462.0</t>
  </si>
  <si>
    <t>255222.0</t>
  </si>
  <si>
    <t>238240.0</t>
  </si>
  <si>
    <t>494110.0</t>
  </si>
  <si>
    <t>255443.0</t>
  </si>
  <si>
    <t>238667.0</t>
  </si>
  <si>
    <t>2513.6</t>
  </si>
  <si>
    <t>4008.4071939555</t>
  </si>
  <si>
    <t>494462.0</t>
  </si>
  <si>
    <t>255509.0</t>
  </si>
  <si>
    <t>495875.0</t>
  </si>
  <si>
    <t>255869.0</t>
  </si>
  <si>
    <t>240006.0</t>
  </si>
  <si>
    <t>256172.0</t>
  </si>
  <si>
    <t>240804.0</t>
  </si>
  <si>
    <t>497996.0</t>
  </si>
  <si>
    <t>256514.0</t>
  </si>
  <si>
    <t>499177.0</t>
  </si>
  <si>
    <t>256832.0</t>
  </si>
  <si>
    <t>242345.0</t>
  </si>
  <si>
    <t>500338.0</t>
  </si>
  <si>
    <t>257269.0</t>
  </si>
  <si>
    <t>243069.0</t>
  </si>
  <si>
    <t>500759.0</t>
  </si>
  <si>
    <t>257443.0</t>
  </si>
  <si>
    <t>243316.0</t>
  </si>
  <si>
    <t>4121.78949483481</t>
  </si>
  <si>
    <t>500956.0</t>
  </si>
  <si>
    <t>257518.0</t>
  </si>
  <si>
    <t>243438.0</t>
  </si>
  <si>
    <t>501951.0</t>
  </si>
  <si>
    <t>257973.0</t>
  </si>
  <si>
    <t>243978.0</t>
  </si>
  <si>
    <t>502791.0</t>
  </si>
  <si>
    <t>244454.0</t>
  </si>
  <si>
    <t>504639.0</t>
  </si>
  <si>
    <t>259161.0</t>
  </si>
  <si>
    <t>245478.0</t>
  </si>
  <si>
    <t>505805.0</t>
  </si>
  <si>
    <t>259813.0</t>
  </si>
  <si>
    <t>506599.0</t>
  </si>
  <si>
    <t>260374.0</t>
  </si>
  <si>
    <t>246225.0</t>
  </si>
  <si>
    <t>2661.6</t>
  </si>
  <si>
    <t>4244.42098481538</t>
  </si>
  <si>
    <t>507082.0</t>
  </si>
  <si>
    <t>260725.0</t>
  </si>
  <si>
    <t>246357.0</t>
  </si>
  <si>
    <t>508470.0</t>
  </si>
  <si>
    <t>261599.0</t>
  </si>
  <si>
    <t>246871.0</t>
  </si>
  <si>
    <t>509773.0</t>
  </si>
  <si>
    <t>511014.0</t>
  </si>
  <si>
    <t>263272.0</t>
  </si>
  <si>
    <t>247742.0</t>
  </si>
  <si>
    <t>512394.0</t>
  </si>
  <si>
    <t>264068.0</t>
  </si>
  <si>
    <t>248326.0</t>
  </si>
  <si>
    <t>513753.0</t>
  </si>
  <si>
    <t>264937.0</t>
  </si>
  <si>
    <t>248816.0</t>
  </si>
  <si>
    <t>514577.0</t>
  </si>
  <si>
    <t>265500.0</t>
  </si>
  <si>
    <t>249077.0</t>
  </si>
  <si>
    <t>2713.9</t>
  </si>
  <si>
    <t>4327.82315550438</t>
  </si>
  <si>
    <t>514955.0</t>
  </si>
  <si>
    <t>265777.0</t>
  </si>
  <si>
    <t>249178.0</t>
  </si>
  <si>
    <t>516295.0</t>
  </si>
  <si>
    <t>266635.0</t>
  </si>
  <si>
    <t>249660.0</t>
  </si>
  <si>
    <t>518578.0</t>
  </si>
  <si>
    <t>268105.0</t>
  </si>
  <si>
    <t>250473.0</t>
  </si>
  <si>
    <t>520761.0</t>
  </si>
  <si>
    <t>269436.0</t>
  </si>
  <si>
    <t>251325.0</t>
  </si>
  <si>
    <t>4439.61076860762</t>
  </si>
  <si>
    <t>522754.0</t>
  </si>
  <si>
    <t>270606.0</t>
  </si>
  <si>
    <t>252148.0</t>
  </si>
  <si>
    <t>523689.0</t>
  </si>
  <si>
    <t>271131.0</t>
  </si>
  <si>
    <t>252558.0</t>
  </si>
  <si>
    <t>524233.0</t>
  </si>
  <si>
    <t>271675.0</t>
  </si>
  <si>
    <t>525661.0</t>
  </si>
  <si>
    <t>272240.0</t>
  </si>
  <si>
    <t>253421.0</t>
  </si>
  <si>
    <t>527034.0</t>
  </si>
  <si>
    <t>272965.0</t>
  </si>
  <si>
    <t>254069.0</t>
  </si>
  <si>
    <t>528111.0</t>
  </si>
  <si>
    <t>273517.0</t>
  </si>
  <si>
    <t>254594.0</t>
  </si>
  <si>
    <t>2839.1</t>
  </si>
  <si>
    <t>4527.47806506964</t>
  </si>
  <si>
    <t>528629.0</t>
  </si>
  <si>
    <t>273720.0</t>
  </si>
  <si>
    <t>254909.0</t>
  </si>
  <si>
    <t>530279.0</t>
  </si>
  <si>
    <t>274494.0</t>
  </si>
  <si>
    <t>255785.0</t>
  </si>
  <si>
    <t>531669.0</t>
  </si>
  <si>
    <t>275113.0</t>
  </si>
  <si>
    <t>256556.0</t>
  </si>
  <si>
    <t>532923.0</t>
  </si>
  <si>
    <t>275639.0</t>
  </si>
  <si>
    <t>257284.0</t>
  </si>
  <si>
    <t>534238.0</t>
  </si>
  <si>
    <t>276240.0</t>
  </si>
  <si>
    <t>257998.0</t>
  </si>
  <si>
    <t>535757.0</t>
  </si>
  <si>
    <t>276861.0</t>
  </si>
  <si>
    <t>258896.0</t>
  </si>
  <si>
    <t>536689.0</t>
  </si>
  <si>
    <t>277220.0</t>
  </si>
  <si>
    <t>259469.0</t>
  </si>
  <si>
    <t>2915.8</t>
  </si>
  <si>
    <t>4649.790617495</t>
  </si>
  <si>
    <t>537064.0</t>
  </si>
  <si>
    <t>277326.0</t>
  </si>
  <si>
    <t>259738.0</t>
  </si>
  <si>
    <t>538613.0</t>
  </si>
  <si>
    <t>277934.0</t>
  </si>
  <si>
    <t>260679.0</t>
  </si>
  <si>
    <t>539799.0</t>
  </si>
  <si>
    <t>278394.0</t>
  </si>
  <si>
    <t>261405.0</t>
  </si>
  <si>
    <t>540909.0</t>
  </si>
  <si>
    <t>278846.0</t>
  </si>
  <si>
    <t>262063.0</t>
  </si>
  <si>
    <t>541997.0</t>
  </si>
  <si>
    <t>279249.0</t>
  </si>
  <si>
    <t>262748.0</t>
  </si>
  <si>
    <t>543011.0</t>
  </si>
  <si>
    <t>263380.0</t>
  </si>
  <si>
    <t>543569.0</t>
  </si>
  <si>
    <t>279793.0</t>
  </si>
  <si>
    <t>263776.0</t>
  </si>
  <si>
    <t>2950.5</t>
  </si>
  <si>
    <t>4705.12628332499</t>
  </si>
  <si>
    <t>543835.0</t>
  </si>
  <si>
    <t>279873.0</t>
  </si>
  <si>
    <t>263962.0</t>
  </si>
  <si>
    <t>544755.0</t>
  </si>
  <si>
    <t>280159.0</t>
  </si>
  <si>
    <t>264596.0</t>
  </si>
  <si>
    <t>545581.0</t>
  </si>
  <si>
    <t>280454.0</t>
  </si>
  <si>
    <t>265127.0</t>
  </si>
  <si>
    <t>546349.0</t>
  </si>
  <si>
    <t>280689.0</t>
  </si>
  <si>
    <t>265660.0</t>
  </si>
  <si>
    <t>547246.0</t>
  </si>
  <si>
    <t>266276.0</t>
  </si>
  <si>
    <t>548154.0</t>
  </si>
  <si>
    <t>281270.0</t>
  </si>
  <si>
    <t>266884.0</t>
  </si>
  <si>
    <t>548751.0</t>
  </si>
  <si>
    <t>281421.0</t>
  </si>
  <si>
    <t>267330.0</t>
  </si>
  <si>
    <t>4755.35894827152</t>
  </si>
  <si>
    <t>548933.0</t>
  </si>
  <si>
    <t>281453.0</t>
  </si>
  <si>
    <t>267480.0</t>
  </si>
  <si>
    <t>549879.0</t>
  </si>
  <si>
    <t>281749.0</t>
  </si>
  <si>
    <t>268130.0</t>
  </si>
  <si>
    <t>619690.0</t>
  </si>
  <si>
    <t>281968.0</t>
  </si>
  <si>
    <t>68983.0</t>
  </si>
  <si>
    <t>621412.0</t>
  </si>
  <si>
    <t>282182.0</t>
  </si>
  <si>
    <t>69944.0</t>
  </si>
  <si>
    <t>623102.0</t>
  </si>
  <si>
    <t>282405.0</t>
  </si>
  <si>
    <t>269830.0</t>
  </si>
  <si>
    <t>70867.0</t>
  </si>
  <si>
    <t>625024.0</t>
  </si>
  <si>
    <t>282650.0</t>
  </si>
  <si>
    <t>270409.0</t>
  </si>
  <si>
    <t>71965.0</t>
  </si>
  <si>
    <t>626372.0</t>
  </si>
  <si>
    <t>282844.0</t>
  </si>
  <si>
    <t>270802.0</t>
  </si>
  <si>
    <t>72726.0</t>
  </si>
  <si>
    <t>99.89</t>
  </si>
  <si>
    <t>2982.9</t>
  </si>
  <si>
    <t>4756.79416726999</t>
  </si>
  <si>
    <t>628821.0</t>
  </si>
  <si>
    <t>283166.0</t>
  </si>
  <si>
    <t>271471.0</t>
  </si>
  <si>
    <t>17983.0</t>
  </si>
  <si>
    <t>630634.0</t>
  </si>
  <si>
    <t>283356.0</t>
  </si>
  <si>
    <t>271926.0</t>
  </si>
  <si>
    <t>100.57</t>
  </si>
  <si>
    <t>632636.0</t>
  </si>
  <si>
    <t>283588.0</t>
  </si>
  <si>
    <t>272385.0</t>
  </si>
  <si>
    <t>634517.0</t>
  </si>
  <si>
    <t>272853.0</t>
  </si>
  <si>
    <t>77780.0</t>
  </si>
  <si>
    <t>635579.0</t>
  </si>
  <si>
    <t>284030.0</t>
  </si>
  <si>
    <t>273120.0</t>
  </si>
  <si>
    <t>78429.0</t>
  </si>
  <si>
    <t>2955.6</t>
  </si>
  <si>
    <t>-19.05</t>
  </si>
  <si>
    <t>4713.259190983</t>
  </si>
  <si>
    <t>635683.0</t>
  </si>
  <si>
    <t>284051.0</t>
  </si>
  <si>
    <t>273143.0</t>
  </si>
  <si>
    <t>636092.0</t>
  </si>
  <si>
    <t>284098.0</t>
  </si>
  <si>
    <t>273250.0</t>
  </si>
  <si>
    <t>78744.0</t>
  </si>
  <si>
    <t>101.44</t>
  </si>
  <si>
    <t>637675.0</t>
  </si>
  <si>
    <t>273633.0</t>
  </si>
  <si>
    <t>79675.0</t>
  </si>
  <si>
    <t>639038.0</t>
  </si>
  <si>
    <t>284572.0</t>
  </si>
  <si>
    <t>273910.0</t>
  </si>
  <si>
    <t>101.91</t>
  </si>
  <si>
    <t>639572.0</t>
  </si>
  <si>
    <t>284651.0</t>
  </si>
  <si>
    <t>274046.0</t>
  </si>
  <si>
    <t>639741.0</t>
  </si>
  <si>
    <t>284689.0</t>
  </si>
  <si>
    <t>274097.0</t>
  </si>
  <si>
    <t>80955.0</t>
  </si>
  <si>
    <t>640239.0</t>
  </si>
  <si>
    <t>284747.0</t>
  </si>
  <si>
    <t>274227.0</t>
  </si>
  <si>
    <t>2987.2</t>
  </si>
  <si>
    <t>4763.65132470714</t>
  </si>
  <si>
    <t>642471.0</t>
  </si>
  <si>
    <t>285152.0</t>
  </si>
  <si>
    <t>274906.0</t>
  </si>
  <si>
    <t>82413.0</t>
  </si>
  <si>
    <t>643518.0</t>
  </si>
  <si>
    <t>275142.0</t>
  </si>
  <si>
    <t>83088.0</t>
  </si>
  <si>
    <t>644531.0</t>
  </si>
  <si>
    <t>285429.0</t>
  </si>
  <si>
    <t>275404.0</t>
  </si>
  <si>
    <t>83698.0</t>
  </si>
  <si>
    <t>645584.0</t>
  </si>
  <si>
    <t>285593.0</t>
  </si>
  <si>
    <t>275641.0</t>
  </si>
  <si>
    <t>84350.0</t>
  </si>
  <si>
    <t>646083.0</t>
  </si>
  <si>
    <t>275774.0</t>
  </si>
  <si>
    <t>3050.6</t>
  </si>
  <si>
    <t>4864.75452971063</t>
  </si>
  <si>
    <t>646213.0</t>
  </si>
  <si>
    <t>285668.0</t>
  </si>
  <si>
    <t>275798.0</t>
  </si>
  <si>
    <t>84747.0</t>
  </si>
  <si>
    <t>647182.0</t>
  </si>
  <si>
    <t>285826.0</t>
  </si>
  <si>
    <t>276071.0</t>
  </si>
  <si>
    <t>85285.0</t>
  </si>
  <si>
    <t>647992.0</t>
  </si>
  <si>
    <t>285984.0</t>
  </si>
  <si>
    <t>276251.0</t>
  </si>
  <si>
    <t>85757.0</t>
  </si>
  <si>
    <t>648757.0</t>
  </si>
  <si>
    <t>286103.0</t>
  </si>
  <si>
    <t>276444.0</t>
  </si>
  <si>
    <t>649450.0</t>
  </si>
  <si>
    <t>276639.0</t>
  </si>
  <si>
    <t>650161.0</t>
  </si>
  <si>
    <t>286305.0</t>
  </si>
  <si>
    <t>276817.0</t>
  </si>
  <si>
    <t>87039.0</t>
  </si>
  <si>
    <t>650502.0</t>
  </si>
  <si>
    <t>286349.0</t>
  </si>
  <si>
    <t>103.73</t>
  </si>
  <si>
    <t>3128.6</t>
  </si>
  <si>
    <t>4989.14017624489</t>
  </si>
  <si>
    <t>651205.0</t>
  </si>
  <si>
    <t>286480.0</t>
  </si>
  <si>
    <t>277012.0</t>
  </si>
  <si>
    <t>652477.0</t>
  </si>
  <si>
    <t>286697.0</t>
  </si>
  <si>
    <t>277387.0</t>
  </si>
  <si>
    <t>88393.0</t>
  </si>
  <si>
    <t>653071.0</t>
  </si>
  <si>
    <t>286815.0</t>
  </si>
  <si>
    <t>277525.0</t>
  </si>
  <si>
    <t>653927.0</t>
  </si>
  <si>
    <t>277700.0</t>
  </si>
  <si>
    <t>89262.0</t>
  </si>
  <si>
    <t>5165.83158183459</t>
  </si>
  <si>
    <t>286972.0</t>
  </si>
  <si>
    <t>277718.0</t>
  </si>
  <si>
    <t>89310.0</t>
  </si>
  <si>
    <t>654621.0</t>
  </si>
  <si>
    <t>287071.0</t>
  </si>
  <si>
    <t>277895.0</t>
  </si>
  <si>
    <t>89655.0</t>
  </si>
  <si>
    <t>655517.0</t>
  </si>
  <si>
    <t>287254.0</t>
  </si>
  <si>
    <t>278147.0</t>
  </si>
  <si>
    <t>90116.0</t>
  </si>
  <si>
    <t>656064.0</t>
  </si>
  <si>
    <t>278299.0</t>
  </si>
  <si>
    <t>90431.0</t>
  </si>
  <si>
    <t>656661.0</t>
  </si>
  <si>
    <t>287418.0</t>
  </si>
  <si>
    <t>278442.0</t>
  </si>
  <si>
    <t>90801.0</t>
  </si>
  <si>
    <t>656948.0</t>
  </si>
  <si>
    <t>287465.0</t>
  </si>
  <si>
    <t>278502.0</t>
  </si>
  <si>
    <t>5286.38997770627</t>
  </si>
  <si>
    <t>657035.0</t>
  </si>
  <si>
    <t>287476.0</t>
  </si>
  <si>
    <t>278519.0</t>
  </si>
  <si>
    <t>91040.0</t>
  </si>
  <si>
    <t>657607.0</t>
  </si>
  <si>
    <t>287566.0</t>
  </si>
  <si>
    <t>278670.0</t>
  </si>
  <si>
    <t>91371.0</t>
  </si>
  <si>
    <t>657988.0</t>
  </si>
  <si>
    <t>287624.0</t>
  </si>
  <si>
    <t>658420.0</t>
  </si>
  <si>
    <t>287699.0</t>
  </si>
  <si>
    <t>278902.0</t>
  </si>
  <si>
    <t>658884.0</t>
  </si>
  <si>
    <t>287778.0</t>
  </si>
  <si>
    <t>659297.0</t>
  </si>
  <si>
    <t>287842.0</t>
  </si>
  <si>
    <t>279101.0</t>
  </si>
  <si>
    <t>92354.0</t>
  </si>
  <si>
    <t>659519.0</t>
  </si>
  <si>
    <t>287879.0</t>
  </si>
  <si>
    <t>92493.0</t>
  </si>
  <si>
    <t>3353.6</t>
  </si>
  <si>
    <t>5347.94492586297</t>
  </si>
  <si>
    <t>659619.0</t>
  </si>
  <si>
    <t>287893.0</t>
  </si>
  <si>
    <t>279170.0</t>
  </si>
  <si>
    <t>92556.0</t>
  </si>
  <si>
    <t>660059.0</t>
  </si>
  <si>
    <t>287972.0</t>
  </si>
  <si>
    <t>279271.0</t>
  </si>
  <si>
    <t>92816.0</t>
  </si>
  <si>
    <t>660405.0</t>
  </si>
  <si>
    <t>288037.0</t>
  </si>
  <si>
    <t>279354.0</t>
  </si>
  <si>
    <t>93014.0</t>
  </si>
  <si>
    <t>660743.0</t>
  </si>
  <si>
    <t>288086.0</t>
  </si>
  <si>
    <t>279439.0</t>
  </si>
  <si>
    <t>93218.0</t>
  </si>
  <si>
    <t>288242.0</t>
  </si>
  <si>
    <t>279655.0</t>
  </si>
  <si>
    <t>93623.0</t>
  </si>
  <si>
    <t>661689.0</t>
  </si>
  <si>
    <t>279688.0</t>
  </si>
  <si>
    <t>93732.0</t>
  </si>
  <si>
    <t>3389.4</t>
  </si>
  <si>
    <t>5405.03474824664</t>
  </si>
  <si>
    <t>661733.0</t>
  </si>
  <si>
    <t>288273.0</t>
  </si>
  <si>
    <t>279695.0</t>
  </si>
  <si>
    <t>93765.0</t>
  </si>
  <si>
    <t>662092.0</t>
  </si>
  <si>
    <t>288340.0</t>
  </si>
  <si>
    <t>279788.0</t>
  </si>
  <si>
    <t>93964.0</t>
  </si>
  <si>
    <t>662356.0</t>
  </si>
  <si>
    <t>288386.0</t>
  </si>
  <si>
    <t>279861.0</t>
  </si>
  <si>
    <t>94109.0</t>
  </si>
  <si>
    <t>662665.0</t>
  </si>
  <si>
    <t>288443.0</t>
  </si>
  <si>
    <t>279939.0</t>
  </si>
  <si>
    <t>94283.0</t>
  </si>
  <si>
    <t>662935.0</t>
  </si>
  <si>
    <t>280017.0</t>
  </si>
  <si>
    <t>94426.0</t>
  </si>
  <si>
    <t>663177.0</t>
  </si>
  <si>
    <t>288535.0</t>
  </si>
  <si>
    <t>280081.0</t>
  </si>
  <si>
    <t>94561.0</t>
  </si>
  <si>
    <t>105.76</t>
  </si>
  <si>
    <t>663295.0</t>
  </si>
  <si>
    <t>288547.0</t>
  </si>
  <si>
    <t>280110.0</t>
  </si>
  <si>
    <t>94638.0</t>
  </si>
  <si>
    <t>3400.8</t>
  </si>
  <si>
    <t>5423.21418889396</t>
  </si>
  <si>
    <t>663335.0</t>
  </si>
  <si>
    <t>288551.0</t>
  </si>
  <si>
    <t>94668.0</t>
  </si>
  <si>
    <t>663653.0</t>
  </si>
  <si>
    <t>288602.0</t>
  </si>
  <si>
    <t>280203.0</t>
  </si>
  <si>
    <t>105.83</t>
  </si>
  <si>
    <t>663918.0</t>
  </si>
  <si>
    <t>288664.0</t>
  </si>
  <si>
    <t>280281.0</t>
  </si>
  <si>
    <t>288709.0</t>
  </si>
  <si>
    <t>280343.0</t>
  </si>
  <si>
    <t>664436.0</t>
  </si>
  <si>
    <t>288779.0</t>
  </si>
  <si>
    <t>280419.0</t>
  </si>
  <si>
    <t>95238.0</t>
  </si>
  <si>
    <t>664676.0</t>
  </si>
  <si>
    <t>288838.0</t>
  </si>
  <si>
    <t>280487.0</t>
  </si>
  <si>
    <t>664761.0</t>
  </si>
  <si>
    <t>288854.0</t>
  </si>
  <si>
    <t>280507.0</t>
  </si>
  <si>
    <t>95400.0</t>
  </si>
  <si>
    <t>3383.2</t>
  </si>
  <si>
    <t>-12.01</t>
  </si>
  <si>
    <t>5395.14768403494</t>
  </si>
  <si>
    <t>288859.0</t>
  </si>
  <si>
    <t>280519.0</t>
  </si>
  <si>
    <t>665061.0</t>
  </si>
  <si>
    <t>288923.0</t>
  </si>
  <si>
    <t>95542.0</t>
  </si>
  <si>
    <t>106.06</t>
  </si>
  <si>
    <t>665247.0</t>
  </si>
  <si>
    <t>288958.0</t>
  </si>
  <si>
    <t>95621.0</t>
  </si>
  <si>
    <t>665432.0</t>
  </si>
  <si>
    <t>288998.0</t>
  </si>
  <si>
    <t>95711.0</t>
  </si>
  <si>
    <t>665798.0</t>
  </si>
  <si>
    <t>280847.0</t>
  </si>
  <si>
    <t>95875.0</t>
  </si>
  <si>
    <t>665962.0</t>
  </si>
  <si>
    <t>289124.0</t>
  </si>
  <si>
    <t>280901.0</t>
  </si>
  <si>
    <t>-10.54</t>
  </si>
  <si>
    <t>5370.90842983852</t>
  </si>
  <si>
    <t>665970.0</t>
  </si>
  <si>
    <t>289125.0</t>
  </si>
  <si>
    <t>280906.0</t>
  </si>
  <si>
    <t>95939.0</t>
  </si>
  <si>
    <t>666203.0</t>
  </si>
  <si>
    <t>289186.0</t>
  </si>
  <si>
    <t>280975.0</t>
  </si>
  <si>
    <t>96042.0</t>
  </si>
  <si>
    <t>666356.0</t>
  </si>
  <si>
    <t>289221.0</t>
  </si>
  <si>
    <t>281011.0</t>
  </si>
  <si>
    <t>96124.0</t>
  </si>
  <si>
    <t>666526.0</t>
  </si>
  <si>
    <t>289252.0</t>
  </si>
  <si>
    <t>281058.0</t>
  </si>
  <si>
    <t>96216.0</t>
  </si>
  <si>
    <t>106.29</t>
  </si>
  <si>
    <t>666864.0</t>
  </si>
  <si>
    <t>289335.0</t>
  </si>
  <si>
    <t>281166.0</t>
  </si>
  <si>
    <t>289362.0</t>
  </si>
  <si>
    <t>281190.0</t>
  </si>
  <si>
    <t>3371.2</t>
  </si>
  <si>
    <t>5376.01143072198</t>
  </si>
  <si>
    <t>666973.0</t>
  </si>
  <si>
    <t>289367.0</t>
  </si>
  <si>
    <t>281194.0</t>
  </si>
  <si>
    <t>96412.0</t>
  </si>
  <si>
    <t>667161.0</t>
  </si>
  <si>
    <t>289417.0</t>
  </si>
  <si>
    <t>281248.0</t>
  </si>
  <si>
    <t>96496.0</t>
  </si>
  <si>
    <t>667315.0</t>
  </si>
  <si>
    <t>289447.0</t>
  </si>
  <si>
    <t>96574.0</t>
  </si>
  <si>
    <t>667509.0</t>
  </si>
  <si>
    <t>289496.0</t>
  </si>
  <si>
    <t>281349.0</t>
  </si>
  <si>
    <t>667673.0</t>
  </si>
  <si>
    <t>289530.0</t>
  </si>
  <si>
    <t>281399.0</t>
  </si>
  <si>
    <t>96744.0</t>
  </si>
  <si>
    <t>667880.0</t>
  </si>
  <si>
    <t>289587.0</t>
  </si>
  <si>
    <t>281463.0</t>
  </si>
  <si>
    <t>96830.0</t>
  </si>
  <si>
    <t>668009.0</t>
  </si>
  <si>
    <t>281506.0</t>
  </si>
  <si>
    <t>96866.0</t>
  </si>
  <si>
    <t>3364.6</t>
  </si>
  <si>
    <t>5365.48649139985</t>
  </si>
  <si>
    <t>668025.0</t>
  </si>
  <si>
    <t>289643.0</t>
  </si>
  <si>
    <t>281511.0</t>
  </si>
  <si>
    <t>96871.0</t>
  </si>
  <si>
    <t>668206.0</t>
  </si>
  <si>
    <t>289687.0</t>
  </si>
  <si>
    <t>668404.0</t>
  </si>
  <si>
    <t>289731.0</t>
  </si>
  <si>
    <t>281627.0</t>
  </si>
  <si>
    <t>97046.0</t>
  </si>
  <si>
    <t>668536.0</t>
  </si>
  <si>
    <t>281667.0</t>
  </si>
  <si>
    <t>106.61</t>
  </si>
  <si>
    <t>668650.0</t>
  </si>
  <si>
    <t>289792.0</t>
  </si>
  <si>
    <t>281707.0</t>
  </si>
  <si>
    <t>97151.0</t>
  </si>
  <si>
    <t>3369.4</t>
  </si>
  <si>
    <t>5373.14099272504</t>
  </si>
  <si>
    <t>669027.0</t>
  </si>
  <si>
    <t>289900.0</t>
  </si>
  <si>
    <t>281818.0</t>
  </si>
  <si>
    <t>97309.0</t>
  </si>
  <si>
    <t>106.69</t>
  </si>
  <si>
    <t>669204.0</t>
  </si>
  <si>
    <t>289942.0</t>
  </si>
  <si>
    <t>281865.0</t>
  </si>
  <si>
    <t>97397.0</t>
  </si>
  <si>
    <t>106.72</t>
  </si>
  <si>
    <t>669348.0</t>
  </si>
  <si>
    <t>289976.0</t>
  </si>
  <si>
    <t>281903.0</t>
  </si>
  <si>
    <t>97469.0</t>
  </si>
  <si>
    <t>669505.0</t>
  </si>
  <si>
    <t>281938.0</t>
  </si>
  <si>
    <t>97554.0</t>
  </si>
  <si>
    <t>669648.0</t>
  </si>
  <si>
    <t>290044.0</t>
  </si>
  <si>
    <t>97627.0</t>
  </si>
  <si>
    <t>669844.0</t>
  </si>
  <si>
    <t>282029.0</t>
  </si>
  <si>
    <t>97712.0</t>
  </si>
  <si>
    <t>669929.0</t>
  </si>
  <si>
    <t>290137.0</t>
  </si>
  <si>
    <t>282046.0</t>
  </si>
  <si>
    <t>106.83</t>
  </si>
  <si>
    <t>3357.8</t>
  </si>
  <si>
    <t>-8.19</t>
  </si>
  <si>
    <t>5354.6426145225</t>
  </si>
  <si>
    <t>669937.0</t>
  </si>
  <si>
    <t>290138.0</t>
  </si>
  <si>
    <t>282050.0</t>
  </si>
  <si>
    <t>97749.0</t>
  </si>
  <si>
    <t>670058.0</t>
  </si>
  <si>
    <t>290171.0</t>
  </si>
  <si>
    <t>282083.0</t>
  </si>
  <si>
    <t>670331.0</t>
  </si>
  <si>
    <t>290227.0</t>
  </si>
  <si>
    <t>97922.0</t>
  </si>
  <si>
    <t>670449.0</t>
  </si>
  <si>
    <t>290245.0</t>
  </si>
  <si>
    <t>282214.0</t>
  </si>
  <si>
    <t>97990.0</t>
  </si>
  <si>
    <t>106.92</t>
  </si>
  <si>
    <t>3342.4</t>
  </si>
  <si>
    <t>-12.38</t>
  </si>
  <si>
    <t>5330.08442277087</t>
  </si>
  <si>
    <t>670739.0</t>
  </si>
  <si>
    <t>290329.0</t>
  </si>
  <si>
    <t>282306.0</t>
  </si>
  <si>
    <t>106.96</t>
  </si>
  <si>
    <t>670864.0</t>
  </si>
  <si>
    <t>290364.0</t>
  </si>
  <si>
    <t>282344.0</t>
  </si>
  <si>
    <t>98156.0</t>
  </si>
  <si>
    <t>670960.0</t>
  </si>
  <si>
    <t>290387.0</t>
  </si>
  <si>
    <t>282376.0</t>
  </si>
  <si>
    <t>98197.0</t>
  </si>
  <si>
    <t>671080.0</t>
  </si>
  <si>
    <t>290416.0</t>
  </si>
  <si>
    <t>282409.0</t>
  </si>
  <si>
    <t>98255.0</t>
  </si>
  <si>
    <t>107.02</t>
  </si>
  <si>
    <t>290438.0</t>
  </si>
  <si>
    <t>282438.0</t>
  </si>
  <si>
    <t>98315.0</t>
  </si>
  <si>
    <t>107.03</t>
  </si>
  <si>
    <t>671238.0</t>
  </si>
  <si>
    <t>290442.0</t>
  </si>
  <si>
    <t>282460.0</t>
  </si>
  <si>
    <t>98336.0</t>
  </si>
  <si>
    <t>3349.6</t>
  </si>
  <si>
    <t>5341.56617475865</t>
  </si>
  <si>
    <t>671242.0</t>
  </si>
  <si>
    <t>290443.0</t>
  </si>
  <si>
    <t>282463.0</t>
  </si>
  <si>
    <t>290446.0</t>
  </si>
  <si>
    <t>282471.0</t>
  </si>
  <si>
    <t>98344.0</t>
  </si>
  <si>
    <t>671465.0</t>
  </si>
  <si>
    <t>290497.0</t>
  </si>
  <si>
    <t>282534.0</t>
  </si>
  <si>
    <t>671602.0</t>
  </si>
  <si>
    <t>290536.0</t>
  </si>
  <si>
    <t>282572.0</t>
  </si>
  <si>
    <t>671712.0</t>
  </si>
  <si>
    <t>290570.0</t>
  </si>
  <si>
    <t>98539.0</t>
  </si>
  <si>
    <t>107.12</t>
  </si>
  <si>
    <t>671868.0</t>
  </si>
  <si>
    <t>290610.0</t>
  </si>
  <si>
    <t>282651.0</t>
  </si>
  <si>
    <t>98607.0</t>
  </si>
  <si>
    <t>671916.0</t>
  </si>
  <si>
    <t>290617.0</t>
  </si>
  <si>
    <t>282666.0</t>
  </si>
  <si>
    <t>107.15</t>
  </si>
  <si>
    <t>3332.2</t>
  </si>
  <si>
    <t>-13.45</t>
  </si>
  <si>
    <t>5313.81860745485</t>
  </si>
  <si>
    <t>671920.0</t>
  </si>
  <si>
    <t>290618.0</t>
  </si>
  <si>
    <t>282667.0</t>
  </si>
  <si>
    <t>671926.0</t>
  </si>
  <si>
    <t>290620.0</t>
  </si>
  <si>
    <t>282670.0</t>
  </si>
  <si>
    <t>98636.0</t>
  </si>
  <si>
    <t>671931.0</t>
  </si>
  <si>
    <t>290621.0</t>
  </si>
  <si>
    <t>672100.0</t>
  </si>
  <si>
    <t>290667.0</t>
  </si>
  <si>
    <t>282729.0</t>
  </si>
  <si>
    <t>672193.0</t>
  </si>
  <si>
    <t>290686.0</t>
  </si>
  <si>
    <t>282755.0</t>
  </si>
  <si>
    <t>672371.0</t>
  </si>
  <si>
    <t>290739.0</t>
  </si>
  <si>
    <t>282816.0</t>
  </si>
  <si>
    <t>98816.0</t>
  </si>
  <si>
    <t>107.22</t>
  </si>
  <si>
    <t>672439.0</t>
  </si>
  <si>
    <t>282846.0</t>
  </si>
  <si>
    <t>98832.0</t>
  </si>
  <si>
    <t>-9.67</t>
  </si>
  <si>
    <t>5294.36341658667</t>
  </si>
  <si>
    <t>672443.0</t>
  </si>
  <si>
    <t>282848.0</t>
  </si>
  <si>
    <t>672574.0</t>
  </si>
  <si>
    <t>290808.0</t>
  </si>
  <si>
    <t>282892.0</t>
  </si>
  <si>
    <t>672644.0</t>
  </si>
  <si>
    <t>290825.0</t>
  </si>
  <si>
    <t>282916.0</t>
  </si>
  <si>
    <t>98903.0</t>
  </si>
  <si>
    <t>672753.0</t>
  </si>
  <si>
    <t>290855.0</t>
  </si>
  <si>
    <t>282951.0</t>
  </si>
  <si>
    <t>98947.0</t>
  </si>
  <si>
    <t>672848.0</t>
  </si>
  <si>
    <t>290879.0</t>
  </si>
  <si>
    <t>282984.0</t>
  </si>
  <si>
    <t>672976.0</t>
  </si>
  <si>
    <t>290920.0</t>
  </si>
  <si>
    <t>283019.0</t>
  </si>
  <si>
    <t>3330.2</t>
  </si>
  <si>
    <t>5310.62923190269</t>
  </si>
  <si>
    <t>673025.0</t>
  </si>
  <si>
    <t>290933.0</t>
  </si>
  <si>
    <t>283035.0</t>
  </si>
  <si>
    <t>673110.0</t>
  </si>
  <si>
    <t>290957.0</t>
  </si>
  <si>
    <t>283057.0</t>
  </si>
  <si>
    <t>99096.0</t>
  </si>
  <si>
    <t>673172.0</t>
  </si>
  <si>
    <t>290973.0</t>
  </si>
  <si>
    <t>283071.0</t>
  </si>
  <si>
    <t>673256.0</t>
  </si>
  <si>
    <t>290996.0</t>
  </si>
  <si>
    <t>283104.0</t>
  </si>
  <si>
    <t>99156.0</t>
  </si>
  <si>
    <t>673306.0</t>
  </si>
  <si>
    <t>291008.0</t>
  </si>
  <si>
    <t>283126.0</t>
  </si>
  <si>
    <t>99172.0</t>
  </si>
  <si>
    <t>673374.0</t>
  </si>
  <si>
    <t>291027.0</t>
  </si>
  <si>
    <t>283149.0</t>
  </si>
  <si>
    <t>99198.0</t>
  </si>
  <si>
    <t>673378.0</t>
  </si>
  <si>
    <t>291028.0</t>
  </si>
  <si>
    <t>283150.0</t>
  </si>
  <si>
    <t>99200.0</t>
  </si>
  <si>
    <t>3343.8</t>
  </si>
  <si>
    <t>5332.31698565738</t>
  </si>
  <si>
    <t>673383.0</t>
  </si>
  <si>
    <t>291031.0</t>
  </si>
  <si>
    <t>99201.0</t>
  </si>
  <si>
    <t>673384.0</t>
  </si>
  <si>
    <t>291032.0</t>
  </si>
  <si>
    <t>673491.0</t>
  </si>
  <si>
    <t>291066.0</t>
  </si>
  <si>
    <t>283181.0</t>
  </si>
  <si>
    <t>673568.0</t>
  </si>
  <si>
    <t>291087.0</t>
  </si>
  <si>
    <t>283203.0</t>
  </si>
  <si>
    <t>673630.0</t>
  </si>
  <si>
    <t>291106.0</t>
  </si>
  <si>
    <t>283221.0</t>
  </si>
  <si>
    <t>107.42</t>
  </si>
  <si>
    <t>673713.0</t>
  </si>
  <si>
    <t>291132.0</t>
  </si>
  <si>
    <t>283247.0</t>
  </si>
  <si>
    <t>99334.0</t>
  </si>
  <si>
    <t>673733.0</t>
  </si>
  <si>
    <t>291138.0</t>
  </si>
  <si>
    <t>283256.0</t>
  </si>
  <si>
    <t>3368.4</t>
  </si>
  <si>
    <t>5371.54630494895</t>
  </si>
  <si>
    <t>673735.0</t>
  </si>
  <si>
    <t>283257.0</t>
  </si>
  <si>
    <t>673785.0</t>
  </si>
  <si>
    <t>291150.0</t>
  </si>
  <si>
    <t>283273.0</t>
  </si>
  <si>
    <t>99362.0</t>
  </si>
  <si>
    <t>673852.0</t>
  </si>
  <si>
    <t>291175.0</t>
  </si>
  <si>
    <t>283291.0</t>
  </si>
  <si>
    <t>107.46</t>
  </si>
  <si>
    <t>673929.0</t>
  </si>
  <si>
    <t>283317.0</t>
  </si>
  <si>
    <t>99412.0</t>
  </si>
  <si>
    <t>107.47</t>
  </si>
  <si>
    <t>673981.0</t>
  </si>
  <si>
    <t>291215.0</t>
  </si>
  <si>
    <t>283335.0</t>
  </si>
  <si>
    <t>674044.0</t>
  </si>
  <si>
    <t>291233.0</t>
  </si>
  <si>
    <t>283360.0</t>
  </si>
  <si>
    <t>291238.0</t>
  </si>
  <si>
    <t>283363.0</t>
  </si>
  <si>
    <t>5388.44999537541</t>
  </si>
  <si>
    <t>674066.0</t>
  </si>
  <si>
    <t>291239.0</t>
  </si>
  <si>
    <t>99461.0</t>
  </si>
  <si>
    <t>674134.0</t>
  </si>
  <si>
    <t>291256.0</t>
  </si>
  <si>
    <t>283386.0</t>
  </si>
  <si>
    <t>99492.0</t>
  </si>
  <si>
    <t>283438.0</t>
  </si>
  <si>
    <t>99545.0</t>
  </si>
  <si>
    <t>674332.0</t>
  </si>
  <si>
    <t>291314.0</t>
  </si>
  <si>
    <t>283454.0</t>
  </si>
  <si>
    <t>291332.0</t>
  </si>
  <si>
    <t>283475.0</t>
  </si>
  <si>
    <t>99597.0</t>
  </si>
  <si>
    <t>674414.0</t>
  </si>
  <si>
    <t>291333.0</t>
  </si>
  <si>
    <t>283477.0</t>
  </si>
  <si>
    <t>99604.0</t>
  </si>
  <si>
    <t>3375.2</t>
  </si>
  <si>
    <t>5382.3901818263</t>
  </si>
  <si>
    <t>674425.0</t>
  </si>
  <si>
    <t>283482.0</t>
  </si>
  <si>
    <t>99607.0</t>
  </si>
  <si>
    <t>674511.0</t>
  </si>
  <si>
    <t>291360.0</t>
  </si>
  <si>
    <t>283500.0</t>
  </si>
  <si>
    <t>99651.0</t>
  </si>
  <si>
    <t>674545.0</t>
  </si>
  <si>
    <t>291369.0</t>
  </si>
  <si>
    <t>283513.0</t>
  </si>
  <si>
    <t>99663.0</t>
  </si>
  <si>
    <t>674658.0</t>
  </si>
  <si>
    <t>291399.0</t>
  </si>
  <si>
    <t>283550.0</t>
  </si>
  <si>
    <t>99709.0</t>
  </si>
  <si>
    <t>107.59</t>
  </si>
  <si>
    <t>674687.0</t>
  </si>
  <si>
    <t>291407.0</t>
  </si>
  <si>
    <t>283560.0</t>
  </si>
  <si>
    <t>99720.0</t>
  </si>
  <si>
    <t>674750.0</t>
  </si>
  <si>
    <t>291429.0</t>
  </si>
  <si>
    <t>283581.0</t>
  </si>
  <si>
    <t>674759.0</t>
  </si>
  <si>
    <t>291430.0</t>
  </si>
  <si>
    <t>283584.0</t>
  </si>
  <si>
    <t>674764.0</t>
  </si>
  <si>
    <t>291432.0</t>
  </si>
  <si>
    <t>283587.0</t>
  </si>
  <si>
    <t>674827.0</t>
  </si>
  <si>
    <t>291448.0</t>
  </si>
  <si>
    <t>283609.0</t>
  </si>
  <si>
    <t>283622.0</t>
  </si>
  <si>
    <t>674910.0</t>
  </si>
  <si>
    <t>291475.0</t>
  </si>
  <si>
    <t>283633.0</t>
  </si>
  <si>
    <t>674943.0</t>
  </si>
  <si>
    <t>291484.0</t>
  </si>
  <si>
    <t>283649.0</t>
  </si>
  <si>
    <t>674978.0</t>
  </si>
  <si>
    <t>291494.0</t>
  </si>
  <si>
    <t>283661.0</t>
  </si>
  <si>
    <t>674999.0</t>
  </si>
  <si>
    <t>291496.0</t>
  </si>
  <si>
    <t>283672.0</t>
  </si>
  <si>
    <t>-10.3</t>
  </si>
  <si>
    <t>283673.0</t>
  </si>
  <si>
    <t>675030.0</t>
  </si>
  <si>
    <t>283678.0</t>
  </si>
  <si>
    <t>675090.0</t>
  </si>
  <si>
    <t>291522.0</t>
  </si>
  <si>
    <t>283697.0</t>
  </si>
  <si>
    <t>675154.0</t>
  </si>
  <si>
    <t>291544.0</t>
  </si>
  <si>
    <t>99913.0</t>
  </si>
  <si>
    <t>675272.0</t>
  </si>
  <si>
    <t>291568.0</t>
  </si>
  <si>
    <t>283739.0</t>
  </si>
  <si>
    <t>99965.0</t>
  </si>
  <si>
    <t>675285.0</t>
  </si>
  <si>
    <t>291570.0</t>
  </si>
  <si>
    <t>99975.0</t>
  </si>
  <si>
    <t>-6.45</t>
  </si>
  <si>
    <t>675343.0</t>
  </si>
  <si>
    <t>291582.0</t>
  </si>
  <si>
    <t>675473.0</t>
  </si>
  <si>
    <t>283783.0</t>
  </si>
  <si>
    <t>100071.0</t>
  </si>
  <si>
    <t>675561.0</t>
  </si>
  <si>
    <t>291651.0</t>
  </si>
  <si>
    <t>283799.0</t>
  </si>
  <si>
    <t>675674.0</t>
  </si>
  <si>
    <t>283834.0</t>
  </si>
  <si>
    <t>100157.0</t>
  </si>
  <si>
    <t>675761.0</t>
  </si>
  <si>
    <t>291708.0</t>
  </si>
  <si>
    <t>283861.0</t>
  </si>
  <si>
    <t>100192.0</t>
  </si>
  <si>
    <t>675840.0</t>
  </si>
  <si>
    <t>291729.0</t>
  </si>
  <si>
    <t>100229.0</t>
  </si>
  <si>
    <t>107.78</t>
  </si>
  <si>
    <t>675856.0</t>
  </si>
  <si>
    <t>291733.0</t>
  </si>
  <si>
    <t>283888.0</t>
  </si>
  <si>
    <t>675871.0</t>
  </si>
  <si>
    <t>283893.0</t>
  </si>
  <si>
    <t>100242.0</t>
  </si>
  <si>
    <t>675990.0</t>
  </si>
  <si>
    <t>291770.0</t>
  </si>
  <si>
    <t>283924.0</t>
  </si>
  <si>
    <t>676021.0</t>
  </si>
  <si>
    <t>291780.0</t>
  </si>
  <si>
    <t>283933.0</t>
  </si>
  <si>
    <t>100308.0</t>
  </si>
  <si>
    <t>676096.0</t>
  </si>
  <si>
    <t>291804.0</t>
  </si>
  <si>
    <t>283950.0</t>
  </si>
  <si>
    <t>100342.0</t>
  </si>
  <si>
    <t>676192.0</t>
  </si>
  <si>
    <t>291839.0</t>
  </si>
  <si>
    <t>283976.0</t>
  </si>
  <si>
    <t>100377.0</t>
  </si>
  <si>
    <t>107.83</t>
  </si>
  <si>
    <t>676364.0</t>
  </si>
  <si>
    <t>291892.0</t>
  </si>
  <si>
    <t>284026.0</t>
  </si>
  <si>
    <t>100446.0</t>
  </si>
  <si>
    <t>107.86</t>
  </si>
  <si>
    <t>676508.0</t>
  </si>
  <si>
    <t>291944.0</t>
  </si>
  <si>
    <t>284064.0</t>
  </si>
  <si>
    <t>100500.0</t>
  </si>
  <si>
    <t>107.88</t>
  </si>
  <si>
    <t>676529.0</t>
  </si>
  <si>
    <t>291951.0</t>
  </si>
  <si>
    <t>284068.0</t>
  </si>
  <si>
    <t>676657.0</t>
  </si>
  <si>
    <t>291993.0</t>
  </si>
  <si>
    <t>284103.0</t>
  </si>
  <si>
    <t>100561.0</t>
  </si>
  <si>
    <t>676796.0</t>
  </si>
  <si>
    <t>292030.0</t>
  </si>
  <si>
    <t>284151.0</t>
  </si>
  <si>
    <t>100615.0</t>
  </si>
  <si>
    <t>107.93</t>
  </si>
  <si>
    <t>676905.0</t>
  </si>
  <si>
    <t>292061.0</t>
  </si>
  <si>
    <t>284180.0</t>
  </si>
  <si>
    <t>100664.0</t>
  </si>
  <si>
    <t>677080.0</t>
  </si>
  <si>
    <t>292113.0</t>
  </si>
  <si>
    <t>284234.0</t>
  </si>
  <si>
    <t>100733.0</t>
  </si>
  <si>
    <t>677121.0</t>
  </si>
  <si>
    <t>292127.0</t>
  </si>
  <si>
    <t>284243.0</t>
  </si>
  <si>
    <t>100751.0</t>
  </si>
  <si>
    <t>677137.0</t>
  </si>
  <si>
    <t>100767.0</t>
  </si>
  <si>
    <t>677230.0</t>
  </si>
  <si>
    <t>292152.0</t>
  </si>
  <si>
    <t>284265.0</t>
  </si>
  <si>
    <t>677333.0</t>
  </si>
  <si>
    <t>292187.0</t>
  </si>
  <si>
    <t>284297.0</t>
  </si>
  <si>
    <t>100849.0</t>
  </si>
  <si>
    <t>677477.0</t>
  </si>
  <si>
    <t>292235.0</t>
  </si>
  <si>
    <t>284331.0</t>
  </si>
  <si>
    <t>100911.0</t>
  </si>
  <si>
    <t>677580.0</t>
  </si>
  <si>
    <t>292267.0</t>
  </si>
  <si>
    <t>284356.0</t>
  </si>
  <si>
    <t>677758.0</t>
  </si>
  <si>
    <t>292328.0</t>
  </si>
  <si>
    <t>284408.0</t>
  </si>
  <si>
    <t>101022.0</t>
  </si>
  <si>
    <t>677772.0</t>
  </si>
  <si>
    <t>292334.0</t>
  </si>
  <si>
    <t>677777.0</t>
  </si>
  <si>
    <t>284411.0</t>
  </si>
  <si>
    <t>677888.0</t>
  </si>
  <si>
    <t>292368.0</t>
  </si>
  <si>
    <t>284450.0</t>
  </si>
  <si>
    <t>101070.0</t>
  </si>
  <si>
    <t>677976.0</t>
  </si>
  <si>
    <t>292393.0</t>
  </si>
  <si>
    <t>284478.0</t>
  </si>
  <si>
    <t>678050.0</t>
  </si>
  <si>
    <t>292416.0</t>
  </si>
  <si>
    <t>284501.0</t>
  </si>
  <si>
    <t>101133.0</t>
  </si>
  <si>
    <t>678131.0</t>
  </si>
  <si>
    <t>292446.0</t>
  </si>
  <si>
    <t>284524.0</t>
  </si>
  <si>
    <t>101161.0</t>
  </si>
  <si>
    <t>678301.0</t>
  </si>
  <si>
    <t>292502.0</t>
  </si>
  <si>
    <t>284581.0</t>
  </si>
  <si>
    <t>101218.0</t>
  </si>
  <si>
    <t>678330.0</t>
  </si>
  <si>
    <t>292513.0</t>
  </si>
  <si>
    <t>284594.0</t>
  </si>
  <si>
    <t>678335.0</t>
  </si>
  <si>
    <t>292515.0</t>
  </si>
  <si>
    <t>678440.0</t>
  </si>
  <si>
    <t>292543.0</t>
  </si>
  <si>
    <t>284630.0</t>
  </si>
  <si>
    <t>101267.0</t>
  </si>
  <si>
    <t>678489.0</t>
  </si>
  <si>
    <t>292560.0</t>
  </si>
  <si>
    <t>284642.0</t>
  </si>
  <si>
    <t>101287.0</t>
  </si>
  <si>
    <t>678532.0</t>
  </si>
  <si>
    <t>292581.0</t>
  </si>
  <si>
    <t>101309.0</t>
  </si>
  <si>
    <t>678798.0</t>
  </si>
  <si>
    <t>292661.0</t>
  </si>
  <si>
    <t>679171.0</t>
  </si>
  <si>
    <t>292783.0</t>
  </si>
  <si>
    <t>284869.0</t>
  </si>
  <si>
    <t>101519.0</t>
  </si>
  <si>
    <t>MSR</t>
  </si>
  <si>
    <t>Montserrat</t>
  </si>
  <si>
    <t>92.66</t>
  </si>
  <si>
    <t>95.83</t>
  </si>
  <si>
    <t>95.97</t>
  </si>
  <si>
    <t>101.68</t>
  </si>
  <si>
    <t>102.22</t>
  </si>
  <si>
    <t>103.42</t>
  </si>
  <si>
    <t>MAR</t>
  </si>
  <si>
    <t>Morocco</t>
  </si>
  <si>
    <t>0.2653</t>
  </si>
  <si>
    <t>42112.0</t>
  </si>
  <si>
    <t>45302.0</t>
  </si>
  <si>
    <t>52958.0</t>
  </si>
  <si>
    <t>56492.0</t>
  </si>
  <si>
    <t>75870.0</t>
  </si>
  <si>
    <t>89957.0</t>
  </si>
  <si>
    <t>100367.0</t>
  </si>
  <si>
    <t>112997.0</t>
  </si>
  <si>
    <t>123402.0</t>
  </si>
  <si>
    <t>133561.0</t>
  </si>
  <si>
    <t>152203.0</t>
  </si>
  <si>
    <t>161365.0</t>
  </si>
  <si>
    <t>170713.0</t>
  </si>
  <si>
    <t>180189.0</t>
  </si>
  <si>
    <t>190061.0</t>
  </si>
  <si>
    <t>9872.0</t>
  </si>
  <si>
    <t>199998.0</t>
  </si>
  <si>
    <t>209139.0</t>
  </si>
  <si>
    <t>221554.0</t>
  </si>
  <si>
    <t>234651.0</t>
  </si>
  <si>
    <t>6.329</t>
  </si>
  <si>
    <t>247824.0</t>
  </si>
  <si>
    <t>261010.0</t>
  </si>
  <si>
    <t>275349.0</t>
  </si>
  <si>
    <t>289457.0</t>
  </si>
  <si>
    <t>14108.0</t>
  </si>
  <si>
    <t>305953.0</t>
  </si>
  <si>
    <t>232.2</t>
  </si>
  <si>
    <t>339571.0</t>
  </si>
  <si>
    <t>356051.0</t>
  </si>
  <si>
    <t>9.603</t>
  </si>
  <si>
    <t>372591.0</t>
  </si>
  <si>
    <t>389142.0</t>
  </si>
  <si>
    <t>10.496</t>
  </si>
  <si>
    <t>405898.0</t>
  </si>
  <si>
    <t>16756.0</t>
  </si>
  <si>
    <t>422520.0</t>
  </si>
  <si>
    <t>439272.0</t>
  </si>
  <si>
    <t>11.848</t>
  </si>
  <si>
    <t>455768.0</t>
  </si>
  <si>
    <t>471736.0</t>
  </si>
  <si>
    <t>488947.0</t>
  </si>
  <si>
    <t>505636.0</t>
  </si>
  <si>
    <t>522166.0</t>
  </si>
  <si>
    <t>538191.0</t>
  </si>
  <si>
    <t>575176.0</t>
  </si>
  <si>
    <t>591757.0</t>
  </si>
  <si>
    <t>620435.0</t>
  </si>
  <si>
    <t>16.734</t>
  </si>
  <si>
    <t>633494.0</t>
  </si>
  <si>
    <t>17.086</t>
  </si>
  <si>
    <t>646195.0</t>
  </si>
  <si>
    <t>17.429</t>
  </si>
  <si>
    <t>662814.0</t>
  </si>
  <si>
    <t>681191.0</t>
  </si>
  <si>
    <t>18.373</t>
  </si>
  <si>
    <t>698128.0</t>
  </si>
  <si>
    <t>715853.0</t>
  </si>
  <si>
    <t>19.307</t>
  </si>
  <si>
    <t>732494.0</t>
  </si>
  <si>
    <t>19.756</t>
  </si>
  <si>
    <t>748449.0</t>
  </si>
  <si>
    <t>20.187</t>
  </si>
  <si>
    <t>765580.0</t>
  </si>
  <si>
    <t>20.649</t>
  </si>
  <si>
    <t>21.136</t>
  </si>
  <si>
    <t>801329.0</t>
  </si>
  <si>
    <t>21.613</t>
  </si>
  <si>
    <t>819124.0</t>
  </si>
  <si>
    <t>22.093</t>
  </si>
  <si>
    <t>835264.0</t>
  </si>
  <si>
    <t>849097.0</t>
  </si>
  <si>
    <t>22.901</t>
  </si>
  <si>
    <t>864594.0</t>
  </si>
  <si>
    <t>23.319</t>
  </si>
  <si>
    <t>878626.0</t>
  </si>
  <si>
    <t>23.698</t>
  </si>
  <si>
    <t>896638.0</t>
  </si>
  <si>
    <t>24.183</t>
  </si>
  <si>
    <t>915140.0</t>
  </si>
  <si>
    <t>24.682</t>
  </si>
  <si>
    <t>934048.0</t>
  </si>
  <si>
    <t>25.192</t>
  </si>
  <si>
    <t>953715.0</t>
  </si>
  <si>
    <t>19667.0</t>
  </si>
  <si>
    <t>973404.0</t>
  </si>
  <si>
    <t>990514.0</t>
  </si>
  <si>
    <t>26.715</t>
  </si>
  <si>
    <t>1009326.0</t>
  </si>
  <si>
    <t>27.223</t>
  </si>
  <si>
    <t>1027773.0</t>
  </si>
  <si>
    <t>1046806.0</t>
  </si>
  <si>
    <t>28.234</t>
  </si>
  <si>
    <t>18809.0</t>
  </si>
  <si>
    <t>1065833.0</t>
  </si>
  <si>
    <t>1085490.0</t>
  </si>
  <si>
    <t>18825.0</t>
  </si>
  <si>
    <t>1105271.0</t>
  </si>
  <si>
    <t>19781.0</t>
  </si>
  <si>
    <t>1126213.0</t>
  </si>
  <si>
    <t>30.375</t>
  </si>
  <si>
    <t>1147173.0</t>
  </si>
  <si>
    <t>30.941</t>
  </si>
  <si>
    <t>1168113.0</t>
  </si>
  <si>
    <t>20940.0</t>
  </si>
  <si>
    <t>1188801.0</t>
  </si>
  <si>
    <t>20285.0</t>
  </si>
  <si>
    <t>1210035.0</t>
  </si>
  <si>
    <t>21234.0</t>
  </si>
  <si>
    <t>1231195.0</t>
  </si>
  <si>
    <t>33.207</t>
  </si>
  <si>
    <t>1252365.0</t>
  </si>
  <si>
    <t>33.778</t>
  </si>
  <si>
    <t>1273939.0</t>
  </si>
  <si>
    <t>1295194.0</t>
  </si>
  <si>
    <t>34.933</t>
  </si>
  <si>
    <t>1316861.0</t>
  </si>
  <si>
    <t>35.517</t>
  </si>
  <si>
    <t>1338989.0</t>
  </si>
  <si>
    <t>36.114</t>
  </si>
  <si>
    <t>1361550.0</t>
  </si>
  <si>
    <t>1383816.0</t>
  </si>
  <si>
    <t>1405159.0</t>
  </si>
  <si>
    <t>21343.0</t>
  </si>
  <si>
    <t>37.899</t>
  </si>
  <si>
    <t>1427635.0</t>
  </si>
  <si>
    <t>38.505</t>
  </si>
  <si>
    <t>1449968.0</t>
  </si>
  <si>
    <t>39.107</t>
  </si>
  <si>
    <t>1472095.0</t>
  </si>
  <si>
    <t>39.704</t>
  </si>
  <si>
    <t>1494096.0</t>
  </si>
  <si>
    <t>1516402.0</t>
  </si>
  <si>
    <t>40.899</t>
  </si>
  <si>
    <t>1538520.0</t>
  </si>
  <si>
    <t>41.496</t>
  </si>
  <si>
    <t>1560527.0</t>
  </si>
  <si>
    <t>22007.0</t>
  </si>
  <si>
    <t>42.089</t>
  </si>
  <si>
    <t>1583234.0</t>
  </si>
  <si>
    <t>22707.0</t>
  </si>
  <si>
    <t>1605613.0</t>
  </si>
  <si>
    <t>1626810.0</t>
  </si>
  <si>
    <t>43.877</t>
  </si>
  <si>
    <t>1648728.0</t>
  </si>
  <si>
    <t>44.468</t>
  </si>
  <si>
    <t>1670569.0</t>
  </si>
  <si>
    <t>45.057</t>
  </si>
  <si>
    <t>1692405.0</t>
  </si>
  <si>
    <t>45.646</t>
  </si>
  <si>
    <t>1714583.0</t>
  </si>
  <si>
    <t>46.244</t>
  </si>
  <si>
    <t>1736976.0</t>
  </si>
  <si>
    <t>46.848</t>
  </si>
  <si>
    <t>1758870.0</t>
  </si>
  <si>
    <t>47.439</t>
  </si>
  <si>
    <t>1779980.0</t>
  </si>
  <si>
    <t>48.008</t>
  </si>
  <si>
    <t>1802170.0</t>
  </si>
  <si>
    <t>22190.0</t>
  </si>
  <si>
    <t>48.607</t>
  </si>
  <si>
    <t>1824251.0</t>
  </si>
  <si>
    <t>22081.0</t>
  </si>
  <si>
    <t>49.202</t>
  </si>
  <si>
    <t>1846260.0</t>
  </si>
  <si>
    <t>49.796</t>
  </si>
  <si>
    <t>1868545.0</t>
  </si>
  <si>
    <t>50.397</t>
  </si>
  <si>
    <t>1890964.0</t>
  </si>
  <si>
    <t>51.002</t>
  </si>
  <si>
    <t>1912965.0</t>
  </si>
  <si>
    <t>1934334.0</t>
  </si>
  <si>
    <t>52.171</t>
  </si>
  <si>
    <t>52.767</t>
  </si>
  <si>
    <t>22035.0</t>
  </si>
  <si>
    <t>1978840.0</t>
  </si>
  <si>
    <t>53.372</t>
  </si>
  <si>
    <t>2001124.0</t>
  </si>
  <si>
    <t>22284.0</t>
  </si>
  <si>
    <t>53.973</t>
  </si>
  <si>
    <t>22123.0</t>
  </si>
  <si>
    <t>2023926.0</t>
  </si>
  <si>
    <t>2046496.0</t>
  </si>
  <si>
    <t>2070053.0</t>
  </si>
  <si>
    <t>2092291.0</t>
  </si>
  <si>
    <t>56.432</t>
  </si>
  <si>
    <t>2115390.0</t>
  </si>
  <si>
    <t>57.055</t>
  </si>
  <si>
    <t>2138164.0</t>
  </si>
  <si>
    <t>57.669</t>
  </si>
  <si>
    <t>2160798.0</t>
  </si>
  <si>
    <t>58.279</t>
  </si>
  <si>
    <t>2184266.0</t>
  </si>
  <si>
    <t>2207396.0</t>
  </si>
  <si>
    <t>59.536</t>
  </si>
  <si>
    <t>2230069.0</t>
  </si>
  <si>
    <t>60.148</t>
  </si>
  <si>
    <t>2251763.0</t>
  </si>
  <si>
    <t>60.733</t>
  </si>
  <si>
    <t>2274042.0</t>
  </si>
  <si>
    <t>2295811.0</t>
  </si>
  <si>
    <t>61.921</t>
  </si>
  <si>
    <t>2342307.0</t>
  </si>
  <si>
    <t>63.175</t>
  </si>
  <si>
    <t>22577.0</t>
  </si>
  <si>
    <t>2366181.0</t>
  </si>
  <si>
    <t>23874.0</t>
  </si>
  <si>
    <t>2389115.0</t>
  </si>
  <si>
    <t>64.437</t>
  </si>
  <si>
    <t>2410576.0</t>
  </si>
  <si>
    <t>65.016</t>
  </si>
  <si>
    <t>22688.0</t>
  </si>
  <si>
    <t>2433869.0</t>
  </si>
  <si>
    <t>65.644</t>
  </si>
  <si>
    <t>2457373.0</t>
  </si>
  <si>
    <t>66.278</t>
  </si>
  <si>
    <t>2481151.0</t>
  </si>
  <si>
    <t>23156.0</t>
  </si>
  <si>
    <t>2505151.0</t>
  </si>
  <si>
    <t>67.567</t>
  </si>
  <si>
    <t>2529397.0</t>
  </si>
  <si>
    <t>68.221</t>
  </si>
  <si>
    <t>2553350.0</t>
  </si>
  <si>
    <t>68.867</t>
  </si>
  <si>
    <t>23462.0</t>
  </si>
  <si>
    <t>2575657.0</t>
  </si>
  <si>
    <t>69.469</t>
  </si>
  <si>
    <t>23583.0</t>
  </si>
  <si>
    <t>2598486.0</t>
  </si>
  <si>
    <t>22829.0</t>
  </si>
  <si>
    <t>70.084</t>
  </si>
  <si>
    <t>2621314.0</t>
  </si>
  <si>
    <t>22828.0</t>
  </si>
  <si>
    <t>2643860.0</t>
  </si>
  <si>
    <t>71.308</t>
  </si>
  <si>
    <t>2666458.0</t>
  </si>
  <si>
    <t>71.918</t>
  </si>
  <si>
    <t>2689136.0</t>
  </si>
  <si>
    <t>22678.0</t>
  </si>
  <si>
    <t>72.529</t>
  </si>
  <si>
    <t>2711203.0</t>
  </si>
  <si>
    <t>73.124</t>
  </si>
  <si>
    <t>2731907.0</t>
  </si>
  <si>
    <t>2753882.0</t>
  </si>
  <si>
    <t>2778365.0</t>
  </si>
  <si>
    <t>74.936</t>
  </si>
  <si>
    <t>2803491.0</t>
  </si>
  <si>
    <t>75.614</t>
  </si>
  <si>
    <t>22804.0</t>
  </si>
  <si>
    <t>2828653.0</t>
  </si>
  <si>
    <t>25162.0</t>
  </si>
  <si>
    <t>76.292</t>
  </si>
  <si>
    <t>23171.0</t>
  </si>
  <si>
    <t>2853784.0</t>
  </si>
  <si>
    <t>25131.0</t>
  </si>
  <si>
    <t>2877502.0</t>
  </si>
  <si>
    <t>2897811.0</t>
  </si>
  <si>
    <t>78.157</t>
  </si>
  <si>
    <t>23701.0</t>
  </si>
  <si>
    <t>2922011.0</t>
  </si>
  <si>
    <t>24018.0</t>
  </si>
  <si>
    <t>2946459.0</t>
  </si>
  <si>
    <t>24448.0</t>
  </si>
  <si>
    <t>2969887.0</t>
  </si>
  <si>
    <t>80.101</t>
  </si>
  <si>
    <t>2993488.0</t>
  </si>
  <si>
    <t>80.738</t>
  </si>
  <si>
    <t>23548.0</t>
  </si>
  <si>
    <t>3017488.0</t>
  </si>
  <si>
    <t>81.385</t>
  </si>
  <si>
    <t>3040181.0</t>
  </si>
  <si>
    <t>22693.0</t>
  </si>
  <si>
    <t>81.997</t>
  </si>
  <si>
    <t>3061219.0</t>
  </si>
  <si>
    <t>82.565</t>
  </si>
  <si>
    <t>3084528.0</t>
  </si>
  <si>
    <t>23309.0</t>
  </si>
  <si>
    <t>83.193</t>
  </si>
  <si>
    <t>3107430.0</t>
  </si>
  <si>
    <t>22902.0</t>
  </si>
  <si>
    <t>3130766.0</t>
  </si>
  <si>
    <t>23336.0</t>
  </si>
  <si>
    <t>84.441</t>
  </si>
  <si>
    <t>3153471.0</t>
  </si>
  <si>
    <t>85.053</t>
  </si>
  <si>
    <t>3176249.0</t>
  </si>
  <si>
    <t>85.667</t>
  </si>
  <si>
    <t>3197617.0</t>
  </si>
  <si>
    <t>86.244</t>
  </si>
  <si>
    <t>3217978.0</t>
  </si>
  <si>
    <t>3240758.0</t>
  </si>
  <si>
    <t>87.407</t>
  </si>
  <si>
    <t>3262844.0</t>
  </si>
  <si>
    <t>22086.0</t>
  </si>
  <si>
    <t>88.003</t>
  </si>
  <si>
    <t>3285045.0</t>
  </si>
  <si>
    <t>88.602</t>
  </si>
  <si>
    <t>3305323.0</t>
  </si>
  <si>
    <t>89.149</t>
  </si>
  <si>
    <t>3326650.0</t>
  </si>
  <si>
    <t>89.724</t>
  </si>
  <si>
    <t>3347872.0</t>
  </si>
  <si>
    <t>90.296</t>
  </si>
  <si>
    <t>3367671.0</t>
  </si>
  <si>
    <t>3388542.0</t>
  </si>
  <si>
    <t>91.393</t>
  </si>
  <si>
    <t>3410053.0</t>
  </si>
  <si>
    <t>3430860.0</t>
  </si>
  <si>
    <t>20807.0</t>
  </si>
  <si>
    <t>92.534</t>
  </si>
  <si>
    <t>3451451.0</t>
  </si>
  <si>
    <t>3471444.0</t>
  </si>
  <si>
    <t>93.629</t>
  </si>
  <si>
    <t>3491314.0</t>
  </si>
  <si>
    <t>94.165</t>
  </si>
  <si>
    <t>3510417.0</t>
  </si>
  <si>
    <t>19103.0</t>
  </si>
  <si>
    <t>3531400.0</t>
  </si>
  <si>
    <t>95.246</t>
  </si>
  <si>
    <t>20408.0</t>
  </si>
  <si>
    <t>3553127.0</t>
  </si>
  <si>
    <t>95.832</t>
  </si>
  <si>
    <t>3576692.0</t>
  </si>
  <si>
    <t>96.468</t>
  </si>
  <si>
    <t>3600396.0</t>
  </si>
  <si>
    <t>97.107</t>
  </si>
  <si>
    <t>3623519.0</t>
  </si>
  <si>
    <t>97.731</t>
  </si>
  <si>
    <t>3646330.0</t>
  </si>
  <si>
    <t>98.346</t>
  </si>
  <si>
    <t>3664662.0</t>
  </si>
  <si>
    <t>3688225.0</t>
  </si>
  <si>
    <t>99.476</t>
  </si>
  <si>
    <t>3711044.0</t>
  </si>
  <si>
    <t>100.091</t>
  </si>
  <si>
    <t>3733534.0</t>
  </si>
  <si>
    <t>100.698</t>
  </si>
  <si>
    <t>3753724.0</t>
  </si>
  <si>
    <t>20190.0</t>
  </si>
  <si>
    <t>101.242</t>
  </si>
  <si>
    <t>21904.0</t>
  </si>
  <si>
    <t>3776678.0</t>
  </si>
  <si>
    <t>101.862</t>
  </si>
  <si>
    <t>3796876.0</t>
  </si>
  <si>
    <t>3814442.0</t>
  </si>
  <si>
    <t>3833549.0</t>
  </si>
  <si>
    <t>19107.0</t>
  </si>
  <si>
    <t>103.395</t>
  </si>
  <si>
    <t>3854502.0</t>
  </si>
  <si>
    <t>103.961</t>
  </si>
  <si>
    <t>3875930.0</t>
  </si>
  <si>
    <t>104.538</t>
  </si>
  <si>
    <t>20342.0</t>
  </si>
  <si>
    <t>3897947.0</t>
  </si>
  <si>
    <t>22017.0</t>
  </si>
  <si>
    <t>105.132</t>
  </si>
  <si>
    <t>3920170.0</t>
  </si>
  <si>
    <t>105.732</t>
  </si>
  <si>
    <t>3939350.0</t>
  </si>
  <si>
    <t>106.249</t>
  </si>
  <si>
    <t>3953900.0</t>
  </si>
  <si>
    <t>106.641</t>
  </si>
  <si>
    <t>3974785.0</t>
  </si>
  <si>
    <t>107.205</t>
  </si>
  <si>
    <t>3995885.0</t>
  </si>
  <si>
    <t>107.774</t>
  </si>
  <si>
    <t>4016991.0</t>
  </si>
  <si>
    <t>108.343</t>
  </si>
  <si>
    <t>4038601.0</t>
  </si>
  <si>
    <t>108.926</t>
  </si>
  <si>
    <t>4058751.0</t>
  </si>
  <si>
    <t>20150.0</t>
  </si>
  <si>
    <t>109.469</t>
  </si>
  <si>
    <t>4074451.0</t>
  </si>
  <si>
    <t>109.893</t>
  </si>
  <si>
    <t>4086436.0</t>
  </si>
  <si>
    <t>110.216</t>
  </si>
  <si>
    <t>4103482.0</t>
  </si>
  <si>
    <t>110.676</t>
  </si>
  <si>
    <t>4122663.0</t>
  </si>
  <si>
    <t>111.193</t>
  </si>
  <si>
    <t>4141842.0</t>
  </si>
  <si>
    <t>111.71</t>
  </si>
  <si>
    <t>17836.0</t>
  </si>
  <si>
    <t>4161069.0</t>
  </si>
  <si>
    <t>112.229</t>
  </si>
  <si>
    <t>17495.0</t>
  </si>
  <si>
    <t>4179619.0</t>
  </si>
  <si>
    <t>112.729</t>
  </si>
  <si>
    <t>4194760.0</t>
  </si>
  <si>
    <t>113.138</t>
  </si>
  <si>
    <t>4204412.0</t>
  </si>
  <si>
    <t>4220907.0</t>
  </si>
  <si>
    <t>113.843</t>
  </si>
  <si>
    <t>4237689.0</t>
  </si>
  <si>
    <t>4254699.0</t>
  </si>
  <si>
    <t>114.754</t>
  </si>
  <si>
    <t>4269859.0</t>
  </si>
  <si>
    <t>115.163</t>
  </si>
  <si>
    <t>4287640.0</t>
  </si>
  <si>
    <t>17781.0</t>
  </si>
  <si>
    <t>115.643</t>
  </si>
  <si>
    <t>4300996.0</t>
  </si>
  <si>
    <t>116.003</t>
  </si>
  <si>
    <t>4308127.0</t>
  </si>
  <si>
    <t>116.195</t>
  </si>
  <si>
    <t>4322989.0</t>
  </si>
  <si>
    <t>116.596</t>
  </si>
  <si>
    <t>4338954.0</t>
  </si>
  <si>
    <t>117.027</t>
  </si>
  <si>
    <t>4354454.0</t>
  </si>
  <si>
    <t>117.445</t>
  </si>
  <si>
    <t>4369571.0</t>
  </si>
  <si>
    <t>117.853</t>
  </si>
  <si>
    <t>4384421.0</t>
  </si>
  <si>
    <t>4394830.0</t>
  </si>
  <si>
    <t>118.534</t>
  </si>
  <si>
    <t>4404408.0</t>
  </si>
  <si>
    <t>118.792</t>
  </si>
  <si>
    <t>4421874.0</t>
  </si>
  <si>
    <t>119.263</t>
  </si>
  <si>
    <t>4439680.0</t>
  </si>
  <si>
    <t>119.744</t>
  </si>
  <si>
    <t>4457349.0</t>
  </si>
  <si>
    <t>4473704.0</t>
  </si>
  <si>
    <t>120.661</t>
  </si>
  <si>
    <t>4486984.0</t>
  </si>
  <si>
    <t>121.019</t>
  </si>
  <si>
    <t>4499434.0</t>
  </si>
  <si>
    <t>121.355</t>
  </si>
  <si>
    <t>4507292.0</t>
  </si>
  <si>
    <t>121.567</t>
  </si>
  <si>
    <t>4524423.0</t>
  </si>
  <si>
    <t>122.029</t>
  </si>
  <si>
    <t>4541376.0</t>
  </si>
  <si>
    <t>122.486</t>
  </si>
  <si>
    <t>14528.0</t>
  </si>
  <si>
    <t>4559754.0</t>
  </si>
  <si>
    <t>18378.0</t>
  </si>
  <si>
    <t>4577298.0</t>
  </si>
  <si>
    <t>4598872.0</t>
  </si>
  <si>
    <t>124.037</t>
  </si>
  <si>
    <t>15984.0</t>
  </si>
  <si>
    <t>4614140.0</t>
  </si>
  <si>
    <t>124.449</t>
  </si>
  <si>
    <t>4621023.0</t>
  </si>
  <si>
    <t>124.635</t>
  </si>
  <si>
    <t>4631377.0</t>
  </si>
  <si>
    <t>124.914</t>
  </si>
  <si>
    <t>4649394.0</t>
  </si>
  <si>
    <t>4669254.0</t>
  </si>
  <si>
    <t>125.935</t>
  </si>
  <si>
    <t>4689875.0</t>
  </si>
  <si>
    <t>126.492</t>
  </si>
  <si>
    <t>4709698.0</t>
  </si>
  <si>
    <t>4726070.0</t>
  </si>
  <si>
    <t>127.468</t>
  </si>
  <si>
    <t>4733898.0</t>
  </si>
  <si>
    <t>127.679</t>
  </si>
  <si>
    <t>4749868.0</t>
  </si>
  <si>
    <t>128.11</t>
  </si>
  <si>
    <t>4765382.0</t>
  </si>
  <si>
    <t>128.528</t>
  </si>
  <si>
    <t>4781377.0</t>
  </si>
  <si>
    <t>128.959</t>
  </si>
  <si>
    <t>4797210.0</t>
  </si>
  <si>
    <t>129.387</t>
  </si>
  <si>
    <t>4813540.0</t>
  </si>
  <si>
    <t>129.827</t>
  </si>
  <si>
    <t>4822622.0</t>
  </si>
  <si>
    <t>130.072</t>
  </si>
  <si>
    <t>4828401.0</t>
  </si>
  <si>
    <t>130.228</t>
  </si>
  <si>
    <t>4840461.0</t>
  </si>
  <si>
    <t>130.553</t>
  </si>
  <si>
    <t>4853938.0</t>
  </si>
  <si>
    <t>130.917</t>
  </si>
  <si>
    <t>4854579.0</t>
  </si>
  <si>
    <t>130.934</t>
  </si>
  <si>
    <t>4868678.0</t>
  </si>
  <si>
    <t>131.314</t>
  </si>
  <si>
    <t>4883093.0</t>
  </si>
  <si>
    <t>131.703</t>
  </si>
  <si>
    <t>90000.0</t>
  </si>
  <si>
    <t>4904833.0</t>
  </si>
  <si>
    <t>132.289</t>
  </si>
  <si>
    <t>42000.0</t>
  </si>
  <si>
    <t>4909803.0</t>
  </si>
  <si>
    <t>132.423</t>
  </si>
  <si>
    <t>200081.0</t>
  </si>
  <si>
    <t>74081.0</t>
  </si>
  <si>
    <t>4921005.0</t>
  </si>
  <si>
    <t>132.725</t>
  </si>
  <si>
    <t>257291.0</t>
  </si>
  <si>
    <t>57210.0</t>
  </si>
  <si>
    <t>51458.0</t>
  </si>
  <si>
    <t>4933656.0</t>
  </si>
  <si>
    <t>133.067</t>
  </si>
  <si>
    <t>308398.0</t>
  </si>
  <si>
    <t>51400.0</t>
  </si>
  <si>
    <t>351723.0</t>
  </si>
  <si>
    <t>43325.0</t>
  </si>
  <si>
    <t>4958235.0</t>
  </si>
  <si>
    <t>12794.0</t>
  </si>
  <si>
    <t>408235.0</t>
  </si>
  <si>
    <t>4971828.0</t>
  </si>
  <si>
    <t>463966.0</t>
  </si>
  <si>
    <t>55731.0</t>
  </si>
  <si>
    <t>53424.0</t>
  </si>
  <si>
    <t>4980174.0</t>
  </si>
  <si>
    <t>134.321</t>
  </si>
  <si>
    <t>10763.0</t>
  </si>
  <si>
    <t>54437.0</t>
  </si>
  <si>
    <t>4985294.0</t>
  </si>
  <si>
    <t>134.459</t>
  </si>
  <si>
    <t>550149.0</t>
  </si>
  <si>
    <t>50010.0</t>
  </si>
  <si>
    <t>4994672.0</t>
  </si>
  <si>
    <t>134.712</t>
  </si>
  <si>
    <t>615181.0</t>
  </si>
  <si>
    <t>65032.0</t>
  </si>
  <si>
    <t>51127.0</t>
  </si>
  <si>
    <t>5005512.0</t>
  </si>
  <si>
    <t>135.005</t>
  </si>
  <si>
    <t>746116.0</t>
  </si>
  <si>
    <t>62531.0</t>
  </si>
  <si>
    <t>5015968.0</t>
  </si>
  <si>
    <t>10456.0</t>
  </si>
  <si>
    <t>855318.0</t>
  </si>
  <si>
    <t>109202.0</t>
  </si>
  <si>
    <t>71942.0</t>
  </si>
  <si>
    <t>5027093.0</t>
  </si>
  <si>
    <t>135.587</t>
  </si>
  <si>
    <t>1112103.0</t>
  </si>
  <si>
    <t>256785.0</t>
  </si>
  <si>
    <t>100553.0</t>
  </si>
  <si>
    <t>5038051.0</t>
  </si>
  <si>
    <t>135.882</t>
  </si>
  <si>
    <t>1388539.0</t>
  </si>
  <si>
    <t>276436.0</t>
  </si>
  <si>
    <t>132082.0</t>
  </si>
  <si>
    <t>5045830.0</t>
  </si>
  <si>
    <t>136.092</t>
  </si>
  <si>
    <t>5050197.0</t>
  </si>
  <si>
    <t>1707091.0</t>
  </si>
  <si>
    <t>165277.0</t>
  </si>
  <si>
    <t>5059147.0</t>
  </si>
  <si>
    <t>136.451</t>
  </si>
  <si>
    <t>1904169.0</t>
  </si>
  <si>
    <t>197078.0</t>
  </si>
  <si>
    <t>184141.0</t>
  </si>
  <si>
    <t>5068748.0</t>
  </si>
  <si>
    <t>2081013.0</t>
  </si>
  <si>
    <t>190700.0</t>
  </si>
  <si>
    <t>5079337.0</t>
  </si>
  <si>
    <t>136.996</t>
  </si>
  <si>
    <t>2233123.0</t>
  </si>
  <si>
    <t>152110.0</t>
  </si>
  <si>
    <t>196829.0</t>
  </si>
  <si>
    <t>5089223.0</t>
  </si>
  <si>
    <t>137.262</t>
  </si>
  <si>
    <t>2362150.0</t>
  </si>
  <si>
    <t>2357283.0</t>
  </si>
  <si>
    <t>178578.0</t>
  </si>
  <si>
    <t>5099195.0</t>
  </si>
  <si>
    <t>137.531</t>
  </si>
  <si>
    <t>2461192.0</t>
  </si>
  <si>
    <t>2447716.0</t>
  </si>
  <si>
    <t>99042.0</t>
  </si>
  <si>
    <t>153236.0</t>
  </si>
  <si>
    <t>90433.0</t>
  </si>
  <si>
    <t>5106983.0</t>
  </si>
  <si>
    <t>137.741</t>
  </si>
  <si>
    <t>138660.0</t>
  </si>
  <si>
    <t>71292.0</t>
  </si>
  <si>
    <t>5111873.0</t>
  </si>
  <si>
    <t>137.873</t>
  </si>
  <si>
    <t>2575684.0</t>
  </si>
  <si>
    <t>2552017.0</t>
  </si>
  <si>
    <t>124085.0</t>
  </si>
  <si>
    <t>64911.0</t>
  </si>
  <si>
    <t>5120380.0</t>
  </si>
  <si>
    <t>138.103</t>
  </si>
  <si>
    <t>2667091.0</t>
  </si>
  <si>
    <t>2635859.0</t>
  </si>
  <si>
    <t>91407.0</t>
  </si>
  <si>
    <t>69644.0</t>
  </si>
  <si>
    <t>5129731.0</t>
  </si>
  <si>
    <t>138.355</t>
  </si>
  <si>
    <t>2948945.0</t>
  </si>
  <si>
    <t>2911635.0</t>
  </si>
  <si>
    <t>37310.0</t>
  </si>
  <si>
    <t>281854.0</t>
  </si>
  <si>
    <t>110870.0</t>
  </si>
  <si>
    <t>5140209.0</t>
  </si>
  <si>
    <t>138.638</t>
  </si>
  <si>
    <t>3204105.0</t>
  </si>
  <si>
    <t>3160479.0</t>
  </si>
  <si>
    <t>255160.0</t>
  </si>
  <si>
    <t>138712.0</t>
  </si>
  <si>
    <t>133866.0</t>
  </si>
  <si>
    <t>5151718.0</t>
  </si>
  <si>
    <t>138.948</t>
  </si>
  <si>
    <t>3424295.0</t>
  </si>
  <si>
    <t>3327858.0</t>
  </si>
  <si>
    <t>96437.0</t>
  </si>
  <si>
    <t>220190.0</t>
  </si>
  <si>
    <t>151735.0</t>
  </si>
  <si>
    <t>138654.0</t>
  </si>
  <si>
    <t>5163721.0</t>
  </si>
  <si>
    <t>139.272</t>
  </si>
  <si>
    <t>3597903.0</t>
  </si>
  <si>
    <t>3435997.0</t>
  </si>
  <si>
    <t>161906.0</t>
  </si>
  <si>
    <t>173608.0</t>
  </si>
  <si>
    <t>162387.0</t>
  </si>
  <si>
    <t>141183.0</t>
  </si>
  <si>
    <t>168763.0</t>
  </si>
  <si>
    <t>143210.0</t>
  </si>
  <si>
    <t>3801650.0</t>
  </si>
  <si>
    <t>3568670.0</t>
  </si>
  <si>
    <t>232980.0</t>
  </si>
  <si>
    <t>175138.0</t>
  </si>
  <si>
    <t>145236.0</t>
  </si>
  <si>
    <t>5186942.0</t>
  </si>
  <si>
    <t>139.898</t>
  </si>
  <si>
    <t>3951325.0</t>
  </si>
  <si>
    <t>3657468.0</t>
  </si>
  <si>
    <t>293857.0</t>
  </si>
  <si>
    <t>149675.0</t>
  </si>
  <si>
    <t>183462.0</t>
  </si>
  <si>
    <t>145944.0</t>
  </si>
  <si>
    <t>5197596.0</t>
  </si>
  <si>
    <t>140.185</t>
  </si>
  <si>
    <t>4105862.0</t>
  </si>
  <si>
    <t>3745173.0</t>
  </si>
  <si>
    <t>360689.0</t>
  </si>
  <si>
    <t>154537.0</t>
  </si>
  <si>
    <t>165274.0</t>
  </si>
  <si>
    <t>119077.0</t>
  </si>
  <si>
    <t>5210616.0</t>
  </si>
  <si>
    <t>140.537</t>
  </si>
  <si>
    <t>4233129.0</t>
  </si>
  <si>
    <t>3820097.0</t>
  </si>
  <si>
    <t>127267.0</t>
  </si>
  <si>
    <t>147003.0</t>
  </si>
  <si>
    <t>94231.0</t>
  </si>
  <si>
    <t>5222904.0</t>
  </si>
  <si>
    <t>4377629.0</t>
  </si>
  <si>
    <t>3877687.0</t>
  </si>
  <si>
    <t>499942.0</t>
  </si>
  <si>
    <t>144500.0</t>
  </si>
  <si>
    <t>78547.0</t>
  </si>
  <si>
    <t>5234576.0</t>
  </si>
  <si>
    <t>141.183</t>
  </si>
  <si>
    <t>4492557.0</t>
  </si>
  <si>
    <t>3913615.0</t>
  </si>
  <si>
    <t>578942.0</t>
  </si>
  <si>
    <t>114928.0</t>
  </si>
  <si>
    <t>127808.0</t>
  </si>
  <si>
    <t>5243200.0</t>
  </si>
  <si>
    <t>141.415</t>
  </si>
  <si>
    <t>62206.0</t>
  </si>
  <si>
    <t>5247384.0</t>
  </si>
  <si>
    <t>141.528</t>
  </si>
  <si>
    <t>4613292.0</t>
  </si>
  <si>
    <t>3961941.0</t>
  </si>
  <si>
    <t>651351.0</t>
  </si>
  <si>
    <t>115949.0</t>
  </si>
  <si>
    <t>5256679.0</t>
  </si>
  <si>
    <t>141.779</t>
  </si>
  <si>
    <t>4734200.0</t>
  </si>
  <si>
    <t>4017087.0</t>
  </si>
  <si>
    <t>717113.0</t>
  </si>
  <si>
    <t>51374.0</t>
  </si>
  <si>
    <t>5267647.0</t>
  </si>
  <si>
    <t>142.075</t>
  </si>
  <si>
    <t>4934283.0</t>
  </si>
  <si>
    <t>4080009.0</t>
  </si>
  <si>
    <t>854274.0</t>
  </si>
  <si>
    <t>200083.0</t>
  </si>
  <si>
    <t>118346.0</t>
  </si>
  <si>
    <t>47834.0</t>
  </si>
  <si>
    <t>5279991.0</t>
  </si>
  <si>
    <t>142.408</t>
  </si>
  <si>
    <t>5102685.0</t>
  </si>
  <si>
    <t>4130606.0</t>
  </si>
  <si>
    <t>972079.0</t>
  </si>
  <si>
    <t>168402.0</t>
  </si>
  <si>
    <t>124222.0</t>
  </si>
  <si>
    <t>5293073.0</t>
  </si>
  <si>
    <t>142.761</t>
  </si>
  <si>
    <t>5394092.0</t>
  </si>
  <si>
    <t>4169133.0</t>
  </si>
  <si>
    <t>1224959.0</t>
  </si>
  <si>
    <t>145209.0</t>
  </si>
  <si>
    <t>5304996.0</t>
  </si>
  <si>
    <t>5682508.0</t>
  </si>
  <si>
    <t>4210770.0</t>
  </si>
  <si>
    <t>1471738.0</t>
  </si>
  <si>
    <t>288416.0</t>
  </si>
  <si>
    <t>169993.0</t>
  </si>
  <si>
    <t>42451.0</t>
  </si>
  <si>
    <t>5312601.0</t>
  </si>
  <si>
    <t>183532.0</t>
  </si>
  <si>
    <t>5316120.0</t>
  </si>
  <si>
    <t>5992783.0</t>
  </si>
  <si>
    <t>4225311.0</t>
  </si>
  <si>
    <t>1767472.0</t>
  </si>
  <si>
    <t>197070.0</t>
  </si>
  <si>
    <t>5326929.0</t>
  </si>
  <si>
    <t>143.674</t>
  </si>
  <si>
    <t>6197382.0</t>
  </si>
  <si>
    <t>4236386.0</t>
  </si>
  <si>
    <t>1960996.0</t>
  </si>
  <si>
    <t>204599.0</t>
  </si>
  <si>
    <t>209026.0</t>
  </si>
  <si>
    <t>5336889.0</t>
  </si>
  <si>
    <t>143.942</t>
  </si>
  <si>
    <t>6360732.0</t>
  </si>
  <si>
    <t>4244651.0</t>
  </si>
  <si>
    <t>2116081.0</t>
  </si>
  <si>
    <t>163350.0</t>
  </si>
  <si>
    <t>203778.0</t>
  </si>
  <si>
    <t>5347174.0</t>
  </si>
  <si>
    <t>10285.0</t>
  </si>
  <si>
    <t>197609.0</t>
  </si>
  <si>
    <t>5357455.0</t>
  </si>
  <si>
    <t>6611161.0</t>
  </si>
  <si>
    <t>4258813.0</t>
  </si>
  <si>
    <t>2352348.0</t>
  </si>
  <si>
    <t>12811.0</t>
  </si>
  <si>
    <t>5369133.0</t>
  </si>
  <si>
    <t>144.812</t>
  </si>
  <si>
    <t>6687548.0</t>
  </si>
  <si>
    <t>4264168.0</t>
  </si>
  <si>
    <t>2423380.0</t>
  </si>
  <si>
    <t>143577.0</t>
  </si>
  <si>
    <t>5375491.0</t>
  </si>
  <si>
    <t>144.983</t>
  </si>
  <si>
    <t>128126.0</t>
  </si>
  <si>
    <t>5379920.0</t>
  </si>
  <si>
    <t>145.103</t>
  </si>
  <si>
    <t>6781503.0</t>
  </si>
  <si>
    <t>4264761.0</t>
  </si>
  <si>
    <t>2516742.0</t>
  </si>
  <si>
    <t>112674.0</t>
  </si>
  <si>
    <t>5389706.0</t>
  </si>
  <si>
    <t>145.367</t>
  </si>
  <si>
    <t>8968.0</t>
  </si>
  <si>
    <t>6858400.0</t>
  </si>
  <si>
    <t>4265196.0</t>
  </si>
  <si>
    <t>2593204.0</t>
  </si>
  <si>
    <t>76897.0</t>
  </si>
  <si>
    <t>5399770.0</t>
  </si>
  <si>
    <t>145.638</t>
  </si>
  <si>
    <t>7128976.0</t>
  </si>
  <si>
    <t>4284060.0</t>
  </si>
  <si>
    <t>2844916.0</t>
  </si>
  <si>
    <t>270576.0</t>
  </si>
  <si>
    <t>109749.0</t>
  </si>
  <si>
    <t>5411334.0</t>
  </si>
  <si>
    <t>145.95</t>
  </si>
  <si>
    <t>7360398.0</t>
  </si>
  <si>
    <t>4289281.0</t>
  </si>
  <si>
    <t>3071117.0</t>
  </si>
  <si>
    <t>231422.0</t>
  </si>
  <si>
    <t>124922.0</t>
  </si>
  <si>
    <t>5423406.0</t>
  </si>
  <si>
    <t>146.276</t>
  </si>
  <si>
    <t>7525286.0</t>
  </si>
  <si>
    <t>4293544.0</t>
  </si>
  <si>
    <t>3231742.0</t>
  </si>
  <si>
    <t>164888.0</t>
  </si>
  <si>
    <t>130589.0</t>
  </si>
  <si>
    <t>5436000.0</t>
  </si>
  <si>
    <t>7634475.0</t>
  </si>
  <si>
    <t>4302183.0</t>
  </si>
  <si>
    <t>3332292.0</t>
  </si>
  <si>
    <t>109189.0</t>
  </si>
  <si>
    <t>135275.0</t>
  </si>
  <si>
    <t>5443945.0</t>
  </si>
  <si>
    <t>137423.0</t>
  </si>
  <si>
    <t>5448151.0</t>
  </si>
  <si>
    <t>146.943</t>
  </si>
  <si>
    <t>7758500.0</t>
  </si>
  <si>
    <t>4302897.0</t>
  </si>
  <si>
    <t>3455603.0</t>
  </si>
  <si>
    <t>139571.0</t>
  </si>
  <si>
    <t>5460086.0</t>
  </si>
  <si>
    <t>147.265</t>
  </si>
  <si>
    <t>7882300.0</t>
  </si>
  <si>
    <t>4315802.0</t>
  </si>
  <si>
    <t>3566498.0</t>
  </si>
  <si>
    <t>123800.0</t>
  </si>
  <si>
    <t>146271.0</t>
  </si>
  <si>
    <t>5473383.0</t>
  </si>
  <si>
    <t>147.624</t>
  </si>
  <si>
    <t>7994600.0</t>
  </si>
  <si>
    <t>4320349.0</t>
  </si>
  <si>
    <t>3674251.0</t>
  </si>
  <si>
    <t>123661.0</t>
  </si>
  <si>
    <t>8096454.0</t>
  </si>
  <si>
    <t>4329244.0</t>
  </si>
  <si>
    <t>3767210.0</t>
  </si>
  <si>
    <t>101854.0</t>
  </si>
  <si>
    <t>105151.0</t>
  </si>
  <si>
    <t>5499948.0</t>
  </si>
  <si>
    <t>8171651.0</t>
  </si>
  <si>
    <t>4331082.0</t>
  </si>
  <si>
    <t>3840569.0</t>
  </si>
  <si>
    <t>75197.0</t>
  </si>
  <si>
    <t>92338.0</t>
  </si>
  <si>
    <t>5514296.0</t>
  </si>
  <si>
    <t>148.727</t>
  </si>
  <si>
    <t>8240870.0</t>
  </si>
  <si>
    <t>4348995.0</t>
  </si>
  <si>
    <t>3891875.0</t>
  </si>
  <si>
    <t>86628.0</t>
  </si>
  <si>
    <t>5521700.0</t>
  </si>
  <si>
    <t>148.927</t>
  </si>
  <si>
    <t>82211.0</t>
  </si>
  <si>
    <t>5525727.0</t>
  </si>
  <si>
    <t>8303056.0</t>
  </si>
  <si>
    <t>4352033.0</t>
  </si>
  <si>
    <t>3951023.0</t>
  </si>
  <si>
    <t>77794.0</t>
  </si>
  <si>
    <t>5537715.0</t>
  </si>
  <si>
    <t>149.359</t>
  </si>
  <si>
    <t>8375241.0</t>
  </si>
  <si>
    <t>4382917.0</t>
  </si>
  <si>
    <t>3992324.0</t>
  </si>
  <si>
    <t>72185.0</t>
  </si>
  <si>
    <t>5551497.0</t>
  </si>
  <si>
    <t>13782.0</t>
  </si>
  <si>
    <t>149.731</t>
  </si>
  <si>
    <t>8448106.0</t>
  </si>
  <si>
    <t>4410023.0</t>
  </si>
  <si>
    <t>4038083.0</t>
  </si>
  <si>
    <t>72865.0</t>
  </si>
  <si>
    <t>64787.0</t>
  </si>
  <si>
    <t>5565254.0</t>
  </si>
  <si>
    <t>150.102</t>
  </si>
  <si>
    <t>8509229.0</t>
  </si>
  <si>
    <t>4433939.0</t>
  </si>
  <si>
    <t>4075290.0</t>
  </si>
  <si>
    <t>61123.0</t>
  </si>
  <si>
    <t>58968.0</t>
  </si>
  <si>
    <t>5578552.0</t>
  </si>
  <si>
    <t>8552304.0</t>
  </si>
  <si>
    <t>4449047.0</t>
  </si>
  <si>
    <t>4103257.0</t>
  </si>
  <si>
    <t>5590179.0</t>
  </si>
  <si>
    <t>150.774</t>
  </si>
  <si>
    <t>8606571.0</t>
  </si>
  <si>
    <t>4471831.0</t>
  </si>
  <si>
    <t>4134740.0</t>
  </si>
  <si>
    <t>54267.0</t>
  </si>
  <si>
    <t>5599177.0</t>
  </si>
  <si>
    <t>151.017</t>
  </si>
  <si>
    <t>8635238.0</t>
  </si>
  <si>
    <t>4486628.0</t>
  </si>
  <si>
    <t>4148610.0</t>
  </si>
  <si>
    <t>51896.0</t>
  </si>
  <si>
    <t>5604154.0</t>
  </si>
  <si>
    <t>151.151</t>
  </si>
  <si>
    <t>48571.0</t>
  </si>
  <si>
    <t>5613774.0</t>
  </si>
  <si>
    <t>8650872.0</t>
  </si>
  <si>
    <t>4495477.0</t>
  </si>
  <si>
    <t>4155395.0</t>
  </si>
  <si>
    <t>5623358.0</t>
  </si>
  <si>
    <t>151.669</t>
  </si>
  <si>
    <t>8696100.0</t>
  </si>
  <si>
    <t>4529399.0</t>
  </si>
  <si>
    <t>4166701.0</t>
  </si>
  <si>
    <t>45228.0</t>
  </si>
  <si>
    <t>5633175.0</t>
  </si>
  <si>
    <t>151.933</t>
  </si>
  <si>
    <t>8728449.0</t>
  </si>
  <si>
    <t>4554000.0</t>
  </si>
  <si>
    <t>4174449.0</t>
  </si>
  <si>
    <t>31317.0</t>
  </si>
  <si>
    <t>5642017.0</t>
  </si>
  <si>
    <t>152.172</t>
  </si>
  <si>
    <t>8763819.0</t>
  </si>
  <si>
    <t>4583664.0</t>
  </si>
  <si>
    <t>4180155.0</t>
  </si>
  <si>
    <t>5652044.0</t>
  </si>
  <si>
    <t>152.442</t>
  </si>
  <si>
    <t>8841456.0</t>
  </si>
  <si>
    <t>4655007.0</t>
  </si>
  <si>
    <t>4186449.0</t>
  </si>
  <si>
    <t>33555.0</t>
  </si>
  <si>
    <t>5657536.0</t>
  </si>
  <si>
    <t>152.591</t>
  </si>
  <si>
    <t>30832.0</t>
  </si>
  <si>
    <t>25291.0</t>
  </si>
  <si>
    <t>5661123.0</t>
  </si>
  <si>
    <t>152.687</t>
  </si>
  <si>
    <t>8860662.0</t>
  </si>
  <si>
    <t>4672326.0</t>
  </si>
  <si>
    <t>4188336.0</t>
  </si>
  <si>
    <t>5669591.0</t>
  </si>
  <si>
    <t>152.916</t>
  </si>
  <si>
    <t>8878445.0</t>
  </si>
  <si>
    <t>4684557.0</t>
  </si>
  <si>
    <t>4193888.0</t>
  </si>
  <si>
    <t>27011.0</t>
  </si>
  <si>
    <t>5679002.0</t>
  </si>
  <si>
    <t>8901652.0</t>
  </si>
  <si>
    <t>4697873.0</t>
  </si>
  <si>
    <t>4203779.0</t>
  </si>
  <si>
    <t>23207.0</t>
  </si>
  <si>
    <t>5687764.0</t>
  </si>
  <si>
    <t>153.406</t>
  </si>
  <si>
    <t>8914956.0</t>
  </si>
  <si>
    <t>4707658.0</t>
  </si>
  <si>
    <t>4207298.0</t>
  </si>
  <si>
    <t>21951.0</t>
  </si>
  <si>
    <t>5696706.0</t>
  </si>
  <si>
    <t>153.647</t>
  </si>
  <si>
    <t>8941120.0</t>
  </si>
  <si>
    <t>4723635.0</t>
  </si>
  <si>
    <t>4217485.0</t>
  </si>
  <si>
    <t>25329.0</t>
  </si>
  <si>
    <t>19996.0</t>
  </si>
  <si>
    <t>5705734.0</t>
  </si>
  <si>
    <t>5712404.0</t>
  </si>
  <si>
    <t>8951316.0</t>
  </si>
  <si>
    <t>4731440.0</t>
  </si>
  <si>
    <t>4219876.0</t>
  </si>
  <si>
    <t>5724625.0</t>
  </si>
  <si>
    <t>9041985.0</t>
  </si>
  <si>
    <t>4808303.0</t>
  </si>
  <si>
    <t>4233682.0</t>
  </si>
  <si>
    <t>90669.0</t>
  </si>
  <si>
    <t>5733213.0</t>
  </si>
  <si>
    <t>154.632</t>
  </si>
  <si>
    <t>9239973.0</t>
  </si>
  <si>
    <t>4985094.0</t>
  </si>
  <si>
    <t>4254879.0</t>
  </si>
  <si>
    <t>197988.0</t>
  </si>
  <si>
    <t>5742207.0</t>
  </si>
  <si>
    <t>154.874</t>
  </si>
  <si>
    <t>44601.0</t>
  </si>
  <si>
    <t>5750626.0</t>
  </si>
  <si>
    <t>155.101</t>
  </si>
  <si>
    <t>9315054.0</t>
  </si>
  <si>
    <t>5054642.0</t>
  </si>
  <si>
    <t>4260412.0</t>
  </si>
  <si>
    <t>47287.0</t>
  </si>
  <si>
    <t>5758633.0</t>
  </si>
  <si>
    <t>155.317</t>
  </si>
  <si>
    <t>9315844.0</t>
  </si>
  <si>
    <t>5055239.0</t>
  </si>
  <si>
    <t>4260605.0</t>
  </si>
  <si>
    <t>5766301.0</t>
  </si>
  <si>
    <t>155.524</t>
  </si>
  <si>
    <t>5770632.0</t>
  </si>
  <si>
    <t>155.641</t>
  </si>
  <si>
    <t>9389397.0</t>
  </si>
  <si>
    <t>5107128.0</t>
  </si>
  <si>
    <t>4282269.0</t>
  </si>
  <si>
    <t>53670.0</t>
  </si>
  <si>
    <t>5780041.0</t>
  </si>
  <si>
    <t>155.895</t>
  </si>
  <si>
    <t>9558639.0</t>
  </si>
  <si>
    <t>5231766.0</t>
  </si>
  <si>
    <t>4326873.0</t>
  </si>
  <si>
    <t>169242.0</t>
  </si>
  <si>
    <t>5789024.0</t>
  </si>
  <si>
    <t>156.137</t>
  </si>
  <si>
    <t>9680954.0</t>
  </si>
  <si>
    <t>5334087.0</t>
  </si>
  <si>
    <t>4346867.0</t>
  </si>
  <si>
    <t>122315.0</t>
  </si>
  <si>
    <t>49856.0</t>
  </si>
  <si>
    <t>5798007.0</t>
  </si>
  <si>
    <t>156.379</t>
  </si>
  <si>
    <t>65648.0</t>
  </si>
  <si>
    <t>5807220.0</t>
  </si>
  <si>
    <t>156.628</t>
  </si>
  <si>
    <t>9793139.0</t>
  </si>
  <si>
    <t>5429878.0</t>
  </si>
  <si>
    <t>4363261.0</t>
  </si>
  <si>
    <t>68298.0</t>
  </si>
  <si>
    <t>5816715.0</t>
  </si>
  <si>
    <t>156.884</t>
  </si>
  <si>
    <t>9864561.0</t>
  </si>
  <si>
    <t>5473809.0</t>
  </si>
  <si>
    <t>4390752.0</t>
  </si>
  <si>
    <t>78388.0</t>
  </si>
  <si>
    <t>5823250.0</t>
  </si>
  <si>
    <t>92222.0</t>
  </si>
  <si>
    <t>74169.0</t>
  </si>
  <si>
    <t>5826721.0</t>
  </si>
  <si>
    <t>157.154</t>
  </si>
  <si>
    <t>10131795.0</t>
  </si>
  <si>
    <t>5726928.0</t>
  </si>
  <si>
    <t>4404867.0</t>
  </si>
  <si>
    <t>106057.0</t>
  </si>
  <si>
    <t>88543.0</t>
  </si>
  <si>
    <t>5834676.0</t>
  </si>
  <si>
    <t>157.368</t>
  </si>
  <si>
    <t>10317649.0</t>
  </si>
  <si>
    <t>5903593.0</t>
  </si>
  <si>
    <t>4414056.0</t>
  </si>
  <si>
    <t>185854.0</t>
  </si>
  <si>
    <t>95975.0</t>
  </si>
  <si>
    <t>5843362.0</t>
  </si>
  <si>
    <t>10436046.0</t>
  </si>
  <si>
    <t>5994379.0</t>
  </si>
  <si>
    <t>4441667.0</t>
  </si>
  <si>
    <t>118397.0</t>
  </si>
  <si>
    <t>107870.0</t>
  </si>
  <si>
    <t>94327.0</t>
  </si>
  <si>
    <t>5852501.0</t>
  </si>
  <si>
    <t>103789.0</t>
  </si>
  <si>
    <t>90752.0</t>
  </si>
  <si>
    <t>5855910.0</t>
  </si>
  <si>
    <t>157.941</t>
  </si>
  <si>
    <t>10491095.0</t>
  </si>
  <si>
    <t>6040109.0</t>
  </si>
  <si>
    <t>4450986.0</t>
  </si>
  <si>
    <t>99708.0</t>
  </si>
  <si>
    <t>87176.0</t>
  </si>
  <si>
    <t>5859602.0</t>
  </si>
  <si>
    <t>158.041</t>
  </si>
  <si>
    <t>10672075.0</t>
  </si>
  <si>
    <t>6171437.0</t>
  </si>
  <si>
    <t>4500638.0</t>
  </si>
  <si>
    <t>180980.0</t>
  </si>
  <si>
    <t>115359.0</t>
  </si>
  <si>
    <t>99661.0</t>
  </si>
  <si>
    <t>5865945.0</t>
  </si>
  <si>
    <t>158.212</t>
  </si>
  <si>
    <t>102118.0</t>
  </si>
  <si>
    <t>5869966.0</t>
  </si>
  <si>
    <t>11001373.0</t>
  </si>
  <si>
    <t>6458947.0</t>
  </si>
  <si>
    <t>4542426.0</t>
  </si>
  <si>
    <t>124225.0</t>
  </si>
  <si>
    <t>104574.0</t>
  </si>
  <si>
    <t>5880654.0</t>
  </si>
  <si>
    <t>158.608</t>
  </si>
  <si>
    <t>11349546.0</t>
  </si>
  <si>
    <t>6768161.0</t>
  </si>
  <si>
    <t>4581385.0</t>
  </si>
  <si>
    <t>348173.0</t>
  </si>
  <si>
    <t>147414.0</t>
  </si>
  <si>
    <t>123510.0</t>
  </si>
  <si>
    <t>5890403.0</t>
  </si>
  <si>
    <t>158.871</t>
  </si>
  <si>
    <t>11703585.0</t>
  </si>
  <si>
    <t>7029682.0</t>
  </si>
  <si>
    <t>4673903.0</t>
  </si>
  <si>
    <t>354039.0</t>
  </si>
  <si>
    <t>181077.0</t>
  </si>
  <si>
    <t>147900.0</t>
  </si>
  <si>
    <t>5900808.0</t>
  </si>
  <si>
    <t>159.152</t>
  </si>
  <si>
    <t>12015720.0</t>
  </si>
  <si>
    <t>7267431.0</t>
  </si>
  <si>
    <t>4748289.0</t>
  </si>
  <si>
    <t>312135.0</t>
  </si>
  <si>
    <t>221736.0</t>
  </si>
  <si>
    <t>178598.0</t>
  </si>
  <si>
    <t>5911171.0</t>
  </si>
  <si>
    <t>159.431</t>
  </si>
  <si>
    <t>12285298.0</t>
  </si>
  <si>
    <t>7467468.0</t>
  </si>
  <si>
    <t>4817830.0</t>
  </si>
  <si>
    <t>269578.0</t>
  </si>
  <si>
    <t>256315.0</t>
  </si>
  <si>
    <t>203908.0</t>
  </si>
  <si>
    <t>5922536.0</t>
  </si>
  <si>
    <t>12467071.0</t>
  </si>
  <si>
    <t>7635674.0</t>
  </si>
  <si>
    <t>4831397.0</t>
  </si>
  <si>
    <t>181773.0</t>
  </si>
  <si>
    <t>256428.0</t>
  </si>
  <si>
    <t>209177.0</t>
  </si>
  <si>
    <t>5930826.0</t>
  </si>
  <si>
    <t>159.962</t>
  </si>
  <si>
    <t>250112.0</t>
  </si>
  <si>
    <t>202708.0</t>
  </si>
  <si>
    <t>5934321.0</t>
  </si>
  <si>
    <t>160.056</t>
  </si>
  <si>
    <t>12707952.0</t>
  </si>
  <si>
    <t>7832620.0</t>
  </si>
  <si>
    <t>4875332.0</t>
  </si>
  <si>
    <t>5943168.0</t>
  </si>
  <si>
    <t>13165669.0</t>
  </si>
  <si>
    <t>8168964.0</t>
  </si>
  <si>
    <t>4996705.0</t>
  </si>
  <si>
    <t>457717.0</t>
  </si>
  <si>
    <t>259446.0</t>
  </si>
  <si>
    <t>200115.0</t>
  </si>
  <si>
    <t>5952786.0</t>
  </si>
  <si>
    <t>160.554</t>
  </si>
  <si>
    <t>174801.0</t>
  </si>
  <si>
    <t>5961721.0</t>
  </si>
  <si>
    <t>160.795</t>
  </si>
  <si>
    <t>210837.0</t>
  </si>
  <si>
    <t>5971824.0</t>
  </si>
  <si>
    <t>195605.0</t>
  </si>
  <si>
    <t>136354.0</t>
  </si>
  <si>
    <t>5981845.0</t>
  </si>
  <si>
    <t>161.338</t>
  </si>
  <si>
    <t>192917.0</t>
  </si>
  <si>
    <t>5988890.0</t>
  </si>
  <si>
    <t>198991.0</t>
  </si>
  <si>
    <t>122351.0</t>
  </si>
  <si>
    <t>5993324.0</t>
  </si>
  <si>
    <t>161.647</t>
  </si>
  <si>
    <t>14143401.0</t>
  </si>
  <si>
    <t>8674931.0</t>
  </si>
  <si>
    <t>5468470.0</t>
  </si>
  <si>
    <t>205064.0</t>
  </si>
  <si>
    <t>120330.0</t>
  </si>
  <si>
    <t>6002020.0</t>
  </si>
  <si>
    <t>161.882</t>
  </si>
  <si>
    <t>14413974.0</t>
  </si>
  <si>
    <t>8772982.0</t>
  </si>
  <si>
    <t>5640992.0</t>
  </si>
  <si>
    <t>270573.0</t>
  </si>
  <si>
    <t>178329.0</t>
  </si>
  <si>
    <t>6011479.0</t>
  </si>
  <si>
    <t>14614443.0</t>
  </si>
  <si>
    <t>8869486.0</t>
  </si>
  <si>
    <t>5744957.0</t>
  </si>
  <si>
    <t>200469.0</t>
  </si>
  <si>
    <t>183688.0</t>
  </si>
  <si>
    <t>88028.0</t>
  </si>
  <si>
    <t>6020249.0</t>
  </si>
  <si>
    <t>162.373</t>
  </si>
  <si>
    <t>14913162.0</t>
  </si>
  <si>
    <t>9072565.0</t>
  </si>
  <si>
    <t>5840597.0</t>
  </si>
  <si>
    <t>298719.0</t>
  </si>
  <si>
    <t>203083.0</t>
  </si>
  <si>
    <t>104992.0</t>
  </si>
  <si>
    <t>6030140.0</t>
  </si>
  <si>
    <t>6040467.0</t>
  </si>
  <si>
    <t>162.919</t>
  </si>
  <si>
    <t>15007487.0</t>
  </si>
  <si>
    <t>9108843.0</t>
  </si>
  <si>
    <t>5898644.0</t>
  </si>
  <si>
    <t>86081.0</t>
  </si>
  <si>
    <t>6047147.0</t>
  </si>
  <si>
    <t>163.099</t>
  </si>
  <si>
    <t>6050938.0</t>
  </si>
  <si>
    <t>15380193.0</t>
  </si>
  <si>
    <t>9216223.0</t>
  </si>
  <si>
    <t>6163970.0</t>
  </si>
  <si>
    <t>176685.0</t>
  </si>
  <si>
    <t>6060835.0</t>
  </si>
  <si>
    <t>163.468</t>
  </si>
  <si>
    <t>15798674.0</t>
  </si>
  <si>
    <t>9341497.0</t>
  </si>
  <si>
    <t>6457177.0</t>
  </si>
  <si>
    <t>418481.0</t>
  </si>
  <si>
    <t>197814.0</t>
  </si>
  <si>
    <t>81216.0</t>
  </si>
  <si>
    <t>6070731.0</t>
  </si>
  <si>
    <t>163.735</t>
  </si>
  <si>
    <t>16042670.0</t>
  </si>
  <si>
    <t>9354932.0</t>
  </si>
  <si>
    <t>6687738.0</t>
  </si>
  <si>
    <t>243996.0</t>
  </si>
  <si>
    <t>204032.0</t>
  </si>
  <si>
    <t>6079920.0</t>
  </si>
  <si>
    <t>163.983</t>
  </si>
  <si>
    <t>16237673.0</t>
  </si>
  <si>
    <t>9359017.0</t>
  </si>
  <si>
    <t>6878656.0</t>
  </si>
  <si>
    <t>195003.0</t>
  </si>
  <si>
    <t>189216.0</t>
  </si>
  <si>
    <t>16409704.0</t>
  </si>
  <si>
    <t>9362000.0</t>
  </si>
  <si>
    <t>7047704.0</t>
  </si>
  <si>
    <t>172031.0</t>
  </si>
  <si>
    <t>207054.0</t>
  </si>
  <si>
    <t>38757.0</t>
  </si>
  <si>
    <t>6098784.0</t>
  </si>
  <si>
    <t>164.492</t>
  </si>
  <si>
    <t>16457911.0</t>
  </si>
  <si>
    <t>9363220.0</t>
  </si>
  <si>
    <t>7094691.0</t>
  </si>
  <si>
    <t>48207.0</t>
  </si>
  <si>
    <t>207203.0</t>
  </si>
  <si>
    <t>6105784.0</t>
  </si>
  <si>
    <t>197145.0</t>
  </si>
  <si>
    <t>6110273.0</t>
  </si>
  <si>
    <t>164.801</t>
  </si>
  <si>
    <t>16689797.0</t>
  </si>
  <si>
    <t>9365541.0</t>
  </si>
  <si>
    <t>7324256.0</t>
  </si>
  <si>
    <t>187086.0</t>
  </si>
  <si>
    <t>6122371.0</t>
  </si>
  <si>
    <t>16888377.0</t>
  </si>
  <si>
    <t>9368046.0</t>
  </si>
  <si>
    <t>7520331.0</t>
  </si>
  <si>
    <t>155672.0</t>
  </si>
  <si>
    <t>6137017.0</t>
  </si>
  <si>
    <t>165.523</t>
  </si>
  <si>
    <t>17053367.0</t>
  </si>
  <si>
    <t>9369489.0</t>
  </si>
  <si>
    <t>7683878.0</t>
  </si>
  <si>
    <t>164990.0</t>
  </si>
  <si>
    <t>144385.0</t>
  </si>
  <si>
    <t>6150869.0</t>
  </si>
  <si>
    <t>17261906.0</t>
  </si>
  <si>
    <t>9372198.0</t>
  </si>
  <si>
    <t>7889708.0</t>
  </si>
  <si>
    <t>208539.0</t>
  </si>
  <si>
    <t>6164912.0</t>
  </si>
  <si>
    <t>166.275</t>
  </si>
  <si>
    <t>17431869.0</t>
  </si>
  <si>
    <t>9374710.0</t>
  </si>
  <si>
    <t>8057159.0</t>
  </si>
  <si>
    <t>169963.0</t>
  </si>
  <si>
    <t>146024.0</t>
  </si>
  <si>
    <t>6178092.0</t>
  </si>
  <si>
    <t>166.631</t>
  </si>
  <si>
    <t>17494081.0</t>
  </si>
  <si>
    <t>9375240.0</t>
  </si>
  <si>
    <t>8118841.0</t>
  </si>
  <si>
    <t>148024.0</t>
  </si>
  <si>
    <t>6187109.0</t>
  </si>
  <si>
    <t>166.874</t>
  </si>
  <si>
    <t>17203.0</t>
  </si>
  <si>
    <t>6192757.0</t>
  </si>
  <si>
    <t>167.026</t>
  </si>
  <si>
    <t>18045561.0</t>
  </si>
  <si>
    <t>9594360.0</t>
  </si>
  <si>
    <t>8451201.0</t>
  </si>
  <si>
    <t>193681.0</t>
  </si>
  <si>
    <t>6205301.0</t>
  </si>
  <si>
    <t>12544.0</t>
  </si>
  <si>
    <t>167.364</t>
  </si>
  <si>
    <t>38819.0</t>
  </si>
  <si>
    <t>6217788.0</t>
  </si>
  <si>
    <t>167.701</t>
  </si>
  <si>
    <t>18251766.0</t>
  </si>
  <si>
    <t>9685199.0</t>
  </si>
  <si>
    <t>8566567.0</t>
  </si>
  <si>
    <t>171200.0</t>
  </si>
  <si>
    <t>6230211.0</t>
  </si>
  <si>
    <t>168.036</t>
  </si>
  <si>
    <t>18432231.0</t>
  </si>
  <si>
    <t>9756702.0</t>
  </si>
  <si>
    <t>8675529.0</t>
  </si>
  <si>
    <t>180465.0</t>
  </si>
  <si>
    <t>54929.0</t>
  </si>
  <si>
    <t>6243260.0</t>
  </si>
  <si>
    <t>168.388</t>
  </si>
  <si>
    <t>18605356.0</t>
  </si>
  <si>
    <t>9810963.0</t>
  </si>
  <si>
    <t>8794393.0</t>
  </si>
  <si>
    <t>173125.0</t>
  </si>
  <si>
    <t>167641.0</t>
  </si>
  <si>
    <t>6256531.0</t>
  </si>
  <si>
    <t>168.746</t>
  </si>
  <si>
    <t>18645063.0</t>
  </si>
  <si>
    <t>9822096.0</t>
  </si>
  <si>
    <t>8822967.0</t>
  </si>
  <si>
    <t>164426.0</t>
  </si>
  <si>
    <t>6268126.0</t>
  </si>
  <si>
    <t>169.059</t>
  </si>
  <si>
    <t>140595.0</t>
  </si>
  <si>
    <t>54384.0</t>
  </si>
  <si>
    <t>6273223.0</t>
  </si>
  <si>
    <t>169.196</t>
  </si>
  <si>
    <t>18862912.0</t>
  </si>
  <si>
    <t>9908882.0</t>
  </si>
  <si>
    <t>8954030.0</t>
  </si>
  <si>
    <t>116764.0</t>
  </si>
  <si>
    <t>44932.0</t>
  </si>
  <si>
    <t>6288012.0</t>
  </si>
  <si>
    <t>169.595</t>
  </si>
  <si>
    <t>119671.0</t>
  </si>
  <si>
    <t>6304409.0</t>
  </si>
  <si>
    <t>170.037</t>
  </si>
  <si>
    <t>19109805.0</t>
  </si>
  <si>
    <t>9993673.0</t>
  </si>
  <si>
    <t>9116132.0</t>
  </si>
  <si>
    <t>122577.0</t>
  </si>
  <si>
    <t>44068.0</t>
  </si>
  <si>
    <t>6322530.0</t>
  </si>
  <si>
    <t>170.526</t>
  </si>
  <si>
    <t>19169576.0</t>
  </si>
  <si>
    <t>10028791.0</t>
  </si>
  <si>
    <t>9140785.0</t>
  </si>
  <si>
    <t>59771.0</t>
  </si>
  <si>
    <t>105335.0</t>
  </si>
  <si>
    <t>38870.0</t>
  </si>
  <si>
    <t>6340705.0</t>
  </si>
  <si>
    <t>19219432.0</t>
  </si>
  <si>
    <t>10059937.0</t>
  </si>
  <si>
    <t>9159495.0</t>
  </si>
  <si>
    <t>6361081.0</t>
  </si>
  <si>
    <t>171.566</t>
  </si>
  <si>
    <t>19226243.0</t>
  </si>
  <si>
    <t>10064283.0</t>
  </si>
  <si>
    <t>9161960.0</t>
  </si>
  <si>
    <t>83026.0</t>
  </si>
  <si>
    <t>6373617.0</t>
  </si>
  <si>
    <t>171.904</t>
  </si>
  <si>
    <t>19230033.0</t>
  </si>
  <si>
    <t>10067573.0</t>
  </si>
  <si>
    <t>9162460.0</t>
  </si>
  <si>
    <t>6380279.0</t>
  </si>
  <si>
    <t>172.084</t>
  </si>
  <si>
    <t>19300988.0</t>
  </si>
  <si>
    <t>10119393.0</t>
  </si>
  <si>
    <t>9181595.0</t>
  </si>
  <si>
    <t>6399748.0</t>
  </si>
  <si>
    <t>172.609</t>
  </si>
  <si>
    <t>19355349.0</t>
  </si>
  <si>
    <t>10160373.0</t>
  </si>
  <si>
    <t>9194976.0</t>
  </si>
  <si>
    <t>54361.0</t>
  </si>
  <si>
    <t>6420704.0</t>
  </si>
  <si>
    <t>173.174</t>
  </si>
  <si>
    <t>19471423.0</t>
  </si>
  <si>
    <t>9204753.0</t>
  </si>
  <si>
    <t>116074.0</t>
  </si>
  <si>
    <t>6439126.0</t>
  </si>
  <si>
    <t>173.671</t>
  </si>
  <si>
    <t>19531342.0</t>
  </si>
  <si>
    <t>10317807.0</t>
  </si>
  <si>
    <t>9213535.0</t>
  </si>
  <si>
    <t>59919.0</t>
  </si>
  <si>
    <t>6460342.0</t>
  </si>
  <si>
    <t>174.243</t>
  </si>
  <si>
    <t>19570153.0</t>
  </si>
  <si>
    <t>10349861.0</t>
  </si>
  <si>
    <t>9220292.0</t>
  </si>
  <si>
    <t>38811.0</t>
  </si>
  <si>
    <t>6483281.0</t>
  </si>
  <si>
    <t>22939.0</t>
  </si>
  <si>
    <t>174.862</t>
  </si>
  <si>
    <t>19578370.0</t>
  </si>
  <si>
    <t>10356845.0</t>
  </si>
  <si>
    <t>9221525.0</t>
  </si>
  <si>
    <t>6496742.0</t>
  </si>
  <si>
    <t>175.225</t>
  </si>
  <si>
    <t>19579875.0</t>
  </si>
  <si>
    <t>10358218.0</t>
  </si>
  <si>
    <t>9221657.0</t>
  </si>
  <si>
    <t>49977.0</t>
  </si>
  <si>
    <t>6502515.0</t>
  </si>
  <si>
    <t>175.381</t>
  </si>
  <si>
    <t>19862881.0</t>
  </si>
  <si>
    <t>10552219.0</t>
  </si>
  <si>
    <t>9310662.0</t>
  </si>
  <si>
    <t>283006.0</t>
  </si>
  <si>
    <t>80270.0</t>
  </si>
  <si>
    <t>6523909.0</t>
  </si>
  <si>
    <t>175.958</t>
  </si>
  <si>
    <t>20122946.0</t>
  </si>
  <si>
    <t>10713551.0</t>
  </si>
  <si>
    <t>9409395.0</t>
  </si>
  <si>
    <t>260065.0</t>
  </si>
  <si>
    <t>109657.0</t>
  </si>
  <si>
    <t>6547425.0</t>
  </si>
  <si>
    <t>176.592</t>
  </si>
  <si>
    <t>20343869.0</t>
  </si>
  <si>
    <t>10854278.0</t>
  </si>
  <si>
    <t>9489591.0</t>
  </si>
  <si>
    <t>220923.0</t>
  </si>
  <si>
    <t>124635.0</t>
  </si>
  <si>
    <t>6570960.0</t>
  </si>
  <si>
    <t>177.227</t>
  </si>
  <si>
    <t>20794848.0</t>
  </si>
  <si>
    <t>11185961.0</t>
  </si>
  <si>
    <t>9608887.0</t>
  </si>
  <si>
    <t>450979.0</t>
  </si>
  <si>
    <t>124022.0</t>
  </si>
  <si>
    <t>6595997.0</t>
  </si>
  <si>
    <t>25037.0</t>
  </si>
  <si>
    <t>177.902</t>
  </si>
  <si>
    <t>177722.0</t>
  </si>
  <si>
    <t>6619410.0</t>
  </si>
  <si>
    <t>23413.0</t>
  </si>
  <si>
    <t>178.533</t>
  </si>
  <si>
    <t>20833568.0</t>
  </si>
  <si>
    <t>11213841.0</t>
  </si>
  <si>
    <t>9619727.0</t>
  </si>
  <si>
    <t>179314.0</t>
  </si>
  <si>
    <t>122428.0</t>
  </si>
  <si>
    <t>6637542.0</t>
  </si>
  <si>
    <t>18132.0</t>
  </si>
  <si>
    <t>179.022</t>
  </si>
  <si>
    <t>20840340.0</t>
  </si>
  <si>
    <t>11219675.0</t>
  </si>
  <si>
    <t>9620665.0</t>
  </si>
  <si>
    <t>180066.0</t>
  </si>
  <si>
    <t>21292611.0</t>
  </si>
  <si>
    <t>11555970.0</t>
  </si>
  <si>
    <t>9736641.0</t>
  </si>
  <si>
    <t>452271.0</t>
  </si>
  <si>
    <t>204247.0</t>
  </si>
  <si>
    <t>143393.0</t>
  </si>
  <si>
    <t>6663284.0</t>
  </si>
  <si>
    <t>179.717</t>
  </si>
  <si>
    <t>176336.0</t>
  </si>
  <si>
    <t>6689172.0</t>
  </si>
  <si>
    <t>180.415</t>
  </si>
  <si>
    <t>154017.0</t>
  </si>
  <si>
    <t>113914.0</t>
  </si>
  <si>
    <t>6704506.0</t>
  </si>
  <si>
    <t>180.829</t>
  </si>
  <si>
    <t>21486676.0</t>
  </si>
  <si>
    <t>11699533.0</t>
  </si>
  <si>
    <t>9787143.0</t>
  </si>
  <si>
    <t>6715818.0</t>
  </si>
  <si>
    <t>11312.0</t>
  </si>
  <si>
    <t>181.134</t>
  </si>
  <si>
    <t>98621.0</t>
  </si>
  <si>
    <t>73422.0</t>
  </si>
  <si>
    <t>6743750.0</t>
  </si>
  <si>
    <t>21522436.0</t>
  </si>
  <si>
    <t>11728171.0</t>
  </si>
  <si>
    <t>9794265.0</t>
  </si>
  <si>
    <t>6768541.0</t>
  </si>
  <si>
    <t>21546138.0</t>
  </si>
  <si>
    <t>11748418.0</t>
  </si>
  <si>
    <t>9797720.0</t>
  </si>
  <si>
    <t>23702.0</t>
  </si>
  <si>
    <t>100828.0</t>
  </si>
  <si>
    <t>75535.0</t>
  </si>
  <si>
    <t>6783237.0</t>
  </si>
  <si>
    <t>182.952</t>
  </si>
  <si>
    <t>21926072.0</t>
  </si>
  <si>
    <t>12061160.0</t>
  </si>
  <si>
    <t>9864912.0</t>
  </si>
  <si>
    <t>379934.0</t>
  </si>
  <si>
    <t>72170.0</t>
  </si>
  <si>
    <t>6821510.0</t>
  </si>
  <si>
    <t>183.984</t>
  </si>
  <si>
    <t>22444407.0</t>
  </si>
  <si>
    <t>12520195.0</t>
  </si>
  <si>
    <t>9924212.0</t>
  </si>
  <si>
    <t>518335.0</t>
  </si>
  <si>
    <t>6864568.0</t>
  </si>
  <si>
    <t>185.146</t>
  </si>
  <si>
    <t>22986926.0</t>
  </si>
  <si>
    <t>12971479.0</t>
  </si>
  <si>
    <t>10015447.0</t>
  </si>
  <si>
    <t>542519.0</t>
  </si>
  <si>
    <t>223563.0</t>
  </si>
  <si>
    <t>6908493.0</t>
  </si>
  <si>
    <t>23482886.0</t>
  </si>
  <si>
    <t>13388726.0</t>
  </si>
  <si>
    <t>10094160.0</t>
  </si>
  <si>
    <t>495960.0</t>
  </si>
  <si>
    <t>285173.0</t>
  </si>
  <si>
    <t>241313.0</t>
  </si>
  <si>
    <t>6952898.0</t>
  </si>
  <si>
    <t>187.528</t>
  </si>
  <si>
    <t>23649478.0</t>
  </si>
  <si>
    <t>13537493.0</t>
  </si>
  <si>
    <t>10111985.0</t>
  </si>
  <si>
    <t>166592.0</t>
  </si>
  <si>
    <t>306417.0</t>
  </si>
  <si>
    <t>260520.0</t>
  </si>
  <si>
    <t>6985179.0</t>
  </si>
  <si>
    <t>188.399</t>
  </si>
  <si>
    <t>34490.0</t>
  </si>
  <si>
    <t>23755510.0</t>
  </si>
  <si>
    <t>13631005.0</t>
  </si>
  <si>
    <t>10124505.0</t>
  </si>
  <si>
    <t>106032.0</t>
  </si>
  <si>
    <t>319011.0</t>
  </si>
  <si>
    <t>271833.0</t>
  </si>
  <si>
    <t>7014693.0</t>
  </si>
  <si>
    <t>29514.0</t>
  </si>
  <si>
    <t>189.195</t>
  </si>
  <si>
    <t>23802188.0</t>
  </si>
  <si>
    <t>13672764.0</t>
  </si>
  <si>
    <t>10129424.0</t>
  </si>
  <si>
    <t>322293.0</t>
  </si>
  <si>
    <t>274907.0</t>
  </si>
  <si>
    <t>7032812.0</t>
  </si>
  <si>
    <t>189.683</t>
  </si>
  <si>
    <t>24257310.0</t>
  </si>
  <si>
    <t>13973650.0</t>
  </si>
  <si>
    <t>10283660.0</t>
  </si>
  <si>
    <t>455122.0</t>
  </si>
  <si>
    <t>333034.0</t>
  </si>
  <si>
    <t>7073490.0</t>
  </si>
  <si>
    <t>40678.0</t>
  </si>
  <si>
    <t>190.781</t>
  </si>
  <si>
    <t>25156226.0</t>
  </si>
  <si>
    <t>14581754.0</t>
  </si>
  <si>
    <t>10574472.0</t>
  </si>
  <si>
    <t>898916.0</t>
  </si>
  <si>
    <t>387403.0</t>
  </si>
  <si>
    <t>294508.0</t>
  </si>
  <si>
    <t>7121492.0</t>
  </si>
  <si>
    <t>192.075</t>
  </si>
  <si>
    <t>337498.0</t>
  </si>
  <si>
    <t>246279.0</t>
  </si>
  <si>
    <t>7169695.0</t>
  </si>
  <si>
    <t>193.375</t>
  </si>
  <si>
    <t>37315.0</t>
  </si>
  <si>
    <t>25542596.0</t>
  </si>
  <si>
    <t>14809114.0</t>
  </si>
  <si>
    <t>10733482.0</t>
  </si>
  <si>
    <t>294244.0</t>
  </si>
  <si>
    <t>202913.0</t>
  </si>
  <si>
    <t>7218131.0</t>
  </si>
  <si>
    <t>194.682</t>
  </si>
  <si>
    <t>37890.0</t>
  </si>
  <si>
    <t>25851862.0</t>
  </si>
  <si>
    <t>14981732.0</t>
  </si>
  <si>
    <t>10870130.0</t>
  </si>
  <si>
    <t>309266.0</t>
  </si>
  <si>
    <t>206320.0</t>
  </si>
  <si>
    <t>7265272.0</t>
  </si>
  <si>
    <t>47141.0</t>
  </si>
  <si>
    <t>195.953</t>
  </si>
  <si>
    <t>40013.0</t>
  </si>
  <si>
    <t>25933900.0</t>
  </si>
  <si>
    <t>15037701.0</t>
  </si>
  <si>
    <t>10896199.0</t>
  </si>
  <si>
    <t>82038.0</t>
  </si>
  <si>
    <t>311199.0</t>
  </si>
  <si>
    <t>200957.0</t>
  </si>
  <si>
    <t>7301866.0</t>
  </si>
  <si>
    <t>36594.0</t>
  </si>
  <si>
    <t>25968795.0</t>
  </si>
  <si>
    <t>15065672.0</t>
  </si>
  <si>
    <t>10903123.0</t>
  </si>
  <si>
    <t>309515.0</t>
  </si>
  <si>
    <t>198987.0</t>
  </si>
  <si>
    <t>7320718.0</t>
  </si>
  <si>
    <t>197.449</t>
  </si>
  <si>
    <t>41129.0</t>
  </si>
  <si>
    <t>26412218.0</t>
  </si>
  <si>
    <t>15342370.0</t>
  </si>
  <si>
    <t>11069848.0</t>
  </si>
  <si>
    <t>443423.0</t>
  </si>
  <si>
    <t>307844.0</t>
  </si>
  <si>
    <t>195531.0</t>
  </si>
  <si>
    <t>7366151.0</t>
  </si>
  <si>
    <t>198.674</t>
  </si>
  <si>
    <t>26537588.0</t>
  </si>
  <si>
    <t>15423440.0</t>
  </si>
  <si>
    <t>11114148.0</t>
  </si>
  <si>
    <t>125370.0</t>
  </si>
  <si>
    <t>197337.0</t>
  </si>
  <si>
    <t>120241.0</t>
  </si>
  <si>
    <t>7402593.0</t>
  </si>
  <si>
    <t>199.657</t>
  </si>
  <si>
    <t>40157.0</t>
  </si>
  <si>
    <t>26952946.0</t>
  </si>
  <si>
    <t>15717132.0</t>
  </si>
  <si>
    <t>11235814.0</t>
  </si>
  <si>
    <t>415358.0</t>
  </si>
  <si>
    <t>229076.0</t>
  </si>
  <si>
    <t>145957.0</t>
  </si>
  <si>
    <t>7454027.0</t>
  </si>
  <si>
    <t>201.044</t>
  </si>
  <si>
    <t>27334160.0</t>
  </si>
  <si>
    <t>16034986.0</t>
  </si>
  <si>
    <t>11299174.0</t>
  </si>
  <si>
    <t>381214.0</t>
  </si>
  <si>
    <t>255938.0</t>
  </si>
  <si>
    <t>175125.0</t>
  </si>
  <si>
    <t>7505044.0</t>
  </si>
  <si>
    <t>27561271.0</t>
  </si>
  <si>
    <t>16192313.0</t>
  </si>
  <si>
    <t>11368958.0</t>
  </si>
  <si>
    <t>227111.0</t>
  </si>
  <si>
    <t>244201.0</t>
  </si>
  <si>
    <t>172940.0</t>
  </si>
  <si>
    <t>39920.0</t>
  </si>
  <si>
    <t>27630059.0</t>
  </si>
  <si>
    <t>16240404.0</t>
  </si>
  <si>
    <t>11389655.0</t>
  </si>
  <si>
    <t>242308.0</t>
  </si>
  <si>
    <t>171815.0</t>
  </si>
  <si>
    <t>7584380.0</t>
  </si>
  <si>
    <t>27664344.0</t>
  </si>
  <si>
    <t>16262278.0</t>
  </si>
  <si>
    <t>11402066.0</t>
  </si>
  <si>
    <t>242221.0</t>
  </si>
  <si>
    <t>170944.0</t>
  </si>
  <si>
    <t>7601630.0</t>
  </si>
  <si>
    <t>205.025</t>
  </si>
  <si>
    <t>28134240.0</t>
  </si>
  <si>
    <t>16493799.0</t>
  </si>
  <si>
    <t>11640441.0</t>
  </si>
  <si>
    <t>469896.0</t>
  </si>
  <si>
    <t>246003.0</t>
  </si>
  <si>
    <t>164490.0</t>
  </si>
  <si>
    <t>7645056.0</t>
  </si>
  <si>
    <t>206.196</t>
  </si>
  <si>
    <t>28721160.0</t>
  </si>
  <si>
    <t>16740875.0</t>
  </si>
  <si>
    <t>11980285.0</t>
  </si>
  <si>
    <t>586920.0</t>
  </si>
  <si>
    <t>311939.0</t>
  </si>
  <si>
    <t>188205.0</t>
  </si>
  <si>
    <t>7691452.0</t>
  </si>
  <si>
    <t>46396.0</t>
  </si>
  <si>
    <t>207.448</t>
  </si>
  <si>
    <t>29303420.0</t>
  </si>
  <si>
    <t>16961675.0</t>
  </si>
  <si>
    <t>12341745.0</t>
  </si>
  <si>
    <t>582260.0</t>
  </si>
  <si>
    <t>335782.0</t>
  </si>
  <si>
    <t>177792.0</t>
  </si>
  <si>
    <t>7735577.0</t>
  </si>
  <si>
    <t>40221.0</t>
  </si>
  <si>
    <t>29856013.0</t>
  </si>
  <si>
    <t>17156411.0</t>
  </si>
  <si>
    <t>12699602.0</t>
  </si>
  <si>
    <t>552593.0</t>
  </si>
  <si>
    <t>360265.0</t>
  </si>
  <si>
    <t>160204.0</t>
  </si>
  <si>
    <t>7776392.0</t>
  </si>
  <si>
    <t>209.739</t>
  </si>
  <si>
    <t>30030540.0</t>
  </si>
  <si>
    <t>17220526.0</t>
  </si>
  <si>
    <t>12810014.0</t>
  </si>
  <si>
    <t>174527.0</t>
  </si>
  <si>
    <t>352753.0</t>
  </si>
  <si>
    <t>146888.0</t>
  </si>
  <si>
    <t>7805692.0</t>
  </si>
  <si>
    <t>210.529</t>
  </si>
  <si>
    <t>30136555.0</t>
  </si>
  <si>
    <t>17261839.0</t>
  </si>
  <si>
    <t>12874716.0</t>
  </si>
  <si>
    <t>106015.0</t>
  </si>
  <si>
    <t>358071.0</t>
  </si>
  <si>
    <t>145919.0</t>
  </si>
  <si>
    <t>7831347.0</t>
  </si>
  <si>
    <t>25655.0</t>
  </si>
  <si>
    <t>211.221</t>
  </si>
  <si>
    <t>35281.0</t>
  </si>
  <si>
    <t>30199776.0</t>
  </si>
  <si>
    <t>17288054.0</t>
  </si>
  <si>
    <t>12911722.0</t>
  </si>
  <si>
    <t>63221.0</t>
  </si>
  <si>
    <t>362205.0</t>
  </si>
  <si>
    <t>146539.0</t>
  </si>
  <si>
    <t>7846861.0</t>
  </si>
  <si>
    <t>211.639</t>
  </si>
  <si>
    <t>30680402.0</t>
  </si>
  <si>
    <t>17489039.0</t>
  </si>
  <si>
    <t>13191363.0</t>
  </si>
  <si>
    <t>480626.0</t>
  </si>
  <si>
    <t>363737.0</t>
  </si>
  <si>
    <t>142177.0</t>
  </si>
  <si>
    <t>7885292.0</t>
  </si>
  <si>
    <t>212.676</t>
  </si>
  <si>
    <t>34319.0</t>
  </si>
  <si>
    <t>31248289.0</t>
  </si>
  <si>
    <t>17693422.0</t>
  </si>
  <si>
    <t>13554867.0</t>
  </si>
  <si>
    <t>567887.0</t>
  </si>
  <si>
    <t>361018.0</t>
  </si>
  <si>
    <t>136078.0</t>
  </si>
  <si>
    <t>7926844.0</t>
  </si>
  <si>
    <t>213.797</t>
  </si>
  <si>
    <t>334446.0</t>
  </si>
  <si>
    <t>7964719.0</t>
  </si>
  <si>
    <t>214.818</t>
  </si>
  <si>
    <t>312112.0</t>
  </si>
  <si>
    <t>8001886.0</t>
  </si>
  <si>
    <t>32437049.0</t>
  </si>
  <si>
    <t>18162608.0</t>
  </si>
  <si>
    <t>14274441.0</t>
  </si>
  <si>
    <t>343787.0</t>
  </si>
  <si>
    <t>8037017.0</t>
  </si>
  <si>
    <t>216.768</t>
  </si>
  <si>
    <t>32541843.0</t>
  </si>
  <si>
    <t>18204563.0</t>
  </si>
  <si>
    <t>14337280.0</t>
  </si>
  <si>
    <t>104794.0</t>
  </si>
  <si>
    <t>343613.0</t>
  </si>
  <si>
    <t>134675.0</t>
  </si>
  <si>
    <t>8062253.0</t>
  </si>
  <si>
    <t>217.449</t>
  </si>
  <si>
    <t>33008946.0</t>
  </si>
  <si>
    <t>18379071.0</t>
  </si>
  <si>
    <t>14629875.0</t>
  </si>
  <si>
    <t>467103.0</t>
  </si>
  <si>
    <t>401310.0</t>
  </si>
  <si>
    <t>155860.0</t>
  </si>
  <si>
    <t>8077091.0</t>
  </si>
  <si>
    <t>217.849</t>
  </si>
  <si>
    <t>383560.0</t>
  </si>
  <si>
    <t>150153.0</t>
  </si>
  <si>
    <t>8112980.0</t>
  </si>
  <si>
    <t>35889.0</t>
  </si>
  <si>
    <t>218.817</t>
  </si>
  <si>
    <t>33721703.0</t>
  </si>
  <si>
    <t>18701155.0</t>
  </si>
  <si>
    <t>15020548.0</t>
  </si>
  <si>
    <t>143962.0</t>
  </si>
  <si>
    <t>8152679.0</t>
  </si>
  <si>
    <t>39699.0</t>
  </si>
  <si>
    <t>219.888</t>
  </si>
  <si>
    <t>34160942.0</t>
  </si>
  <si>
    <t>18875138.0</t>
  </si>
  <si>
    <t>15285804.0</t>
  </si>
  <si>
    <t>439239.0</t>
  </si>
  <si>
    <t>359486.0</t>
  </si>
  <si>
    <t>146474.0</t>
  </si>
  <si>
    <t>8188219.0</t>
  </si>
  <si>
    <t>220.846</t>
  </si>
  <si>
    <t>328358.0</t>
  </si>
  <si>
    <t>135983.0</t>
  </si>
  <si>
    <t>31372.0</t>
  </si>
  <si>
    <t>34517659.0</t>
  </si>
  <si>
    <t>19041052.0</t>
  </si>
  <si>
    <t>15476607.0</t>
  </si>
  <si>
    <t>297230.0</t>
  </si>
  <si>
    <t>8254762.0</t>
  </si>
  <si>
    <t>222.641</t>
  </si>
  <si>
    <t>34640535.0</t>
  </si>
  <si>
    <t>19110905.0</t>
  </si>
  <si>
    <t>15529630.0</t>
  </si>
  <si>
    <t>122876.0</t>
  </si>
  <si>
    <t>299813.0</t>
  </si>
  <si>
    <t>92.48</t>
  </si>
  <si>
    <t>129477.0</t>
  </si>
  <si>
    <t>8278164.0</t>
  </si>
  <si>
    <t>223.272</t>
  </si>
  <si>
    <t>34688815.0</t>
  </si>
  <si>
    <t>19136490.0</t>
  </si>
  <si>
    <t>15552325.0</t>
  </si>
  <si>
    <t>48280.0</t>
  </si>
  <si>
    <t>239981.0</t>
  </si>
  <si>
    <t>108203.0</t>
  </si>
  <si>
    <t>8291251.0</t>
  </si>
  <si>
    <t>223.625</t>
  </si>
  <si>
    <t>35522072.0</t>
  </si>
  <si>
    <t>19529591.0</t>
  </si>
  <si>
    <t>15992481.0</t>
  </si>
  <si>
    <t>833257.0</t>
  </si>
  <si>
    <t>308107.0</t>
  </si>
  <si>
    <t>141354.0</t>
  </si>
  <si>
    <t>8321577.0</t>
  </si>
  <si>
    <t>224.443</t>
  </si>
  <si>
    <t>271540.0</t>
  </si>
  <si>
    <t>124840.0</t>
  </si>
  <si>
    <t>8352143.0</t>
  </si>
  <si>
    <t>225.267</t>
  </si>
  <si>
    <t>35722890.0</t>
  </si>
  <si>
    <t>19620474.0</t>
  </si>
  <si>
    <t>16102416.0</t>
  </si>
  <si>
    <t>223135.0</t>
  </si>
  <si>
    <t>8378637.0</t>
  </si>
  <si>
    <t>225.982</t>
  </si>
  <si>
    <t>36003650.0</t>
  </si>
  <si>
    <t>19745725.0</t>
  </si>
  <si>
    <t>16257925.0</t>
  </si>
  <si>
    <t>280760.0</t>
  </si>
  <si>
    <t>237764.0</t>
  </si>
  <si>
    <t>96.12</t>
  </si>
  <si>
    <t>8403697.0</t>
  </si>
  <si>
    <t>226.658</t>
  </si>
  <si>
    <t>36271200.0</t>
  </si>
  <si>
    <t>19884992.0</t>
  </si>
  <si>
    <t>16386208.0</t>
  </si>
  <si>
    <t>267550.0</t>
  </si>
  <si>
    <t>250506.0</t>
  </si>
  <si>
    <t>120563.0</t>
  </si>
  <si>
    <t>8429527.0</t>
  </si>
  <si>
    <t>227.354</t>
  </si>
  <si>
    <t>267484.0</t>
  </si>
  <si>
    <t>127646.0</t>
  </si>
  <si>
    <t>8449362.0</t>
  </si>
  <si>
    <t>227.889</t>
  </si>
  <si>
    <t>8459324.0</t>
  </si>
  <si>
    <t>228.158</t>
  </si>
  <si>
    <t>210613.0</t>
  </si>
  <si>
    <t>8485832.0</t>
  </si>
  <si>
    <t>228.873</t>
  </si>
  <si>
    <t>23465.0</t>
  </si>
  <si>
    <t>37238088.0</t>
  </si>
  <si>
    <t>20362745.0</t>
  </si>
  <si>
    <t>16875343.0</t>
  </si>
  <si>
    <t>230801.0</t>
  </si>
  <si>
    <t>112530.0</t>
  </si>
  <si>
    <t>8510851.0</t>
  </si>
  <si>
    <t>229.548</t>
  </si>
  <si>
    <t>250684.0</t>
  </si>
  <si>
    <t>8533903.0</t>
  </si>
  <si>
    <t>230.17</t>
  </si>
  <si>
    <t>244803.0</t>
  </si>
  <si>
    <t>124926.0</t>
  </si>
  <si>
    <t>8556196.0</t>
  </si>
  <si>
    <t>230.771</t>
  </si>
  <si>
    <t>240808.0</t>
  </si>
  <si>
    <t>8577913.0</t>
  </si>
  <si>
    <t>231.357</t>
  </si>
  <si>
    <t>240504.0</t>
  </si>
  <si>
    <t>124748.0</t>
  </si>
  <si>
    <t>8593460.0</t>
  </si>
  <si>
    <t>231.776</t>
  </si>
  <si>
    <t>38436040.0</t>
  </si>
  <si>
    <t>21006394.0</t>
  </si>
  <si>
    <t>17429646.0</t>
  </si>
  <si>
    <t>240199.0</t>
  </si>
  <si>
    <t>126075.0</t>
  </si>
  <si>
    <t>8603089.0</t>
  </si>
  <si>
    <t>232.036</t>
  </si>
  <si>
    <t>274744.0</t>
  </si>
  <si>
    <t>146611.0</t>
  </si>
  <si>
    <t>8643246.0</t>
  </si>
  <si>
    <t>233.119</t>
  </si>
  <si>
    <t>39523919.0</t>
  </si>
  <si>
    <t>21580332.0</t>
  </si>
  <si>
    <t>17943587.0</t>
  </si>
  <si>
    <t>292320.0</t>
  </si>
  <si>
    <t>155551.0</t>
  </si>
  <si>
    <t>8661569.0</t>
  </si>
  <si>
    <t>233.613</t>
  </si>
  <si>
    <t>293782.0</t>
  </si>
  <si>
    <t>153140.0</t>
  </si>
  <si>
    <t>8680698.0</t>
  </si>
  <si>
    <t>234.129</t>
  </si>
  <si>
    <t>295243.0</t>
  </si>
  <si>
    <t>150730.0</t>
  </si>
  <si>
    <t>8699453.0</t>
  </si>
  <si>
    <t>234.635</t>
  </si>
  <si>
    <t>40273386.0</t>
  </si>
  <si>
    <t>21915897.0</t>
  </si>
  <si>
    <t>18357489.0</t>
  </si>
  <si>
    <t>296705.0</t>
  </si>
  <si>
    <t>301834.0</t>
  </si>
  <si>
    <t>148679.0</t>
  </si>
  <si>
    <t>8721384.0</t>
  </si>
  <si>
    <t>235.226</t>
  </si>
  <si>
    <t>289386.0</t>
  </si>
  <si>
    <t>140098.0</t>
  </si>
  <si>
    <t>8740592.0</t>
  </si>
  <si>
    <t>235.744</t>
  </si>
  <si>
    <t>41099861.0</t>
  </si>
  <si>
    <t>22309639.0</t>
  </si>
  <si>
    <t>18790222.0</t>
  </si>
  <si>
    <t>276938.0</t>
  </si>
  <si>
    <t>131517.0</t>
  </si>
  <si>
    <t>8758671.0</t>
  </si>
  <si>
    <t>18079.0</t>
  </si>
  <si>
    <t>236.232</t>
  </si>
  <si>
    <t>257140.0</t>
  </si>
  <si>
    <t>119845.0</t>
  </si>
  <si>
    <t>8775932.0</t>
  </si>
  <si>
    <t>236.697</t>
  </si>
  <si>
    <t>253456.0</t>
  </si>
  <si>
    <t>8792124.0</t>
  </si>
  <si>
    <t>237.134</t>
  </si>
  <si>
    <t>119203.0</t>
  </si>
  <si>
    <t>8808282.0</t>
  </si>
  <si>
    <t>41995999.0</t>
  </si>
  <si>
    <t>22748069.0</t>
  </si>
  <si>
    <t>19247930.0</t>
  </si>
  <si>
    <t>246088.0</t>
  </si>
  <si>
    <t>8819929.0</t>
  </si>
  <si>
    <t>237.884</t>
  </si>
  <si>
    <t>229724.0</t>
  </si>
  <si>
    <t>105760.0</t>
  </si>
  <si>
    <t>8826529.0</t>
  </si>
  <si>
    <t>238.062</t>
  </si>
  <si>
    <t>213360.0</t>
  </si>
  <si>
    <t>8840557.0</t>
  </si>
  <si>
    <t>238.44</t>
  </si>
  <si>
    <t>196996.0</t>
  </si>
  <si>
    <t>8853903.0</t>
  </si>
  <si>
    <t>13605.0</t>
  </si>
  <si>
    <t>187983.0</t>
  </si>
  <si>
    <t>8867027.0</t>
  </si>
  <si>
    <t>239.154</t>
  </si>
  <si>
    <t>178970.0</t>
  </si>
  <si>
    <t>59458.0</t>
  </si>
  <si>
    <t>8878885.0</t>
  </si>
  <si>
    <t>239.474</t>
  </si>
  <si>
    <t>169957.0</t>
  </si>
  <si>
    <t>8893715.0</t>
  </si>
  <si>
    <t>239.874</t>
  </si>
  <si>
    <t>43122611.0</t>
  </si>
  <si>
    <t>23023859.0</t>
  </si>
  <si>
    <t>20098752.0</t>
  </si>
  <si>
    <t>115.12</t>
  </si>
  <si>
    <t>8904077.0</t>
  </si>
  <si>
    <t>240.154</t>
  </si>
  <si>
    <t>171772.0</t>
  </si>
  <si>
    <t>8908962.0</t>
  </si>
  <si>
    <t>240.285</t>
  </si>
  <si>
    <t>36398.0</t>
  </si>
  <si>
    <t>8923240.0</t>
  </si>
  <si>
    <t>240.67</t>
  </si>
  <si>
    <t>193425.0</t>
  </si>
  <si>
    <t>44069544.0</t>
  </si>
  <si>
    <t>23139440.0</t>
  </si>
  <si>
    <t>20587049.0</t>
  </si>
  <si>
    <t>204252.0</t>
  </si>
  <si>
    <t>33397.0</t>
  </si>
  <si>
    <t>8951872.0</t>
  </si>
  <si>
    <t>241.443</t>
  </si>
  <si>
    <t>209768.0</t>
  </si>
  <si>
    <t>8965026.0</t>
  </si>
  <si>
    <t>241.798</t>
  </si>
  <si>
    <t>8978956.0</t>
  </si>
  <si>
    <t>242.173</t>
  </si>
  <si>
    <t>12177.0</t>
  </si>
  <si>
    <t>220800.0</t>
  </si>
  <si>
    <t>8988264.0</t>
  </si>
  <si>
    <t>242.424</t>
  </si>
  <si>
    <t>44867769.0</t>
  </si>
  <si>
    <t>23236666.0</t>
  </si>
  <si>
    <t>20925569.0</t>
  </si>
  <si>
    <t>8993764.0</t>
  </si>
  <si>
    <t>242.573</t>
  </si>
  <si>
    <t>208938.0</t>
  </si>
  <si>
    <t>29068.0</t>
  </si>
  <si>
    <t>9006785.0</t>
  </si>
  <si>
    <t>242.924</t>
  </si>
  <si>
    <t>45249522.0</t>
  </si>
  <si>
    <t>23333590.0</t>
  </si>
  <si>
    <t>21116355.0</t>
  </si>
  <si>
    <t>202387.0</t>
  </si>
  <si>
    <t>31864.0</t>
  </si>
  <si>
    <t>9014549.0</t>
  </si>
  <si>
    <t>243.133</t>
  </si>
  <si>
    <t>192704.0</t>
  </si>
  <si>
    <t>37128.0</t>
  </si>
  <si>
    <t>9023396.0</t>
  </si>
  <si>
    <t>243.372</t>
  </si>
  <si>
    <t>188333.0</t>
  </si>
  <si>
    <t>43048.0</t>
  </si>
  <si>
    <t>9037532.0</t>
  </si>
  <si>
    <t>243.753</t>
  </si>
  <si>
    <t>48968.0</t>
  </si>
  <si>
    <t>9054726.0</t>
  </si>
  <si>
    <t>244.217</t>
  </si>
  <si>
    <t>179589.0</t>
  </si>
  <si>
    <t>54887.0</t>
  </si>
  <si>
    <t>9066418.0</t>
  </si>
  <si>
    <t>244.532</t>
  </si>
  <si>
    <t>46094289.0</t>
  </si>
  <si>
    <t>23662317.0</t>
  </si>
  <si>
    <t>21449332.0</t>
  </si>
  <si>
    <t>175217.0</t>
  </si>
  <si>
    <t>60807.0</t>
  </si>
  <si>
    <t>9072561.0</t>
  </si>
  <si>
    <t>244.698</t>
  </si>
  <si>
    <t>223566.0</t>
  </si>
  <si>
    <t>81857.0</t>
  </si>
  <si>
    <t>9085529.0</t>
  </si>
  <si>
    <t>245.048</t>
  </si>
  <si>
    <t>47152928.0</t>
  </si>
  <si>
    <t>24053942.0</t>
  </si>
  <si>
    <t>21835545.0</t>
  </si>
  <si>
    <t>271915.0</t>
  </si>
  <si>
    <t>102907.0</t>
  </si>
  <si>
    <t>9099199.0</t>
  </si>
  <si>
    <t>245.416</t>
  </si>
  <si>
    <t>261522.0</t>
  </si>
  <si>
    <t>97632.0</t>
  </si>
  <si>
    <t>9111374.0</t>
  </si>
  <si>
    <t>245.745</t>
  </si>
  <si>
    <t>251128.0</t>
  </si>
  <si>
    <t>92356.0</t>
  </si>
  <si>
    <t>9124683.0</t>
  </si>
  <si>
    <t>246.104</t>
  </si>
  <si>
    <t>240735.0</t>
  </si>
  <si>
    <t>87080.0</t>
  </si>
  <si>
    <t>9140720.0</t>
  </si>
  <si>
    <t>246.536</t>
  </si>
  <si>
    <t>230341.0</t>
  </si>
  <si>
    <t>81804.0</t>
  </si>
  <si>
    <t>9152681.0</t>
  </si>
  <si>
    <t>246.859</t>
  </si>
  <si>
    <t>47633925.0</t>
  </si>
  <si>
    <t>24198013.0</t>
  </si>
  <si>
    <t>22041110.0</t>
  </si>
  <si>
    <t>219948.0</t>
  </si>
  <si>
    <t>76528.0</t>
  </si>
  <si>
    <t>9161558.0</t>
  </si>
  <si>
    <t>247.098</t>
  </si>
  <si>
    <t>161050.0</t>
  </si>
  <si>
    <t>52934.0</t>
  </si>
  <si>
    <t>9174694.0</t>
  </si>
  <si>
    <t>247.453</t>
  </si>
  <si>
    <t>47867990.0</t>
  </si>
  <si>
    <t>24259320.0</t>
  </si>
  <si>
    <t>22144227.0</t>
  </si>
  <si>
    <t>102152.0</t>
  </si>
  <si>
    <t>29340.0</t>
  </si>
  <si>
    <t>9189199.0</t>
  </si>
  <si>
    <t>247.844</t>
  </si>
  <si>
    <t>9201794.0</t>
  </si>
  <si>
    <t>248.183</t>
  </si>
  <si>
    <t>12917.0</t>
  </si>
  <si>
    <t>90090.0</t>
  </si>
  <si>
    <t>9213748.0</t>
  </si>
  <si>
    <t>248.506</t>
  </si>
  <si>
    <t>84059.0</t>
  </si>
  <si>
    <t>9227081.0</t>
  </si>
  <si>
    <t>248.865</t>
  </si>
  <si>
    <t>48083925.0</t>
  </si>
  <si>
    <t>24311560.0</t>
  </si>
  <si>
    <t>22253789.0</t>
  </si>
  <si>
    <t>78028.0</t>
  </si>
  <si>
    <t>20337.0</t>
  </si>
  <si>
    <t>9244671.0</t>
  </si>
  <si>
    <t>17090.0</t>
  </si>
  <si>
    <t>9256464.0</t>
  </si>
  <si>
    <t>11793.0</t>
  </si>
  <si>
    <t>49003.0</t>
  </si>
  <si>
    <t>9267873.0</t>
  </si>
  <si>
    <t>249.966</t>
  </si>
  <si>
    <t>47343.0</t>
  </si>
  <si>
    <t>9280343.0</t>
  </si>
  <si>
    <t>250.302</t>
  </si>
  <si>
    <t>9291775.0</t>
  </si>
  <si>
    <t>250.61</t>
  </si>
  <si>
    <t>44023.0</t>
  </si>
  <si>
    <t>9304253.0</t>
  </si>
  <si>
    <t>250.947</t>
  </si>
  <si>
    <t>9313954.0</t>
  </si>
  <si>
    <t>251.209</t>
  </si>
  <si>
    <t>48422828.0</t>
  </si>
  <si>
    <t>24458506.0</t>
  </si>
  <si>
    <t>22490963.0</t>
  </si>
  <si>
    <t>9319659.0</t>
  </si>
  <si>
    <t>251.362</t>
  </si>
  <si>
    <t>9330879.0</t>
  </si>
  <si>
    <t>251.665</t>
  </si>
  <si>
    <t>43425.0</t>
  </si>
  <si>
    <t>14904.0</t>
  </si>
  <si>
    <t>9342634.0</t>
  </si>
  <si>
    <t>251.982</t>
  </si>
  <si>
    <t>48561070.0</t>
  </si>
  <si>
    <t>24477239.0</t>
  </si>
  <si>
    <t>22587253.0</t>
  </si>
  <si>
    <t>43956.0</t>
  </si>
  <si>
    <t>9355068.0</t>
  </si>
  <si>
    <t>252.317</t>
  </si>
  <si>
    <t>9364631.0</t>
  </si>
  <si>
    <t>252.575</t>
  </si>
  <si>
    <t>35682.0</t>
  </si>
  <si>
    <t>9377549.0</t>
  </si>
  <si>
    <t>252.924</t>
  </si>
  <si>
    <t>9387069.0</t>
  </si>
  <si>
    <t>253.181</t>
  </si>
  <si>
    <t>48614680.0</t>
  </si>
  <si>
    <t>24484400.0</t>
  </si>
  <si>
    <t>22625602.0</t>
  </si>
  <si>
    <t>9394124.0</t>
  </si>
  <si>
    <t>253.371</t>
  </si>
  <si>
    <t>9406455.0</t>
  </si>
  <si>
    <t>253.703</t>
  </si>
  <si>
    <t>48719196.0</t>
  </si>
  <si>
    <t>24498454.0</t>
  </si>
  <si>
    <t>22692532.0</t>
  </si>
  <si>
    <t>9429781.0</t>
  </si>
  <si>
    <t>254.333</t>
  </si>
  <si>
    <t>22933.0</t>
  </si>
  <si>
    <t>9441218.0</t>
  </si>
  <si>
    <t>9454336.0</t>
  </si>
  <si>
    <t>254.995</t>
  </si>
  <si>
    <t>10970.0</t>
  </si>
  <si>
    <t>9466913.0</t>
  </si>
  <si>
    <t>255.334</t>
  </si>
  <si>
    <t>48782427.0</t>
  </si>
  <si>
    <t>24507912.0</t>
  </si>
  <si>
    <t>22730482.0</t>
  </si>
  <si>
    <t>48851348.0</t>
  </si>
  <si>
    <t>24517118.0</t>
  </si>
  <si>
    <t>22764566.0</t>
  </si>
  <si>
    <t>68921.0</t>
  </si>
  <si>
    <t>9494575.0</t>
  </si>
  <si>
    <t>256.08</t>
  </si>
  <si>
    <t>9508303.0</t>
  </si>
  <si>
    <t>256.45</t>
  </si>
  <si>
    <t>26976.0</t>
  </si>
  <si>
    <t>9517976.0</t>
  </si>
  <si>
    <t>256.711</t>
  </si>
  <si>
    <t>28766.0</t>
  </si>
  <si>
    <t>9527608.0</t>
  </si>
  <si>
    <t>256.971</t>
  </si>
  <si>
    <t>9540962.0</t>
  </si>
  <si>
    <t>257.331</t>
  </si>
  <si>
    <t>48993040.0</t>
  </si>
  <si>
    <t>24529352.0</t>
  </si>
  <si>
    <t>22802956.0</t>
  </si>
  <si>
    <t>32346.0</t>
  </si>
  <si>
    <t>9555531.0</t>
  </si>
  <si>
    <t>257.724</t>
  </si>
  <si>
    <t>34392.0</t>
  </si>
  <si>
    <t>9566172.0</t>
  </si>
  <si>
    <t>258.011</t>
  </si>
  <si>
    <t>9575111.0</t>
  </si>
  <si>
    <t>258.252</t>
  </si>
  <si>
    <t>49191138.0</t>
  </si>
  <si>
    <t>24547579.0</t>
  </si>
  <si>
    <t>22844707.0</t>
  </si>
  <si>
    <t>9584939.0</t>
  </si>
  <si>
    <t>258.517</t>
  </si>
  <si>
    <t>40871.0</t>
  </si>
  <si>
    <t>9596647.0</t>
  </si>
  <si>
    <t>41297.0</t>
  </si>
  <si>
    <t>9608213.0</t>
  </si>
  <si>
    <t>259.145</t>
  </si>
  <si>
    <t>9615527.0</t>
  </si>
  <si>
    <t>259.342</t>
  </si>
  <si>
    <t>49316418.0</t>
  </si>
  <si>
    <t>24561724.0</t>
  </si>
  <si>
    <t>22872596.0</t>
  </si>
  <si>
    <t>39122.0</t>
  </si>
  <si>
    <t>9620250.0</t>
  </si>
  <si>
    <t>259.47</t>
  </si>
  <si>
    <t>9631317.0</t>
  </si>
  <si>
    <t>259.768</t>
  </si>
  <si>
    <t>49470641.0</t>
  </si>
  <si>
    <t>24573352.0</t>
  </si>
  <si>
    <t>22895600.0</t>
  </si>
  <si>
    <t>9643445.0</t>
  </si>
  <si>
    <t>260.095</t>
  </si>
  <si>
    <t>50134.0</t>
  </si>
  <si>
    <t>9672124.0</t>
  </si>
  <si>
    <t>260.869</t>
  </si>
  <si>
    <t>53000.0</t>
  </si>
  <si>
    <t>9688350.0</t>
  </si>
  <si>
    <t>261.306</t>
  </si>
  <si>
    <t>9698058.0</t>
  </si>
  <si>
    <t>261.568</t>
  </si>
  <si>
    <t>49727533.0</t>
  </si>
  <si>
    <t>24592087.0</t>
  </si>
  <si>
    <t>22929634.0</t>
  </si>
  <si>
    <t>61156.0</t>
  </si>
  <si>
    <t>9722286.0</t>
  </si>
  <si>
    <t>262.222</t>
  </si>
  <si>
    <t>63581.0</t>
  </si>
  <si>
    <t>9739408.0</t>
  </si>
  <si>
    <t>262.684</t>
  </si>
  <si>
    <t>50009798.0</t>
  </si>
  <si>
    <t>24610902.0</t>
  </si>
  <si>
    <t>22963095.0</t>
  </si>
  <si>
    <t>69683.0</t>
  </si>
  <si>
    <t>9756028.0</t>
  </si>
  <si>
    <t>263.132</t>
  </si>
  <si>
    <t>69651.0</t>
  </si>
  <si>
    <t>9775035.0</t>
  </si>
  <si>
    <t>263.644</t>
  </si>
  <si>
    <t>69619.0</t>
  </si>
  <si>
    <t>9792096.0</t>
  </si>
  <si>
    <t>69588.0</t>
  </si>
  <si>
    <t>9804315.0</t>
  </si>
  <si>
    <t>264.434</t>
  </si>
  <si>
    <t>9811562.0</t>
  </si>
  <si>
    <t>264.63</t>
  </si>
  <si>
    <t>14484.0</t>
  </si>
  <si>
    <t>50265580.0</t>
  </si>
  <si>
    <t>24630172.0</t>
  </si>
  <si>
    <t>22994609.0</t>
  </si>
  <si>
    <t>134.19</t>
  </si>
  <si>
    <t>9828166.0</t>
  </si>
  <si>
    <t>265.077</t>
  </si>
  <si>
    <t>9846128.0</t>
  </si>
  <si>
    <t>17962.0</t>
  </si>
  <si>
    <t>265.562</t>
  </si>
  <si>
    <t>9863908.0</t>
  </si>
  <si>
    <t>266.041</t>
  </si>
  <si>
    <t>9881067.0</t>
  </si>
  <si>
    <t>266.504</t>
  </si>
  <si>
    <t>53611.0</t>
  </si>
  <si>
    <t>9899598.0</t>
  </si>
  <si>
    <t>9908102.0</t>
  </si>
  <si>
    <t>267.233</t>
  </si>
  <si>
    <t>50598290.0</t>
  </si>
  <si>
    <t>24658655.0</t>
  </si>
  <si>
    <t>23031985.0</t>
  </si>
  <si>
    <t>54838.0</t>
  </si>
  <si>
    <t>9914314.0</t>
  </si>
  <si>
    <t>267.401</t>
  </si>
  <si>
    <t>9936483.0</t>
  </si>
  <si>
    <t>267.999</t>
  </si>
  <si>
    <t>50804376.0</t>
  </si>
  <si>
    <t>24670739.0</t>
  </si>
  <si>
    <t>23047095.0</t>
  </si>
  <si>
    <t>69049.0</t>
  </si>
  <si>
    <t>9962366.0</t>
  </si>
  <si>
    <t>268.697</t>
  </si>
  <si>
    <t>9989592.0</t>
  </si>
  <si>
    <t>269.431</t>
  </si>
  <si>
    <t>17955.0</t>
  </si>
  <si>
    <t>72190.0</t>
  </si>
  <si>
    <t>10018928.0</t>
  </si>
  <si>
    <t>270.223</t>
  </si>
  <si>
    <t>73761.0</t>
  </si>
  <si>
    <t>10049290.0</t>
  </si>
  <si>
    <t>271.041</t>
  </si>
  <si>
    <t>10070676.0</t>
  </si>
  <si>
    <t>271.618</t>
  </si>
  <si>
    <t>10080695.0</t>
  </si>
  <si>
    <t>271.888</t>
  </si>
  <si>
    <t>51203047.0</t>
  </si>
  <si>
    <t>24695000.0</t>
  </si>
  <si>
    <t>23079874.0</t>
  </si>
  <si>
    <t>71673.0</t>
  </si>
  <si>
    <t>10111618.0</t>
  </si>
  <si>
    <t>272.722</t>
  </si>
  <si>
    <t>65404.0</t>
  </si>
  <si>
    <t>10133872.0</t>
  </si>
  <si>
    <t>273.323</t>
  </si>
  <si>
    <t>51321365.0</t>
  </si>
  <si>
    <t>24701243.0</t>
  </si>
  <si>
    <t>23088979.0</t>
  </si>
  <si>
    <t>10167389.0</t>
  </si>
  <si>
    <t>274.227</t>
  </si>
  <si>
    <t>25400.0</t>
  </si>
  <si>
    <t>61464.0</t>
  </si>
  <si>
    <t>10202611.0</t>
  </si>
  <si>
    <t>275.177</t>
  </si>
  <si>
    <t>10238814.0</t>
  </si>
  <si>
    <t>276.153</t>
  </si>
  <si>
    <t>27075.0</t>
  </si>
  <si>
    <t>10261108.0</t>
  </si>
  <si>
    <t>276.754</t>
  </si>
  <si>
    <t>51505974.0</t>
  </si>
  <si>
    <t>24710686.0</t>
  </si>
  <si>
    <t>23106382.0</t>
  </si>
  <si>
    <t>52767.0</t>
  </si>
  <si>
    <t>10305818.0</t>
  </si>
  <si>
    <t>51664735.0</t>
  </si>
  <si>
    <t>24720297.0</t>
  </si>
  <si>
    <t>23120262.0</t>
  </si>
  <si>
    <t>57504.0</t>
  </si>
  <si>
    <t>10340933.0</t>
  </si>
  <si>
    <t>278.907</t>
  </si>
  <si>
    <t>10381144.0</t>
  </si>
  <si>
    <t>40211.0</t>
  </si>
  <si>
    <t>58822.0</t>
  </si>
  <si>
    <t>10413318.0</t>
  </si>
  <si>
    <t>32174.0</t>
  </si>
  <si>
    <t>280.86</t>
  </si>
  <si>
    <t>30101.0</t>
  </si>
  <si>
    <t>60410.0</t>
  </si>
  <si>
    <t>10445197.0</t>
  </si>
  <si>
    <t>281.72</t>
  </si>
  <si>
    <t>51893809.0</t>
  </si>
  <si>
    <t>24733639.0</t>
  </si>
  <si>
    <t>23142106.0</t>
  </si>
  <si>
    <t>61998.0</t>
  </si>
  <si>
    <t>10464460.0</t>
  </si>
  <si>
    <t>282.239</t>
  </si>
  <si>
    <t>61625.0</t>
  </si>
  <si>
    <t>10475477.0</t>
  </si>
  <si>
    <t>282.536</t>
  </si>
  <si>
    <t>10504353.0</t>
  </si>
  <si>
    <t>283.315</t>
  </si>
  <si>
    <t>52024434.0</t>
  </si>
  <si>
    <t>24741440.0</t>
  </si>
  <si>
    <t>23154349.0</t>
  </si>
  <si>
    <t>10533010.0</t>
  </si>
  <si>
    <t>28657.0</t>
  </si>
  <si>
    <t>284.088</t>
  </si>
  <si>
    <t>52076304.0</t>
  </si>
  <si>
    <t>24744892.0</t>
  </si>
  <si>
    <t>23159603.0</t>
  </si>
  <si>
    <t>10558046.0</t>
  </si>
  <si>
    <t>25036.0</t>
  </si>
  <si>
    <t>284.763</t>
  </si>
  <si>
    <t>46964.0</t>
  </si>
  <si>
    <t>10581473.0</t>
  </si>
  <si>
    <t>285.395</t>
  </si>
  <si>
    <t>10602598.0</t>
  </si>
  <si>
    <t>285.965</t>
  </si>
  <si>
    <t>22486.0</t>
  </si>
  <si>
    <t>21193.0</t>
  </si>
  <si>
    <t>52203154.0</t>
  </si>
  <si>
    <t>24752462.0</t>
  </si>
  <si>
    <t>23171492.0</t>
  </si>
  <si>
    <t>10623022.0</t>
  </si>
  <si>
    <t>286.516</t>
  </si>
  <si>
    <t>21078.0</t>
  </si>
  <si>
    <t>10642515.0</t>
  </si>
  <si>
    <t>287.041</t>
  </si>
  <si>
    <t>52356034.0</t>
  </si>
  <si>
    <t>24760419.0</t>
  </si>
  <si>
    <t>23182509.0</t>
  </si>
  <si>
    <t>10661588.0</t>
  </si>
  <si>
    <t>287.556</t>
  </si>
  <si>
    <t>10679405.0</t>
  </si>
  <si>
    <t>288.036</t>
  </si>
  <si>
    <t>10695158.0</t>
  </si>
  <si>
    <t>288.461</t>
  </si>
  <si>
    <t>52160.0</t>
  </si>
  <si>
    <t>10710139.0</t>
  </si>
  <si>
    <t>288.865</t>
  </si>
  <si>
    <t>54716.0</t>
  </si>
  <si>
    <t>10721328.0</t>
  </si>
  <si>
    <t>289.167</t>
  </si>
  <si>
    <t>52604059.0</t>
  </si>
  <si>
    <t>24774356.0</t>
  </si>
  <si>
    <t>23201517.0</t>
  </si>
  <si>
    <t>10730612.0</t>
  </si>
  <si>
    <t>289.417</t>
  </si>
  <si>
    <t>10749518.0</t>
  </si>
  <si>
    <t>10767173.0</t>
  </si>
  <si>
    <t>290.404</t>
  </si>
  <si>
    <t>54247.0</t>
  </si>
  <si>
    <t>10786146.0</t>
  </si>
  <si>
    <t>290.915</t>
  </si>
  <si>
    <t>10802999.0</t>
  </si>
  <si>
    <t>291.37</t>
  </si>
  <si>
    <t>57342.0</t>
  </si>
  <si>
    <t>10821082.0</t>
  </si>
  <si>
    <t>291.858</t>
  </si>
  <si>
    <t>58889.0</t>
  </si>
  <si>
    <t>10834077.0</t>
  </si>
  <si>
    <t>12995.0</t>
  </si>
  <si>
    <t>292.208</t>
  </si>
  <si>
    <t>53027113.0</t>
  </si>
  <si>
    <t>24800057.0</t>
  </si>
  <si>
    <t>23234829.0</t>
  </si>
  <si>
    <t>60436.0</t>
  </si>
  <si>
    <t>10844126.0</t>
  </si>
  <si>
    <t>292.479</t>
  </si>
  <si>
    <t>10861058.0</t>
  </si>
  <si>
    <t>292.936</t>
  </si>
  <si>
    <t>10892211.0</t>
  </si>
  <si>
    <t>293.776</t>
  </si>
  <si>
    <t>5239799.0</t>
  </si>
  <si>
    <t>10907939.0</t>
  </si>
  <si>
    <t>294.2</t>
  </si>
  <si>
    <t>14991.0</t>
  </si>
  <si>
    <t>66317.0</t>
  </si>
  <si>
    <t>10925753.0</t>
  </si>
  <si>
    <t>294.681</t>
  </si>
  <si>
    <t>53439126.0</t>
  </si>
  <si>
    <t>24823790.0</t>
  </si>
  <si>
    <t>23266161.0</t>
  </si>
  <si>
    <t>142.66</t>
  </si>
  <si>
    <t>10941324.0</t>
  </si>
  <si>
    <t>15571.0</t>
  </si>
  <si>
    <t>295.101</t>
  </si>
  <si>
    <t>15321.0</t>
  </si>
  <si>
    <t>10950440.0</t>
  </si>
  <si>
    <t>295.347</t>
  </si>
  <si>
    <t>10966972.0</t>
  </si>
  <si>
    <t>295.792</t>
  </si>
  <si>
    <t>55121.0</t>
  </si>
  <si>
    <t>10983704.0</t>
  </si>
  <si>
    <t>296.244</t>
  </si>
  <si>
    <t>50605.0</t>
  </si>
  <si>
    <t>10997901.0</t>
  </si>
  <si>
    <t>296.627</t>
  </si>
  <si>
    <t>5563243.0</t>
  </si>
  <si>
    <t>46089.0</t>
  </si>
  <si>
    <t>11012702.0</t>
  </si>
  <si>
    <t>297.026</t>
  </si>
  <si>
    <t>11028453.0</t>
  </si>
  <si>
    <t>297.451</t>
  </si>
  <si>
    <t>53735588.0</t>
  </si>
  <si>
    <t>24842826.0</t>
  </si>
  <si>
    <t>23292458.0</t>
  </si>
  <si>
    <t>11049243.0</t>
  </si>
  <si>
    <t>32975.0</t>
  </si>
  <si>
    <t>11072384.0</t>
  </si>
  <si>
    <t>298.635</t>
  </si>
  <si>
    <t>30933.0</t>
  </si>
  <si>
    <t>11081902.0</t>
  </si>
  <si>
    <t>298.892</t>
  </si>
  <si>
    <t>11091502.0</t>
  </si>
  <si>
    <t>299.151</t>
  </si>
  <si>
    <t>5779158.0</t>
  </si>
  <si>
    <t>11101402.0</t>
  </si>
  <si>
    <t>299.418</t>
  </si>
  <si>
    <t>11108695.0</t>
  </si>
  <si>
    <t>299.615</t>
  </si>
  <si>
    <t>53894957.0</t>
  </si>
  <si>
    <t>24854067.0</t>
  </si>
  <si>
    <t>23308809.0</t>
  </si>
  <si>
    <t>11114286.0</t>
  </si>
  <si>
    <t>299.766</t>
  </si>
  <si>
    <t>11123624.0</t>
  </si>
  <si>
    <t>300.017</t>
  </si>
  <si>
    <t>11132373.0</t>
  </si>
  <si>
    <t>300.253</t>
  </si>
  <si>
    <t>11140499.0</t>
  </si>
  <si>
    <t>300.473</t>
  </si>
  <si>
    <t>5909798.0</t>
  </si>
  <si>
    <t>11148641.0</t>
  </si>
  <si>
    <t>300.692</t>
  </si>
  <si>
    <t>11156652.0</t>
  </si>
  <si>
    <t>300.908</t>
  </si>
  <si>
    <t>11163556.0</t>
  </si>
  <si>
    <t>301.095</t>
  </si>
  <si>
    <t>11167880.0</t>
  </si>
  <si>
    <t>301.211</t>
  </si>
  <si>
    <t>11175712.0</t>
  </si>
  <si>
    <t>301.422</t>
  </si>
  <si>
    <t>11183027.0</t>
  </si>
  <si>
    <t>301.62</t>
  </si>
  <si>
    <t>54110062.0</t>
  </si>
  <si>
    <t>24870225.0</t>
  </si>
  <si>
    <t>23334113.0</t>
  </si>
  <si>
    <t>11190206.0</t>
  </si>
  <si>
    <t>301.813</t>
  </si>
  <si>
    <t>5988765.0</t>
  </si>
  <si>
    <t>11210398.0</t>
  </si>
  <si>
    <t>302.358</t>
  </si>
  <si>
    <t>11215030.0</t>
  </si>
  <si>
    <t>302.483</t>
  </si>
  <si>
    <t>54201634.0</t>
  </si>
  <si>
    <t>24878016.0</t>
  </si>
  <si>
    <t>23346308.0</t>
  </si>
  <si>
    <t>6075023.0</t>
  </si>
  <si>
    <t>11236520.0</t>
  </si>
  <si>
    <t>303.062</t>
  </si>
  <si>
    <t>11261781.0</t>
  </si>
  <si>
    <t>303.744</t>
  </si>
  <si>
    <t>11289112.0</t>
  </si>
  <si>
    <t>304.481</t>
  </si>
  <si>
    <t>54308312.0</t>
  </si>
  <si>
    <t>24887621.0</t>
  </si>
  <si>
    <t>23361571.0</t>
  </si>
  <si>
    <t>6156833.0</t>
  </si>
  <si>
    <t>11320441.0</t>
  </si>
  <si>
    <t>305.326</t>
  </si>
  <si>
    <t>11337119.0</t>
  </si>
  <si>
    <t>305.776</t>
  </si>
  <si>
    <t>11359870.0</t>
  </si>
  <si>
    <t>306.389</t>
  </si>
  <si>
    <t>54362452.0</t>
  </si>
  <si>
    <t>24894277.0</t>
  </si>
  <si>
    <t>23369950.0</t>
  </si>
  <si>
    <t>6195938.0</t>
  </si>
  <si>
    <t>11377550.0</t>
  </si>
  <si>
    <t>306.866</t>
  </si>
  <si>
    <t>54379321.0</t>
  </si>
  <si>
    <t>24896238.0</t>
  </si>
  <si>
    <t>23372622.0</t>
  </si>
  <si>
    <t>6208174.0</t>
  </si>
  <si>
    <t>11406182.0</t>
  </si>
  <si>
    <t>307.638</t>
  </si>
  <si>
    <t>11427802.0</t>
  </si>
  <si>
    <t>308.222</t>
  </si>
  <si>
    <t>54427583.0</t>
  </si>
  <si>
    <t>24901908.0</t>
  </si>
  <si>
    <t>23380122.0</t>
  </si>
  <si>
    <t>6243266.0</t>
  </si>
  <si>
    <t>11451409.0</t>
  </si>
  <si>
    <t>308.858</t>
  </si>
  <si>
    <t>11468924.0</t>
  </si>
  <si>
    <t>309.331</t>
  </si>
  <si>
    <t>160.4</t>
  </si>
  <si>
    <t>11480289.0</t>
  </si>
  <si>
    <t>309.637</t>
  </si>
  <si>
    <t>54453509.0</t>
  </si>
  <si>
    <t>24904985.0</t>
  </si>
  <si>
    <t>23383992.0</t>
  </si>
  <si>
    <t>6262245.0</t>
  </si>
  <si>
    <t>11512857.0</t>
  </si>
  <si>
    <t>310.516</t>
  </si>
  <si>
    <t>54473305.0</t>
  </si>
  <si>
    <t>24907350.0</t>
  </si>
  <si>
    <t>23386446.0</t>
  </si>
  <si>
    <t>6277222.0</t>
  </si>
  <si>
    <t>54485117.0</t>
  </si>
  <si>
    <t>24908701.0</t>
  </si>
  <si>
    <t>23387915.0</t>
  </si>
  <si>
    <t>6286214.0</t>
  </si>
  <si>
    <t>145.46</t>
  </si>
  <si>
    <t>11535981.0</t>
  </si>
  <si>
    <t>311.139</t>
  </si>
  <si>
    <t>54528504.0</t>
  </si>
  <si>
    <t>24913952.0</t>
  </si>
  <si>
    <t>23393553.0</t>
  </si>
  <si>
    <t>6318712.0</t>
  </si>
  <si>
    <t>11565683.0</t>
  </si>
  <si>
    <t>311.94</t>
  </si>
  <si>
    <t>11585623.0</t>
  </si>
  <si>
    <t>312.478</t>
  </si>
  <si>
    <t>11607598.0</t>
  </si>
  <si>
    <t>54595032.0</t>
  </si>
  <si>
    <t>24921224.0</t>
  </si>
  <si>
    <t>23401718.0</t>
  </si>
  <si>
    <t>6369803.0</t>
  </si>
  <si>
    <t>54668746.0</t>
  </si>
  <si>
    <t>24930030.0</t>
  </si>
  <si>
    <t>23411104.0</t>
  </si>
  <si>
    <t>54710937.0</t>
  </si>
  <si>
    <t>11708746.0</t>
  </si>
  <si>
    <t>315.799</t>
  </si>
  <si>
    <t>11738659.0</t>
  </si>
  <si>
    <t>316.606</t>
  </si>
  <si>
    <t>54758259.0</t>
  </si>
  <si>
    <t>24941817.0</t>
  </si>
  <si>
    <t>23424784.0</t>
  </si>
  <si>
    <t>6489371.0</t>
  </si>
  <si>
    <t>24946369.0</t>
  </si>
  <si>
    <t>23429942.0</t>
  </si>
  <si>
    <t>6512484.0</t>
  </si>
  <si>
    <t>6534825.0</t>
  </si>
  <si>
    <t>24953895.0</t>
  </si>
  <si>
    <t>23439316.0</t>
  </si>
  <si>
    <t>54763014.0</t>
  </si>
  <si>
    <t>54895476.0</t>
  </si>
  <si>
    <t>24959986.0</t>
  </si>
  <si>
    <t>23446872.0</t>
  </si>
  <si>
    <t>6586331.0</t>
  </si>
  <si>
    <t>146.55</t>
  </si>
  <si>
    <t>54924940.0</t>
  </si>
  <si>
    <t>24962759.0</t>
  </si>
  <si>
    <t>23450432.0</t>
  </si>
  <si>
    <t>6609462.0</t>
  </si>
  <si>
    <t>55051989.0</t>
  </si>
  <si>
    <t>24974386.0</t>
  </si>
  <si>
    <t>23464808.0</t>
  </si>
  <si>
    <t>6710508.0</t>
  </si>
  <si>
    <t>146.97</t>
  </si>
  <si>
    <t>55086912.0</t>
  </si>
  <si>
    <t>24978724.0</t>
  </si>
  <si>
    <t>23469735.0</t>
  </si>
  <si>
    <t>6736166.0</t>
  </si>
  <si>
    <t>55109242.0</t>
  </si>
  <si>
    <t>24981810.0</t>
  </si>
  <si>
    <t>23473206.0</t>
  </si>
  <si>
    <t>6751939.0</t>
  </si>
  <si>
    <t>55141078.0</t>
  </si>
  <si>
    <t>24986182.0</t>
  </si>
  <si>
    <t>23478255.0</t>
  </si>
  <si>
    <t>6774354.0</t>
  </si>
  <si>
    <t>147.21</t>
  </si>
  <si>
    <t>55193366.0</t>
  </si>
  <si>
    <t>24991021.0</t>
  </si>
  <si>
    <t>23483981.0</t>
  </si>
  <si>
    <t>6816077.0</t>
  </si>
  <si>
    <t>24992376.0</t>
  </si>
  <si>
    <t>23485340.0</t>
  </si>
  <si>
    <t>55207628.0</t>
  </si>
  <si>
    <t>24995699.0</t>
  </si>
  <si>
    <t>23489140.0</t>
  </si>
  <si>
    <t>6820502.0</t>
  </si>
  <si>
    <t>55229652.0</t>
  </si>
  <si>
    <t>24998770.0</t>
  </si>
  <si>
    <t>23493005.0</t>
  </si>
  <si>
    <t>6835590.0</t>
  </si>
  <si>
    <t>55263029.0</t>
  </si>
  <si>
    <t>25002326.0</t>
  </si>
  <si>
    <t>23498206.0</t>
  </si>
  <si>
    <t>6860210.0</t>
  </si>
  <si>
    <t>55269802.0</t>
  </si>
  <si>
    <t>25003222.0</t>
  </si>
  <si>
    <t>23499339.0</t>
  </si>
  <si>
    <t>6864954.0</t>
  </si>
  <si>
    <t>55281707.0</t>
  </si>
  <si>
    <t>25004780.0</t>
  </si>
  <si>
    <t>23501436.0</t>
  </si>
  <si>
    <t>6873204.0</t>
  </si>
  <si>
    <t>55292904.0</t>
  </si>
  <si>
    <t>25006334.0</t>
  </si>
  <si>
    <t>23503651.0</t>
  </si>
  <si>
    <t>6880632.0</t>
  </si>
  <si>
    <t>55299169.0</t>
  </si>
  <si>
    <t>25007235.0</t>
  </si>
  <si>
    <t>23504945.0</t>
  </si>
  <si>
    <t>6884702.0</t>
  </si>
  <si>
    <t>147.63</t>
  </si>
  <si>
    <t>55307389.0</t>
  </si>
  <si>
    <t>25008403.0</t>
  </si>
  <si>
    <t>23506543.0</t>
  </si>
  <si>
    <t>6890156.0</t>
  </si>
  <si>
    <t>55316151.0</t>
  </si>
  <si>
    <t>25009658.0</t>
  </si>
  <si>
    <t>23508212.0</t>
  </si>
  <si>
    <t>6895994.0</t>
  </si>
  <si>
    <t>55317568.0</t>
  </si>
  <si>
    <t>25009841.0</t>
  </si>
  <si>
    <t>23508519.0</t>
  </si>
  <si>
    <t>6896921.0</t>
  </si>
  <si>
    <t>55323868.0</t>
  </si>
  <si>
    <t>25010745.0</t>
  </si>
  <si>
    <t>23509764.0</t>
  </si>
  <si>
    <t>6901072.0</t>
  </si>
  <si>
    <t>55334484.0</t>
  </si>
  <si>
    <t>25012024.0</t>
  </si>
  <si>
    <t>23511522.0</t>
  </si>
  <si>
    <t>6908651.0</t>
  </si>
  <si>
    <t>55337707.0</t>
  </si>
  <si>
    <t>25012393.0</t>
  </si>
  <si>
    <t>23512052.0</t>
  </si>
  <si>
    <t>6910975.0</t>
  </si>
  <si>
    <t>55343330.0</t>
  </si>
  <si>
    <t>25013253.0</t>
  </si>
  <si>
    <t>23513168.0</t>
  </si>
  <si>
    <t>6914622.0</t>
  </si>
  <si>
    <t>55347445.0</t>
  </si>
  <si>
    <t>25013795.0</t>
  </si>
  <si>
    <t>23514016.0</t>
  </si>
  <si>
    <t>6917347.0</t>
  </si>
  <si>
    <t>147.76</t>
  </si>
  <si>
    <t>55350248.0</t>
  </si>
  <si>
    <t>25014174.0</t>
  </si>
  <si>
    <t>23514546.0</t>
  </si>
  <si>
    <t>6919241.0</t>
  </si>
  <si>
    <t>147.77</t>
  </si>
  <si>
    <t>55350934.0</t>
  </si>
  <si>
    <t>25014256.0</t>
  </si>
  <si>
    <t>23514674.0</t>
  </si>
  <si>
    <t>6919717.0</t>
  </si>
  <si>
    <t>55357504.0</t>
  </si>
  <si>
    <t>25015241.0</t>
  </si>
  <si>
    <t>23515876.0</t>
  </si>
  <si>
    <t>6924100.0</t>
  </si>
  <si>
    <t>MOZ</t>
  </si>
  <si>
    <t>Mozambique</t>
  </si>
  <si>
    <t>16035.0</t>
  </si>
  <si>
    <t>27123.0</t>
  </si>
  <si>
    <t>28647.0</t>
  </si>
  <si>
    <t>31784.0</t>
  </si>
  <si>
    <t>34036.0</t>
  </si>
  <si>
    <t>38010.0</t>
  </si>
  <si>
    <t>39091.0</t>
  </si>
  <si>
    <t>46556.0</t>
  </si>
  <si>
    <t>47787.0</t>
  </si>
  <si>
    <t>48653.0</t>
  </si>
  <si>
    <t>52422.0</t>
  </si>
  <si>
    <t>54081.0</t>
  </si>
  <si>
    <t>55211.0</t>
  </si>
  <si>
    <t>58911.0</t>
  </si>
  <si>
    <t>59642.0</t>
  </si>
  <si>
    <t>60473.0</t>
  </si>
  <si>
    <t>63725.0</t>
  </si>
  <si>
    <t>66542.0</t>
  </si>
  <si>
    <t>67403.0</t>
  </si>
  <si>
    <t>73479.0</t>
  </si>
  <si>
    <t>76614.0</t>
  </si>
  <si>
    <t>79504.0</t>
  </si>
  <si>
    <t>82264.0</t>
  </si>
  <si>
    <t>83886.0</t>
  </si>
  <si>
    <t>85137.0</t>
  </si>
  <si>
    <t>86549.0</t>
  </si>
  <si>
    <t>87565.0</t>
  </si>
  <si>
    <t>89158.0</t>
  </si>
  <si>
    <t>90566.0</t>
  </si>
  <si>
    <t>92046.0</t>
  </si>
  <si>
    <t>94696.0</t>
  </si>
  <si>
    <t>96387.0</t>
  </si>
  <si>
    <t>98455.0</t>
  </si>
  <si>
    <t>100873.0</t>
  </si>
  <si>
    <t>101888.0</t>
  </si>
  <si>
    <t>102456.0</t>
  </si>
  <si>
    <t>104376.0</t>
  </si>
  <si>
    <t>106382.0</t>
  </si>
  <si>
    <t>108745.0</t>
  </si>
  <si>
    <t>110310.0</t>
  </si>
  <si>
    <t>112238.0</t>
  </si>
  <si>
    <t>115588.0</t>
  </si>
  <si>
    <t>117029.0</t>
  </si>
  <si>
    <t>118657.0</t>
  </si>
  <si>
    <t>119689.0</t>
  </si>
  <si>
    <t>121398.0</t>
  </si>
  <si>
    <t>123212.0</t>
  </si>
  <si>
    <t>124785.0</t>
  </si>
  <si>
    <t>128805.0</t>
  </si>
  <si>
    <t>130060.0</t>
  </si>
  <si>
    <t>131579.0</t>
  </si>
  <si>
    <t>132979.0</t>
  </si>
  <si>
    <t>134011.0</t>
  </si>
  <si>
    <t>135406.0</t>
  </si>
  <si>
    <t>136683.0</t>
  </si>
  <si>
    <t>138386.0</t>
  </si>
  <si>
    <t>140310.0</t>
  </si>
  <si>
    <t>142028.0</t>
  </si>
  <si>
    <t>143281.0</t>
  </si>
  <si>
    <t>144618.0</t>
  </si>
  <si>
    <t>147458.0</t>
  </si>
  <si>
    <t>148538.0</t>
  </si>
  <si>
    <t>150007.0</t>
  </si>
  <si>
    <t>151813.0</t>
  </si>
  <si>
    <t>152976.0</t>
  </si>
  <si>
    <t>155202.0</t>
  </si>
  <si>
    <t>159334.0</t>
  </si>
  <si>
    <t>160722.0</t>
  </si>
  <si>
    <t>164361.0</t>
  </si>
  <si>
    <t>167051.0</t>
  </si>
  <si>
    <t>168971.0</t>
  </si>
  <si>
    <t>169947.0</t>
  </si>
  <si>
    <t>175870.0</t>
  </si>
  <si>
    <t>177287.0</t>
  </si>
  <si>
    <t>178561.0</t>
  </si>
  <si>
    <t>5.567</t>
  </si>
  <si>
    <t>180557.0</t>
  </si>
  <si>
    <t>181772.0</t>
  </si>
  <si>
    <t>184284.0</t>
  </si>
  <si>
    <t>185273.0</t>
  </si>
  <si>
    <t>187499.0</t>
  </si>
  <si>
    <t>188511.0</t>
  </si>
  <si>
    <t>189990.0</t>
  </si>
  <si>
    <t>191353.0</t>
  </si>
  <si>
    <t>192285.0</t>
  </si>
  <si>
    <t>195643.0</t>
  </si>
  <si>
    <t>198863.0</t>
  </si>
  <si>
    <t>200946.0</t>
  </si>
  <si>
    <t>202742.0</t>
  </si>
  <si>
    <t>204650.0</t>
  </si>
  <si>
    <t>205952.0</t>
  </si>
  <si>
    <t>208123.0</t>
  </si>
  <si>
    <t>209696.0</t>
  </si>
  <si>
    <t>211809.0</t>
  </si>
  <si>
    <t>213115.0</t>
  </si>
  <si>
    <t>214935.0</t>
  </si>
  <si>
    <t>216448.0</t>
  </si>
  <si>
    <t>218726.0</t>
  </si>
  <si>
    <t>220268.0</t>
  </si>
  <si>
    <t>222321.0</t>
  </si>
  <si>
    <t>223235.0</t>
  </si>
  <si>
    <t>224854.0</t>
  </si>
  <si>
    <t>225762.0</t>
  </si>
  <si>
    <t>227185.0</t>
  </si>
  <si>
    <t>228683.0</t>
  </si>
  <si>
    <t>229455.0</t>
  </si>
  <si>
    <t>230490.0</t>
  </si>
  <si>
    <t>231131.0</t>
  </si>
  <si>
    <t>232684.0</t>
  </si>
  <si>
    <t>234514.0</t>
  </si>
  <si>
    <t>235439.0</t>
  </si>
  <si>
    <t>236555.0</t>
  </si>
  <si>
    <t>7.375</t>
  </si>
  <si>
    <t>237408.0</t>
  </si>
  <si>
    <t>238362.0</t>
  </si>
  <si>
    <t>239164.0</t>
  </si>
  <si>
    <t>7.456</t>
  </si>
  <si>
    <t>239810.0</t>
  </si>
  <si>
    <t>241226.0</t>
  </si>
  <si>
    <t>243314.0</t>
  </si>
  <si>
    <t>245388.0</t>
  </si>
  <si>
    <t>247448.0</t>
  </si>
  <si>
    <t>248476.0</t>
  </si>
  <si>
    <t>249302.0</t>
  </si>
  <si>
    <t>249773.0</t>
  </si>
  <si>
    <t>251609.0</t>
  </si>
  <si>
    <t>253364.0</t>
  </si>
  <si>
    <t>254750.0</t>
  </si>
  <si>
    <t>257648.0</t>
  </si>
  <si>
    <t>258914.0</t>
  </si>
  <si>
    <t>260139.0</t>
  </si>
  <si>
    <t>261727.0</t>
  </si>
  <si>
    <t>263522.0</t>
  </si>
  <si>
    <t>265739.0</t>
  </si>
  <si>
    <t>266841.0</t>
  </si>
  <si>
    <t>8.319</t>
  </si>
  <si>
    <t>267599.0</t>
  </si>
  <si>
    <t>268576.0</t>
  </si>
  <si>
    <t>270250.0</t>
  </si>
  <si>
    <t>8.425</t>
  </si>
  <si>
    <t>271947.0</t>
  </si>
  <si>
    <t>273329.0</t>
  </si>
  <si>
    <t>277452.0</t>
  </si>
  <si>
    <t>278701.0</t>
  </si>
  <si>
    <t>279453.0</t>
  </si>
  <si>
    <t>280786.0</t>
  </si>
  <si>
    <t>286249.0</t>
  </si>
  <si>
    <t>288674.0</t>
  </si>
  <si>
    <t>290733.0</t>
  </si>
  <si>
    <t>293201.0</t>
  </si>
  <si>
    <t>295222.0</t>
  </si>
  <si>
    <t>9.204</t>
  </si>
  <si>
    <t>296922.0</t>
  </si>
  <si>
    <t>301754.0</t>
  </si>
  <si>
    <t>9.407</t>
  </si>
  <si>
    <t>0.2903</t>
  </si>
  <si>
    <t>304511.0</t>
  </si>
  <si>
    <t>306344.0</t>
  </si>
  <si>
    <t>0.3275</t>
  </si>
  <si>
    <t>308913.0</t>
  </si>
  <si>
    <t>313119.0</t>
  </si>
  <si>
    <t>316171.0</t>
  </si>
  <si>
    <t>319169.0</t>
  </si>
  <si>
    <t>0.2838</t>
  </si>
  <si>
    <t>321960.0</t>
  </si>
  <si>
    <t>324868.0</t>
  </si>
  <si>
    <t>0.2882</t>
  </si>
  <si>
    <t>325910.0</t>
  </si>
  <si>
    <t>328890.0</t>
  </si>
  <si>
    <t>334351.0</t>
  </si>
  <si>
    <t>338927.0</t>
  </si>
  <si>
    <t>10.566</t>
  </si>
  <si>
    <t>341004.0</t>
  </si>
  <si>
    <t>344825.0</t>
  </si>
  <si>
    <t>347710.0</t>
  </si>
  <si>
    <t>350352.0</t>
  </si>
  <si>
    <t>353703.0</t>
  </si>
  <si>
    <t>356317.0</t>
  </si>
  <si>
    <t>358591.0</t>
  </si>
  <si>
    <t>363047.0</t>
  </si>
  <si>
    <t>364870.0</t>
  </si>
  <si>
    <t>367994.0</t>
  </si>
  <si>
    <t>370782.0</t>
  </si>
  <si>
    <t>0.3105</t>
  </si>
  <si>
    <t>374520.0</t>
  </si>
  <si>
    <t>377127.0</t>
  </si>
  <si>
    <t>380622.0</t>
  </si>
  <si>
    <t>383085.0</t>
  </si>
  <si>
    <t>11.943</t>
  </si>
  <si>
    <t>0.2827</t>
  </si>
  <si>
    <t>388277.0</t>
  </si>
  <si>
    <t>392060.0</t>
  </si>
  <si>
    <t>395766.0</t>
  </si>
  <si>
    <t>12.338</t>
  </si>
  <si>
    <t>398598.0</t>
  </si>
  <si>
    <t>401368.0</t>
  </si>
  <si>
    <t>0.2811</t>
  </si>
  <si>
    <t>406550.0</t>
  </si>
  <si>
    <t>408510.0</t>
  </si>
  <si>
    <t>12.735</t>
  </si>
  <si>
    <t>410066.0</t>
  </si>
  <si>
    <t>413982.0</t>
  </si>
  <si>
    <t>417081.0</t>
  </si>
  <si>
    <t>420600.0</t>
  </si>
  <si>
    <t>424885.0</t>
  </si>
  <si>
    <t>426628.0</t>
  </si>
  <si>
    <t>428868.0</t>
  </si>
  <si>
    <t>433264.0</t>
  </si>
  <si>
    <t>13.589</t>
  </si>
  <si>
    <t>438464.0</t>
  </si>
  <si>
    <t>441121.0</t>
  </si>
  <si>
    <t>442472.0</t>
  </si>
  <si>
    <t>443786.0</t>
  </si>
  <si>
    <t>445498.0</t>
  </si>
  <si>
    <t>13.888</t>
  </si>
  <si>
    <t>448026.0</t>
  </si>
  <si>
    <t>450293.0</t>
  </si>
  <si>
    <t>452192.0</t>
  </si>
  <si>
    <t>14.097</t>
  </si>
  <si>
    <t>14.144</t>
  </si>
  <si>
    <t>454528.0</t>
  </si>
  <si>
    <t>456343.0</t>
  </si>
  <si>
    <t>458121.0</t>
  </si>
  <si>
    <t>14.282</t>
  </si>
  <si>
    <t>459580.0</t>
  </si>
  <si>
    <t>462195.0</t>
  </si>
  <si>
    <t>464194.0</t>
  </si>
  <si>
    <t>14.471</t>
  </si>
  <si>
    <t>465398.0</t>
  </si>
  <si>
    <t>14.537</t>
  </si>
  <si>
    <t>467993.0</t>
  </si>
  <si>
    <t>469425.0</t>
  </si>
  <si>
    <t>14.634</t>
  </si>
  <si>
    <t>471022.0</t>
  </si>
  <si>
    <t>14.684</t>
  </si>
  <si>
    <t>472501.0</t>
  </si>
  <si>
    <t>474942.0</t>
  </si>
  <si>
    <t>477794.0</t>
  </si>
  <si>
    <t>479349.0</t>
  </si>
  <si>
    <t>14.944</t>
  </si>
  <si>
    <t>480898.0</t>
  </si>
  <si>
    <t>14.992</t>
  </si>
  <si>
    <t>482221.0</t>
  </si>
  <si>
    <t>15.033</t>
  </si>
  <si>
    <t>484026.0</t>
  </si>
  <si>
    <t>485779.0</t>
  </si>
  <si>
    <t>15.144</t>
  </si>
  <si>
    <t>487021.0</t>
  </si>
  <si>
    <t>489119.0</t>
  </si>
  <si>
    <t>489927.0</t>
  </si>
  <si>
    <t>15.273</t>
  </si>
  <si>
    <t>491304.0</t>
  </si>
  <si>
    <t>15.316</t>
  </si>
  <si>
    <t>492119.0</t>
  </si>
  <si>
    <t>493153.0</t>
  </si>
  <si>
    <t>15.418</t>
  </si>
  <si>
    <t>496181.0</t>
  </si>
  <si>
    <t>15.468</t>
  </si>
  <si>
    <t>496890.0</t>
  </si>
  <si>
    <t>499510.0</t>
  </si>
  <si>
    <t>500757.0</t>
  </si>
  <si>
    <t>15.611</t>
  </si>
  <si>
    <t>501859.0</t>
  </si>
  <si>
    <t>503001.0</t>
  </si>
  <si>
    <t>504012.0</t>
  </si>
  <si>
    <t>504532.0</t>
  </si>
  <si>
    <t>505597.0</t>
  </si>
  <si>
    <t>507194.0</t>
  </si>
  <si>
    <t>15.812</t>
  </si>
  <si>
    <t>508573.0</t>
  </si>
  <si>
    <t>510093.0</t>
  </si>
  <si>
    <t>15.902</t>
  </si>
  <si>
    <t>511476.0</t>
  </si>
  <si>
    <t>512219.0</t>
  </si>
  <si>
    <t>15.968</t>
  </si>
  <si>
    <t>513095.0</t>
  </si>
  <si>
    <t>513864.0</t>
  </si>
  <si>
    <t>515115.0</t>
  </si>
  <si>
    <t>517018.0</t>
  </si>
  <si>
    <t>518615.0</t>
  </si>
  <si>
    <t>16.168</t>
  </si>
  <si>
    <t>520205.0</t>
  </si>
  <si>
    <t>521012.0</t>
  </si>
  <si>
    <t>521347.0</t>
  </si>
  <si>
    <t>522290.0</t>
  </si>
  <si>
    <t>522988.0</t>
  </si>
  <si>
    <t>524063.0</t>
  </si>
  <si>
    <t>525385.0</t>
  </si>
  <si>
    <t>526810.0</t>
  </si>
  <si>
    <t>16.423</t>
  </si>
  <si>
    <t>528305.0</t>
  </si>
  <si>
    <t>528627.0</t>
  </si>
  <si>
    <t>529546.0</t>
  </si>
  <si>
    <t>16.509</t>
  </si>
  <si>
    <t>530868.0</t>
  </si>
  <si>
    <t>355995.0</t>
  </si>
  <si>
    <t>296983.0</t>
  </si>
  <si>
    <t>535701.0</t>
  </si>
  <si>
    <t>536999.0</t>
  </si>
  <si>
    <t>537525.0</t>
  </si>
  <si>
    <t>16.757</t>
  </si>
  <si>
    <t>538679.0</t>
  </si>
  <si>
    <t>16.793</t>
  </si>
  <si>
    <t>393105.0</t>
  </si>
  <si>
    <t>318548.0</t>
  </si>
  <si>
    <t>74557.0</t>
  </si>
  <si>
    <t>540123.0</t>
  </si>
  <si>
    <t>16.838</t>
  </si>
  <si>
    <t>541429.0</t>
  </si>
  <si>
    <t>542895.0</t>
  </si>
  <si>
    <t>544605.0</t>
  </si>
  <si>
    <t>16.978</t>
  </si>
  <si>
    <t>545343.0</t>
  </si>
  <si>
    <t>545951.0</t>
  </si>
  <si>
    <t>548177.0</t>
  </si>
  <si>
    <t>551014.0</t>
  </si>
  <si>
    <t>17.178</t>
  </si>
  <si>
    <t>552231.0</t>
  </si>
  <si>
    <t>17.216</t>
  </si>
  <si>
    <t>553718.0</t>
  </si>
  <si>
    <t>17.262</t>
  </si>
  <si>
    <t>394312.0</t>
  </si>
  <si>
    <t>319511.0</t>
  </si>
  <si>
    <t>74801.0</t>
  </si>
  <si>
    <t>554737.0</t>
  </si>
  <si>
    <t>556045.0</t>
  </si>
  <si>
    <t>17.335</t>
  </si>
  <si>
    <t>557044.0</t>
  </si>
  <si>
    <t>17.366</t>
  </si>
  <si>
    <t>558203.0</t>
  </si>
  <si>
    <t>17.402</t>
  </si>
  <si>
    <t>559736.0</t>
  </si>
  <si>
    <t>560774.0</t>
  </si>
  <si>
    <t>561181.0</t>
  </si>
  <si>
    <t>17.495</t>
  </si>
  <si>
    <t>561992.0</t>
  </si>
  <si>
    <t>563306.0</t>
  </si>
  <si>
    <t>564481.0</t>
  </si>
  <si>
    <t>17.598</t>
  </si>
  <si>
    <t>320129.0</t>
  </si>
  <si>
    <t>567164.0</t>
  </si>
  <si>
    <t>568101.0</t>
  </si>
  <si>
    <t>17.711</t>
  </si>
  <si>
    <t>569683.0</t>
  </si>
  <si>
    <t>571002.0</t>
  </si>
  <si>
    <t>572668.0</t>
  </si>
  <si>
    <t>575709.0</t>
  </si>
  <si>
    <t>17.948</t>
  </si>
  <si>
    <t>576947.0</t>
  </si>
  <si>
    <t>17.986</t>
  </si>
  <si>
    <t>577991.0</t>
  </si>
  <si>
    <t>18.019</t>
  </si>
  <si>
    <t>579273.0</t>
  </si>
  <si>
    <t>581440.0</t>
  </si>
  <si>
    <t>583387.0</t>
  </si>
  <si>
    <t>438382.0</t>
  </si>
  <si>
    <t>586450.0</t>
  </si>
  <si>
    <t>18.283</t>
  </si>
  <si>
    <t>588470.0</t>
  </si>
  <si>
    <t>18.346</t>
  </si>
  <si>
    <t>590310.0</t>
  </si>
  <si>
    <t>18.518</t>
  </si>
  <si>
    <t>595730.0</t>
  </si>
  <si>
    <t>597833.0</t>
  </si>
  <si>
    <t>18.637</t>
  </si>
  <si>
    <t>600704.0</t>
  </si>
  <si>
    <t>18.727</t>
  </si>
  <si>
    <t>604427.0</t>
  </si>
  <si>
    <t>18.843</t>
  </si>
  <si>
    <t>608006.0</t>
  </si>
  <si>
    <t>18.955</t>
  </si>
  <si>
    <t>611476.0</t>
  </si>
  <si>
    <t>508184.0</t>
  </si>
  <si>
    <t>354572.0</t>
  </si>
  <si>
    <t>153612.0</t>
  </si>
  <si>
    <t>618556.0</t>
  </si>
  <si>
    <t>19.283</t>
  </si>
  <si>
    <t>0.2855</t>
  </si>
  <si>
    <t>622539.0</t>
  </si>
  <si>
    <t>0.2717</t>
  </si>
  <si>
    <t>627380.0</t>
  </si>
  <si>
    <t>630924.0</t>
  </si>
  <si>
    <t>19.669</t>
  </si>
  <si>
    <t>635898.0</t>
  </si>
  <si>
    <t>19.824</t>
  </si>
  <si>
    <t>638774.0</t>
  </si>
  <si>
    <t>19.914</t>
  </si>
  <si>
    <t>642511.0</t>
  </si>
  <si>
    <t>646838.0</t>
  </si>
  <si>
    <t>20.165</t>
  </si>
  <si>
    <t>651245.0</t>
  </si>
  <si>
    <t>655848.0</t>
  </si>
  <si>
    <t>660536.0</t>
  </si>
  <si>
    <t>20.592</t>
  </si>
  <si>
    <t>666406.0</t>
  </si>
  <si>
    <t>20.775</t>
  </si>
  <si>
    <t>670062.0</t>
  </si>
  <si>
    <t>20.889</t>
  </si>
  <si>
    <t>673459.0</t>
  </si>
  <si>
    <t>20.995</t>
  </si>
  <si>
    <t>0.3306</t>
  </si>
  <si>
    <t>671336.0</t>
  </si>
  <si>
    <t>372085.0</t>
  </si>
  <si>
    <t>299251.0</t>
  </si>
  <si>
    <t>677185.0</t>
  </si>
  <si>
    <t>21.111</t>
  </si>
  <si>
    <t>682145.0</t>
  </si>
  <si>
    <t>21.266</t>
  </si>
  <si>
    <t>0.3328</t>
  </si>
  <si>
    <t>688570.0</t>
  </si>
  <si>
    <t>693609.0</t>
  </si>
  <si>
    <t>698681.0</t>
  </si>
  <si>
    <t>21.781</t>
  </si>
  <si>
    <t>671599.0</t>
  </si>
  <si>
    <t>299514.0</t>
  </si>
  <si>
    <t>703161.0</t>
  </si>
  <si>
    <t>21.921</t>
  </si>
  <si>
    <t>0.3286</t>
  </si>
  <si>
    <t>707311.0</t>
  </si>
  <si>
    <t>691040.0</t>
  </si>
  <si>
    <t>318955.0</t>
  </si>
  <si>
    <t>712961.0</t>
  </si>
  <si>
    <t>719934.0</t>
  </si>
  <si>
    <t>22.444</t>
  </si>
  <si>
    <t>0.3222</t>
  </si>
  <si>
    <t>725363.0</t>
  </si>
  <si>
    <t>732431.0</t>
  </si>
  <si>
    <t>738694.0</t>
  </si>
  <si>
    <t>743059.0</t>
  </si>
  <si>
    <t>746799.0</t>
  </si>
  <si>
    <t>23.281</t>
  </si>
  <si>
    <t>751489.0</t>
  </si>
  <si>
    <t>23.428</t>
  </si>
  <si>
    <t>714776.0</t>
  </si>
  <si>
    <t>394234.0</t>
  </si>
  <si>
    <t>320542.0</t>
  </si>
  <si>
    <t>756621.0</t>
  </si>
  <si>
    <t>23.588</t>
  </si>
  <si>
    <t>762678.0</t>
  </si>
  <si>
    <t>23.776</t>
  </si>
  <si>
    <t>0.3048</t>
  </si>
  <si>
    <t>768920.0</t>
  </si>
  <si>
    <t>23.971</t>
  </si>
  <si>
    <t>774098.0</t>
  </si>
  <si>
    <t>65229.0</t>
  </si>
  <si>
    <t>779449.0</t>
  </si>
  <si>
    <t>24.299</t>
  </si>
  <si>
    <t>1386326.0</t>
  </si>
  <si>
    <t>907839.0</t>
  </si>
  <si>
    <t>73768.0</t>
  </si>
  <si>
    <t>784167.0</t>
  </si>
  <si>
    <t>24.446</t>
  </si>
  <si>
    <t>98002.0</t>
  </si>
  <si>
    <t>73542.0</t>
  </si>
  <si>
    <t>789771.0</t>
  </si>
  <si>
    <t>24.621</t>
  </si>
  <si>
    <t>84078.0</t>
  </si>
  <si>
    <t>794510.0</t>
  </si>
  <si>
    <t>798908.0</t>
  </si>
  <si>
    <t>803004.0</t>
  </si>
  <si>
    <t>25.034</t>
  </si>
  <si>
    <t>42309.0</t>
  </si>
  <si>
    <t>805158.0</t>
  </si>
  <si>
    <t>806657.0</t>
  </si>
  <si>
    <t>25.147</t>
  </si>
  <si>
    <t>1487560.0</t>
  </si>
  <si>
    <t>916174.0</t>
  </si>
  <si>
    <t>571386.0</t>
  </si>
  <si>
    <t>811132.0</t>
  </si>
  <si>
    <t>815154.0</t>
  </si>
  <si>
    <t>822281.0</t>
  </si>
  <si>
    <t>25.635</t>
  </si>
  <si>
    <t>1864229.0</t>
  </si>
  <si>
    <t>60008.0</t>
  </si>
  <si>
    <t>46691.0</t>
  </si>
  <si>
    <t>825490.0</t>
  </si>
  <si>
    <t>25.735</t>
  </si>
  <si>
    <t>58066.0</t>
  </si>
  <si>
    <t>827241.0</t>
  </si>
  <si>
    <t>25.789</t>
  </si>
  <si>
    <t>80654.0</t>
  </si>
  <si>
    <t>69441.0</t>
  </si>
  <si>
    <t>829467.0</t>
  </si>
  <si>
    <t>25.859</t>
  </si>
  <si>
    <t>90977.0</t>
  </si>
  <si>
    <t>832352.0</t>
  </si>
  <si>
    <t>25.949</t>
  </si>
  <si>
    <t>89913.0</t>
  </si>
  <si>
    <t>835922.0</t>
  </si>
  <si>
    <t>2297842.0</t>
  </si>
  <si>
    <t>1643520.0</t>
  </si>
  <si>
    <t>654322.0</t>
  </si>
  <si>
    <t>88850.0</t>
  </si>
  <si>
    <t>838704.0</t>
  </si>
  <si>
    <t>26.147</t>
  </si>
  <si>
    <t>69271.0</t>
  </si>
  <si>
    <t>842455.0</t>
  </si>
  <si>
    <t>26.263</t>
  </si>
  <si>
    <t>845550.0</t>
  </si>
  <si>
    <t>52863.0</t>
  </si>
  <si>
    <t>46181.0</t>
  </si>
  <si>
    <t>846662.0</t>
  </si>
  <si>
    <t>26.395</t>
  </si>
  <si>
    <t>34636.0</t>
  </si>
  <si>
    <t>848174.0</t>
  </si>
  <si>
    <t>850627.0</t>
  </si>
  <si>
    <t>26.518</t>
  </si>
  <si>
    <t>853959.0</t>
  </si>
  <si>
    <t>26.622</t>
  </si>
  <si>
    <t>856306.0</t>
  </si>
  <si>
    <t>859547.0</t>
  </si>
  <si>
    <t>862598.0</t>
  </si>
  <si>
    <t>26.891</t>
  </si>
  <si>
    <t>863962.0</t>
  </si>
  <si>
    <t>26.934</t>
  </si>
  <si>
    <t>865205.0</t>
  </si>
  <si>
    <t>26.973</t>
  </si>
  <si>
    <t>27.076</t>
  </si>
  <si>
    <t>869588.0</t>
  </si>
  <si>
    <t>27.109</t>
  </si>
  <si>
    <t>2405890.0</t>
  </si>
  <si>
    <t>762370.0</t>
  </si>
  <si>
    <t>871683.0</t>
  </si>
  <si>
    <t>873870.0</t>
  </si>
  <si>
    <t>27.243</t>
  </si>
  <si>
    <t>876237.0</t>
  </si>
  <si>
    <t>27.317</t>
  </si>
  <si>
    <t>92877.0</t>
  </si>
  <si>
    <t>877405.0</t>
  </si>
  <si>
    <t>27.375</t>
  </si>
  <si>
    <t>149649.0</t>
  </si>
  <si>
    <t>30977.0</t>
  </si>
  <si>
    <t>880166.0</t>
  </si>
  <si>
    <t>27.439</t>
  </si>
  <si>
    <t>3644423.0</t>
  </si>
  <si>
    <t>1903730.0</t>
  </si>
  <si>
    <t>1740693.0</t>
  </si>
  <si>
    <t>178036.0</t>
  </si>
  <si>
    <t>882604.0</t>
  </si>
  <si>
    <t>177128.0</t>
  </si>
  <si>
    <t>884640.0</t>
  </si>
  <si>
    <t>27.579</t>
  </si>
  <si>
    <t>147833.0</t>
  </si>
  <si>
    <t>886733.0</t>
  </si>
  <si>
    <t>27.644</t>
  </si>
  <si>
    <t>888613.0</t>
  </si>
  <si>
    <t>27.702</t>
  </si>
  <si>
    <t>889606.0</t>
  </si>
  <si>
    <t>27.733</t>
  </si>
  <si>
    <t>890432.0</t>
  </si>
  <si>
    <t>27.759</t>
  </si>
  <si>
    <t>892111.0</t>
  </si>
  <si>
    <t>27.811</t>
  </si>
  <si>
    <t>893707.0</t>
  </si>
  <si>
    <t>27.861</t>
  </si>
  <si>
    <t>895529.0</t>
  </si>
  <si>
    <t>27.918</t>
  </si>
  <si>
    <t>897496.0</t>
  </si>
  <si>
    <t>27.979</t>
  </si>
  <si>
    <t>899393.0</t>
  </si>
  <si>
    <t>28.039</t>
  </si>
  <si>
    <t>900080.0</t>
  </si>
  <si>
    <t>900559.0</t>
  </si>
  <si>
    <t>28.075</t>
  </si>
  <si>
    <t>901901.0</t>
  </si>
  <si>
    <t>913963.0</t>
  </si>
  <si>
    <t>28.493</t>
  </si>
  <si>
    <t>915744.0</t>
  </si>
  <si>
    <t>3677063.0</t>
  </si>
  <si>
    <t>1773333.0</t>
  </si>
  <si>
    <t>917233.0</t>
  </si>
  <si>
    <t>28.595</t>
  </si>
  <si>
    <t>917886.0</t>
  </si>
  <si>
    <t>918384.0</t>
  </si>
  <si>
    <t>919760.0</t>
  </si>
  <si>
    <t>28.673</t>
  </si>
  <si>
    <t>921303.0</t>
  </si>
  <si>
    <t>28.722</t>
  </si>
  <si>
    <t>922793.0</t>
  </si>
  <si>
    <t>28.768</t>
  </si>
  <si>
    <t>924272.0</t>
  </si>
  <si>
    <t>28.814</t>
  </si>
  <si>
    <t>3782029.0</t>
  </si>
  <si>
    <t>1973519.0</t>
  </si>
  <si>
    <t>1808510.0</t>
  </si>
  <si>
    <t>925600.0</t>
  </si>
  <si>
    <t>28.856</t>
  </si>
  <si>
    <t>926360.0</t>
  </si>
  <si>
    <t>3799385.0</t>
  </si>
  <si>
    <t>1825866.0</t>
  </si>
  <si>
    <t>42144.0</t>
  </si>
  <si>
    <t>61770.0</t>
  </si>
  <si>
    <t>46591.0</t>
  </si>
  <si>
    <t>81395.0</t>
  </si>
  <si>
    <t>101021.0</t>
  </si>
  <si>
    <t>77652.0</t>
  </si>
  <si>
    <t>4781293.0</t>
  </si>
  <si>
    <t>2734512.0</t>
  </si>
  <si>
    <t>2046781.0</t>
  </si>
  <si>
    <t>140273.0</t>
  </si>
  <si>
    <t>108713.0</t>
  </si>
  <si>
    <t>137609.0</t>
  </si>
  <si>
    <t>203982.0</t>
  </si>
  <si>
    <t>5871057.0</t>
  </si>
  <si>
    <t>3667470.0</t>
  </si>
  <si>
    <t>2203587.0</t>
  </si>
  <si>
    <t>235836.0</t>
  </si>
  <si>
    <t>195402.0</t>
  </si>
  <si>
    <t>241322.0</t>
  </si>
  <si>
    <t>197439.0</t>
  </si>
  <si>
    <t>246808.0</t>
  </si>
  <si>
    <t>252294.0</t>
  </si>
  <si>
    <t>201515.0</t>
  </si>
  <si>
    <t>6585750.0</t>
  </si>
  <si>
    <t>4159380.0</t>
  </si>
  <si>
    <t>2426370.0</t>
  </si>
  <si>
    <t>257780.0</t>
  </si>
  <si>
    <t>948407.0</t>
  </si>
  <si>
    <t>226688.0</t>
  </si>
  <si>
    <t>175780.0</t>
  </si>
  <si>
    <t>949806.0</t>
  </si>
  <si>
    <t>195597.0</t>
  </si>
  <si>
    <t>148007.0</t>
  </si>
  <si>
    <t>120234.0</t>
  </si>
  <si>
    <t>159783.0</t>
  </si>
  <si>
    <t>155060.0</t>
  </si>
  <si>
    <t>118404.0</t>
  </si>
  <si>
    <t>7459438.0</t>
  </si>
  <si>
    <t>4858830.0</t>
  </si>
  <si>
    <t>2600608.0</t>
  </si>
  <si>
    <t>150381.0</t>
  </si>
  <si>
    <t>155146.0</t>
  </si>
  <si>
    <t>121141.0</t>
  </si>
  <si>
    <t>159912.0</t>
  </si>
  <si>
    <t>123424.0</t>
  </si>
  <si>
    <t>164678.0</t>
  </si>
  <si>
    <t>125707.0</t>
  </si>
  <si>
    <t>959135.0</t>
  </si>
  <si>
    <t>29.901</t>
  </si>
  <si>
    <t>169444.0</t>
  </si>
  <si>
    <t>960837.0</t>
  </si>
  <si>
    <t>174210.0</t>
  </si>
  <si>
    <t>962514.0</t>
  </si>
  <si>
    <t>30.006</t>
  </si>
  <si>
    <t>178976.0</t>
  </si>
  <si>
    <t>132556.0</t>
  </si>
  <si>
    <t>8891246.0</t>
  </si>
  <si>
    <t>5919277.0</t>
  </si>
  <si>
    <t>2971969.0</t>
  </si>
  <si>
    <t>172818.0</t>
  </si>
  <si>
    <t>121666.0</t>
  </si>
  <si>
    <t>967353.0</t>
  </si>
  <si>
    <t>30.157</t>
  </si>
  <si>
    <t>166660.0</t>
  </si>
  <si>
    <t>110775.0</t>
  </si>
  <si>
    <t>968089.0</t>
  </si>
  <si>
    <t>968540.0</t>
  </si>
  <si>
    <t>154345.0</t>
  </si>
  <si>
    <t>88995.0</t>
  </si>
  <si>
    <t>30.226</t>
  </si>
  <si>
    <t>229.1</t>
  </si>
  <si>
    <t>148187.0</t>
  </si>
  <si>
    <t>78104.0</t>
  </si>
  <si>
    <t>970816.0</t>
  </si>
  <si>
    <t>30.265</t>
  </si>
  <si>
    <t>9706476.0</t>
  </si>
  <si>
    <t>6257220.0</t>
  </si>
  <si>
    <t>3449256.0</t>
  </si>
  <si>
    <t>142029.0</t>
  </si>
  <si>
    <t>67214.0</t>
  </si>
  <si>
    <t>251.1</t>
  </si>
  <si>
    <t>122162.0</t>
  </si>
  <si>
    <t>49660.0</t>
  </si>
  <si>
    <t>376.5</t>
  </si>
  <si>
    <t>115307.0</t>
  </si>
  <si>
    <t>108452.0</t>
  </si>
  <si>
    <t>10145909.0</t>
  </si>
  <si>
    <t>6422216.0</t>
  </si>
  <si>
    <t>3723693.0</t>
  </si>
  <si>
    <t>99236.0</t>
  </si>
  <si>
    <t>38786.0</t>
  </si>
  <si>
    <t>10503956.0</t>
  </si>
  <si>
    <t>6572756.0</t>
  </si>
  <si>
    <t>3931200.0</t>
  </si>
  <si>
    <t>10799768.0</t>
  </si>
  <si>
    <t>6685501.0</t>
  </si>
  <si>
    <t>4114267.0</t>
  </si>
  <si>
    <t>295812.0</t>
  </si>
  <si>
    <t>131074.0</t>
  </si>
  <si>
    <t>51755.0</t>
  </si>
  <si>
    <t>125657.0</t>
  </si>
  <si>
    <t>120240.0</t>
  </si>
  <si>
    <t>47862.0</t>
  </si>
  <si>
    <t>114824.0</t>
  </si>
  <si>
    <t>45916.0</t>
  </si>
  <si>
    <t>95001.0</t>
  </si>
  <si>
    <t>11099580.0</t>
  </si>
  <si>
    <t>6801754.0</t>
  </si>
  <si>
    <t>4297826.0</t>
  </si>
  <si>
    <t>80777.0</t>
  </si>
  <si>
    <t>96181.0</t>
  </si>
  <si>
    <t>43660.0</t>
  </si>
  <si>
    <t>11730770.0</t>
  </si>
  <si>
    <t>7105910.0</t>
  </si>
  <si>
    <t>4624860.0</t>
  </si>
  <si>
    <t>111585.0</t>
  </si>
  <si>
    <t>125480.0</t>
  </si>
  <si>
    <t>58679.0</t>
  </si>
  <si>
    <t>12025232.0</t>
  </si>
  <si>
    <t>7241597.0</t>
  </si>
  <si>
    <t>4783635.0</t>
  </si>
  <si>
    <t>139374.0</t>
  </si>
  <si>
    <t>80087.0</t>
  </si>
  <si>
    <t>179692.0</t>
  </si>
  <si>
    <t>86478.0</t>
  </si>
  <si>
    <t>192149.0</t>
  </si>
  <si>
    <t>92868.0</t>
  </si>
  <si>
    <t>0.3986</t>
  </si>
  <si>
    <t>204605.0</t>
  </si>
  <si>
    <t>1028872.0</t>
  </si>
  <si>
    <t>32.075</t>
  </si>
  <si>
    <t>13250204.0</t>
  </si>
  <si>
    <t>7845444.0</t>
  </si>
  <si>
    <t>5404760.0</t>
  </si>
  <si>
    <t>217062.0</t>
  </si>
  <si>
    <t>105648.0</t>
  </si>
  <si>
    <t>1034873.0</t>
  </si>
  <si>
    <t>32.262</t>
  </si>
  <si>
    <t>223608.0</t>
  </si>
  <si>
    <t>1041472.0</t>
  </si>
  <si>
    <t>32.468</t>
  </si>
  <si>
    <t>0.3942</t>
  </si>
  <si>
    <t>230154.0</t>
  </si>
  <si>
    <t>1047734.0</t>
  </si>
  <si>
    <t>222733.0</t>
  </si>
  <si>
    <t>114637.0</t>
  </si>
  <si>
    <t>1054291.0</t>
  </si>
  <si>
    <t>32.867</t>
  </si>
  <si>
    <t>112593.0</t>
  </si>
  <si>
    <t>1056667.0</t>
  </si>
  <si>
    <t>32.942</t>
  </si>
  <si>
    <t>207893.0</t>
  </si>
  <si>
    <t>110549.0</t>
  </si>
  <si>
    <t>1058162.0</t>
  </si>
  <si>
    <t>32.988</t>
  </si>
  <si>
    <t>14408516.0</t>
  </si>
  <si>
    <t>8484211.0</t>
  </si>
  <si>
    <t>5924305.0</t>
  </si>
  <si>
    <t>200472.0</t>
  </si>
  <si>
    <t>33.044</t>
  </si>
  <si>
    <t>176554.0</t>
  </si>
  <si>
    <t>96601.0</t>
  </si>
  <si>
    <t>1067326.0</t>
  </si>
  <si>
    <t>33.274</t>
  </si>
  <si>
    <t>160056.0</t>
  </si>
  <si>
    <t>86740.0</t>
  </si>
  <si>
    <t>143558.0</t>
  </si>
  <si>
    <t>76880.0</t>
  </si>
  <si>
    <t>0.5495</t>
  </si>
  <si>
    <t>14718782.0</t>
  </si>
  <si>
    <t>8633965.0</t>
  </si>
  <si>
    <t>6084817.0</t>
  </si>
  <si>
    <t>127060.0</t>
  </si>
  <si>
    <t>67020.0</t>
  </si>
  <si>
    <t>0.6374</t>
  </si>
  <si>
    <t>115025.0</t>
  </si>
  <si>
    <t>59106.0</t>
  </si>
  <si>
    <t>0.5643</t>
  </si>
  <si>
    <t>43278.0</t>
  </si>
  <si>
    <t>0.5178</t>
  </si>
  <si>
    <t>45225.0</t>
  </si>
  <si>
    <t>0.5288</t>
  </si>
  <si>
    <t>99879.0</t>
  </si>
  <si>
    <t>0.4859</t>
  </si>
  <si>
    <t>15480413.0</t>
  </si>
  <si>
    <t>8991420.0</t>
  </si>
  <si>
    <t>6488993.0</t>
  </si>
  <si>
    <t>108804.0</t>
  </si>
  <si>
    <t>51065.0</t>
  </si>
  <si>
    <t>0.4392</t>
  </si>
  <si>
    <t>148663.0</t>
  </si>
  <si>
    <t>0.4513</t>
  </si>
  <si>
    <t>188521.0</t>
  </si>
  <si>
    <t>83058.0</t>
  </si>
  <si>
    <t>228379.0</t>
  </si>
  <si>
    <t>99055.0</t>
  </si>
  <si>
    <t>17031660.0</t>
  </si>
  <si>
    <t>9643588.0</t>
  </si>
  <si>
    <t>7388072.0</t>
  </si>
  <si>
    <t>268237.0</t>
  </si>
  <si>
    <t>284993.0</t>
  </si>
  <si>
    <t>301749.0</t>
  </si>
  <si>
    <t>126759.0</t>
  </si>
  <si>
    <t>318504.0</t>
  </si>
  <si>
    <t>132612.0</t>
  </si>
  <si>
    <t>295402.0</t>
  </si>
  <si>
    <t>122469.0</t>
  </si>
  <si>
    <t>272299.0</t>
  </si>
  <si>
    <t>112326.0</t>
  </si>
  <si>
    <t>249197.0</t>
  </si>
  <si>
    <t>102183.0</t>
  </si>
  <si>
    <t>226094.0</t>
  </si>
  <si>
    <t>19066507.0</t>
  </si>
  <si>
    <t>10471943.0</t>
  </si>
  <si>
    <t>8648564.0</t>
  </si>
  <si>
    <t>1195950.0</t>
  </si>
  <si>
    <t>161867.0</t>
  </si>
  <si>
    <t>74861.0</t>
  </si>
  <si>
    <t>129754.0</t>
  </si>
  <si>
    <t>66272.0</t>
  </si>
  <si>
    <t>97640.0</t>
  </si>
  <si>
    <t>1206427.0</t>
  </si>
  <si>
    <t>1209826.0</t>
  </si>
  <si>
    <t>33414.0</t>
  </si>
  <si>
    <t>1216700.0</t>
  </si>
  <si>
    <t>10759191.0</t>
  </si>
  <si>
    <t>9022900.0</t>
  </si>
  <si>
    <t>1222135.0</t>
  </si>
  <si>
    <t>1223311.0</t>
  </si>
  <si>
    <t>38.137</t>
  </si>
  <si>
    <t>1226683.0</t>
  </si>
  <si>
    <t>38.242</t>
  </si>
  <si>
    <t>1229425.0</t>
  </si>
  <si>
    <t>38.327</t>
  </si>
  <si>
    <t>56857.0</t>
  </si>
  <si>
    <t>1235592.0</t>
  </si>
  <si>
    <t>38.519</t>
  </si>
  <si>
    <t>1239821.0</t>
  </si>
  <si>
    <t>38.651</t>
  </si>
  <si>
    <t>1242168.0</t>
  </si>
  <si>
    <t>38.724</t>
  </si>
  <si>
    <t>1249540.0</t>
  </si>
  <si>
    <t>1251954.0</t>
  </si>
  <si>
    <t>11857441.0</t>
  </si>
  <si>
    <t>10244461.0</t>
  </si>
  <si>
    <t>104397.0</t>
  </si>
  <si>
    <t>1255458.0</t>
  </si>
  <si>
    <t>39.139</t>
  </si>
  <si>
    <t>58982.0</t>
  </si>
  <si>
    <t>57628.0</t>
  </si>
  <si>
    <t>1259571.0</t>
  </si>
  <si>
    <t>12195082.0</t>
  </si>
  <si>
    <t>10521232.0</t>
  </si>
  <si>
    <t>56951.0</t>
  </si>
  <si>
    <t>57377.0</t>
  </si>
  <si>
    <t>1262889.0</t>
  </si>
  <si>
    <t>59583.0</t>
  </si>
  <si>
    <t>1266050.0</t>
  </si>
  <si>
    <t>39.469</t>
  </si>
  <si>
    <t>61789.0</t>
  </si>
  <si>
    <t>62892.0</t>
  </si>
  <si>
    <t>1270558.0</t>
  </si>
  <si>
    <t>1272590.0</t>
  </si>
  <si>
    <t>39.673</t>
  </si>
  <si>
    <t>1275348.0</t>
  </si>
  <si>
    <t>39.759</t>
  </si>
  <si>
    <t>12963020.0</t>
  </si>
  <si>
    <t>11476420.0</t>
  </si>
  <si>
    <t>1276700.0</t>
  </si>
  <si>
    <t>39.801</t>
  </si>
  <si>
    <t>63100.0</t>
  </si>
  <si>
    <t>1277445.0</t>
  </si>
  <si>
    <t>39.824</t>
  </si>
  <si>
    <t>61309.0</t>
  </si>
  <si>
    <t>60414.0</t>
  </si>
  <si>
    <t>1280179.0</t>
  </si>
  <si>
    <t>13251662.0</t>
  </si>
  <si>
    <t>11787508.0</t>
  </si>
  <si>
    <t>1281172.0</t>
  </si>
  <si>
    <t>1282207.0</t>
  </si>
  <si>
    <t>33450.0</t>
  </si>
  <si>
    <t>25357.0</t>
  </si>
  <si>
    <t>262678.0</t>
  </si>
  <si>
    <t>1288759.0</t>
  </si>
  <si>
    <t>184.9</t>
  </si>
  <si>
    <t>1290853.0</t>
  </si>
  <si>
    <t>40.242</t>
  </si>
  <si>
    <t>286062.0</t>
  </si>
  <si>
    <t>297597.0</t>
  </si>
  <si>
    <t>1293982.0</t>
  </si>
  <si>
    <t>304465.0</t>
  </si>
  <si>
    <t>1296402.0</t>
  </si>
  <si>
    <t>1299735.0</t>
  </si>
  <si>
    <t>40.519</t>
  </si>
  <si>
    <t>1301946.0</t>
  </si>
  <si>
    <t>40.588</t>
  </si>
  <si>
    <t>1306062.0</t>
  </si>
  <si>
    <t>1309638.0</t>
  </si>
  <si>
    <t>40.828</t>
  </si>
  <si>
    <t>335314.0</t>
  </si>
  <si>
    <t>1311366.0</t>
  </si>
  <si>
    <t>1313202.0</t>
  </si>
  <si>
    <t>1313881.0</t>
  </si>
  <si>
    <t>1316404.0</t>
  </si>
  <si>
    <t>340293.0</t>
  </si>
  <si>
    <t>1317300.0</t>
  </si>
  <si>
    <t>1319772.0</t>
  </si>
  <si>
    <t>41.144</t>
  </si>
  <si>
    <t>346565.0</t>
  </si>
  <si>
    <t>1320827.0</t>
  </si>
  <si>
    <t>41.177</t>
  </si>
  <si>
    <t>1321766.0</t>
  </si>
  <si>
    <t>353032.0</t>
  </si>
  <si>
    <t>1326300.0</t>
  </si>
  <si>
    <t>1327867.0</t>
  </si>
  <si>
    <t>41.396</t>
  </si>
  <si>
    <t>1329196.0</t>
  </si>
  <si>
    <t>1331312.0</t>
  </si>
  <si>
    <t>1334568.0</t>
  </si>
  <si>
    <t>1340102.0</t>
  </si>
  <si>
    <t>41.778</t>
  </si>
  <si>
    <t>1341769.0</t>
  </si>
  <si>
    <t>403796.0</t>
  </si>
  <si>
    <t>422998.0</t>
  </si>
  <si>
    <t>463310.0</t>
  </si>
  <si>
    <t>13421088.0</t>
  </si>
  <si>
    <t>12805276.0</t>
  </si>
  <si>
    <t>585276.0</t>
  </si>
  <si>
    <t>13435258.0</t>
  </si>
  <si>
    <t>12824079.0</t>
  </si>
  <si>
    <t>590588.0</t>
  </si>
  <si>
    <t>13445584.0</t>
  </si>
  <si>
    <t>12837372.0</t>
  </si>
  <si>
    <t>594517.0</t>
  </si>
  <si>
    <t>13456303.0</t>
  </si>
  <si>
    <t>12851614.0</t>
  </si>
  <si>
    <t>603238.0</t>
  </si>
  <si>
    <t>13459831.0</t>
  </si>
  <si>
    <t>606946.0</t>
  </si>
  <si>
    <t>13465329.0</t>
  </si>
  <si>
    <t>12861896.0</t>
  </si>
  <si>
    <t>612442.0</t>
  </si>
  <si>
    <t>13530206.0</t>
  </si>
  <si>
    <t>13115491.0</t>
  </si>
  <si>
    <t>206741.0</t>
  </si>
  <si>
    <t>308567.0</t>
  </si>
  <si>
    <t>410393.0</t>
  </si>
  <si>
    <t>614045.0</t>
  </si>
  <si>
    <t>18541300.0</t>
  </si>
  <si>
    <t>13525638.0</t>
  </si>
  <si>
    <t>730177.0</t>
  </si>
  <si>
    <t>715871.0</t>
  </si>
  <si>
    <t>614100.0</t>
  </si>
  <si>
    <t>512330.0</t>
  </si>
  <si>
    <t>410559.0</t>
  </si>
  <si>
    <t>308789.0</t>
  </si>
  <si>
    <t>207019.0</t>
  </si>
  <si>
    <t>18565645.0</t>
  </si>
  <si>
    <t>13553230.0</t>
  </si>
  <si>
    <t>19435780.0</t>
  </si>
  <si>
    <t>13573329.0</t>
  </si>
  <si>
    <t>19476251.0</t>
  </si>
  <si>
    <t>19494063.0</t>
  </si>
  <si>
    <t>15798875.0</t>
  </si>
  <si>
    <t>786088.0</t>
  </si>
  <si>
    <t>170026.0</t>
  </si>
  <si>
    <t>253766.0</t>
  </si>
  <si>
    <t>337507.0</t>
  </si>
  <si>
    <t>421247.0</t>
  </si>
  <si>
    <t>23615161.0</t>
  </si>
  <si>
    <t>17744639.0</t>
  </si>
  <si>
    <t>940438.0</t>
  </si>
  <si>
    <t>588728.0</t>
  </si>
  <si>
    <t>17857.0</t>
  </si>
  <si>
    <t>542211.0</t>
  </si>
  <si>
    <t>495694.0</t>
  </si>
  <si>
    <t>449177.0</t>
  </si>
  <si>
    <t>13624.0</t>
  </si>
  <si>
    <t>402659.0</t>
  </si>
  <si>
    <t>356142.0</t>
  </si>
  <si>
    <t>309625.0</t>
  </si>
  <si>
    <t>263108.0</t>
  </si>
  <si>
    <t>29140427.0</t>
  </si>
  <si>
    <t>18581293.0</t>
  </si>
  <si>
    <t>18448526.0</t>
  </si>
  <si>
    <t>990832.0</t>
  </si>
  <si>
    <t>MMR</t>
  </si>
  <si>
    <t>Myanmar</t>
  </si>
  <si>
    <t>227.8</t>
  </si>
  <si>
    <t>488.8</t>
  </si>
  <si>
    <t>700.5</t>
  </si>
  <si>
    <t>695.3</t>
  </si>
  <si>
    <t>14561.0</t>
  </si>
  <si>
    <t>273.4</t>
  </si>
  <si>
    <t>19549.0</t>
  </si>
  <si>
    <t>21442.0</t>
  </si>
  <si>
    <t>23490.0</t>
  </si>
  <si>
    <t>24413.0</t>
  </si>
  <si>
    <t>31701.0</t>
  </si>
  <si>
    <t>688.5</t>
  </si>
  <si>
    <t>648.8</t>
  </si>
  <si>
    <t>42416.0</t>
  </si>
  <si>
    <t>832.9</t>
  </si>
  <si>
    <t>509.8</t>
  </si>
  <si>
    <t>493.7</t>
  </si>
  <si>
    <t>47710.0</t>
  </si>
  <si>
    <t>653.3</t>
  </si>
  <si>
    <t>928.5</t>
  </si>
  <si>
    <t>56726.0</t>
  </si>
  <si>
    <t>491.9</t>
  </si>
  <si>
    <t>508.3</t>
  </si>
  <si>
    <t>477.7</t>
  </si>
  <si>
    <t>425.5</t>
  </si>
  <si>
    <t>372.6</t>
  </si>
  <si>
    <t>66353.0</t>
  </si>
  <si>
    <t>68404.0</t>
  </si>
  <si>
    <t>70266.0</t>
  </si>
  <si>
    <t>1284.6</t>
  </si>
  <si>
    <t>73278.0</t>
  </si>
  <si>
    <t>1244.9</t>
  </si>
  <si>
    <t>1444.4</t>
  </si>
  <si>
    <t>76315.0</t>
  </si>
  <si>
    <t>77766.0</t>
  </si>
  <si>
    <t>1140.7</t>
  </si>
  <si>
    <t>970.1</t>
  </si>
  <si>
    <t>795.4</t>
  </si>
  <si>
    <t>604.8</t>
  </si>
  <si>
    <t>83539.0</t>
  </si>
  <si>
    <t>558.3</t>
  </si>
  <si>
    <t>548.8</t>
  </si>
  <si>
    <t>538.9</t>
  </si>
  <si>
    <t>465.2</t>
  </si>
  <si>
    <t>91479.0</t>
  </si>
  <si>
    <t>558.7</t>
  </si>
  <si>
    <t>535.6</t>
  </si>
  <si>
    <t>94168.0</t>
  </si>
  <si>
    <t>484.8</t>
  </si>
  <si>
    <t>94872.0</t>
  </si>
  <si>
    <t>439.3</t>
  </si>
  <si>
    <t>475.3</t>
  </si>
  <si>
    <t>523.1</t>
  </si>
  <si>
    <t>99302.0</t>
  </si>
  <si>
    <t>722.1</t>
  </si>
  <si>
    <t>100951.0</t>
  </si>
  <si>
    <t>946.8</t>
  </si>
  <si>
    <t>932.1</t>
  </si>
  <si>
    <t>103888.0</t>
  </si>
  <si>
    <t>1945.4</t>
  </si>
  <si>
    <t>2502.6</t>
  </si>
  <si>
    <t>1551.9</t>
  </si>
  <si>
    <t>106673.0</t>
  </si>
  <si>
    <t>2257.4</t>
  </si>
  <si>
    <t>107928.0</t>
  </si>
  <si>
    <t>1048.1</t>
  </si>
  <si>
    <t>110526.0</t>
  </si>
  <si>
    <t>891.9</t>
  </si>
  <si>
    <t>111425.0</t>
  </si>
  <si>
    <t>837.5</t>
  </si>
  <si>
    <t>112381.0</t>
  </si>
  <si>
    <t>750.2</t>
  </si>
  <si>
    <t>113498.0</t>
  </si>
  <si>
    <t>115701.0</t>
  </si>
  <si>
    <t>902.7</t>
  </si>
  <si>
    <t>116520.0</t>
  </si>
  <si>
    <t>118127.0</t>
  </si>
  <si>
    <t>2531.5</t>
  </si>
  <si>
    <t>119142.0</t>
  </si>
  <si>
    <t>1543.4</t>
  </si>
  <si>
    <t>120292.0</t>
  </si>
  <si>
    <t>1582.6</t>
  </si>
  <si>
    <t>120832.0</t>
  </si>
  <si>
    <t>1222.9</t>
  </si>
  <si>
    <t>122290.0</t>
  </si>
  <si>
    <t>123441.0</t>
  </si>
  <si>
    <t>124765.0</t>
  </si>
  <si>
    <t>1257.9</t>
  </si>
  <si>
    <t>125827.0</t>
  </si>
  <si>
    <t>1537.8</t>
  </si>
  <si>
    <t>127726.0</t>
  </si>
  <si>
    <t>1859.9</t>
  </si>
  <si>
    <t>128801.0</t>
  </si>
  <si>
    <t>130539.0</t>
  </si>
  <si>
    <t>687.3</t>
  </si>
  <si>
    <t>590.3</t>
  </si>
  <si>
    <t>134035.0</t>
  </si>
  <si>
    <t>617.8</t>
  </si>
  <si>
    <t>135402.0</t>
  </si>
  <si>
    <t>136153.0</t>
  </si>
  <si>
    <t>582.7</t>
  </si>
  <si>
    <t>324.6</t>
  </si>
  <si>
    <t>141044.0</t>
  </si>
  <si>
    <t>350.2</t>
  </si>
  <si>
    <t>142516.0</t>
  </si>
  <si>
    <t>144054.0</t>
  </si>
  <si>
    <t>145167.0</t>
  </si>
  <si>
    <t>146037.0</t>
  </si>
  <si>
    <t>147820.0</t>
  </si>
  <si>
    <t>149861.0</t>
  </si>
  <si>
    <t>151939.0</t>
  </si>
  <si>
    <t>153821.0</t>
  </si>
  <si>
    <t>156042.0</t>
  </si>
  <si>
    <t>157843.0</t>
  </si>
  <si>
    <t>160256.0</t>
  </si>
  <si>
    <t>162168.0</t>
  </si>
  <si>
    <t>164266.0</t>
  </si>
  <si>
    <t>166433.0</t>
  </si>
  <si>
    <t>168901.0</t>
  </si>
  <si>
    <t>174710.0</t>
  </si>
  <si>
    <t>176942.0</t>
  </si>
  <si>
    <t>179471.0</t>
  </si>
  <si>
    <t>182323.0</t>
  </si>
  <si>
    <t>185474.0</t>
  </si>
  <si>
    <t>188372.0</t>
  </si>
  <si>
    <t>191696.0</t>
  </si>
  <si>
    <t>197794.0</t>
  </si>
  <si>
    <t>201366.0</t>
  </si>
  <si>
    <t>205160.0</t>
  </si>
  <si>
    <t>208837.0</t>
  </si>
  <si>
    <t>212826.0</t>
  </si>
  <si>
    <t>216210.0</t>
  </si>
  <si>
    <t>220187.0</t>
  </si>
  <si>
    <t>224383.0</t>
  </si>
  <si>
    <t>228837.0</t>
  </si>
  <si>
    <t>233426.0</t>
  </si>
  <si>
    <t>238238.0</t>
  </si>
  <si>
    <t>242457.0</t>
  </si>
  <si>
    <t>245154.0</t>
  </si>
  <si>
    <t>249730.0</t>
  </si>
  <si>
    <t>253704.0</t>
  </si>
  <si>
    <t>258601.0</t>
  </si>
  <si>
    <t>263863.0</t>
  </si>
  <si>
    <t>267294.0</t>
  </si>
  <si>
    <t>271881.0</t>
  </si>
  <si>
    <t>285571.0</t>
  </si>
  <si>
    <t>298056.0</t>
  </si>
  <si>
    <t>306443.0</t>
  </si>
  <si>
    <t>317765.0</t>
  </si>
  <si>
    <t>5.907</t>
  </si>
  <si>
    <t>328477.0</t>
  </si>
  <si>
    <t>342778.0</t>
  </si>
  <si>
    <t>358090.0</t>
  </si>
  <si>
    <t>371889.0</t>
  </si>
  <si>
    <t>385606.0</t>
  </si>
  <si>
    <t>397864.0</t>
  </si>
  <si>
    <t>406520.0</t>
  </si>
  <si>
    <t>7.556</t>
  </si>
  <si>
    <t>418495.0</t>
  </si>
  <si>
    <t>431005.0</t>
  </si>
  <si>
    <t>449741.0</t>
  </si>
  <si>
    <t>461048.0</t>
  </si>
  <si>
    <t>479151.0</t>
  </si>
  <si>
    <t>493480.0</t>
  </si>
  <si>
    <t>506842.0</t>
  </si>
  <si>
    <t>519616.0</t>
  </si>
  <si>
    <t>532315.0</t>
  </si>
  <si>
    <t>545545.0</t>
  </si>
  <si>
    <t>10.141</t>
  </si>
  <si>
    <t>556237.0</t>
  </si>
  <si>
    <t>10.339</t>
  </si>
  <si>
    <t>567637.0</t>
  </si>
  <si>
    <t>582435.0</t>
  </si>
  <si>
    <t>10.826</t>
  </si>
  <si>
    <t>595641.0</t>
  </si>
  <si>
    <t>11.072</t>
  </si>
  <si>
    <t>608893.0</t>
  </si>
  <si>
    <t>621383.0</t>
  </si>
  <si>
    <t>632553.0</t>
  </si>
  <si>
    <t>11.758</t>
  </si>
  <si>
    <t>639661.0</t>
  </si>
  <si>
    <t>650887.0</t>
  </si>
  <si>
    <t>663529.0</t>
  </si>
  <si>
    <t>690344.0</t>
  </si>
  <si>
    <t>703793.0</t>
  </si>
  <si>
    <t>13.082</t>
  </si>
  <si>
    <t>717966.0</t>
  </si>
  <si>
    <t>731327.0</t>
  </si>
  <si>
    <t>13.594</t>
  </si>
  <si>
    <t>739557.0</t>
  </si>
  <si>
    <t>13.747</t>
  </si>
  <si>
    <t>755557.0</t>
  </si>
  <si>
    <t>770091.0</t>
  </si>
  <si>
    <t>786341.0</t>
  </si>
  <si>
    <t>800622.0</t>
  </si>
  <si>
    <t>884005.0</t>
  </si>
  <si>
    <t>83383.0</t>
  </si>
  <si>
    <t>16.432</t>
  </si>
  <si>
    <t>23720.0</t>
  </si>
  <si>
    <t>897352.0</t>
  </si>
  <si>
    <t>911739.0</t>
  </si>
  <si>
    <t>16.947</t>
  </si>
  <si>
    <t>930082.0</t>
  </si>
  <si>
    <t>18343.0</t>
  </si>
  <si>
    <t>951314.0</t>
  </si>
  <si>
    <t>969268.0</t>
  </si>
  <si>
    <t>986267.0</t>
  </si>
  <si>
    <t>1004357.0</t>
  </si>
  <si>
    <t>18.669</t>
  </si>
  <si>
    <t>1019238.0</t>
  </si>
  <si>
    <t>1037450.0</t>
  </si>
  <si>
    <t>19.284</t>
  </si>
  <si>
    <t>1059035.0</t>
  </si>
  <si>
    <t>1076382.0</t>
  </si>
  <si>
    <t>20.008</t>
  </si>
  <si>
    <t>1096500.0</t>
  </si>
  <si>
    <t>20.382</t>
  </si>
  <si>
    <t>1114697.0</t>
  </si>
  <si>
    <t>1132621.0</t>
  </si>
  <si>
    <t>21.053</t>
  </si>
  <si>
    <t>1147841.0</t>
  </si>
  <si>
    <t>1163776.0</t>
  </si>
  <si>
    <t>1182735.0</t>
  </si>
  <si>
    <t>21.985</t>
  </si>
  <si>
    <t>1202415.0</t>
  </si>
  <si>
    <t>22.351</t>
  </si>
  <si>
    <t>1225134.0</t>
  </si>
  <si>
    <t>22.773</t>
  </si>
  <si>
    <t>1246524.0</t>
  </si>
  <si>
    <t>1269824.0</t>
  </si>
  <si>
    <t>1288365.0</t>
  </si>
  <si>
    <t>24.308</t>
  </si>
  <si>
    <t>1331092.0</t>
  </si>
  <si>
    <t>24.742</t>
  </si>
  <si>
    <t>1351918.0</t>
  </si>
  <si>
    <t>25.129</t>
  </si>
  <si>
    <t>1374159.0</t>
  </si>
  <si>
    <t>22241.0</t>
  </si>
  <si>
    <t>25.543</t>
  </si>
  <si>
    <t>1395088.0</t>
  </si>
  <si>
    <t>20929.0</t>
  </si>
  <si>
    <t>25.932</t>
  </si>
  <si>
    <t>1437751.0</t>
  </si>
  <si>
    <t>1456866.0</t>
  </si>
  <si>
    <t>21303.0</t>
  </si>
  <si>
    <t>1480740.0</t>
  </si>
  <si>
    <t>27.524</t>
  </si>
  <si>
    <t>21378.0</t>
  </si>
  <si>
    <t>1503849.0</t>
  </si>
  <si>
    <t>1527037.0</t>
  </si>
  <si>
    <t>28.385</t>
  </si>
  <si>
    <t>1551538.0</t>
  </si>
  <si>
    <t>22350.0</t>
  </si>
  <si>
    <t>1574128.0</t>
  </si>
  <si>
    <t>1594654.0</t>
  </si>
  <si>
    <t>29.641</t>
  </si>
  <si>
    <t>22415.0</t>
  </si>
  <si>
    <t>1615672.0</t>
  </si>
  <si>
    <t>1639157.0</t>
  </si>
  <si>
    <t>1662229.0</t>
  </si>
  <si>
    <t>30.898</t>
  </si>
  <si>
    <t>1683744.0</t>
  </si>
  <si>
    <t>31.297</t>
  </si>
  <si>
    <t>1740037.0</t>
  </si>
  <si>
    <t>1756644.0</t>
  </si>
  <si>
    <t>32.653</t>
  </si>
  <si>
    <t>1775752.0</t>
  </si>
  <si>
    <t>33.008</t>
  </si>
  <si>
    <t>1777243.0</t>
  </si>
  <si>
    <t>33.035</t>
  </si>
  <si>
    <t>1794253.0</t>
  </si>
  <si>
    <t>1818260.0</t>
  </si>
  <si>
    <t>33.798</t>
  </si>
  <si>
    <t>1833995.0</t>
  </si>
  <si>
    <t>1849967.0</t>
  </si>
  <si>
    <t>34.387</t>
  </si>
  <si>
    <t>1867629.0</t>
  </si>
  <si>
    <t>34.716</t>
  </si>
  <si>
    <t>15855.0</t>
  </si>
  <si>
    <t>1884619.0</t>
  </si>
  <si>
    <t>16990.0</t>
  </si>
  <si>
    <t>1904389.0</t>
  </si>
  <si>
    <t>35.399</t>
  </si>
  <si>
    <t>1921668.0</t>
  </si>
  <si>
    <t>1940621.0</t>
  </si>
  <si>
    <t>36.072</t>
  </si>
  <si>
    <t>17480.0</t>
  </si>
  <si>
    <t>1960785.0</t>
  </si>
  <si>
    <t>36.447</t>
  </si>
  <si>
    <t>1980591.0</t>
  </si>
  <si>
    <t>19806.0</t>
  </si>
  <si>
    <t>36.815</t>
  </si>
  <si>
    <t>1997934.0</t>
  </si>
  <si>
    <t>2016191.0</t>
  </si>
  <si>
    <t>37.477</t>
  </si>
  <si>
    <t>2037930.0</t>
  </si>
  <si>
    <t>37.881</t>
  </si>
  <si>
    <t>2055757.0</t>
  </si>
  <si>
    <t>2074577.0</t>
  </si>
  <si>
    <t>38.562</t>
  </si>
  <si>
    <t>2097332.0</t>
  </si>
  <si>
    <t>38.985</t>
  </si>
  <si>
    <t>2115337.0</t>
  </si>
  <si>
    <t>2132993.0</t>
  </si>
  <si>
    <t>39.648</t>
  </si>
  <si>
    <t>2151828.0</t>
  </si>
  <si>
    <t>39.998</t>
  </si>
  <si>
    <t>2172522.0</t>
  </si>
  <si>
    <t>2192998.0</t>
  </si>
  <si>
    <t>40.763</t>
  </si>
  <si>
    <t>2212145.0</t>
  </si>
  <si>
    <t>41.119</t>
  </si>
  <si>
    <t>19653.0</t>
  </si>
  <si>
    <t>2229844.0</t>
  </si>
  <si>
    <t>2250241.0</t>
  </si>
  <si>
    <t>41.828</t>
  </si>
  <si>
    <t>2268947.0</t>
  </si>
  <si>
    <t>42.175</t>
  </si>
  <si>
    <t>2286871.0</t>
  </si>
  <si>
    <t>42.508</t>
  </si>
  <si>
    <t>19292.0</t>
  </si>
  <si>
    <t>2306538.0</t>
  </si>
  <si>
    <t>2323094.0</t>
  </si>
  <si>
    <t>43.182</t>
  </si>
  <si>
    <t>2339472.0</t>
  </si>
  <si>
    <t>43.486</t>
  </si>
  <si>
    <t>2357743.0</t>
  </si>
  <si>
    <t>2374068.0</t>
  </si>
  <si>
    <t>44.129</t>
  </si>
  <si>
    <t>2390347.0</t>
  </si>
  <si>
    <t>16279.0</t>
  </si>
  <si>
    <t>44.432</t>
  </si>
  <si>
    <t>2399366.0</t>
  </si>
  <si>
    <t>44.599</t>
  </si>
  <si>
    <t>2411743.0</t>
  </si>
  <si>
    <t>2422939.0</t>
  </si>
  <si>
    <t>45.038</t>
  </si>
  <si>
    <t>41800.0</t>
  </si>
  <si>
    <t>2436785.0</t>
  </si>
  <si>
    <t>45.295</t>
  </si>
  <si>
    <t>2448618.0</t>
  </si>
  <si>
    <t>45.515</t>
  </si>
  <si>
    <t>2455699.0</t>
  </si>
  <si>
    <t>45.647</t>
  </si>
  <si>
    <t>2462811.0</t>
  </si>
  <si>
    <t>33349.0</t>
  </si>
  <si>
    <t>2464798.0</t>
  </si>
  <si>
    <t>45.816</t>
  </si>
  <si>
    <t>28806.0</t>
  </si>
  <si>
    <t>2467726.0</t>
  </si>
  <si>
    <t>2469720.0</t>
  </si>
  <si>
    <t>45.907</t>
  </si>
  <si>
    <t>2471972.0</t>
  </si>
  <si>
    <t>45.949</t>
  </si>
  <si>
    <t>2473356.0</t>
  </si>
  <si>
    <t>2475208.0</t>
  </si>
  <si>
    <t>2475910.0</t>
  </si>
  <si>
    <t>46.022</t>
  </si>
  <si>
    <t>2476797.0</t>
  </si>
  <si>
    <t>2477916.0</t>
  </si>
  <si>
    <t>2479405.0</t>
  </si>
  <si>
    <t>46.087</t>
  </si>
  <si>
    <t>2480294.0</t>
  </si>
  <si>
    <t>46.104</t>
  </si>
  <si>
    <t>2481411.0</t>
  </si>
  <si>
    <t>46.125</t>
  </si>
  <si>
    <t>2482290.0</t>
  </si>
  <si>
    <t>46.141</t>
  </si>
  <si>
    <t>2483249.0</t>
  </si>
  <si>
    <t>2483935.0</t>
  </si>
  <si>
    <t>46.171</t>
  </si>
  <si>
    <t>2485094.0</t>
  </si>
  <si>
    <t>46.193</t>
  </si>
  <si>
    <t>2486206.0</t>
  </si>
  <si>
    <t>46.214</t>
  </si>
  <si>
    <t>2487520.0</t>
  </si>
  <si>
    <t>46.238</t>
  </si>
  <si>
    <t>2488774.0</t>
  </si>
  <si>
    <t>2489884.0</t>
  </si>
  <si>
    <t>46.282</t>
  </si>
  <si>
    <t>2490989.0</t>
  </si>
  <si>
    <t>46.303</t>
  </si>
  <si>
    <t>1040000.0</t>
  </si>
  <si>
    <t>24120.0</t>
  </si>
  <si>
    <t>1800000.0</t>
  </si>
  <si>
    <t>42921.0</t>
  </si>
  <si>
    <t>19164.0</t>
  </si>
  <si>
    <t>57737.0</t>
  </si>
  <si>
    <t>62676.0</t>
  </si>
  <si>
    <t>67615.0</t>
  </si>
  <si>
    <t>2543762.0</t>
  </si>
  <si>
    <t>1689551.0</t>
  </si>
  <si>
    <t>854211.0</t>
  </si>
  <si>
    <t>62618.0</t>
  </si>
  <si>
    <t>2587501.0</t>
  </si>
  <si>
    <t>48.097</t>
  </si>
  <si>
    <t>60120.0</t>
  </si>
  <si>
    <t>2588880.0</t>
  </si>
  <si>
    <t>48.122</t>
  </si>
  <si>
    <t>57621.0</t>
  </si>
  <si>
    <t>2590328.0</t>
  </si>
  <si>
    <t>48.149</t>
  </si>
  <si>
    <t>55123.0</t>
  </si>
  <si>
    <t>2591905.0</t>
  </si>
  <si>
    <t>2593888.0</t>
  </si>
  <si>
    <t>50126.0</t>
  </si>
  <si>
    <t>2595359.0</t>
  </si>
  <si>
    <t>48.243</t>
  </si>
  <si>
    <t>2597378.0</t>
  </si>
  <si>
    <t>2994900.0</t>
  </si>
  <si>
    <t>1772177.0</t>
  </si>
  <si>
    <t>1222723.0</t>
  </si>
  <si>
    <t>2599597.0</t>
  </si>
  <si>
    <t>48.321</t>
  </si>
  <si>
    <t>2600857.0</t>
  </si>
  <si>
    <t>48.345</t>
  </si>
  <si>
    <t>2601770.0</t>
  </si>
  <si>
    <t>48.362</t>
  </si>
  <si>
    <t>2603024.0</t>
  </si>
  <si>
    <t>48.385</t>
  </si>
  <si>
    <t>2604997.0</t>
  </si>
  <si>
    <t>48.422</t>
  </si>
  <si>
    <t>25910.0</t>
  </si>
  <si>
    <t>2606374.0</t>
  </si>
  <si>
    <t>48.447</t>
  </si>
  <si>
    <t>2607458.0</t>
  </si>
  <si>
    <t>48.467</t>
  </si>
  <si>
    <t>2608835.0</t>
  </si>
  <si>
    <t>48.493</t>
  </si>
  <si>
    <t>2610069.0</t>
  </si>
  <si>
    <t>48.516</t>
  </si>
  <si>
    <t>2611626.0</t>
  </si>
  <si>
    <t>48.545</t>
  </si>
  <si>
    <t>2613549.0</t>
  </si>
  <si>
    <t>48.581</t>
  </si>
  <si>
    <t>2614678.0</t>
  </si>
  <si>
    <t>48.602</t>
  </si>
  <si>
    <t>2616466.0</t>
  </si>
  <si>
    <t>48.635</t>
  </si>
  <si>
    <t>2617696.0</t>
  </si>
  <si>
    <t>48.658</t>
  </si>
  <si>
    <t>2618730.0</t>
  </si>
  <si>
    <t>2619642.0</t>
  </si>
  <si>
    <t>48.694</t>
  </si>
  <si>
    <t>2621413.0</t>
  </si>
  <si>
    <t>48.727</t>
  </si>
  <si>
    <t>2623429.0</t>
  </si>
  <si>
    <t>48.764</t>
  </si>
  <si>
    <t>2625020.0</t>
  </si>
  <si>
    <t>48.794</t>
  </si>
  <si>
    <t>2626468.0</t>
  </si>
  <si>
    <t>48.821</t>
  </si>
  <si>
    <t>2628246.0</t>
  </si>
  <si>
    <t>48.854</t>
  </si>
  <si>
    <t>2629730.0</t>
  </si>
  <si>
    <t>48.881</t>
  </si>
  <si>
    <t>3368042.0</t>
  </si>
  <si>
    <t>1840758.0</t>
  </si>
  <si>
    <t>1527284.0</t>
  </si>
  <si>
    <t>2630807.0</t>
  </si>
  <si>
    <t>48.901</t>
  </si>
  <si>
    <t>2633023.0</t>
  </si>
  <si>
    <t>2635045.0</t>
  </si>
  <si>
    <t>2636791.0</t>
  </si>
  <si>
    <t>49.013</t>
  </si>
  <si>
    <t>2639138.0</t>
  </si>
  <si>
    <t>49.056</t>
  </si>
  <si>
    <t>2641919.0</t>
  </si>
  <si>
    <t>49.108</t>
  </si>
  <si>
    <t>2645332.0</t>
  </si>
  <si>
    <t>33975.0</t>
  </si>
  <si>
    <t>2648234.0</t>
  </si>
  <si>
    <t>2651053.0</t>
  </si>
  <si>
    <t>49.278</t>
  </si>
  <si>
    <t>2654252.0</t>
  </si>
  <si>
    <t>49.337</t>
  </si>
  <si>
    <t>2657808.0</t>
  </si>
  <si>
    <t>49.403</t>
  </si>
  <si>
    <t>2661984.0</t>
  </si>
  <si>
    <t>49.481</t>
  </si>
  <si>
    <t>2666427.0</t>
  </si>
  <si>
    <t>2671271.0</t>
  </si>
  <si>
    <t>49.654</t>
  </si>
  <si>
    <t>2674702.0</t>
  </si>
  <si>
    <t>49.717</t>
  </si>
  <si>
    <t>2679666.0</t>
  </si>
  <si>
    <t>2684756.0</t>
  </si>
  <si>
    <t>2689792.0</t>
  </si>
  <si>
    <t>49.998</t>
  </si>
  <si>
    <t>2695546.0</t>
  </si>
  <si>
    <t>50.105</t>
  </si>
  <si>
    <t>2701400.0</t>
  </si>
  <si>
    <t>50.214</t>
  </si>
  <si>
    <t>2706955.0</t>
  </si>
  <si>
    <t>50.317</t>
  </si>
  <si>
    <t>2711584.0</t>
  </si>
  <si>
    <t>50.403</t>
  </si>
  <si>
    <t>2718170.0</t>
  </si>
  <si>
    <t>2726402.0</t>
  </si>
  <si>
    <t>50.678</t>
  </si>
  <si>
    <t>2734326.0</t>
  </si>
  <si>
    <t>50.826</t>
  </si>
  <si>
    <t>2743783.0</t>
  </si>
  <si>
    <t>3500000.0</t>
  </si>
  <si>
    <t>2752929.0</t>
  </si>
  <si>
    <t>2761983.0</t>
  </si>
  <si>
    <t>2772361.0</t>
  </si>
  <si>
    <t>51.533</t>
  </si>
  <si>
    <t>2783385.0</t>
  </si>
  <si>
    <t>51.738</t>
  </si>
  <si>
    <t>33029.0</t>
  </si>
  <si>
    <t>2796217.0</t>
  </si>
  <si>
    <t>51.976</t>
  </si>
  <si>
    <t>2810895.0</t>
  </si>
  <si>
    <t>52.249</t>
  </si>
  <si>
    <t>47005.0</t>
  </si>
  <si>
    <t>2825822.0</t>
  </si>
  <si>
    <t>2841569.0</t>
  </si>
  <si>
    <t>52.819</t>
  </si>
  <si>
    <t>2856697.0</t>
  </si>
  <si>
    <t>2866814.0</t>
  </si>
  <si>
    <t>53.288</t>
  </si>
  <si>
    <t>13493.0</t>
  </si>
  <si>
    <t>2881246.0</t>
  </si>
  <si>
    <t>53.557</t>
  </si>
  <si>
    <t>2892932.0</t>
  </si>
  <si>
    <t>53.774</t>
  </si>
  <si>
    <t>2914284.0</t>
  </si>
  <si>
    <t>21352.0</t>
  </si>
  <si>
    <t>54.171</t>
  </si>
  <si>
    <t>2925328.0</t>
  </si>
  <si>
    <t>54.376</t>
  </si>
  <si>
    <t>2943462.0</t>
  </si>
  <si>
    <t>54.713</t>
  </si>
  <si>
    <t>2957514.0</t>
  </si>
  <si>
    <t>2972006.0</t>
  </si>
  <si>
    <t>15027.0</t>
  </si>
  <si>
    <t>2985922.0</t>
  </si>
  <si>
    <t>55.502</t>
  </si>
  <si>
    <t>3001833.0</t>
  </si>
  <si>
    <t>55.798</t>
  </si>
  <si>
    <t>3018423.0</t>
  </si>
  <si>
    <t>56.107</t>
  </si>
  <si>
    <t>0.3678</t>
  </si>
  <si>
    <t>3035676.0</t>
  </si>
  <si>
    <t>0.3699</t>
  </si>
  <si>
    <t>3049163.0</t>
  </si>
  <si>
    <t>56.678</t>
  </si>
  <si>
    <t>3064522.0</t>
  </si>
  <si>
    <t>56.963</t>
  </si>
  <si>
    <t>0.3765</t>
  </si>
  <si>
    <t>3076996.0</t>
  </si>
  <si>
    <t>57.195</t>
  </si>
  <si>
    <t>3089031.0</t>
  </si>
  <si>
    <t>3102688.0</t>
  </si>
  <si>
    <t>57.673</t>
  </si>
  <si>
    <t>3116451.0</t>
  </si>
  <si>
    <t>57.929</t>
  </si>
  <si>
    <t>0.3819</t>
  </si>
  <si>
    <t>3131511.0</t>
  </si>
  <si>
    <t>58.209</t>
  </si>
  <si>
    <t>13691.0</t>
  </si>
  <si>
    <t>3169465.0</t>
  </si>
  <si>
    <t>58.914</t>
  </si>
  <si>
    <t>3181859.0</t>
  </si>
  <si>
    <t>59.144</t>
  </si>
  <si>
    <t>3196116.0</t>
  </si>
  <si>
    <t>0.3419</t>
  </si>
  <si>
    <t>3209590.0</t>
  </si>
  <si>
    <t>13306.0</t>
  </si>
  <si>
    <t>3223874.0</t>
  </si>
  <si>
    <t>0.3087</t>
  </si>
  <si>
    <t>3248320.0</t>
  </si>
  <si>
    <t>3257589.0</t>
  </si>
  <si>
    <t>60.552</t>
  </si>
  <si>
    <t>3269780.0</t>
  </si>
  <si>
    <t>60.779</t>
  </si>
  <si>
    <t>12560.0</t>
  </si>
  <si>
    <t>3284237.0</t>
  </si>
  <si>
    <t>61.047</t>
  </si>
  <si>
    <t>3298004.0</t>
  </si>
  <si>
    <t>61.303</t>
  </si>
  <si>
    <t>3310805.0</t>
  </si>
  <si>
    <t>3323826.0</t>
  </si>
  <si>
    <t>61.783</t>
  </si>
  <si>
    <t>3336860.0</t>
  </si>
  <si>
    <t>62.026</t>
  </si>
  <si>
    <t>3346965.0</t>
  </si>
  <si>
    <t>62.213</t>
  </si>
  <si>
    <t>3358212.0</t>
  </si>
  <si>
    <t>62.423</t>
  </si>
  <si>
    <t>3371634.0</t>
  </si>
  <si>
    <t>62.672</t>
  </si>
  <si>
    <t>3383579.0</t>
  </si>
  <si>
    <t>3406363.0</t>
  </si>
  <si>
    <t>63.318</t>
  </si>
  <si>
    <t>3417218.0</t>
  </si>
  <si>
    <t>63.519</t>
  </si>
  <si>
    <t>6253687.0</t>
  </si>
  <si>
    <t>4456857.0</t>
  </si>
  <si>
    <t>1796830.0</t>
  </si>
  <si>
    <t>3426209.0</t>
  </si>
  <si>
    <t>64835.0</t>
  </si>
  <si>
    <t>3447279.0</t>
  </si>
  <si>
    <t>64.078</t>
  </si>
  <si>
    <t>70256.0</t>
  </si>
  <si>
    <t>29370.0</t>
  </si>
  <si>
    <t>3459145.0</t>
  </si>
  <si>
    <t>64.299</t>
  </si>
  <si>
    <t>3471394.0</t>
  </si>
  <si>
    <t>64.526</t>
  </si>
  <si>
    <t>26299.0</t>
  </si>
  <si>
    <t>91940.0</t>
  </si>
  <si>
    <t>23228.0</t>
  </si>
  <si>
    <t>25132.0</t>
  </si>
  <si>
    <t>3653562.0</t>
  </si>
  <si>
    <t>67.912</t>
  </si>
  <si>
    <t>27774.0</t>
  </si>
  <si>
    <t>3688810.0</t>
  </si>
  <si>
    <t>68.568</t>
  </si>
  <si>
    <t>3722171.0</t>
  </si>
  <si>
    <t>33361.0</t>
  </si>
  <si>
    <t>69.188</t>
  </si>
  <si>
    <t>31488.0</t>
  </si>
  <si>
    <t>69.782</t>
  </si>
  <si>
    <t>3781186.0</t>
  </si>
  <si>
    <t>70.285</t>
  </si>
  <si>
    <t>3806221.0</t>
  </si>
  <si>
    <t>3831336.0</t>
  </si>
  <si>
    <t>71.217</t>
  </si>
  <si>
    <t>3856734.0</t>
  </si>
  <si>
    <t>71.689</t>
  </si>
  <si>
    <t>29025.0</t>
  </si>
  <si>
    <t>3882356.0</t>
  </si>
  <si>
    <t>72.165</t>
  </si>
  <si>
    <t>27649.0</t>
  </si>
  <si>
    <t>3907174.0</t>
  </si>
  <si>
    <t>72.627</t>
  </si>
  <si>
    <t>3933370.0</t>
  </si>
  <si>
    <t>73.114</t>
  </si>
  <si>
    <t>25608.0</t>
  </si>
  <si>
    <t>8184418.0</t>
  </si>
  <si>
    <t>4944654.0</t>
  </si>
  <si>
    <t>3239764.0</t>
  </si>
  <si>
    <t>3954600.0</t>
  </si>
  <si>
    <t>21230.0</t>
  </si>
  <si>
    <t>73.508</t>
  </si>
  <si>
    <t>24773.0</t>
  </si>
  <si>
    <t>91777.0</t>
  </si>
  <si>
    <t>3978024.0</t>
  </si>
  <si>
    <t>23424.0</t>
  </si>
  <si>
    <t>73.944</t>
  </si>
  <si>
    <t>35186.0</t>
  </si>
  <si>
    <t>4002846.0</t>
  </si>
  <si>
    <t>74.405</t>
  </si>
  <si>
    <t>91451.0</t>
  </si>
  <si>
    <t>91288.0</t>
  </si>
  <si>
    <t>47143.0</t>
  </si>
  <si>
    <t>4047680.0</t>
  </si>
  <si>
    <t>75.238</t>
  </si>
  <si>
    <t>53122.0</t>
  </si>
  <si>
    <t>4070480.0</t>
  </si>
  <si>
    <t>75.662</t>
  </si>
  <si>
    <t>90963.0</t>
  </si>
  <si>
    <t>4091516.0</t>
  </si>
  <si>
    <t>76.053</t>
  </si>
  <si>
    <t>90800.0</t>
  </si>
  <si>
    <t>65079.0</t>
  </si>
  <si>
    <t>4110352.0</t>
  </si>
  <si>
    <t>76.403</t>
  </si>
  <si>
    <t>4127661.0</t>
  </si>
  <si>
    <t>76.725</t>
  </si>
  <si>
    <t>9001616.0</t>
  </si>
  <si>
    <t>5530365.0</t>
  </si>
  <si>
    <t>3471251.0</t>
  </si>
  <si>
    <t>4148249.0</t>
  </si>
  <si>
    <t>77.108</t>
  </si>
  <si>
    <t>133087.0</t>
  </si>
  <si>
    <t>103655.0</t>
  </si>
  <si>
    <t>4168427.0</t>
  </si>
  <si>
    <t>77.483</t>
  </si>
  <si>
    <t>175374.0</t>
  </si>
  <si>
    <t>142231.0</t>
  </si>
  <si>
    <t>4188202.0</t>
  </si>
  <si>
    <t>217662.0</t>
  </si>
  <si>
    <t>180806.0</t>
  </si>
  <si>
    <t>4206665.0</t>
  </si>
  <si>
    <t>78.194</t>
  </si>
  <si>
    <t>259949.0</t>
  </si>
  <si>
    <t>219382.0</t>
  </si>
  <si>
    <t>4224798.0</t>
  </si>
  <si>
    <t>10935671.0</t>
  </si>
  <si>
    <t>7205913.0</t>
  </si>
  <si>
    <t>3729758.0</t>
  </si>
  <si>
    <t>302236.0</t>
  </si>
  <si>
    <t>257958.0</t>
  </si>
  <si>
    <t>4243234.0</t>
  </si>
  <si>
    <t>78.873</t>
  </si>
  <si>
    <t>316368.0</t>
  </si>
  <si>
    <t>272841.0</t>
  </si>
  <si>
    <t>4260959.0</t>
  </si>
  <si>
    <t>79.203</t>
  </si>
  <si>
    <t>330499.0</t>
  </si>
  <si>
    <t>287725.0</t>
  </si>
  <si>
    <t>4280845.0</t>
  </si>
  <si>
    <t>302343.0</t>
  </si>
  <si>
    <t>4299547.0</t>
  </si>
  <si>
    <t>274187.0</t>
  </si>
  <si>
    <t>18898.0</t>
  </si>
  <si>
    <t>246031.0</t>
  </si>
  <si>
    <t>216647.0</t>
  </si>
  <si>
    <t>4341436.0</t>
  </si>
  <si>
    <t>80.699</t>
  </si>
  <si>
    <t>217875.0</t>
  </si>
  <si>
    <t>192954.0</t>
  </si>
  <si>
    <t>4361627.0</t>
  </si>
  <si>
    <t>20191.0</t>
  </si>
  <si>
    <t>81.074</t>
  </si>
  <si>
    <t>12263702.0</t>
  </si>
  <si>
    <t>8390746.0</t>
  </si>
  <si>
    <t>3872956.0</t>
  </si>
  <si>
    <t>189719.0</t>
  </si>
  <si>
    <t>4376017.0</t>
  </si>
  <si>
    <t>81.342</t>
  </si>
  <si>
    <t>196273.0</t>
  </si>
  <si>
    <t>172058.0</t>
  </si>
  <si>
    <t>4393180.0</t>
  </si>
  <si>
    <t>81.661</t>
  </si>
  <si>
    <t>202828.0</t>
  </si>
  <si>
    <t>174854.0</t>
  </si>
  <si>
    <t>4411315.0</t>
  </si>
  <si>
    <t>81.998</t>
  </si>
  <si>
    <t>177651.0</t>
  </si>
  <si>
    <t>4431705.0</t>
  </si>
  <si>
    <t>82.377</t>
  </si>
  <si>
    <t>215937.0</t>
  </si>
  <si>
    <t>180447.0</t>
  </si>
  <si>
    <t>4450432.0</t>
  </si>
  <si>
    <t>183243.0</t>
  </si>
  <si>
    <t>4469194.0</t>
  </si>
  <si>
    <t>18762.0</t>
  </si>
  <si>
    <t>83.073</t>
  </si>
  <si>
    <t>229046.0</t>
  </si>
  <si>
    <t>186040.0</t>
  </si>
  <si>
    <t>4488825.0</t>
  </si>
  <si>
    <t>19631.0</t>
  </si>
  <si>
    <t>83.438</t>
  </si>
  <si>
    <t>235600.0</t>
  </si>
  <si>
    <t>188836.0</t>
  </si>
  <si>
    <t>4504094.0</t>
  </si>
  <si>
    <t>83.722</t>
  </si>
  <si>
    <t>4520565.0</t>
  </si>
  <si>
    <t>84.028</t>
  </si>
  <si>
    <t>4538563.0</t>
  </si>
  <si>
    <t>84.363</t>
  </si>
  <si>
    <t>4557424.0</t>
  </si>
  <si>
    <t>84.714</t>
  </si>
  <si>
    <t>4576116.0</t>
  </si>
  <si>
    <t>85.061</t>
  </si>
  <si>
    <t>4593674.0</t>
  </si>
  <si>
    <t>4611499.0</t>
  </si>
  <si>
    <t>85.719</t>
  </si>
  <si>
    <t>17525.0</t>
  </si>
  <si>
    <t>4625179.0</t>
  </si>
  <si>
    <t>85.973</t>
  </si>
  <si>
    <t>15797703.0</t>
  </si>
  <si>
    <t>11223285.0</t>
  </si>
  <si>
    <t>4574418.0</t>
  </si>
  <si>
    <t>4641632.0</t>
  </si>
  <si>
    <t>86.279</t>
  </si>
  <si>
    <t>189581.0</t>
  </si>
  <si>
    <t>4661256.0</t>
  </si>
  <si>
    <t>86.644</t>
  </si>
  <si>
    <t>277400.0</t>
  </si>
  <si>
    <t>190325.0</t>
  </si>
  <si>
    <t>4674109.0</t>
  </si>
  <si>
    <t>86.882</t>
  </si>
  <si>
    <t>16669.0</t>
  </si>
  <si>
    <t>298300.0</t>
  </si>
  <si>
    <t>4687914.0</t>
  </si>
  <si>
    <t>87.139</t>
  </si>
  <si>
    <t>319201.0</t>
  </si>
  <si>
    <t>191814.0</t>
  </si>
  <si>
    <t>4700777.0</t>
  </si>
  <si>
    <t>87.378</t>
  </si>
  <si>
    <t>340101.0</t>
  </si>
  <si>
    <t>4720601.0</t>
  </si>
  <si>
    <t>87.747</t>
  </si>
  <si>
    <t>15586.0</t>
  </si>
  <si>
    <t>18089109.0</t>
  </si>
  <si>
    <t>12387573.0</t>
  </si>
  <si>
    <t>5701536.0</t>
  </si>
  <si>
    <t>361001.0</t>
  </si>
  <si>
    <t>193303.0</t>
  </si>
  <si>
    <t>4734814.0</t>
  </si>
  <si>
    <t>88.011</t>
  </si>
  <si>
    <t>366806.0</t>
  </si>
  <si>
    <t>4752108.0</t>
  </si>
  <si>
    <t>88.332</t>
  </si>
  <si>
    <t>351712.0</t>
  </si>
  <si>
    <t>169228.0</t>
  </si>
  <si>
    <t>4771253.0</t>
  </si>
  <si>
    <t>88.688</t>
  </si>
  <si>
    <t>336617.0</t>
  </si>
  <si>
    <t>4791847.0</t>
  </si>
  <si>
    <t>89.071</t>
  </si>
  <si>
    <t>321522.0</t>
  </si>
  <si>
    <t>144408.0</t>
  </si>
  <si>
    <t>306427.0</t>
  </si>
  <si>
    <t>131998.0</t>
  </si>
  <si>
    <t>119588.0</t>
  </si>
  <si>
    <t>276238.0</t>
  </si>
  <si>
    <t>20299011.0</t>
  </si>
  <si>
    <t>13244996.0</t>
  </si>
  <si>
    <t>7054015.0</t>
  </si>
  <si>
    <t>280917.0</t>
  </si>
  <si>
    <t>107600.0</t>
  </si>
  <si>
    <t>285597.0</t>
  </si>
  <si>
    <t>108022.0</t>
  </si>
  <si>
    <t>290277.0</t>
  </si>
  <si>
    <t>108444.0</t>
  </si>
  <si>
    <t>294956.0</t>
  </si>
  <si>
    <t>108867.0</t>
  </si>
  <si>
    <t>299636.0</t>
  </si>
  <si>
    <t>109289.0</t>
  </si>
  <si>
    <t>22152983.0</t>
  </si>
  <si>
    <t>13905795.0</t>
  </si>
  <si>
    <t>8247188.0</t>
  </si>
  <si>
    <t>304316.0</t>
  </si>
  <si>
    <t>109711.0</t>
  </si>
  <si>
    <t>307726.0</t>
  </si>
  <si>
    <t>110457.0</t>
  </si>
  <si>
    <t>306457.0</t>
  </si>
  <si>
    <t>305188.0</t>
  </si>
  <si>
    <t>111105.0</t>
  </si>
  <si>
    <t>302650.0</t>
  </si>
  <si>
    <t>301381.0</t>
  </si>
  <si>
    <t>24253764.0</t>
  </si>
  <si>
    <t>14692607.0</t>
  </si>
  <si>
    <t>9561157.0</t>
  </si>
  <si>
    <t>300112.0</t>
  </si>
  <si>
    <t>112402.0</t>
  </si>
  <si>
    <t>290206.0</t>
  </si>
  <si>
    <t>110595.0</t>
  </si>
  <si>
    <t>280301.0</t>
  </si>
  <si>
    <t>108788.0</t>
  </si>
  <si>
    <t>270395.0</t>
  </si>
  <si>
    <t>106981.0</t>
  </si>
  <si>
    <t>250584.0</t>
  </si>
  <si>
    <t>240679.0</t>
  </si>
  <si>
    <t>101559.0</t>
  </si>
  <si>
    <t>25869175.0</t>
  </si>
  <si>
    <t>15390873.0</t>
  </si>
  <si>
    <t>10478302.0</t>
  </si>
  <si>
    <t>230773.0</t>
  </si>
  <si>
    <t>243341.0</t>
  </si>
  <si>
    <t>255909.0</t>
  </si>
  <si>
    <t>115923.0</t>
  </si>
  <si>
    <t>268477.0</t>
  </si>
  <si>
    <t>124008.0</t>
  </si>
  <si>
    <t>281044.0</t>
  </si>
  <si>
    <t>132093.0</t>
  </si>
  <si>
    <t>293612.0</t>
  </si>
  <si>
    <t>140178.0</t>
  </si>
  <si>
    <t>306180.0</t>
  </si>
  <si>
    <t>148264.0</t>
  </si>
  <si>
    <t>28100411.0</t>
  </si>
  <si>
    <t>16485315.0</t>
  </si>
  <si>
    <t>11615096.0</t>
  </si>
  <si>
    <t>318748.0</t>
  </si>
  <si>
    <t>156349.0</t>
  </si>
  <si>
    <t>302134.0</t>
  </si>
  <si>
    <t>151340.0</t>
  </si>
  <si>
    <t>285521.0</t>
  </si>
  <si>
    <t>28707770.0</t>
  </si>
  <si>
    <t>16849172.0</t>
  </si>
  <si>
    <t>11858598.0</t>
  </si>
  <si>
    <t>268907.0</t>
  </si>
  <si>
    <t>141322.0</t>
  </si>
  <si>
    <t>144702.0</t>
  </si>
  <si>
    <t>259687.0</t>
  </si>
  <si>
    <t>148082.0</t>
  </si>
  <si>
    <t>255078.0</t>
  </si>
  <si>
    <t>151461.0</t>
  </si>
  <si>
    <t>250468.0</t>
  </si>
  <si>
    <t>163230.0</t>
  </si>
  <si>
    <t>274475.0</t>
  </si>
  <si>
    <t>171619.0</t>
  </si>
  <si>
    <t>180008.0</t>
  </si>
  <si>
    <t>31859036.0</t>
  </si>
  <si>
    <t>18829259.0</t>
  </si>
  <si>
    <t>13029777.0</t>
  </si>
  <si>
    <t>276365.0</t>
  </si>
  <si>
    <t>167811.0</t>
  </si>
  <si>
    <t>266251.0</t>
  </si>
  <si>
    <t>256137.0</t>
  </si>
  <si>
    <t>143416.0</t>
  </si>
  <si>
    <t>131219.0</t>
  </si>
  <si>
    <t>235910.0</t>
  </si>
  <si>
    <t>119022.0</t>
  </si>
  <si>
    <t>225796.0</t>
  </si>
  <si>
    <t>106825.0</t>
  </si>
  <si>
    <t>215682.0</t>
  </si>
  <si>
    <t>36388358.0</t>
  </si>
  <si>
    <t>20816441.0</t>
  </si>
  <si>
    <t>15571917.0</t>
  </si>
  <si>
    <t>206694.0</t>
  </si>
  <si>
    <t>84691.0</t>
  </si>
  <si>
    <t>6055872.0</t>
  </si>
  <si>
    <t>112.567</t>
  </si>
  <si>
    <t>197705.0</t>
  </si>
  <si>
    <t>74755.0</t>
  </si>
  <si>
    <t>188717.0</t>
  </si>
  <si>
    <t>64819.0</t>
  </si>
  <si>
    <t>179729.0</t>
  </si>
  <si>
    <t>170740.0</t>
  </si>
  <si>
    <t>35009.0</t>
  </si>
  <si>
    <t>152764.0</t>
  </si>
  <si>
    <t>37610466.0</t>
  </si>
  <si>
    <t>21017026.0</t>
  </si>
  <si>
    <t>16593440.0</t>
  </si>
  <si>
    <t>6153150.0</t>
  </si>
  <si>
    <t>114.375</t>
  </si>
  <si>
    <t>157663.0</t>
  </si>
  <si>
    <t>162563.0</t>
  </si>
  <si>
    <t>172362.0</t>
  </si>
  <si>
    <t>6175502.0</t>
  </si>
  <si>
    <t>177262.0</t>
  </si>
  <si>
    <t>38919898.0</t>
  </si>
  <si>
    <t>21361785.0</t>
  </si>
  <si>
    <t>17558113.0</t>
  </si>
  <si>
    <t>6212877.0</t>
  </si>
  <si>
    <t>115.485</t>
  </si>
  <si>
    <t>184179.0</t>
  </si>
  <si>
    <t>55653.0</t>
  </si>
  <si>
    <t>6244663.0</t>
  </si>
  <si>
    <t>116.076</t>
  </si>
  <si>
    <t>183218.0</t>
  </si>
  <si>
    <t>57787.0</t>
  </si>
  <si>
    <t>59921.0</t>
  </si>
  <si>
    <t>40001909.0</t>
  </si>
  <si>
    <t>21746917.0</t>
  </si>
  <si>
    <t>18254992.0</t>
  </si>
  <si>
    <t>62355.0</t>
  </si>
  <si>
    <t>6283060.0</t>
  </si>
  <si>
    <t>167649.0</t>
  </si>
  <si>
    <t>6294296.0</t>
  </si>
  <si>
    <t>116.999</t>
  </si>
  <si>
    <t>161306.0</t>
  </si>
  <si>
    <t>154963.0</t>
  </si>
  <si>
    <t>6327278.0</t>
  </si>
  <si>
    <t>117.612</t>
  </si>
  <si>
    <t>148621.0</t>
  </si>
  <si>
    <t>142278.0</t>
  </si>
  <si>
    <t>53187.0</t>
  </si>
  <si>
    <t>40953452.0</t>
  </si>
  <si>
    <t>22106391.0</t>
  </si>
  <si>
    <t>18847061.0</t>
  </si>
  <si>
    <t>135935.0</t>
  </si>
  <si>
    <t>51353.0</t>
  </si>
  <si>
    <t>6353638.0</t>
  </si>
  <si>
    <t>118.102</t>
  </si>
  <si>
    <t>123607.0</t>
  </si>
  <si>
    <t>48228.0</t>
  </si>
  <si>
    <t>117444.0</t>
  </si>
  <si>
    <t>6445899.0</t>
  </si>
  <si>
    <t>119.817</t>
  </si>
  <si>
    <t>111280.0</t>
  </si>
  <si>
    <t>105117.0</t>
  </si>
  <si>
    <t>98953.0</t>
  </si>
  <si>
    <t>41602977.0</t>
  </si>
  <si>
    <t>22389299.0</t>
  </si>
  <si>
    <t>19213678.0</t>
  </si>
  <si>
    <t>6521501.0</t>
  </si>
  <si>
    <t>121.222</t>
  </si>
  <si>
    <t>98972.0</t>
  </si>
  <si>
    <t>27482.0</t>
  </si>
  <si>
    <t>24393.0</t>
  </si>
  <si>
    <t>111338.0</t>
  </si>
  <si>
    <t>117521.0</t>
  </si>
  <si>
    <t>6619542.0</t>
  </si>
  <si>
    <t>123.044</t>
  </si>
  <si>
    <t>123704.0</t>
  </si>
  <si>
    <t>129887.0</t>
  </si>
  <si>
    <t>42555469.0</t>
  </si>
  <si>
    <t>22810233.0</t>
  </si>
  <si>
    <t>19745236.0</t>
  </si>
  <si>
    <t>136070.0</t>
  </si>
  <si>
    <t>60133.0</t>
  </si>
  <si>
    <t>145118.0</t>
  </si>
  <si>
    <t>6713698.0</t>
  </si>
  <si>
    <t>124.794</t>
  </si>
  <si>
    <t>163213.0</t>
  </si>
  <si>
    <t>66478.0</t>
  </si>
  <si>
    <t>172261.0</t>
  </si>
  <si>
    <t>181309.0</t>
  </si>
  <si>
    <t>6839661.0</t>
  </si>
  <si>
    <t>127.136</t>
  </si>
  <si>
    <t>28083.0</t>
  </si>
  <si>
    <t>190356.0</t>
  </si>
  <si>
    <t>29566.0</t>
  </si>
  <si>
    <t>43951296.0</t>
  </si>
  <si>
    <t>23334797.0</t>
  </si>
  <si>
    <t>20616499.0</t>
  </si>
  <si>
    <t>199404.0</t>
  </si>
  <si>
    <t>74938.0</t>
  </si>
  <si>
    <t>6907503.0</t>
  </si>
  <si>
    <t>128.397</t>
  </si>
  <si>
    <t>31049.0</t>
  </si>
  <si>
    <t>183165.0</t>
  </si>
  <si>
    <t>6935983.0</t>
  </si>
  <si>
    <t>128.926</t>
  </si>
  <si>
    <t>166925.0</t>
  </si>
  <si>
    <t>6969070.0</t>
  </si>
  <si>
    <t>33087.0</t>
  </si>
  <si>
    <t>129.541</t>
  </si>
  <si>
    <t>44208482.0</t>
  </si>
  <si>
    <t>23440147.0</t>
  </si>
  <si>
    <t>20768335.0</t>
  </si>
  <si>
    <t>150686.0</t>
  </si>
  <si>
    <t>57872.0</t>
  </si>
  <si>
    <t>7000400.0</t>
  </si>
  <si>
    <t>130.124</t>
  </si>
  <si>
    <t>132852.0</t>
  </si>
  <si>
    <t>7028886.0</t>
  </si>
  <si>
    <t>130.653</t>
  </si>
  <si>
    <t>31531.0</t>
  </si>
  <si>
    <t>115019.0</t>
  </si>
  <si>
    <t>7079745.0</t>
  </si>
  <si>
    <t>131.598</t>
  </si>
  <si>
    <t>34298.0</t>
  </si>
  <si>
    <t>97185.0</t>
  </si>
  <si>
    <t>41471.0</t>
  </si>
  <si>
    <t>44506755.0</t>
  </si>
  <si>
    <t>23586822.0</t>
  </si>
  <si>
    <t>20919933.0</t>
  </si>
  <si>
    <t>79351.0</t>
  </si>
  <si>
    <t>7100472.0</t>
  </si>
  <si>
    <t>131.984</t>
  </si>
  <si>
    <t>75634.0</t>
  </si>
  <si>
    <t>7120830.0</t>
  </si>
  <si>
    <t>132.362</t>
  </si>
  <si>
    <t>7143562.0</t>
  </si>
  <si>
    <t>132.785</t>
  </si>
  <si>
    <t>44685868.0</t>
  </si>
  <si>
    <t>23652432.0</t>
  </si>
  <si>
    <t>21033436.0</t>
  </si>
  <si>
    <t>68198.0</t>
  </si>
  <si>
    <t>7165766.0</t>
  </si>
  <si>
    <t>133.197</t>
  </si>
  <si>
    <t>7212901.0</t>
  </si>
  <si>
    <t>47135.0</t>
  </si>
  <si>
    <t>134.074</t>
  </si>
  <si>
    <t>93711.0</t>
  </si>
  <si>
    <t>49253.0</t>
  </si>
  <si>
    <t>106468.0</t>
  </si>
  <si>
    <t>7237739.0</t>
  </si>
  <si>
    <t>134.535</t>
  </si>
  <si>
    <t>21090.0</t>
  </si>
  <si>
    <t>45341326.0</t>
  </si>
  <si>
    <t>24064085.0</t>
  </si>
  <si>
    <t>21277241.0</t>
  </si>
  <si>
    <t>119224.0</t>
  </si>
  <si>
    <t>7274351.0</t>
  </si>
  <si>
    <t>135.216</t>
  </si>
  <si>
    <t>125794.0</t>
  </si>
  <si>
    <t>77345.0</t>
  </si>
  <si>
    <t>7294494.0</t>
  </si>
  <si>
    <t>135.59</t>
  </si>
  <si>
    <t>45658400.0</t>
  </si>
  <si>
    <t>24322148.0</t>
  </si>
  <si>
    <t>21336252.0</t>
  </si>
  <si>
    <t>138933.0</t>
  </si>
  <si>
    <t>7335396.0</t>
  </si>
  <si>
    <t>136.351</t>
  </si>
  <si>
    <t>134200.0</t>
  </si>
  <si>
    <t>101805.0</t>
  </si>
  <si>
    <t>7354769.0</t>
  </si>
  <si>
    <t>19373.0</t>
  </si>
  <si>
    <t>136.711</t>
  </si>
  <si>
    <t>131834.0</t>
  </si>
  <si>
    <t>104871.0</t>
  </si>
  <si>
    <t>7398818.0</t>
  </si>
  <si>
    <t>44049.0</t>
  </si>
  <si>
    <t>46247597.0</t>
  </si>
  <si>
    <t>24819640.0</t>
  </si>
  <si>
    <t>21427957.0</t>
  </si>
  <si>
    <t>129467.0</t>
  </si>
  <si>
    <t>107936.0</t>
  </si>
  <si>
    <t>135785.0</t>
  </si>
  <si>
    <t>113561.0</t>
  </si>
  <si>
    <t>20557.0</t>
  </si>
  <si>
    <t>142103.0</t>
  </si>
  <si>
    <t>119186.0</t>
  </si>
  <si>
    <t>46697342.0</t>
  </si>
  <si>
    <t>25195819.0</t>
  </si>
  <si>
    <t>21501523.0</t>
  </si>
  <si>
    <t>124810.0</t>
  </si>
  <si>
    <t>183374.0</t>
  </si>
  <si>
    <t>218328.0</t>
  </si>
  <si>
    <t>253281.0</t>
  </si>
  <si>
    <t>120619.0</t>
  </si>
  <si>
    <t>48265243.0</t>
  </si>
  <si>
    <t>25654190.0</t>
  </si>
  <si>
    <t>21624647.0</t>
  </si>
  <si>
    <t>986406.0</t>
  </si>
  <si>
    <t>288235.0</t>
  </si>
  <si>
    <t>119221.0</t>
  </si>
  <si>
    <t>7516838.0</t>
  </si>
  <si>
    <t>139.723</t>
  </si>
  <si>
    <t>287945.0</t>
  </si>
  <si>
    <t>287656.0</t>
  </si>
  <si>
    <t>48708905.0</t>
  </si>
  <si>
    <t>26000700.0</t>
  </si>
  <si>
    <t>21701842.0</t>
  </si>
  <si>
    <t>1006363.0</t>
  </si>
  <si>
    <t>287366.0</t>
  </si>
  <si>
    <t>114983.0</t>
  </si>
  <si>
    <t>253069.0</t>
  </si>
  <si>
    <t>115505.0</t>
  </si>
  <si>
    <t>7560882.0</t>
  </si>
  <si>
    <t>140.542</t>
  </si>
  <si>
    <t>218772.0</t>
  </si>
  <si>
    <t>184475.0</t>
  </si>
  <si>
    <t>116550.0</t>
  </si>
  <si>
    <t>49316486.0</t>
  </si>
  <si>
    <t>26473700.0</t>
  </si>
  <si>
    <t>21803150.0</t>
  </si>
  <si>
    <t>1039636.0</t>
  </si>
  <si>
    <t>150178.0</t>
  </si>
  <si>
    <t>117073.0</t>
  </si>
  <si>
    <t>7614334.0</t>
  </si>
  <si>
    <t>141.535</t>
  </si>
  <si>
    <t>111945.0</t>
  </si>
  <si>
    <t>138793.0</t>
  </si>
  <si>
    <t>106817.0</t>
  </si>
  <si>
    <t>13911.0</t>
  </si>
  <si>
    <t>133100.0</t>
  </si>
  <si>
    <t>101690.0</t>
  </si>
  <si>
    <t>126835.0</t>
  </si>
  <si>
    <t>120570.0</t>
  </si>
  <si>
    <t>90649.0</t>
  </si>
  <si>
    <t>7669100.0</t>
  </si>
  <si>
    <t>142.553</t>
  </si>
  <si>
    <t>114306.0</t>
  </si>
  <si>
    <t>85129.0</t>
  </si>
  <si>
    <t>50072770.0</t>
  </si>
  <si>
    <t>27030964.0</t>
  </si>
  <si>
    <t>21934436.0</t>
  </si>
  <si>
    <t>1107370.0</t>
  </si>
  <si>
    <t>108041.0</t>
  </si>
  <si>
    <t>79609.0</t>
  </si>
  <si>
    <t>87015.0</t>
  </si>
  <si>
    <t>94422.0</t>
  </si>
  <si>
    <t>50579710.0</t>
  </si>
  <si>
    <t>27425323.0</t>
  </si>
  <si>
    <t>22023688.0</t>
  </si>
  <si>
    <t>1130699.0</t>
  </si>
  <si>
    <t>134157.0</t>
  </si>
  <si>
    <t>101828.0</t>
  </si>
  <si>
    <t>152664.0</t>
  </si>
  <si>
    <t>115583.0</t>
  </si>
  <si>
    <t>7746452.0</t>
  </si>
  <si>
    <t>171171.0</t>
  </si>
  <si>
    <t>189678.0</t>
  </si>
  <si>
    <t>143093.0</t>
  </si>
  <si>
    <t>51530066.0</t>
  </si>
  <si>
    <t>28128898.0</t>
  </si>
  <si>
    <t>22238845.0</t>
  </si>
  <si>
    <t>1162323.0</t>
  </si>
  <si>
    <t>208185.0</t>
  </si>
  <si>
    <t>156848.0</t>
  </si>
  <si>
    <t>7782033.0</t>
  </si>
  <si>
    <t>144.653</t>
  </si>
  <si>
    <t>207912.0</t>
  </si>
  <si>
    <t>156833.0</t>
  </si>
  <si>
    <t>207638.0</t>
  </si>
  <si>
    <t>52031266.0</t>
  </si>
  <si>
    <t>28522949.0</t>
  </si>
  <si>
    <t>22337339.0</t>
  </si>
  <si>
    <t>1170978.0</t>
  </si>
  <si>
    <t>207365.0</t>
  </si>
  <si>
    <t>186206.0</t>
  </si>
  <si>
    <t>140887.0</t>
  </si>
  <si>
    <t>7811554.0</t>
  </si>
  <si>
    <t>145.201</t>
  </si>
  <si>
    <t>165046.0</t>
  </si>
  <si>
    <t>124969.0</t>
  </si>
  <si>
    <t>109052.0</t>
  </si>
  <si>
    <t>7828510.0</t>
  </si>
  <si>
    <t>145.517</t>
  </si>
  <si>
    <t>122727.0</t>
  </si>
  <si>
    <t>93135.0</t>
  </si>
  <si>
    <t>247.6</t>
  </si>
  <si>
    <t>100557.0</t>
  </si>
  <si>
    <t>74027.0</t>
  </si>
  <si>
    <t>52657570.0</t>
  </si>
  <si>
    <t>28974263.0</t>
  </si>
  <si>
    <t>22480014.0</t>
  </si>
  <si>
    <t>1203293.0</t>
  </si>
  <si>
    <t>89472.0</t>
  </si>
  <si>
    <t>77898.0</t>
  </si>
  <si>
    <t>141964.0</t>
  </si>
  <si>
    <t>91322.0</t>
  </si>
  <si>
    <t>7882371.0</t>
  </si>
  <si>
    <t>146.518</t>
  </si>
  <si>
    <t>333.4</t>
  </si>
  <si>
    <t>168210.0</t>
  </si>
  <si>
    <t>104746.0</t>
  </si>
  <si>
    <t>7898754.0</t>
  </si>
  <si>
    <t>146.822</t>
  </si>
  <si>
    <t>373.6</t>
  </si>
  <si>
    <t>53750345.0</t>
  </si>
  <si>
    <t>29608037.0</t>
  </si>
  <si>
    <t>22863979.0</t>
  </si>
  <si>
    <t>1278329.0</t>
  </si>
  <si>
    <t>194456.0</t>
  </si>
  <si>
    <t>118171.0</t>
  </si>
  <si>
    <t>376.4</t>
  </si>
  <si>
    <t>223399.0</t>
  </si>
  <si>
    <t>134430.0</t>
  </si>
  <si>
    <t>252343.0</t>
  </si>
  <si>
    <t>150688.0</t>
  </si>
  <si>
    <t>54626572.0</t>
  </si>
  <si>
    <t>30142895.0</t>
  </si>
  <si>
    <t>23114428.0</t>
  </si>
  <si>
    <t>1369249.0</t>
  </si>
  <si>
    <t>281286.0</t>
  </si>
  <si>
    <t>166947.0</t>
  </si>
  <si>
    <t>530.5</t>
  </si>
  <si>
    <t>275826.0</t>
  </si>
  <si>
    <t>161978.0</t>
  </si>
  <si>
    <t>270366.0</t>
  </si>
  <si>
    <t>157008.0</t>
  </si>
  <si>
    <t>264907.0</t>
  </si>
  <si>
    <t>152039.0</t>
  </si>
  <si>
    <t>373.1</t>
  </si>
  <si>
    <t>55566474.0</t>
  </si>
  <si>
    <t>30637522.0</t>
  </si>
  <si>
    <t>23476146.0</t>
  </si>
  <si>
    <t>1452806.0</t>
  </si>
  <si>
    <t>259447.0</t>
  </si>
  <si>
    <t>147069.0</t>
  </si>
  <si>
    <t>7962713.0</t>
  </si>
  <si>
    <t>148.011</t>
  </si>
  <si>
    <t>235949.0</t>
  </si>
  <si>
    <t>128501.0</t>
  </si>
  <si>
    <t>212451.0</t>
  </si>
  <si>
    <t>109932.0</t>
  </si>
  <si>
    <t>55949240.0</t>
  </si>
  <si>
    <t>30782442.0</t>
  </si>
  <si>
    <t>23672564.0</t>
  </si>
  <si>
    <t>1494234.0</t>
  </si>
  <si>
    <t>188953.0</t>
  </si>
  <si>
    <t>103.27</t>
  </si>
  <si>
    <t>91364.0</t>
  </si>
  <si>
    <t>394.1</t>
  </si>
  <si>
    <t>178993.0</t>
  </si>
  <si>
    <t>7998369.0</t>
  </si>
  <si>
    <t>148.674</t>
  </si>
  <si>
    <t>169034.0</t>
  </si>
  <si>
    <t>56610283.0</t>
  </si>
  <si>
    <t>30931226.0</t>
  </si>
  <si>
    <t>24084296.0</t>
  </si>
  <si>
    <t>149116.0</t>
  </si>
  <si>
    <t>41958.0</t>
  </si>
  <si>
    <t>8024984.0</t>
  </si>
  <si>
    <t>149.169</t>
  </si>
  <si>
    <t>157997.0</t>
  </si>
  <si>
    <t>39567.0</t>
  </si>
  <si>
    <t>463.3</t>
  </si>
  <si>
    <t>56989806.0</t>
  </si>
  <si>
    <t>30994375.0</t>
  </si>
  <si>
    <t>24329862.0</t>
  </si>
  <si>
    <t>1665569.0</t>
  </si>
  <si>
    <t>166879.0</t>
  </si>
  <si>
    <t>8049855.0</t>
  </si>
  <si>
    <t>149.631</t>
  </si>
  <si>
    <t>488.1</t>
  </si>
  <si>
    <t>171965.0</t>
  </si>
  <si>
    <t>31651.0</t>
  </si>
  <si>
    <t>649.6</t>
  </si>
  <si>
    <t>171816.0</t>
  </si>
  <si>
    <t>8092481.0</t>
  </si>
  <si>
    <t>150.423</t>
  </si>
  <si>
    <t>171668.0</t>
  </si>
  <si>
    <t>911.7</t>
  </si>
  <si>
    <t>171520.0</t>
  </si>
  <si>
    <t>25743.0</t>
  </si>
  <si>
    <t>843.8</t>
  </si>
  <si>
    <t>24576.0</t>
  </si>
  <si>
    <t>726.4</t>
  </si>
  <si>
    <t>164223.0</t>
  </si>
  <si>
    <t>8110213.0</t>
  </si>
  <si>
    <t>150.753</t>
  </si>
  <si>
    <t>325.9</t>
  </si>
  <si>
    <t>8147519.0</t>
  </si>
  <si>
    <t>151.446</t>
  </si>
  <si>
    <t>599.1</t>
  </si>
  <si>
    <t>618.1</t>
  </si>
  <si>
    <t>59453155.0</t>
  </si>
  <si>
    <t>31345527.0</t>
  </si>
  <si>
    <t>26110318.0</t>
  </si>
  <si>
    <t>1997310.0</t>
  </si>
  <si>
    <t>752.1</t>
  </si>
  <si>
    <t>167490.0</t>
  </si>
  <si>
    <t>35868.0</t>
  </si>
  <si>
    <t>8168040.0</t>
  </si>
  <si>
    <t>151.828</t>
  </si>
  <si>
    <t>170758.0</t>
  </si>
  <si>
    <t>48326.0</t>
  </si>
  <si>
    <t>611.1</t>
  </si>
  <si>
    <t>177292.0</t>
  </si>
  <si>
    <t>73241.0</t>
  </si>
  <si>
    <t>8191029.0</t>
  </si>
  <si>
    <t>467.9</t>
  </si>
  <si>
    <t>180559.0</t>
  </si>
  <si>
    <t>85699.0</t>
  </si>
  <si>
    <t>183826.0</t>
  </si>
  <si>
    <t>98157.0</t>
  </si>
  <si>
    <t>482.1</t>
  </si>
  <si>
    <t>187094.0</t>
  </si>
  <si>
    <t>110614.0</t>
  </si>
  <si>
    <t>533.9</t>
  </si>
  <si>
    <t>8219028.0</t>
  </si>
  <si>
    <t>152.775</t>
  </si>
  <si>
    <t>536.7</t>
  </si>
  <si>
    <t>541.6</t>
  </si>
  <si>
    <t>560.1</t>
  </si>
  <si>
    <t>8235270.0</t>
  </si>
  <si>
    <t>153.077</t>
  </si>
  <si>
    <t>660.3</t>
  </si>
  <si>
    <t>708.3</t>
  </si>
  <si>
    <t>691.4</t>
  </si>
  <si>
    <t>8253167.0</t>
  </si>
  <si>
    <t>721.7</t>
  </si>
  <si>
    <t>62259560.0</t>
  </si>
  <si>
    <t>33004742.0</t>
  </si>
  <si>
    <t>27027467.0</t>
  </si>
  <si>
    <t>2227351.0</t>
  </si>
  <si>
    <t>667.1</t>
  </si>
  <si>
    <t>193086.0</t>
  </si>
  <si>
    <t>120135.0</t>
  </si>
  <si>
    <t>710.5</t>
  </si>
  <si>
    <t>199079.0</t>
  </si>
  <si>
    <t>129655.0</t>
  </si>
  <si>
    <t>694.5</t>
  </si>
  <si>
    <t>205072.0</t>
  </si>
  <si>
    <t>139176.0</t>
  </si>
  <si>
    <t>8276726.0</t>
  </si>
  <si>
    <t>153.848</t>
  </si>
  <si>
    <t>679.6</t>
  </si>
  <si>
    <t>211065.0</t>
  </si>
  <si>
    <t>148696.0</t>
  </si>
  <si>
    <t>646.6</t>
  </si>
  <si>
    <t>217058.0</t>
  </si>
  <si>
    <t>158216.0</t>
  </si>
  <si>
    <t>676.1</t>
  </si>
  <si>
    <t>223051.0</t>
  </si>
  <si>
    <t>167737.0</t>
  </si>
  <si>
    <t>8296334.0</t>
  </si>
  <si>
    <t>154.212</t>
  </si>
  <si>
    <t>229043.0</t>
  </si>
  <si>
    <t>177257.0</t>
  </si>
  <si>
    <t>816.4</t>
  </si>
  <si>
    <t>888.3</t>
  </si>
  <si>
    <t>64549994.0</t>
  </si>
  <si>
    <t>34777314.0</t>
  </si>
  <si>
    <t>27545329.0</t>
  </si>
  <si>
    <t>858.2</t>
  </si>
  <si>
    <t>8322240.0</t>
  </si>
  <si>
    <t>154.694</t>
  </si>
  <si>
    <t>777.9</t>
  </si>
  <si>
    <t>8332037.0</t>
  </si>
  <si>
    <t>154.876</t>
  </si>
  <si>
    <t>626.3</t>
  </si>
  <si>
    <t>NAM</t>
  </si>
  <si>
    <t>Namibia</t>
  </si>
  <si>
    <t>282.1</t>
  </si>
  <si>
    <t>489.5</t>
  </si>
  <si>
    <t>363.6</t>
  </si>
  <si>
    <t>204.5</t>
  </si>
  <si>
    <t>6.102</t>
  </si>
  <si>
    <t>7.612</t>
  </si>
  <si>
    <t>7.945</t>
  </si>
  <si>
    <t>10.379</t>
  </si>
  <si>
    <t>10.412</t>
  </si>
  <si>
    <t>28514.0</t>
  </si>
  <si>
    <t>32369.0</t>
  </si>
  <si>
    <t>12.793</t>
  </si>
  <si>
    <t>33985.0</t>
  </si>
  <si>
    <t>35175.0</t>
  </si>
  <si>
    <t>13.902</t>
  </si>
  <si>
    <t>36287.0</t>
  </si>
  <si>
    <t>14.342</t>
  </si>
  <si>
    <t>41146.0</t>
  </si>
  <si>
    <t>16.262</t>
  </si>
  <si>
    <t>16.547</t>
  </si>
  <si>
    <t>42945.0</t>
  </si>
  <si>
    <t>47122.0</t>
  </si>
  <si>
    <t>18.624</t>
  </si>
  <si>
    <t>53387.0</t>
  </si>
  <si>
    <t>54941.0</t>
  </si>
  <si>
    <t>56608.0</t>
  </si>
  <si>
    <t>59953.0</t>
  </si>
  <si>
    <t>23.695</t>
  </si>
  <si>
    <t>61410.0</t>
  </si>
  <si>
    <t>24.271</t>
  </si>
  <si>
    <t>64269.0</t>
  </si>
  <si>
    <t>65899.0</t>
  </si>
  <si>
    <t>26.045</t>
  </si>
  <si>
    <t>67287.0</t>
  </si>
  <si>
    <t>26.594</t>
  </si>
  <si>
    <t>68937.0</t>
  </si>
  <si>
    <t>27.246</t>
  </si>
  <si>
    <t>70346.0</t>
  </si>
  <si>
    <t>27.803</t>
  </si>
  <si>
    <t>71506.0</t>
  </si>
  <si>
    <t>28.262</t>
  </si>
  <si>
    <t>72186.0</t>
  </si>
  <si>
    <t>29.284</t>
  </si>
  <si>
    <t>75511.0</t>
  </si>
  <si>
    <t>79122.0</t>
  </si>
  <si>
    <t>31.272</t>
  </si>
  <si>
    <t>31.758</t>
  </si>
  <si>
    <t>81307.0</t>
  </si>
  <si>
    <t>32.135</t>
  </si>
  <si>
    <t>32.534</t>
  </si>
  <si>
    <t>33.472</t>
  </si>
  <si>
    <t>86092.0</t>
  </si>
  <si>
    <t>34.026</t>
  </si>
  <si>
    <t>87639.0</t>
  </si>
  <si>
    <t>34.638</t>
  </si>
  <si>
    <t>35.052</t>
  </si>
  <si>
    <t>35.957</t>
  </si>
  <si>
    <t>91902.0</t>
  </si>
  <si>
    <t>36.323</t>
  </si>
  <si>
    <t>92943.0</t>
  </si>
  <si>
    <t>36.734</t>
  </si>
  <si>
    <t>94974.0</t>
  </si>
  <si>
    <t>37.537</t>
  </si>
  <si>
    <t>95894.0</t>
  </si>
  <si>
    <t>96041.0</t>
  </si>
  <si>
    <t>37.959</t>
  </si>
  <si>
    <t>97008.0</t>
  </si>
  <si>
    <t>97952.0</t>
  </si>
  <si>
    <t>38.714</t>
  </si>
  <si>
    <t>39.279</t>
  </si>
  <si>
    <t>100721.0</t>
  </si>
  <si>
    <t>102031.0</t>
  </si>
  <si>
    <t>103254.0</t>
  </si>
  <si>
    <t>41.047</t>
  </si>
  <si>
    <t>104309.0</t>
  </si>
  <si>
    <t>41.226</t>
  </si>
  <si>
    <t>106698.0</t>
  </si>
  <si>
    <t>42.171</t>
  </si>
  <si>
    <t>42.522</t>
  </si>
  <si>
    <t>108484.0</t>
  </si>
  <si>
    <t>42.876</t>
  </si>
  <si>
    <t>43.408</t>
  </si>
  <si>
    <t>110723.0</t>
  </si>
  <si>
    <t>111315.0</t>
  </si>
  <si>
    <t>43.995</t>
  </si>
  <si>
    <t>112448.0</t>
  </si>
  <si>
    <t>44.443</t>
  </si>
  <si>
    <t>113089.0</t>
  </si>
  <si>
    <t>44.697</t>
  </si>
  <si>
    <t>114126.0</t>
  </si>
  <si>
    <t>45.106</t>
  </si>
  <si>
    <t>115381.0</t>
  </si>
  <si>
    <t>45.602</t>
  </si>
  <si>
    <t>117052.0</t>
  </si>
  <si>
    <t>46.263</t>
  </si>
  <si>
    <t>117759.0</t>
  </si>
  <si>
    <t>46.542</t>
  </si>
  <si>
    <t>119523.0</t>
  </si>
  <si>
    <t>47.239</t>
  </si>
  <si>
    <t>120558.0</t>
  </si>
  <si>
    <t>47.649</t>
  </si>
  <si>
    <t>122261.0</t>
  </si>
  <si>
    <t>48.322</t>
  </si>
  <si>
    <t>122924.0</t>
  </si>
  <si>
    <t>48.584</t>
  </si>
  <si>
    <t>123455.0</t>
  </si>
  <si>
    <t>124570.0</t>
  </si>
  <si>
    <t>49.234</t>
  </si>
  <si>
    <t>126796.0</t>
  </si>
  <si>
    <t>127359.0</t>
  </si>
  <si>
    <t>50.337</t>
  </si>
  <si>
    <t>50.706</t>
  </si>
  <si>
    <t>128802.0</t>
  </si>
  <si>
    <t>50.907</t>
  </si>
  <si>
    <t>129317.0</t>
  </si>
  <si>
    <t>130228.0</t>
  </si>
  <si>
    <t>51.759</t>
  </si>
  <si>
    <t>131715.0</t>
  </si>
  <si>
    <t>52.058</t>
  </si>
  <si>
    <t>133477.0</t>
  </si>
  <si>
    <t>52.755</t>
  </si>
  <si>
    <t>134270.0</t>
  </si>
  <si>
    <t>53.068</t>
  </si>
  <si>
    <t>135335.0</t>
  </si>
  <si>
    <t>53.489</t>
  </si>
  <si>
    <t>135866.0</t>
  </si>
  <si>
    <t>53.699</t>
  </si>
  <si>
    <t>136997.0</t>
  </si>
  <si>
    <t>54.146</t>
  </si>
  <si>
    <t>138265.0</t>
  </si>
  <si>
    <t>54.647</t>
  </si>
  <si>
    <t>139346.0</t>
  </si>
  <si>
    <t>55.074</t>
  </si>
  <si>
    <t>140422.0</t>
  </si>
  <si>
    <t>55.499</t>
  </si>
  <si>
    <t>141417.0</t>
  </si>
  <si>
    <t>55.893</t>
  </si>
  <si>
    <t>56.159</t>
  </si>
  <si>
    <t>142636.0</t>
  </si>
  <si>
    <t>56.375</t>
  </si>
  <si>
    <t>56.703</t>
  </si>
  <si>
    <t>144428.0</t>
  </si>
  <si>
    <t>145148.0</t>
  </si>
  <si>
    <t>57.367</t>
  </si>
  <si>
    <t>146495.0</t>
  </si>
  <si>
    <t>147690.0</t>
  </si>
  <si>
    <t>58.372</t>
  </si>
  <si>
    <t>148562.0</t>
  </si>
  <si>
    <t>58.717</t>
  </si>
  <si>
    <t>149224.0</t>
  </si>
  <si>
    <t>58.978</t>
  </si>
  <si>
    <t>150394.0</t>
  </si>
  <si>
    <t>59.441</t>
  </si>
  <si>
    <t>151721.0</t>
  </si>
  <si>
    <t>59.965</t>
  </si>
  <si>
    <t>153097.0</t>
  </si>
  <si>
    <t>60.509</t>
  </si>
  <si>
    <t>154257.0</t>
  </si>
  <si>
    <t>60.968</t>
  </si>
  <si>
    <t>155543.0</t>
  </si>
  <si>
    <t>61.476</t>
  </si>
  <si>
    <t>62.097</t>
  </si>
  <si>
    <t>158582.0</t>
  </si>
  <si>
    <t>159915.0</t>
  </si>
  <si>
    <t>63.204</t>
  </si>
  <si>
    <t>161479.0</t>
  </si>
  <si>
    <t>64.476</t>
  </si>
  <si>
    <t>164815.0</t>
  </si>
  <si>
    <t>165214.0</t>
  </si>
  <si>
    <t>167361.0</t>
  </si>
  <si>
    <t>66.147</t>
  </si>
  <si>
    <t>168805.0</t>
  </si>
  <si>
    <t>66.717</t>
  </si>
  <si>
    <t>170817.0</t>
  </si>
  <si>
    <t>67.513</t>
  </si>
  <si>
    <t>172955.0</t>
  </si>
  <si>
    <t>174200.0</t>
  </si>
  <si>
    <t>175923.0</t>
  </si>
  <si>
    <t>177749.0</t>
  </si>
  <si>
    <t>178677.0</t>
  </si>
  <si>
    <t>70.619</t>
  </si>
  <si>
    <t>180521.0</t>
  </si>
  <si>
    <t>71.348</t>
  </si>
  <si>
    <t>72.315</t>
  </si>
  <si>
    <t>185012.0</t>
  </si>
  <si>
    <t>73.123</t>
  </si>
  <si>
    <t>186883.0</t>
  </si>
  <si>
    <t>73.862</t>
  </si>
  <si>
    <t>187786.0</t>
  </si>
  <si>
    <t>74.219</t>
  </si>
  <si>
    <t>190462.0</t>
  </si>
  <si>
    <t>75.277</t>
  </si>
  <si>
    <t>191898.0</t>
  </si>
  <si>
    <t>193671.0</t>
  </si>
  <si>
    <t>76.545</t>
  </si>
  <si>
    <t>195785.0</t>
  </si>
  <si>
    <t>77.381</t>
  </si>
  <si>
    <t>198563.0</t>
  </si>
  <si>
    <t>199148.0</t>
  </si>
  <si>
    <t>200615.0</t>
  </si>
  <si>
    <t>202460.0</t>
  </si>
  <si>
    <t>80.019</t>
  </si>
  <si>
    <t>204698.0</t>
  </si>
  <si>
    <t>206934.0</t>
  </si>
  <si>
    <t>81.787</t>
  </si>
  <si>
    <t>209155.0</t>
  </si>
  <si>
    <t>83.524</t>
  </si>
  <si>
    <t>211819.0</t>
  </si>
  <si>
    <t>83.718</t>
  </si>
  <si>
    <t>84.571</t>
  </si>
  <si>
    <t>215409.0</t>
  </si>
  <si>
    <t>217443.0</t>
  </si>
  <si>
    <t>85.941</t>
  </si>
  <si>
    <t>219091.0</t>
  </si>
  <si>
    <t>86.592</t>
  </si>
  <si>
    <t>220769.0</t>
  </si>
  <si>
    <t>223317.0</t>
  </si>
  <si>
    <t>88.262</t>
  </si>
  <si>
    <t>226059.0</t>
  </si>
  <si>
    <t>89.346</t>
  </si>
  <si>
    <t>228783.0</t>
  </si>
  <si>
    <t>90.423</t>
  </si>
  <si>
    <t>230214.0</t>
  </si>
  <si>
    <t>90.988</t>
  </si>
  <si>
    <t>231809.0</t>
  </si>
  <si>
    <t>91.619</t>
  </si>
  <si>
    <t>233517.0</t>
  </si>
  <si>
    <t>92.294</t>
  </si>
  <si>
    <t>235555.0</t>
  </si>
  <si>
    <t>237487.0</t>
  </si>
  <si>
    <t>239333.0</t>
  </si>
  <si>
    <t>94.592</t>
  </si>
  <si>
    <t>240751.0</t>
  </si>
  <si>
    <t>95.153</t>
  </si>
  <si>
    <t>242785.0</t>
  </si>
  <si>
    <t>95.957</t>
  </si>
  <si>
    <t>244182.0</t>
  </si>
  <si>
    <t>96.509</t>
  </si>
  <si>
    <t>245975.0</t>
  </si>
  <si>
    <t>97.218</t>
  </si>
  <si>
    <t>247890.0</t>
  </si>
  <si>
    <t>97.974</t>
  </si>
  <si>
    <t>252751.0</t>
  </si>
  <si>
    <t>99.896</t>
  </si>
  <si>
    <t>254703.0</t>
  </si>
  <si>
    <t>100.667</t>
  </si>
  <si>
    <t>256330.0</t>
  </si>
  <si>
    <t>101.31</t>
  </si>
  <si>
    <t>258139.0</t>
  </si>
  <si>
    <t>102.025</t>
  </si>
  <si>
    <t>260034.0</t>
  </si>
  <si>
    <t>102.774</t>
  </si>
  <si>
    <t>261295.0</t>
  </si>
  <si>
    <t>103.272</t>
  </si>
  <si>
    <t>263533.0</t>
  </si>
  <si>
    <t>104.157</t>
  </si>
  <si>
    <t>265757.0</t>
  </si>
  <si>
    <t>105.036</t>
  </si>
  <si>
    <t>267864.0</t>
  </si>
  <si>
    <t>268699.0</t>
  </si>
  <si>
    <t>269527.0</t>
  </si>
  <si>
    <t>106.526</t>
  </si>
  <si>
    <t>270668.0</t>
  </si>
  <si>
    <t>106.977</t>
  </si>
  <si>
    <t>272217.0</t>
  </si>
  <si>
    <t>107.589</t>
  </si>
  <si>
    <t>273780.0</t>
  </si>
  <si>
    <t>108.207</t>
  </si>
  <si>
    <t>274817.0</t>
  </si>
  <si>
    <t>108.617</t>
  </si>
  <si>
    <t>275684.0</t>
  </si>
  <si>
    <t>276865.0</t>
  </si>
  <si>
    <t>109.426</t>
  </si>
  <si>
    <t>277884.0</t>
  </si>
  <si>
    <t>109.829</t>
  </si>
  <si>
    <t>279129.0</t>
  </si>
  <si>
    <t>110.321</t>
  </si>
  <si>
    <t>280713.0</t>
  </si>
  <si>
    <t>110.947</t>
  </si>
  <si>
    <t>281997.0</t>
  </si>
  <si>
    <t>111.455</t>
  </si>
  <si>
    <t>283081.0</t>
  </si>
  <si>
    <t>111.883</t>
  </si>
  <si>
    <t>112.493</t>
  </si>
  <si>
    <t>286439.0</t>
  </si>
  <si>
    <t>288074.0</t>
  </si>
  <si>
    <t>113.856</t>
  </si>
  <si>
    <t>289625.0</t>
  </si>
  <si>
    <t>114.469</t>
  </si>
  <si>
    <t>291698.0</t>
  </si>
  <si>
    <t>115.289</t>
  </si>
  <si>
    <t>292948.0</t>
  </si>
  <si>
    <t>115.783</t>
  </si>
  <si>
    <t>294196.0</t>
  </si>
  <si>
    <t>116.276</t>
  </si>
  <si>
    <t>116.753</t>
  </si>
  <si>
    <t>295953.0</t>
  </si>
  <si>
    <t>298178.0</t>
  </si>
  <si>
    <t>300024.0</t>
  </si>
  <si>
    <t>118.579</t>
  </si>
  <si>
    <t>301479.0</t>
  </si>
  <si>
    <t>119.155</t>
  </si>
  <si>
    <t>302912.0</t>
  </si>
  <si>
    <t>119.721</t>
  </si>
  <si>
    <t>304421.0</t>
  </si>
  <si>
    <t>120.317</t>
  </si>
  <si>
    <t>305368.0</t>
  </si>
  <si>
    <t>120.692</t>
  </si>
  <si>
    <t>306463.0</t>
  </si>
  <si>
    <t>121.124</t>
  </si>
  <si>
    <t>307936.0</t>
  </si>
  <si>
    <t>121.707</t>
  </si>
  <si>
    <t>309151.0</t>
  </si>
  <si>
    <t>122.187</t>
  </si>
  <si>
    <t>310907.0</t>
  </si>
  <si>
    <t>122.881</t>
  </si>
  <si>
    <t>312263.0</t>
  </si>
  <si>
    <t>123.417</t>
  </si>
  <si>
    <t>313949.0</t>
  </si>
  <si>
    <t>124.083</t>
  </si>
  <si>
    <t>314993.0</t>
  </si>
  <si>
    <t>124.496</t>
  </si>
  <si>
    <t>315952.0</t>
  </si>
  <si>
    <t>124.875</t>
  </si>
  <si>
    <t>318007.0</t>
  </si>
  <si>
    <t>319666.0</t>
  </si>
  <si>
    <t>126.343</t>
  </si>
  <si>
    <t>321191.0</t>
  </si>
  <si>
    <t>126.945</t>
  </si>
  <si>
    <t>127.474</t>
  </si>
  <si>
    <t>324162.0</t>
  </si>
  <si>
    <t>324946.0</t>
  </si>
  <si>
    <t>128.429</t>
  </si>
  <si>
    <t>325490.0</t>
  </si>
  <si>
    <t>128.644</t>
  </si>
  <si>
    <t>327300.0</t>
  </si>
  <si>
    <t>329484.0</t>
  </si>
  <si>
    <t>331498.0</t>
  </si>
  <si>
    <t>131.019</t>
  </si>
  <si>
    <t>333307.0</t>
  </si>
  <si>
    <t>131.734</t>
  </si>
  <si>
    <t>334805.0</t>
  </si>
  <si>
    <t>132.326</t>
  </si>
  <si>
    <t>335566.0</t>
  </si>
  <si>
    <t>132.627</t>
  </si>
  <si>
    <t>336638.0</t>
  </si>
  <si>
    <t>133.051</t>
  </si>
  <si>
    <t>338019.0</t>
  </si>
  <si>
    <t>133.596</t>
  </si>
  <si>
    <t>339579.0</t>
  </si>
  <si>
    <t>134.213</t>
  </si>
  <si>
    <t>341661.0</t>
  </si>
  <si>
    <t>135.036</t>
  </si>
  <si>
    <t>343049.0</t>
  </si>
  <si>
    <t>135.584</t>
  </si>
  <si>
    <t>344782.0</t>
  </si>
  <si>
    <t>345751.0</t>
  </si>
  <si>
    <t>136.652</t>
  </si>
  <si>
    <t>347135.0</t>
  </si>
  <si>
    <t>137.199</t>
  </si>
  <si>
    <t>349054.0</t>
  </si>
  <si>
    <t>137.958</t>
  </si>
  <si>
    <t>350285.0</t>
  </si>
  <si>
    <t>351344.0</t>
  </si>
  <si>
    <t>138.863</t>
  </si>
  <si>
    <t>352232.0</t>
  </si>
  <si>
    <t>139.214</t>
  </si>
  <si>
    <t>352873.0</t>
  </si>
  <si>
    <t>139.467</t>
  </si>
  <si>
    <t>354279.0</t>
  </si>
  <si>
    <t>140.023</t>
  </si>
  <si>
    <t>355501.0</t>
  </si>
  <si>
    <t>140.506</t>
  </si>
  <si>
    <t>356460.0</t>
  </si>
  <si>
    <t>140.885</t>
  </si>
  <si>
    <t>358301.0</t>
  </si>
  <si>
    <t>359894.0</t>
  </si>
  <si>
    <t>142.242</t>
  </si>
  <si>
    <t>361681.0</t>
  </si>
  <si>
    <t>142.948</t>
  </si>
  <si>
    <t>363659.0</t>
  </si>
  <si>
    <t>366186.0</t>
  </si>
  <si>
    <t>144.729</t>
  </si>
  <si>
    <t>367677.0</t>
  </si>
  <si>
    <t>368930.0</t>
  </si>
  <si>
    <t>370004.0</t>
  </si>
  <si>
    <t>146.238</t>
  </si>
  <si>
    <t>371066.0</t>
  </si>
  <si>
    <t>372188.0</t>
  </si>
  <si>
    <t>147.101</t>
  </si>
  <si>
    <t>373669.0</t>
  </si>
  <si>
    <t>147.686</t>
  </si>
  <si>
    <t>374942.0</t>
  </si>
  <si>
    <t>376317.0</t>
  </si>
  <si>
    <t>148.733</t>
  </si>
  <si>
    <t>378245.0</t>
  </si>
  <si>
    <t>149.495</t>
  </si>
  <si>
    <t>150.223</t>
  </si>
  <si>
    <t>381182.0</t>
  </si>
  <si>
    <t>150.656</t>
  </si>
  <si>
    <t>382185.0</t>
  </si>
  <si>
    <t>151.052</t>
  </si>
  <si>
    <t>382807.0</t>
  </si>
  <si>
    <t>151.298</t>
  </si>
  <si>
    <t>384768.0</t>
  </si>
  <si>
    <t>152.073</t>
  </si>
  <si>
    <t>386573.0</t>
  </si>
  <si>
    <t>152.787</t>
  </si>
  <si>
    <t>388574.0</t>
  </si>
  <si>
    <t>153.577</t>
  </si>
  <si>
    <t>21707.0</t>
  </si>
  <si>
    <t>20315.0</t>
  </si>
  <si>
    <t>394758.0</t>
  </si>
  <si>
    <t>156.022</t>
  </si>
  <si>
    <t>396009.0</t>
  </si>
  <si>
    <t>156.516</t>
  </si>
  <si>
    <t>397272.0</t>
  </si>
  <si>
    <t>157.015</t>
  </si>
  <si>
    <t>36417.0</t>
  </si>
  <si>
    <t>399564.0</t>
  </si>
  <si>
    <t>157.921</t>
  </si>
  <si>
    <t>37578.0</t>
  </si>
  <si>
    <t>400695.0</t>
  </si>
  <si>
    <t>158.368</t>
  </si>
  <si>
    <t>401470.0</t>
  </si>
  <si>
    <t>158.674</t>
  </si>
  <si>
    <t>41675.0</t>
  </si>
  <si>
    <t>402641.0</t>
  </si>
  <si>
    <t>159.137</t>
  </si>
  <si>
    <t>44586.0</t>
  </si>
  <si>
    <t>404532.0</t>
  </si>
  <si>
    <t>159.885</t>
  </si>
  <si>
    <t>47182.0</t>
  </si>
  <si>
    <t>160.501</t>
  </si>
  <si>
    <t>47626.0</t>
  </si>
  <si>
    <t>50361.0</t>
  </si>
  <si>
    <t>409042.0</t>
  </si>
  <si>
    <t>161.667</t>
  </si>
  <si>
    <t>53163.0</t>
  </si>
  <si>
    <t>50222.0</t>
  </si>
  <si>
    <t>409887.0</t>
  </si>
  <si>
    <t>162.001</t>
  </si>
  <si>
    <t>411483.0</t>
  </si>
  <si>
    <t>162.632</t>
  </si>
  <si>
    <t>53849.0</t>
  </si>
  <si>
    <t>413177.0</t>
  </si>
  <si>
    <t>163.301</t>
  </si>
  <si>
    <t>414769.0</t>
  </si>
  <si>
    <t>163.931</t>
  </si>
  <si>
    <t>56759.0</t>
  </si>
  <si>
    <t>418584.0</t>
  </si>
  <si>
    <t>165.438</t>
  </si>
  <si>
    <t>420361.0</t>
  </si>
  <si>
    <t>166.141</t>
  </si>
  <si>
    <t>66759.0</t>
  </si>
  <si>
    <t>61086.0</t>
  </si>
  <si>
    <t>421684.0</t>
  </si>
  <si>
    <t>166.664</t>
  </si>
  <si>
    <t>61986.0</t>
  </si>
  <si>
    <t>422778.0</t>
  </si>
  <si>
    <t>167.096</t>
  </si>
  <si>
    <t>424020.0</t>
  </si>
  <si>
    <t>167.587</t>
  </si>
  <si>
    <t>69765.0</t>
  </si>
  <si>
    <t>63309.0</t>
  </si>
  <si>
    <t>424743.0</t>
  </si>
  <si>
    <t>167.873</t>
  </si>
  <si>
    <t>72533.0</t>
  </si>
  <si>
    <t>65037.0</t>
  </si>
  <si>
    <t>426874.0</t>
  </si>
  <si>
    <t>168.715</t>
  </si>
  <si>
    <t>74662.0</t>
  </si>
  <si>
    <t>66344.0</t>
  </si>
  <si>
    <t>428907.0</t>
  </si>
  <si>
    <t>169.518</t>
  </si>
  <si>
    <t>431010.0</t>
  </si>
  <si>
    <t>67593.0</t>
  </si>
  <si>
    <t>171.305</t>
  </si>
  <si>
    <t>67706.0</t>
  </si>
  <si>
    <t>435661.0</t>
  </si>
  <si>
    <t>172.188</t>
  </si>
  <si>
    <t>76949.0</t>
  </si>
  <si>
    <t>436958.0</t>
  </si>
  <si>
    <t>78720.0</t>
  </si>
  <si>
    <t>69146.0</t>
  </si>
  <si>
    <t>438460.0</t>
  </si>
  <si>
    <t>173.294</t>
  </si>
  <si>
    <t>70585.0</t>
  </si>
  <si>
    <t>441606.0</t>
  </si>
  <si>
    <t>174.537</t>
  </si>
  <si>
    <t>82907.0</t>
  </si>
  <si>
    <t>72371.0</t>
  </si>
  <si>
    <t>443845.0</t>
  </si>
  <si>
    <t>175.422</t>
  </si>
  <si>
    <t>74110.0</t>
  </si>
  <si>
    <t>446564.0</t>
  </si>
  <si>
    <t>176.497</t>
  </si>
  <si>
    <t>87457.0</t>
  </si>
  <si>
    <t>75964.0</t>
  </si>
  <si>
    <t>448892.0</t>
  </si>
  <si>
    <t>177.417</t>
  </si>
  <si>
    <t>87474.0</t>
  </si>
  <si>
    <t>75977.0</t>
  </si>
  <si>
    <t>450044.0</t>
  </si>
  <si>
    <t>177.872</t>
  </si>
  <si>
    <t>76251.0</t>
  </si>
  <si>
    <t>452640.0</t>
  </si>
  <si>
    <t>178.898</t>
  </si>
  <si>
    <t>90718.0</t>
  </si>
  <si>
    <t>78397.0</t>
  </si>
  <si>
    <t>454708.0</t>
  </si>
  <si>
    <t>179.716</t>
  </si>
  <si>
    <t>457886.0</t>
  </si>
  <si>
    <t>180.972</t>
  </si>
  <si>
    <t>96433.0</t>
  </si>
  <si>
    <t>462097.0</t>
  </si>
  <si>
    <t>182.636</t>
  </si>
  <si>
    <t>99782.0</t>
  </si>
  <si>
    <t>85539.0</t>
  </si>
  <si>
    <t>466070.0</t>
  </si>
  <si>
    <t>0.3151</t>
  </si>
  <si>
    <t>100793.0</t>
  </si>
  <si>
    <t>468538.0</t>
  </si>
  <si>
    <t>185.182</t>
  </si>
  <si>
    <t>470132.0</t>
  </si>
  <si>
    <t>185.812</t>
  </si>
  <si>
    <t>0.3346</t>
  </si>
  <si>
    <t>473457.0</t>
  </si>
  <si>
    <t>187.126</t>
  </si>
  <si>
    <t>107796.0</t>
  </si>
  <si>
    <t>91797.0</t>
  </si>
  <si>
    <t>479290.0</t>
  </si>
  <si>
    <t>189.431</t>
  </si>
  <si>
    <t>0.3566</t>
  </si>
  <si>
    <t>112691.0</t>
  </si>
  <si>
    <t>190.645</t>
  </si>
  <si>
    <t>116733.0</t>
  </si>
  <si>
    <t>486946.0</t>
  </si>
  <si>
    <t>192.457</t>
  </si>
  <si>
    <t>121012.0</t>
  </si>
  <si>
    <t>101933.0</t>
  </si>
  <si>
    <t>19079.0</t>
  </si>
  <si>
    <t>490515.0</t>
  </si>
  <si>
    <t>123954.0</t>
  </si>
  <si>
    <t>104103.0</t>
  </si>
  <si>
    <t>494309.0</t>
  </si>
  <si>
    <t>124064.0</t>
  </si>
  <si>
    <t>104199.0</t>
  </si>
  <si>
    <t>496906.0</t>
  </si>
  <si>
    <t>196.394</t>
  </si>
  <si>
    <t>104530.0</t>
  </si>
  <si>
    <t>500631.0</t>
  </si>
  <si>
    <t>197.866</t>
  </si>
  <si>
    <t>128610.0</t>
  </si>
  <si>
    <t>107611.0</t>
  </si>
  <si>
    <t>504284.0</t>
  </si>
  <si>
    <t>0.3295</t>
  </si>
  <si>
    <t>132060.0</t>
  </si>
  <si>
    <t>110597.0</t>
  </si>
  <si>
    <t>21463.0</t>
  </si>
  <si>
    <t>135058.0</t>
  </si>
  <si>
    <t>112773.0</t>
  </si>
  <si>
    <t>509633.0</t>
  </si>
  <si>
    <t>201.424</t>
  </si>
  <si>
    <t>139022.0</t>
  </si>
  <si>
    <t>513983.0</t>
  </si>
  <si>
    <t>203.143</t>
  </si>
  <si>
    <t>0.5086</t>
  </si>
  <si>
    <t>141164.0</t>
  </si>
  <si>
    <t>117632.0</t>
  </si>
  <si>
    <t>517325.0</t>
  </si>
  <si>
    <t>204.464</t>
  </si>
  <si>
    <t>141209.0</t>
  </si>
  <si>
    <t>117668.0</t>
  </si>
  <si>
    <t>521545.0</t>
  </si>
  <si>
    <t>206.132</t>
  </si>
  <si>
    <t>0.4417</t>
  </si>
  <si>
    <t>529147.0</t>
  </si>
  <si>
    <t>209.137</t>
  </si>
  <si>
    <t>143813.0</t>
  </si>
  <si>
    <t>119571.0</t>
  </si>
  <si>
    <t>532519.0</t>
  </si>
  <si>
    <t>210.469</t>
  </si>
  <si>
    <t>121095.0</t>
  </si>
  <si>
    <t>24862.0</t>
  </si>
  <si>
    <t>536145.0</t>
  </si>
  <si>
    <t>211.902</t>
  </si>
  <si>
    <t>0.4277</t>
  </si>
  <si>
    <t>147803.0</t>
  </si>
  <si>
    <t>122381.0</t>
  </si>
  <si>
    <t>539700.0</t>
  </si>
  <si>
    <t>213.307</t>
  </si>
  <si>
    <t>123439.0</t>
  </si>
  <si>
    <t>25793.0</t>
  </si>
  <si>
    <t>543309.0</t>
  </si>
  <si>
    <t>214.734</t>
  </si>
  <si>
    <t>124154.0</t>
  </si>
  <si>
    <t>546149.0</t>
  </si>
  <si>
    <t>215.856</t>
  </si>
  <si>
    <t>0.3815</t>
  </si>
  <si>
    <t>124192.0</t>
  </si>
  <si>
    <t>26171.0</t>
  </si>
  <si>
    <t>550088.0</t>
  </si>
  <si>
    <t>217.413</t>
  </si>
  <si>
    <t>150911.0</t>
  </si>
  <si>
    <t>124586.0</t>
  </si>
  <si>
    <t>26325.0</t>
  </si>
  <si>
    <t>553634.0</t>
  </si>
  <si>
    <t>0.4849</t>
  </si>
  <si>
    <t>152907.0</t>
  </si>
  <si>
    <t>125970.0</t>
  </si>
  <si>
    <t>556490.0</t>
  </si>
  <si>
    <t>219.943</t>
  </si>
  <si>
    <t>154759.0</t>
  </si>
  <si>
    <t>127220.0</t>
  </si>
  <si>
    <t>559837.0</t>
  </si>
  <si>
    <t>221.266</t>
  </si>
  <si>
    <t>156691.0</t>
  </si>
  <si>
    <t>128298.0</t>
  </si>
  <si>
    <t>28393.0</t>
  </si>
  <si>
    <t>564118.0</t>
  </si>
  <si>
    <t>222.958</t>
  </si>
  <si>
    <t>159585.0</t>
  </si>
  <si>
    <t>567751.0</t>
  </si>
  <si>
    <t>0.4112</t>
  </si>
  <si>
    <t>161524.0</t>
  </si>
  <si>
    <t>131019.0</t>
  </si>
  <si>
    <t>30505.0</t>
  </si>
  <si>
    <t>571196.0</t>
  </si>
  <si>
    <t>225.756</t>
  </si>
  <si>
    <t>161661.0</t>
  </si>
  <si>
    <t>574241.0</t>
  </si>
  <si>
    <t>226.959</t>
  </si>
  <si>
    <t>131677.0</t>
  </si>
  <si>
    <t>30964.0</t>
  </si>
  <si>
    <t>576182.0</t>
  </si>
  <si>
    <t>227.726</t>
  </si>
  <si>
    <t>164617.0</t>
  </si>
  <si>
    <t>31833.0</t>
  </si>
  <si>
    <t>578566.0</t>
  </si>
  <si>
    <t>228.669</t>
  </si>
  <si>
    <t>0.4066</t>
  </si>
  <si>
    <t>166616.0</t>
  </si>
  <si>
    <t>133863.0</t>
  </si>
  <si>
    <t>32753.0</t>
  </si>
  <si>
    <t>581743.0</t>
  </si>
  <si>
    <t>229.924</t>
  </si>
  <si>
    <t>134853.0</t>
  </si>
  <si>
    <t>33420.0</t>
  </si>
  <si>
    <t>585118.0</t>
  </si>
  <si>
    <t>231.258</t>
  </si>
  <si>
    <t>169988.0</t>
  </si>
  <si>
    <t>135700.0</t>
  </si>
  <si>
    <t>34288.0</t>
  </si>
  <si>
    <t>587323.0</t>
  </si>
  <si>
    <t>232.13</t>
  </si>
  <si>
    <t>0.3739</t>
  </si>
  <si>
    <t>170976.0</t>
  </si>
  <si>
    <t>136189.0</t>
  </si>
  <si>
    <t>34787.0</t>
  </si>
  <si>
    <t>589495.0</t>
  </si>
  <si>
    <t>232.988</t>
  </si>
  <si>
    <t>0.3588</t>
  </si>
  <si>
    <t>34789.0</t>
  </si>
  <si>
    <t>591147.0</t>
  </si>
  <si>
    <t>233.641</t>
  </si>
  <si>
    <t>171734.0</t>
  </si>
  <si>
    <t>136599.0</t>
  </si>
  <si>
    <t>35135.0</t>
  </si>
  <si>
    <t>593091.0</t>
  </si>
  <si>
    <t>234.409</t>
  </si>
  <si>
    <t>176037.0</t>
  </si>
  <si>
    <t>138521.0</t>
  </si>
  <si>
    <t>37516.0</t>
  </si>
  <si>
    <t>594924.0</t>
  </si>
  <si>
    <t>235.134</t>
  </si>
  <si>
    <t>180801.0</t>
  </si>
  <si>
    <t>597429.0</t>
  </si>
  <si>
    <t>236.124</t>
  </si>
  <si>
    <t>186559.0</t>
  </si>
  <si>
    <t>144417.0</t>
  </si>
  <si>
    <t>600337.0</t>
  </si>
  <si>
    <t>237.273</t>
  </si>
  <si>
    <t>191285.0</t>
  </si>
  <si>
    <t>43825.0</t>
  </si>
  <si>
    <t>602749.0</t>
  </si>
  <si>
    <t>194504.0</t>
  </si>
  <si>
    <t>149579.0</t>
  </si>
  <si>
    <t>604186.0</t>
  </si>
  <si>
    <t>238.794</t>
  </si>
  <si>
    <t>195184.0</t>
  </si>
  <si>
    <t>150106.0</t>
  </si>
  <si>
    <t>605832.0</t>
  </si>
  <si>
    <t>239.445</t>
  </si>
  <si>
    <t>196589.0</t>
  </si>
  <si>
    <t>151241.0</t>
  </si>
  <si>
    <t>606987.0</t>
  </si>
  <si>
    <t>239.901</t>
  </si>
  <si>
    <t>200694.0</t>
  </si>
  <si>
    <t>154350.0</t>
  </si>
  <si>
    <t>608793.0</t>
  </si>
  <si>
    <t>240.615</t>
  </si>
  <si>
    <t>204103.0</t>
  </si>
  <si>
    <t>156942.0</t>
  </si>
  <si>
    <t>47161.0</t>
  </si>
  <si>
    <t>207950.0</t>
  </si>
  <si>
    <t>159881.0</t>
  </si>
  <si>
    <t>610886.0</t>
  </si>
  <si>
    <t>211410.0</t>
  </si>
  <si>
    <t>48814.0</t>
  </si>
  <si>
    <t>613229.0</t>
  </si>
  <si>
    <t>242.369</t>
  </si>
  <si>
    <t>213495.0</t>
  </si>
  <si>
    <t>164221.0</t>
  </si>
  <si>
    <t>49274.0</t>
  </si>
  <si>
    <t>615104.0</t>
  </si>
  <si>
    <t>243.11</t>
  </si>
  <si>
    <t>214059.0</t>
  </si>
  <si>
    <t>49356.0</t>
  </si>
  <si>
    <t>616179.0</t>
  </si>
  <si>
    <t>243.534</t>
  </si>
  <si>
    <t>214981.0</t>
  </si>
  <si>
    <t>165427.0</t>
  </si>
  <si>
    <t>617595.0</t>
  </si>
  <si>
    <t>244.094</t>
  </si>
  <si>
    <t>218453.0</t>
  </si>
  <si>
    <t>168076.0</t>
  </si>
  <si>
    <t>618683.0</t>
  </si>
  <si>
    <t>244.524</t>
  </si>
  <si>
    <t>220928.0</t>
  </si>
  <si>
    <t>169790.0</t>
  </si>
  <si>
    <t>51138.0</t>
  </si>
  <si>
    <t>620604.0</t>
  </si>
  <si>
    <t>223327.0</t>
  </si>
  <si>
    <t>171499.0</t>
  </si>
  <si>
    <t>624088.0</t>
  </si>
  <si>
    <t>246.66</t>
  </si>
  <si>
    <t>226109.0</t>
  </si>
  <si>
    <t>173428.0</t>
  </si>
  <si>
    <t>625854.0</t>
  </si>
  <si>
    <t>247.358</t>
  </si>
  <si>
    <t>228351.0</t>
  </si>
  <si>
    <t>174896.0</t>
  </si>
  <si>
    <t>627260.0</t>
  </si>
  <si>
    <t>247.914</t>
  </si>
  <si>
    <t>228548.0</t>
  </si>
  <si>
    <t>175077.0</t>
  </si>
  <si>
    <t>53471.0</t>
  </si>
  <si>
    <t>628458.0</t>
  </si>
  <si>
    <t>248.388</t>
  </si>
  <si>
    <t>630083.0</t>
  </si>
  <si>
    <t>235057.0</t>
  </si>
  <si>
    <t>177470.0</t>
  </si>
  <si>
    <t>57587.0</t>
  </si>
  <si>
    <t>631650.0</t>
  </si>
  <si>
    <t>249.649</t>
  </si>
  <si>
    <t>244880.0</t>
  </si>
  <si>
    <t>179324.0</t>
  </si>
  <si>
    <t>9823.0</t>
  </si>
  <si>
    <t>633588.0</t>
  </si>
  <si>
    <t>250.415</t>
  </si>
  <si>
    <t>252502.0</t>
  </si>
  <si>
    <t>181344.0</t>
  </si>
  <si>
    <t>71158.0</t>
  </si>
  <si>
    <t>634784.0</t>
  </si>
  <si>
    <t>250.888</t>
  </si>
  <si>
    <t>259275.0</t>
  </si>
  <si>
    <t>183792.0</t>
  </si>
  <si>
    <t>75483.0</t>
  </si>
  <si>
    <t>636940.0</t>
  </si>
  <si>
    <t>263617.0</t>
  </si>
  <si>
    <t>185304.0</t>
  </si>
  <si>
    <t>637798.0</t>
  </si>
  <si>
    <t>252.079</t>
  </si>
  <si>
    <t>264719.0</t>
  </si>
  <si>
    <t>185873.0</t>
  </si>
  <si>
    <t>78846.0</t>
  </si>
  <si>
    <t>638995.0</t>
  </si>
  <si>
    <t>252.552</t>
  </si>
  <si>
    <t>268556.0</t>
  </si>
  <si>
    <t>187892.0</t>
  </si>
  <si>
    <t>80664.0</t>
  </si>
  <si>
    <t>640040.0</t>
  </si>
  <si>
    <t>252.965</t>
  </si>
  <si>
    <t>641771.0</t>
  </si>
  <si>
    <t>253.649</t>
  </si>
  <si>
    <t>273935.0</t>
  </si>
  <si>
    <t>190306.0</t>
  </si>
  <si>
    <t>83629.0</t>
  </si>
  <si>
    <t>645023.0</t>
  </si>
  <si>
    <t>254.935</t>
  </si>
  <si>
    <t>646571.0</t>
  </si>
  <si>
    <t>255.546</t>
  </si>
  <si>
    <t>648762.0</t>
  </si>
  <si>
    <t>256.412</t>
  </si>
  <si>
    <t>650136.0</t>
  </si>
  <si>
    <t>256.955</t>
  </si>
  <si>
    <t>651049.0</t>
  </si>
  <si>
    <t>257.316</t>
  </si>
  <si>
    <t>652869.0</t>
  </si>
  <si>
    <t>305086.0</t>
  </si>
  <si>
    <t>100944.0</t>
  </si>
  <si>
    <t>654469.0</t>
  </si>
  <si>
    <t>258.668</t>
  </si>
  <si>
    <t>656106.0</t>
  </si>
  <si>
    <t>259.315</t>
  </si>
  <si>
    <t>259.686</t>
  </si>
  <si>
    <t>658390.0</t>
  </si>
  <si>
    <t>260.218</t>
  </si>
  <si>
    <t>660118.0</t>
  </si>
  <si>
    <t>260.901</t>
  </si>
  <si>
    <t>661329.0</t>
  </si>
  <si>
    <t>261.379</t>
  </si>
  <si>
    <t>662505.0</t>
  </si>
  <si>
    <t>261.844</t>
  </si>
  <si>
    <t>329062.0</t>
  </si>
  <si>
    <t>213438.0</t>
  </si>
  <si>
    <t>664093.0</t>
  </si>
  <si>
    <t>262.472</t>
  </si>
  <si>
    <t>666335.0</t>
  </si>
  <si>
    <t>263.358</t>
  </si>
  <si>
    <t>667446.0</t>
  </si>
  <si>
    <t>263.797</t>
  </si>
  <si>
    <t>668672.0</t>
  </si>
  <si>
    <t>669811.0</t>
  </si>
  <si>
    <t>264.732</t>
  </si>
  <si>
    <t>671302.0</t>
  </si>
  <si>
    <t>265.321</t>
  </si>
  <si>
    <t>672778.0</t>
  </si>
  <si>
    <t>265.904</t>
  </si>
  <si>
    <t>674205.0</t>
  </si>
  <si>
    <t>266.468</t>
  </si>
  <si>
    <t>352962.0</t>
  </si>
  <si>
    <t>223071.0</t>
  </si>
  <si>
    <t>129891.0</t>
  </si>
  <si>
    <t>675886.0</t>
  </si>
  <si>
    <t>267.133</t>
  </si>
  <si>
    <t>677226.0</t>
  </si>
  <si>
    <t>267.662</t>
  </si>
  <si>
    <t>678222.0</t>
  </si>
  <si>
    <t>268.056</t>
  </si>
  <si>
    <t>679012.0</t>
  </si>
  <si>
    <t>268.368</t>
  </si>
  <si>
    <t>269.497</t>
  </si>
  <si>
    <t>374178.0</t>
  </si>
  <si>
    <t>142127.0</t>
  </si>
  <si>
    <t>684387.0</t>
  </si>
  <si>
    <t>270.493</t>
  </si>
  <si>
    <t>686029.0</t>
  </si>
  <si>
    <t>271.142</t>
  </si>
  <si>
    <t>687434.0</t>
  </si>
  <si>
    <t>271.697</t>
  </si>
  <si>
    <t>688760.0</t>
  </si>
  <si>
    <t>272.221</t>
  </si>
  <si>
    <t>690744.0</t>
  </si>
  <si>
    <t>273.005</t>
  </si>
  <si>
    <t>691844.0</t>
  </si>
  <si>
    <t>273.44</t>
  </si>
  <si>
    <t>407502.0</t>
  </si>
  <si>
    <t>248269.0</t>
  </si>
  <si>
    <t>159233.0</t>
  </si>
  <si>
    <t>693832.0</t>
  </si>
  <si>
    <t>695261.0</t>
  </si>
  <si>
    <t>274.79</t>
  </si>
  <si>
    <t>696959.0</t>
  </si>
  <si>
    <t>275.461</t>
  </si>
  <si>
    <t>698457.0</t>
  </si>
  <si>
    <t>276.053</t>
  </si>
  <si>
    <t>700104.0</t>
  </si>
  <si>
    <t>276.704</t>
  </si>
  <si>
    <t>703334.0</t>
  </si>
  <si>
    <t>277.981</t>
  </si>
  <si>
    <t>428989.0</t>
  </si>
  <si>
    <t>261269.0</t>
  </si>
  <si>
    <t>167720.0</t>
  </si>
  <si>
    <t>707489.0</t>
  </si>
  <si>
    <t>279.623</t>
  </si>
  <si>
    <t>708982.0</t>
  </si>
  <si>
    <t>280.213</t>
  </si>
  <si>
    <t>710167.0</t>
  </si>
  <si>
    <t>280.682</t>
  </si>
  <si>
    <t>712147.0</t>
  </si>
  <si>
    <t>281.464</t>
  </si>
  <si>
    <t>713463.0</t>
  </si>
  <si>
    <t>281.984</t>
  </si>
  <si>
    <t>715170.0</t>
  </si>
  <si>
    <t>282.659</t>
  </si>
  <si>
    <t>716660.0</t>
  </si>
  <si>
    <t>283.248</t>
  </si>
  <si>
    <t>472404.0</t>
  </si>
  <si>
    <t>276431.0</t>
  </si>
  <si>
    <t>195973.0</t>
  </si>
  <si>
    <t>718652.0</t>
  </si>
  <si>
    <t>284.035</t>
  </si>
  <si>
    <t>719774.0</t>
  </si>
  <si>
    <t>284.479</t>
  </si>
  <si>
    <t>721198.0</t>
  </si>
  <si>
    <t>285.041</t>
  </si>
  <si>
    <t>722619.0</t>
  </si>
  <si>
    <t>285.603</t>
  </si>
  <si>
    <t>495048.0</t>
  </si>
  <si>
    <t>285993.0</t>
  </si>
  <si>
    <t>209055.0</t>
  </si>
  <si>
    <t>727230.0</t>
  </si>
  <si>
    <t>287.426</t>
  </si>
  <si>
    <t>730765.0</t>
  </si>
  <si>
    <t>288.823</t>
  </si>
  <si>
    <t>732414.0</t>
  </si>
  <si>
    <t>289.474</t>
  </si>
  <si>
    <t>289.965</t>
  </si>
  <si>
    <t>734815.0</t>
  </si>
  <si>
    <t>290.423</t>
  </si>
  <si>
    <t>736211.0</t>
  </si>
  <si>
    <t>290.975</t>
  </si>
  <si>
    <t>737368.0</t>
  </si>
  <si>
    <t>291.432</t>
  </si>
  <si>
    <t>535048.0</t>
  </si>
  <si>
    <t>302500.0</t>
  </si>
  <si>
    <t>232548.0</t>
  </si>
  <si>
    <t>739541.0</t>
  </si>
  <si>
    <t>292.291</t>
  </si>
  <si>
    <t>741091.0</t>
  </si>
  <si>
    <t>292.904</t>
  </si>
  <si>
    <t>742280.0</t>
  </si>
  <si>
    <t>293.374</t>
  </si>
  <si>
    <t>743492.0</t>
  </si>
  <si>
    <t>293.853</t>
  </si>
  <si>
    <t>745068.0</t>
  </si>
  <si>
    <t>294.476</t>
  </si>
  <si>
    <t>746177.0</t>
  </si>
  <si>
    <t>294.914</t>
  </si>
  <si>
    <t>747768.0</t>
  </si>
  <si>
    <t>295.543</t>
  </si>
  <si>
    <t>574217.0</t>
  </si>
  <si>
    <t>320985.0</t>
  </si>
  <si>
    <t>253232.0</t>
  </si>
  <si>
    <t>749305.0</t>
  </si>
  <si>
    <t>296.15</t>
  </si>
  <si>
    <t>750768.0</t>
  </si>
  <si>
    <t>296.729</t>
  </si>
  <si>
    <t>752159.0</t>
  </si>
  <si>
    <t>297.278</t>
  </si>
  <si>
    <t>753341.0</t>
  </si>
  <si>
    <t>297.745</t>
  </si>
  <si>
    <t>754537.0</t>
  </si>
  <si>
    <t>298.218</t>
  </si>
  <si>
    <t>755243.0</t>
  </si>
  <si>
    <t>298.497</t>
  </si>
  <si>
    <t>757005.0</t>
  </si>
  <si>
    <t>299.194</t>
  </si>
  <si>
    <t>600216.0</t>
  </si>
  <si>
    <t>333506.0</t>
  </si>
  <si>
    <t>266710.0</t>
  </si>
  <si>
    <t>758356.0</t>
  </si>
  <si>
    <t>299.728</t>
  </si>
  <si>
    <t>759213.0</t>
  </si>
  <si>
    <t>300.066</t>
  </si>
  <si>
    <t>760624.0</t>
  </si>
  <si>
    <t>300.624</t>
  </si>
  <si>
    <t>761274.0</t>
  </si>
  <si>
    <t>300.881</t>
  </si>
  <si>
    <t>762953.0</t>
  </si>
  <si>
    <t>301.544</t>
  </si>
  <si>
    <t>339695.0</t>
  </si>
  <si>
    <t>274466.0</t>
  </si>
  <si>
    <t>765406.0</t>
  </si>
  <si>
    <t>302.514</t>
  </si>
  <si>
    <t>769427.0</t>
  </si>
  <si>
    <t>304.103</t>
  </si>
  <si>
    <t>275.2</t>
  </si>
  <si>
    <t>770950.0</t>
  </si>
  <si>
    <t>304.705</t>
  </si>
  <si>
    <t>305.062</t>
  </si>
  <si>
    <t>773404.0</t>
  </si>
  <si>
    <t>305.675</t>
  </si>
  <si>
    <t>774371.0</t>
  </si>
  <si>
    <t>306.057</t>
  </si>
  <si>
    <t>630212.0</t>
  </si>
  <si>
    <t>346454.0</t>
  </si>
  <si>
    <t>283758.0</t>
  </si>
  <si>
    <t>777206.0</t>
  </si>
  <si>
    <t>307.178</t>
  </si>
  <si>
    <t>778262.0</t>
  </si>
  <si>
    <t>307.595</t>
  </si>
  <si>
    <t>781090.0</t>
  </si>
  <si>
    <t>308.713</t>
  </si>
  <si>
    <t>782378.0</t>
  </si>
  <si>
    <t>309.222</t>
  </si>
  <si>
    <t>784636.0</t>
  </si>
  <si>
    <t>310.114</t>
  </si>
  <si>
    <t>785454.0</t>
  </si>
  <si>
    <t>310.438</t>
  </si>
  <si>
    <t>786776.0</t>
  </si>
  <si>
    <t>310.96</t>
  </si>
  <si>
    <t>787883.0</t>
  </si>
  <si>
    <t>311.398</t>
  </si>
  <si>
    <t>312.164</t>
  </si>
  <si>
    <t>793171.0</t>
  </si>
  <si>
    <t>313.488</t>
  </si>
  <si>
    <t>796279.0</t>
  </si>
  <si>
    <t>797816.0</t>
  </si>
  <si>
    <t>315.323</t>
  </si>
  <si>
    <t>799972.0</t>
  </si>
  <si>
    <t>316.176</t>
  </si>
  <si>
    <t>803205.0</t>
  </si>
  <si>
    <t>317.453</t>
  </si>
  <si>
    <t>805032.0</t>
  </si>
  <si>
    <t>318.175</t>
  </si>
  <si>
    <t>807729.0</t>
  </si>
  <si>
    <t>319.241</t>
  </si>
  <si>
    <t>810348.0</t>
  </si>
  <si>
    <t>320.277</t>
  </si>
  <si>
    <t>814176.0</t>
  </si>
  <si>
    <t>321.789</t>
  </si>
  <si>
    <t>816778.0</t>
  </si>
  <si>
    <t>322.818</t>
  </si>
  <si>
    <t>323.332</t>
  </si>
  <si>
    <t>819721.0</t>
  </si>
  <si>
    <t>323.981</t>
  </si>
  <si>
    <t>822486.0</t>
  </si>
  <si>
    <t>325.074</t>
  </si>
  <si>
    <t>824659.0</t>
  </si>
  <si>
    <t>325.933</t>
  </si>
  <si>
    <t>828465.0</t>
  </si>
  <si>
    <t>327.437</t>
  </si>
  <si>
    <t>328.345</t>
  </si>
  <si>
    <t>837584.0</t>
  </si>
  <si>
    <t>331.041</t>
  </si>
  <si>
    <t>842897.0</t>
  </si>
  <si>
    <t>333.141</t>
  </si>
  <si>
    <t>334.373</t>
  </si>
  <si>
    <t>848239.0</t>
  </si>
  <si>
    <t>335.252</t>
  </si>
  <si>
    <t>851949.0</t>
  </si>
  <si>
    <t>336.719</t>
  </si>
  <si>
    <t>855203.0</t>
  </si>
  <si>
    <t>338.005</t>
  </si>
  <si>
    <t>858339.0</t>
  </si>
  <si>
    <t>339.244</t>
  </si>
  <si>
    <t>860787.0</t>
  </si>
  <si>
    <t>340.212</t>
  </si>
  <si>
    <t>862436.0</t>
  </si>
  <si>
    <t>340.863</t>
  </si>
  <si>
    <t>863517.0</t>
  </si>
  <si>
    <t>341.291</t>
  </si>
  <si>
    <t>0.3759</t>
  </si>
  <si>
    <t>864924.0</t>
  </si>
  <si>
    <t>341.847</t>
  </si>
  <si>
    <t>866956.0</t>
  </si>
  <si>
    <t>342.65</t>
  </si>
  <si>
    <t>869265.0</t>
  </si>
  <si>
    <t>343.562</t>
  </si>
  <si>
    <t>872058.0</t>
  </si>
  <si>
    <t>344.666</t>
  </si>
  <si>
    <t>874033.0</t>
  </si>
  <si>
    <t>345.447</t>
  </si>
  <si>
    <t>875508.0</t>
  </si>
  <si>
    <t>346.03</t>
  </si>
  <si>
    <t>643829.0</t>
  </si>
  <si>
    <t>405254.0</t>
  </si>
  <si>
    <t>344006.0</t>
  </si>
  <si>
    <t>877016.0</t>
  </si>
  <si>
    <t>346.626</t>
  </si>
  <si>
    <t>878949.0</t>
  </si>
  <si>
    <t>347.39</t>
  </si>
  <si>
    <t>881231.0</t>
  </si>
  <si>
    <t>348.292</t>
  </si>
  <si>
    <t>884076.0</t>
  </si>
  <si>
    <t>349.416</t>
  </si>
  <si>
    <t>886074.0</t>
  </si>
  <si>
    <t>350.206</t>
  </si>
  <si>
    <t>351.274</t>
  </si>
  <si>
    <t>890818.0</t>
  </si>
  <si>
    <t>352.081</t>
  </si>
  <si>
    <t>891814.0</t>
  </si>
  <si>
    <t>352.475</t>
  </si>
  <si>
    <t>893635.0</t>
  </si>
  <si>
    <t>353.194</t>
  </si>
  <si>
    <t>895450.0</t>
  </si>
  <si>
    <t>898220.0</t>
  </si>
  <si>
    <t>355.006</t>
  </si>
  <si>
    <t>900235.0</t>
  </si>
  <si>
    <t>355.803</t>
  </si>
  <si>
    <t>901517.0</t>
  </si>
  <si>
    <t>356.31</t>
  </si>
  <si>
    <t>902759.0</t>
  </si>
  <si>
    <t>904022.0</t>
  </si>
  <si>
    <t>905504.0</t>
  </si>
  <si>
    <t>357.885</t>
  </si>
  <si>
    <t>907241.0</t>
  </si>
  <si>
    <t>358.572</t>
  </si>
  <si>
    <t>908559.0</t>
  </si>
  <si>
    <t>359.093</t>
  </si>
  <si>
    <t>661079.0</t>
  </si>
  <si>
    <t>417240.0</t>
  </si>
  <si>
    <t>354975.0</t>
  </si>
  <si>
    <t>909901.0</t>
  </si>
  <si>
    <t>359.623</t>
  </si>
  <si>
    <t>910702.0</t>
  </si>
  <si>
    <t>359.94</t>
  </si>
  <si>
    <t>773702.0</t>
  </si>
  <si>
    <t>418004.0</t>
  </si>
  <si>
    <t>356763.0</t>
  </si>
  <si>
    <t>916464.0</t>
  </si>
  <si>
    <t>362.217</t>
  </si>
  <si>
    <t>920253.0</t>
  </si>
  <si>
    <t>363.715</t>
  </si>
  <si>
    <t>921467.0</t>
  </si>
  <si>
    <t>364.194</t>
  </si>
  <si>
    <t>922167.0</t>
  </si>
  <si>
    <t>364.471</t>
  </si>
  <si>
    <t>925250.0</t>
  </si>
  <si>
    <t>365.69</t>
  </si>
  <si>
    <t>928364.0</t>
  </si>
  <si>
    <t>366.92</t>
  </si>
  <si>
    <t>932105.0</t>
  </si>
  <si>
    <t>368.399</t>
  </si>
  <si>
    <t>932707.0</t>
  </si>
  <si>
    <t>368.637</t>
  </si>
  <si>
    <t>787241.0</t>
  </si>
  <si>
    <t>365083.0</t>
  </si>
  <si>
    <t>937433.0</t>
  </si>
  <si>
    <t>370.505</t>
  </si>
  <si>
    <t>940126.0</t>
  </si>
  <si>
    <t>371.569</t>
  </si>
  <si>
    <t>802764.0</t>
  </si>
  <si>
    <t>434330.0</t>
  </si>
  <si>
    <t>368434.0</t>
  </si>
  <si>
    <t>942414.0</t>
  </si>
  <si>
    <t>372.473</t>
  </si>
  <si>
    <t>946174.0</t>
  </si>
  <si>
    <t>373.959</t>
  </si>
  <si>
    <t>948548.0</t>
  </si>
  <si>
    <t>374.898</t>
  </si>
  <si>
    <t>949780.0</t>
  </si>
  <si>
    <t>375.385</t>
  </si>
  <si>
    <t>814463.0</t>
  </si>
  <si>
    <t>440661.0</t>
  </si>
  <si>
    <t>373802.0</t>
  </si>
  <si>
    <t>952040.0</t>
  </si>
  <si>
    <t>953850.0</t>
  </si>
  <si>
    <t>376.993</t>
  </si>
  <si>
    <t>955455.0</t>
  </si>
  <si>
    <t>377.628</t>
  </si>
  <si>
    <t>957442.0</t>
  </si>
  <si>
    <t>378.413</t>
  </si>
  <si>
    <t>959397.0</t>
  </si>
  <si>
    <t>379.186</t>
  </si>
  <si>
    <t>961681.0</t>
  </si>
  <si>
    <t>380.088</t>
  </si>
  <si>
    <t>962459.0</t>
  </si>
  <si>
    <t>380.396</t>
  </si>
  <si>
    <t>964061.0</t>
  </si>
  <si>
    <t>381.029</t>
  </si>
  <si>
    <t>444529.0</t>
  </si>
  <si>
    <t>378399.0</t>
  </si>
  <si>
    <t>449018.0</t>
  </si>
  <si>
    <t>974769.0</t>
  </si>
  <si>
    <t>385.261</t>
  </si>
  <si>
    <t>976453.0</t>
  </si>
  <si>
    <t>385.927</t>
  </si>
  <si>
    <t>450833.0</t>
  </si>
  <si>
    <t>383923.0</t>
  </si>
  <si>
    <t>981047.0</t>
  </si>
  <si>
    <t>387.742</t>
  </si>
  <si>
    <t>453191.0</t>
  </si>
  <si>
    <t>386483.0</t>
  </si>
  <si>
    <t>983850.0</t>
  </si>
  <si>
    <t>988005.0</t>
  </si>
  <si>
    <t>990120.0</t>
  </si>
  <si>
    <t>391.328</t>
  </si>
  <si>
    <t>995110.0</t>
  </si>
  <si>
    <t>393.301</t>
  </si>
  <si>
    <t>1001841.0</t>
  </si>
  <si>
    <t>395.961</t>
  </si>
  <si>
    <t>453540.0</t>
  </si>
  <si>
    <t>395625.0</t>
  </si>
  <si>
    <t>1003847.0</t>
  </si>
  <si>
    <t>396.754</t>
  </si>
  <si>
    <t>1006854.0</t>
  </si>
  <si>
    <t>397.942</t>
  </si>
  <si>
    <t>1008685.0</t>
  </si>
  <si>
    <t>1011757.0</t>
  </si>
  <si>
    <t>399.88</t>
  </si>
  <si>
    <t>479078.0</t>
  </si>
  <si>
    <t>1013853.0</t>
  </si>
  <si>
    <t>400.708</t>
  </si>
  <si>
    <t>1018733.0</t>
  </si>
  <si>
    <t>402.637</t>
  </si>
  <si>
    <t>1020772.0</t>
  </si>
  <si>
    <t>403.443</t>
  </si>
  <si>
    <t>0.6535</t>
  </si>
  <si>
    <t>410511.0</t>
  </si>
  <si>
    <t>0.6136</t>
  </si>
  <si>
    <t>0.5448</t>
  </si>
  <si>
    <t>0.5101</t>
  </si>
  <si>
    <t>1035270.0</t>
  </si>
  <si>
    <t>409.173</t>
  </si>
  <si>
    <t>1038181.0</t>
  </si>
  <si>
    <t>410.324</t>
  </si>
  <si>
    <t>1040806.0</t>
  </si>
  <si>
    <t>411.361</t>
  </si>
  <si>
    <t>825518.0</t>
  </si>
  <si>
    <t>496475.0</t>
  </si>
  <si>
    <t>426681.0</t>
  </si>
  <si>
    <t>1044693.0</t>
  </si>
  <si>
    <t>412.897</t>
  </si>
  <si>
    <t>1049628.0</t>
  </si>
  <si>
    <t>414.848</t>
  </si>
  <si>
    <t>1050977.0</t>
  </si>
  <si>
    <t>415.381</t>
  </si>
  <si>
    <t>1055583.0</t>
  </si>
  <si>
    <t>417.202</t>
  </si>
  <si>
    <t>1056045.0</t>
  </si>
  <si>
    <t>417.384</t>
  </si>
  <si>
    <t>856277.0</t>
  </si>
  <si>
    <t>513856.0</t>
  </si>
  <si>
    <t>443559.0</t>
  </si>
  <si>
    <t>77273.0</t>
  </si>
  <si>
    <t>879989.0</t>
  </si>
  <si>
    <t>535335.0</t>
  </si>
  <si>
    <t>462994.0</t>
  </si>
  <si>
    <t>79366.0</t>
  </si>
  <si>
    <t>903935.0</t>
  </si>
  <si>
    <t>556375.0</t>
  </si>
  <si>
    <t>482539.0</t>
  </si>
  <si>
    <t>915321.0</t>
  </si>
  <si>
    <t>564138.0</t>
  </si>
  <si>
    <t>489674.0</t>
  </si>
  <si>
    <t>933619.0</t>
  </si>
  <si>
    <t>576983.0</t>
  </si>
  <si>
    <t>500777.0</t>
  </si>
  <si>
    <t>91607.0</t>
  </si>
  <si>
    <t>947273.0</t>
  </si>
  <si>
    <t>586652.0</t>
  </si>
  <si>
    <t>514155.0</t>
  </si>
  <si>
    <t>950468.0</t>
  </si>
  <si>
    <t>587281.0</t>
  </si>
  <si>
    <t>514392.0</t>
  </si>
  <si>
    <t>952713.0</t>
  </si>
  <si>
    <t>587544.0</t>
  </si>
  <si>
    <t>514487.0</t>
  </si>
  <si>
    <t>957232.0</t>
  </si>
  <si>
    <t>592708.0</t>
  </si>
  <si>
    <t>515631.0</t>
  </si>
  <si>
    <t>958674.0</t>
  </si>
  <si>
    <t>593597.0</t>
  </si>
  <si>
    <t>516624.0</t>
  </si>
  <si>
    <t>959780.0</t>
  </si>
  <si>
    <t>594323.0</t>
  </si>
  <si>
    <t>517365.0</t>
  </si>
  <si>
    <t>960835.0</t>
  </si>
  <si>
    <t>594993.0</t>
  </si>
  <si>
    <t>518073.0</t>
  </si>
  <si>
    <t>962898.0</t>
  </si>
  <si>
    <t>596399.0</t>
  </si>
  <si>
    <t>519505.0</t>
  </si>
  <si>
    <t>964315.0</t>
  </si>
  <si>
    <t>596624.0</t>
  </si>
  <si>
    <t>519756.0</t>
  </si>
  <si>
    <t>965135.0</t>
  </si>
  <si>
    <t>596796.0</t>
  </si>
  <si>
    <t>519951.0</t>
  </si>
  <si>
    <t>965768.0</t>
  </si>
  <si>
    <t>521365.0</t>
  </si>
  <si>
    <t>967122.0</t>
  </si>
  <si>
    <t>599175.0</t>
  </si>
  <si>
    <t>522136.0</t>
  </si>
  <si>
    <t>102231.0</t>
  </si>
  <si>
    <t>972893.0</t>
  </si>
  <si>
    <t>602754.0</t>
  </si>
  <si>
    <t>526072.0</t>
  </si>
  <si>
    <t>NRU</t>
  </si>
  <si>
    <t>Nauru</t>
  </si>
  <si>
    <t>44126.0</t>
  </si>
  <si>
    <t>32543.0</t>
  </si>
  <si>
    <t>20881.0</t>
  </si>
  <si>
    <t>16824.0</t>
  </si>
  <si>
    <t>132.57</t>
  </si>
  <si>
    <t>30652.0</t>
  </si>
  <si>
    <t>40344.0</t>
  </si>
  <si>
    <t>59412.0</t>
  </si>
  <si>
    <t>49641.0</t>
  </si>
  <si>
    <t>39871.0</t>
  </si>
  <si>
    <t>198.35</t>
  </si>
  <si>
    <t>NPL</t>
  </si>
  <si>
    <t>Nepal</t>
  </si>
  <si>
    <t>21340.0</t>
  </si>
  <si>
    <t>28161.0</t>
  </si>
  <si>
    <t>33006.0</t>
  </si>
  <si>
    <t>35494.0</t>
  </si>
  <si>
    <t>48815.0</t>
  </si>
  <si>
    <t>51642.0</t>
  </si>
  <si>
    <t>54697.0</t>
  </si>
  <si>
    <t>64154.0</t>
  </si>
  <si>
    <t>66729.0</t>
  </si>
  <si>
    <t>69587.0</t>
  </si>
  <si>
    <t>84134.0</t>
  </si>
  <si>
    <t>92477.0</t>
  </si>
  <si>
    <t>96205.0</t>
  </si>
  <si>
    <t>106330.0</t>
  </si>
  <si>
    <t>110744.0</t>
  </si>
  <si>
    <t>115937.0</t>
  </si>
  <si>
    <t>127288.0</t>
  </si>
  <si>
    <t>133377.0</t>
  </si>
  <si>
    <t>138683.0</t>
  </si>
  <si>
    <t>143738.0</t>
  </si>
  <si>
    <t>149772.0</t>
  </si>
  <si>
    <t>155518.0</t>
  </si>
  <si>
    <t>161749.0</t>
  </si>
  <si>
    <t>5.385</t>
  </si>
  <si>
    <t>169165.0</t>
  </si>
  <si>
    <t>175173.0</t>
  </si>
  <si>
    <t>181371.0</t>
  </si>
  <si>
    <t>186366.0</t>
  </si>
  <si>
    <t>193194.0</t>
  </si>
  <si>
    <t>199737.0</t>
  </si>
  <si>
    <t>206271.0</t>
  </si>
  <si>
    <t>215839.0</t>
  </si>
  <si>
    <t>223630.0</t>
  </si>
  <si>
    <t>228341.0</t>
  </si>
  <si>
    <t>233227.0</t>
  </si>
  <si>
    <t>242247.0</t>
  </si>
  <si>
    <t>246297.0</t>
  </si>
  <si>
    <t>251007.0</t>
  </si>
  <si>
    <t>255728.0</t>
  </si>
  <si>
    <t>261861.0</t>
  </si>
  <si>
    <t>8.719</t>
  </si>
  <si>
    <t>266557.0</t>
  </si>
  <si>
    <t>271145.0</t>
  </si>
  <si>
    <t>279599.0</t>
  </si>
  <si>
    <t>283515.0</t>
  </si>
  <si>
    <t>293739.0</t>
  </si>
  <si>
    <t>298829.0</t>
  </si>
  <si>
    <t>9.949</t>
  </si>
  <si>
    <t>303810.0</t>
  </si>
  <si>
    <t>308498.0</t>
  </si>
  <si>
    <t>315570.0</t>
  </si>
  <si>
    <t>10.507</t>
  </si>
  <si>
    <t>319872.0</t>
  </si>
  <si>
    <t>323416.0</t>
  </si>
  <si>
    <t>10.908</t>
  </si>
  <si>
    <t>335082.0</t>
  </si>
  <si>
    <t>339157.0</t>
  </si>
  <si>
    <t>11.292</t>
  </si>
  <si>
    <t>342457.0</t>
  </si>
  <si>
    <t>11.402</t>
  </si>
  <si>
    <t>347275.0</t>
  </si>
  <si>
    <t>11.562</t>
  </si>
  <si>
    <t>352307.0</t>
  </si>
  <si>
    <t>358344.0</t>
  </si>
  <si>
    <t>11.931</t>
  </si>
  <si>
    <t>375416.0</t>
  </si>
  <si>
    <t>382409.0</t>
  </si>
  <si>
    <t>391270.0</t>
  </si>
  <si>
    <t>398907.0</t>
  </si>
  <si>
    <t>406594.0</t>
  </si>
  <si>
    <t>412953.0</t>
  </si>
  <si>
    <t>13.749</t>
  </si>
  <si>
    <t>419575.0</t>
  </si>
  <si>
    <t>427501.0</t>
  </si>
  <si>
    <t>14.233</t>
  </si>
  <si>
    <t>435289.0</t>
  </si>
  <si>
    <t>443804.0</t>
  </si>
  <si>
    <t>452236.0</t>
  </si>
  <si>
    <t>462698.0</t>
  </si>
  <si>
    <t>473179.0</t>
  </si>
  <si>
    <t>483038.0</t>
  </si>
  <si>
    <t>16.083</t>
  </si>
  <si>
    <t>494613.0</t>
  </si>
  <si>
    <t>505660.0</t>
  </si>
  <si>
    <t>16.836</t>
  </si>
  <si>
    <t>517907.0</t>
  </si>
  <si>
    <t>17.627</t>
  </si>
  <si>
    <t>542866.0</t>
  </si>
  <si>
    <t>18.074</t>
  </si>
  <si>
    <t>554388.0</t>
  </si>
  <si>
    <t>18.458</t>
  </si>
  <si>
    <t>566220.0</t>
  </si>
  <si>
    <t>579899.0</t>
  </si>
  <si>
    <t>19.724</t>
  </si>
  <si>
    <t>600444.0</t>
  </si>
  <si>
    <t>19.991</t>
  </si>
  <si>
    <t>610678.0</t>
  </si>
  <si>
    <t>621999.0</t>
  </si>
  <si>
    <t>20.709</t>
  </si>
  <si>
    <t>635252.0</t>
  </si>
  <si>
    <t>647881.0</t>
  </si>
  <si>
    <t>658110.0</t>
  </si>
  <si>
    <t>669626.0</t>
  </si>
  <si>
    <t>22.295</t>
  </si>
  <si>
    <t>682343.0</t>
  </si>
  <si>
    <t>693472.0</t>
  </si>
  <si>
    <t>23.089</t>
  </si>
  <si>
    <t>705560.0</t>
  </si>
  <si>
    <t>718439.0</t>
  </si>
  <si>
    <t>731852.0</t>
  </si>
  <si>
    <t>745490.0</t>
  </si>
  <si>
    <t>24.821</t>
  </si>
  <si>
    <t>757963.0</t>
  </si>
  <si>
    <t>25.236</t>
  </si>
  <si>
    <t>768345.0</t>
  </si>
  <si>
    <t>25.582</t>
  </si>
  <si>
    <t>12286.0</t>
  </si>
  <si>
    <t>777563.0</t>
  </si>
  <si>
    <t>788174.0</t>
  </si>
  <si>
    <t>26.242</t>
  </si>
  <si>
    <t>799341.0</t>
  </si>
  <si>
    <t>810485.0</t>
  </si>
  <si>
    <t>821186.0</t>
  </si>
  <si>
    <t>27.341</t>
  </si>
  <si>
    <t>831362.0</t>
  </si>
  <si>
    <t>840527.0</t>
  </si>
  <si>
    <t>27.985</t>
  </si>
  <si>
    <t>851405.0</t>
  </si>
  <si>
    <t>28.347</t>
  </si>
  <si>
    <t>861780.0</t>
  </si>
  <si>
    <t>872274.0</t>
  </si>
  <si>
    <t>29.042</t>
  </si>
  <si>
    <t>882915.0</t>
  </si>
  <si>
    <t>29.396</t>
  </si>
  <si>
    <t>894373.0</t>
  </si>
  <si>
    <t>29.778</t>
  </si>
  <si>
    <t>904706.0</t>
  </si>
  <si>
    <t>30.122</t>
  </si>
  <si>
    <t>914290.0</t>
  </si>
  <si>
    <t>923823.0</t>
  </si>
  <si>
    <t>944474.0</t>
  </si>
  <si>
    <t>31.446</t>
  </si>
  <si>
    <t>955923.0</t>
  </si>
  <si>
    <t>968185.0</t>
  </si>
  <si>
    <t>978204.0</t>
  </si>
  <si>
    <t>32.569</t>
  </si>
  <si>
    <t>988327.0</t>
  </si>
  <si>
    <t>32.906</t>
  </si>
  <si>
    <t>998407.0</t>
  </si>
  <si>
    <t>33.241</t>
  </si>
  <si>
    <t>1009298.0</t>
  </si>
  <si>
    <t>1021503.0</t>
  </si>
  <si>
    <t>1033947.0</t>
  </si>
  <si>
    <t>34.425</t>
  </si>
  <si>
    <t>1048686.0</t>
  </si>
  <si>
    <t>34.915</t>
  </si>
  <si>
    <t>1061664.0</t>
  </si>
  <si>
    <t>1074448.0</t>
  </si>
  <si>
    <t>35.773</t>
  </si>
  <si>
    <t>1088229.0</t>
  </si>
  <si>
    <t>36.232</t>
  </si>
  <si>
    <t>1099276.0</t>
  </si>
  <si>
    <t>1113485.0</t>
  </si>
  <si>
    <t>37.073</t>
  </si>
  <si>
    <t>1131958.0</t>
  </si>
  <si>
    <t>1145237.0</t>
  </si>
  <si>
    <t>1164557.0</t>
  </si>
  <si>
    <t>19320.0</t>
  </si>
  <si>
    <t>38.773</t>
  </si>
  <si>
    <t>1176984.0</t>
  </si>
  <si>
    <t>39.187</t>
  </si>
  <si>
    <t>1191514.0</t>
  </si>
  <si>
    <t>1207091.0</t>
  </si>
  <si>
    <t>1221038.0</t>
  </si>
  <si>
    <t>40.654</t>
  </si>
  <si>
    <t>1237636.0</t>
  </si>
  <si>
    <t>1254167.0</t>
  </si>
  <si>
    <t>41.757</t>
  </si>
  <si>
    <t>1269605.0</t>
  </si>
  <si>
    <t>1283354.0</t>
  </si>
  <si>
    <t>42.729</t>
  </si>
  <si>
    <t>1300918.0</t>
  </si>
  <si>
    <t>43.313</t>
  </si>
  <si>
    <t>1314779.0</t>
  </si>
  <si>
    <t>43.775</t>
  </si>
  <si>
    <t>1350152.0</t>
  </si>
  <si>
    <t>44.953</t>
  </si>
  <si>
    <t>1367016.0</t>
  </si>
  <si>
    <t>45.514</t>
  </si>
  <si>
    <t>1380862.0</t>
  </si>
  <si>
    <t>1393173.0</t>
  </si>
  <si>
    <t>46.385</t>
  </si>
  <si>
    <t>1398179.0</t>
  </si>
  <si>
    <t>46.552</t>
  </si>
  <si>
    <t>1400694.0</t>
  </si>
  <si>
    <t>46.635</t>
  </si>
  <si>
    <t>1409295.0</t>
  </si>
  <si>
    <t>46.922</t>
  </si>
  <si>
    <t>1419064.0</t>
  </si>
  <si>
    <t>47.247</t>
  </si>
  <si>
    <t>1434053.0</t>
  </si>
  <si>
    <t>1443343.0</t>
  </si>
  <si>
    <t>48.055</t>
  </si>
  <si>
    <t>1456366.0</t>
  </si>
  <si>
    <t>48.489</t>
  </si>
  <si>
    <t>1469812.0</t>
  </si>
  <si>
    <t>48.937</t>
  </si>
  <si>
    <t>1480978.0</t>
  </si>
  <si>
    <t>49.308</t>
  </si>
  <si>
    <t>1494122.0</t>
  </si>
  <si>
    <t>49.746</t>
  </si>
  <si>
    <t>1507190.0</t>
  </si>
  <si>
    <t>1517343.0</t>
  </si>
  <si>
    <t>50.519</t>
  </si>
  <si>
    <t>1527766.0</t>
  </si>
  <si>
    <t>1540077.0</t>
  </si>
  <si>
    <t>1551254.0</t>
  </si>
  <si>
    <t>1564214.0</t>
  </si>
  <si>
    <t>1574295.0</t>
  </si>
  <si>
    <t>52.415</t>
  </si>
  <si>
    <t>1584317.0</t>
  </si>
  <si>
    <t>52.749</t>
  </si>
  <si>
    <t>1593850.0</t>
  </si>
  <si>
    <t>53.066</t>
  </si>
  <si>
    <t>1602603.0</t>
  </si>
  <si>
    <t>53.358</t>
  </si>
  <si>
    <t>1609079.0</t>
  </si>
  <si>
    <t>53.573</t>
  </si>
  <si>
    <t>1613911.0</t>
  </si>
  <si>
    <t>53.734</t>
  </si>
  <si>
    <t>1617023.0</t>
  </si>
  <si>
    <t>53.838</t>
  </si>
  <si>
    <t>1623754.0</t>
  </si>
  <si>
    <t>54.062</t>
  </si>
  <si>
    <t>1633559.0</t>
  </si>
  <si>
    <t>54.389</t>
  </si>
  <si>
    <t>1643899.0</t>
  </si>
  <si>
    <t>54.733</t>
  </si>
  <si>
    <t>1652043.0</t>
  </si>
  <si>
    <t>55.004</t>
  </si>
  <si>
    <t>1660075.0</t>
  </si>
  <si>
    <t>55.271</t>
  </si>
  <si>
    <t>1670456.0</t>
  </si>
  <si>
    <t>55.617</t>
  </si>
  <si>
    <t>1681299.0</t>
  </si>
  <si>
    <t>55.978</t>
  </si>
  <si>
    <t>1690509.0</t>
  </si>
  <si>
    <t>56.285</t>
  </si>
  <si>
    <t>1700000.0</t>
  </si>
  <si>
    <t>56.601</t>
  </si>
  <si>
    <t>1710460.0</t>
  </si>
  <si>
    <t>56.949</t>
  </si>
  <si>
    <t>1719828.0</t>
  </si>
  <si>
    <t>57.261</t>
  </si>
  <si>
    <t>1727836.0</t>
  </si>
  <si>
    <t>1737747.0</t>
  </si>
  <si>
    <t>57.857</t>
  </si>
  <si>
    <t>1746330.0</t>
  </si>
  <si>
    <t>1754630.0</t>
  </si>
  <si>
    <t>1763919.0</t>
  </si>
  <si>
    <t>1771950.0</t>
  </si>
  <si>
    <t>58.996</t>
  </si>
  <si>
    <t>1778024.0</t>
  </si>
  <si>
    <t>1784519.0</t>
  </si>
  <si>
    <t>59.415</t>
  </si>
  <si>
    <t>1790739.0</t>
  </si>
  <si>
    <t>1799686.0</t>
  </si>
  <si>
    <t>1805972.0</t>
  </si>
  <si>
    <t>60.129</t>
  </si>
  <si>
    <t>1813204.0</t>
  </si>
  <si>
    <t>1820618.0</t>
  </si>
  <si>
    <t>60.617</t>
  </si>
  <si>
    <t>1825860.0</t>
  </si>
  <si>
    <t>60.791</t>
  </si>
  <si>
    <t>1831041.0</t>
  </si>
  <si>
    <t>60.964</t>
  </si>
  <si>
    <t>1836464.0</t>
  </si>
  <si>
    <t>61.144</t>
  </si>
  <si>
    <t>1843581.0</t>
  </si>
  <si>
    <t>61.381</t>
  </si>
  <si>
    <t>1849136.0</t>
  </si>
  <si>
    <t>1855724.0</t>
  </si>
  <si>
    <t>61.785</t>
  </si>
  <si>
    <t>1861430.0</t>
  </si>
  <si>
    <t>61.975</t>
  </si>
  <si>
    <t>1866210.0</t>
  </si>
  <si>
    <t>62.135</t>
  </si>
  <si>
    <t>1870830.0</t>
  </si>
  <si>
    <t>62.288</t>
  </si>
  <si>
    <t>1890740.0</t>
  </si>
  <si>
    <t>62.951</t>
  </si>
  <si>
    <t>1896250.0</t>
  </si>
  <si>
    <t>63.135</t>
  </si>
  <si>
    <t>1900392.0</t>
  </si>
  <si>
    <t>63.273</t>
  </si>
  <si>
    <t>1905826.0</t>
  </si>
  <si>
    <t>1909654.0</t>
  </si>
  <si>
    <t>63.767</t>
  </si>
  <si>
    <t>1921367.0</t>
  </si>
  <si>
    <t>63.971</t>
  </si>
  <si>
    <t>1932477.0</t>
  </si>
  <si>
    <t>64.341</t>
  </si>
  <si>
    <t>1937702.0</t>
  </si>
  <si>
    <t>64.515</t>
  </si>
  <si>
    <t>1948502.0</t>
  </si>
  <si>
    <t>1952903.0</t>
  </si>
  <si>
    <t>65.021</t>
  </si>
  <si>
    <t>1957454.0</t>
  </si>
  <si>
    <t>65.172</t>
  </si>
  <si>
    <t>1964160.0</t>
  </si>
  <si>
    <t>1969292.0</t>
  </si>
  <si>
    <t>65.567</t>
  </si>
  <si>
    <t>1974561.0</t>
  </si>
  <si>
    <t>1978847.0</t>
  </si>
  <si>
    <t>65.885</t>
  </si>
  <si>
    <t>1982246.0</t>
  </si>
  <si>
    <t>65.998</t>
  </si>
  <si>
    <t>1987555.0</t>
  </si>
  <si>
    <t>66.175</t>
  </si>
  <si>
    <t>1992855.0</t>
  </si>
  <si>
    <t>66.351</t>
  </si>
  <si>
    <t>1997009.0</t>
  </si>
  <si>
    <t>66.489</t>
  </si>
  <si>
    <t>2002041.0</t>
  </si>
  <si>
    <t>66.657</t>
  </si>
  <si>
    <t>2005125.0</t>
  </si>
  <si>
    <t>2008944.0</t>
  </si>
  <si>
    <t>66.887</t>
  </si>
  <si>
    <t>2012452.0</t>
  </si>
  <si>
    <t>2016758.0</t>
  </si>
  <si>
    <t>67.147</t>
  </si>
  <si>
    <t>2021714.0</t>
  </si>
  <si>
    <t>67.312</t>
  </si>
  <si>
    <t>67.479</t>
  </si>
  <si>
    <t>2031756.0</t>
  </si>
  <si>
    <t>67.646</t>
  </si>
  <si>
    <t>2035301.0</t>
  </si>
  <si>
    <t>67.764</t>
  </si>
  <si>
    <t>2038842.0</t>
  </si>
  <si>
    <t>67.882</t>
  </si>
  <si>
    <t>2043255.0</t>
  </si>
  <si>
    <t>68.029</t>
  </si>
  <si>
    <t>2048113.0</t>
  </si>
  <si>
    <t>2052687.0</t>
  </si>
  <si>
    <t>68.343</t>
  </si>
  <si>
    <t>2057069.0</t>
  </si>
  <si>
    <t>68.489</t>
  </si>
  <si>
    <t>2060860.0</t>
  </si>
  <si>
    <t>2064081.0</t>
  </si>
  <si>
    <t>68.723</t>
  </si>
  <si>
    <t>2067699.0</t>
  </si>
  <si>
    <t>68.843</t>
  </si>
  <si>
    <t>2071007.0</t>
  </si>
  <si>
    <t>68.953</t>
  </si>
  <si>
    <t>2075152.0</t>
  </si>
  <si>
    <t>69.091</t>
  </si>
  <si>
    <t>113175.0</t>
  </si>
  <si>
    <t>2078098.0</t>
  </si>
  <si>
    <t>69.189</t>
  </si>
  <si>
    <t>2081695.0</t>
  </si>
  <si>
    <t>69.309</t>
  </si>
  <si>
    <t>2085573.0</t>
  </si>
  <si>
    <t>158487.0</t>
  </si>
  <si>
    <t>2088372.0</t>
  </si>
  <si>
    <t>2091166.0</t>
  </si>
  <si>
    <t>69.624</t>
  </si>
  <si>
    <t>69.699</t>
  </si>
  <si>
    <t>2096750.0</t>
  </si>
  <si>
    <t>2101059.0</t>
  </si>
  <si>
    <t>2104626.0</t>
  </si>
  <si>
    <t>70.072</t>
  </si>
  <si>
    <t>2107649.0</t>
  </si>
  <si>
    <t>70.173</t>
  </si>
  <si>
    <t>2111649.0</t>
  </si>
  <si>
    <t>70.306</t>
  </si>
  <si>
    <t>2113549.0</t>
  </si>
  <si>
    <t>2117050.0</t>
  </si>
  <si>
    <t>70.486</t>
  </si>
  <si>
    <t>2120591.0</t>
  </si>
  <si>
    <t>70.604</t>
  </si>
  <si>
    <t>2123951.0</t>
  </si>
  <si>
    <t>70.716</t>
  </si>
  <si>
    <t>2127789.0</t>
  </si>
  <si>
    <t>70.844</t>
  </si>
  <si>
    <t>2131330.0</t>
  </si>
  <si>
    <t>70.962</t>
  </si>
  <si>
    <t>2134261.0</t>
  </si>
  <si>
    <t>2136309.0</t>
  </si>
  <si>
    <t>71.127</t>
  </si>
  <si>
    <t>402264.0</t>
  </si>
  <si>
    <t>2139634.0</t>
  </si>
  <si>
    <t>71.238</t>
  </si>
  <si>
    <t>2143315.0</t>
  </si>
  <si>
    <t>71.361</t>
  </si>
  <si>
    <t>2146533.0</t>
  </si>
  <si>
    <t>71.468</t>
  </si>
  <si>
    <t>2150225.0</t>
  </si>
  <si>
    <t>2153636.0</t>
  </si>
  <si>
    <t>71.704</t>
  </si>
  <si>
    <t>36039.0</t>
  </si>
  <si>
    <t>2157580.0</t>
  </si>
  <si>
    <t>40200.0</t>
  </si>
  <si>
    <t>2160404.0</t>
  </si>
  <si>
    <t>2162936.0</t>
  </si>
  <si>
    <t>72.014</t>
  </si>
  <si>
    <t>2165985.0</t>
  </si>
  <si>
    <t>2170112.0</t>
  </si>
  <si>
    <t>72.253</t>
  </si>
  <si>
    <t>2173511.0</t>
  </si>
  <si>
    <t>72.366</t>
  </si>
  <si>
    <t>2179047.0</t>
  </si>
  <si>
    <t>2185190.0</t>
  </si>
  <si>
    <t>72.755</t>
  </si>
  <si>
    <t>2188725.0</t>
  </si>
  <si>
    <t>72.873</t>
  </si>
  <si>
    <t>2192836.0</t>
  </si>
  <si>
    <t>73.009</t>
  </si>
  <si>
    <t>2197235.0</t>
  </si>
  <si>
    <t>2199950.0</t>
  </si>
  <si>
    <t>2203438.0</t>
  </si>
  <si>
    <t>73.362</t>
  </si>
  <si>
    <t>2207922.0</t>
  </si>
  <si>
    <t>73.512</t>
  </si>
  <si>
    <t>2210434.0</t>
  </si>
  <si>
    <t>73.595</t>
  </si>
  <si>
    <t>2212796.0</t>
  </si>
  <si>
    <t>73.674</t>
  </si>
  <si>
    <t>2215411.0</t>
  </si>
  <si>
    <t>2218722.0</t>
  </si>
  <si>
    <t>73.871</t>
  </si>
  <si>
    <t>2221512.0</t>
  </si>
  <si>
    <t>73.964</t>
  </si>
  <si>
    <t>2224293.0</t>
  </si>
  <si>
    <t>74.057</t>
  </si>
  <si>
    <t>2227547.0</t>
  </si>
  <si>
    <t>74.165</t>
  </si>
  <si>
    <t>2230708.0</t>
  </si>
  <si>
    <t>1600000.0</t>
  </si>
  <si>
    <t>2233345.0</t>
  </si>
  <si>
    <t>2236526.0</t>
  </si>
  <si>
    <t>74.464</t>
  </si>
  <si>
    <t>2240998.0</t>
  </si>
  <si>
    <t>74.613</t>
  </si>
  <si>
    <t>27870.0</t>
  </si>
  <si>
    <t>2245030.0</t>
  </si>
  <si>
    <t>74.747</t>
  </si>
  <si>
    <t>2248993.0</t>
  </si>
  <si>
    <t>74.879</t>
  </si>
  <si>
    <t>2251884.0</t>
  </si>
  <si>
    <t>74.975</t>
  </si>
  <si>
    <t>2256300.0</t>
  </si>
  <si>
    <t>75.122</t>
  </si>
  <si>
    <t>2259045.0</t>
  </si>
  <si>
    <t>75.214</t>
  </si>
  <si>
    <t>2261146.0</t>
  </si>
  <si>
    <t>75.284</t>
  </si>
  <si>
    <t>2264268.0</t>
  </si>
  <si>
    <t>2267408.0</t>
  </si>
  <si>
    <t>75.492</t>
  </si>
  <si>
    <t>2271327.0</t>
  </si>
  <si>
    <t>2275540.0</t>
  </si>
  <si>
    <t>75.763</t>
  </si>
  <si>
    <t>2279105.0</t>
  </si>
  <si>
    <t>75.882</t>
  </si>
  <si>
    <t>2281832.0</t>
  </si>
  <si>
    <t>75.972</t>
  </si>
  <si>
    <t>2285288.0</t>
  </si>
  <si>
    <t>76.088</t>
  </si>
  <si>
    <t>2289824.0</t>
  </si>
  <si>
    <t>76.239</t>
  </si>
  <si>
    <t>2294067.0</t>
  </si>
  <si>
    <t>2298167.0</t>
  </si>
  <si>
    <t>1806236.0</t>
  </si>
  <si>
    <t>2302173.0</t>
  </si>
  <si>
    <t>1811658.0</t>
  </si>
  <si>
    <t>2306244.0</t>
  </si>
  <si>
    <t>1835263.0</t>
  </si>
  <si>
    <t>2309776.0</t>
  </si>
  <si>
    <t>1841124.0</t>
  </si>
  <si>
    <t>2312901.0</t>
  </si>
  <si>
    <t>2317284.0</t>
  </si>
  <si>
    <t>2321670.0</t>
  </si>
  <si>
    <t>77.299</t>
  </si>
  <si>
    <t>1873377.0</t>
  </si>
  <si>
    <t>2325959.0</t>
  </si>
  <si>
    <t>77.442</t>
  </si>
  <si>
    <t>2329547.0</t>
  </si>
  <si>
    <t>1885755.0</t>
  </si>
  <si>
    <t>2335084.0</t>
  </si>
  <si>
    <t>77.745</t>
  </si>
  <si>
    <t>1900583.0</t>
  </si>
  <si>
    <t>2340417.0</t>
  </si>
  <si>
    <t>77.923</t>
  </si>
  <si>
    <t>1910209.0</t>
  </si>
  <si>
    <t>2345501.0</t>
  </si>
  <si>
    <t>1924703.0</t>
  </si>
  <si>
    <t>2352502.0</t>
  </si>
  <si>
    <t>78.325</t>
  </si>
  <si>
    <t>1938679.0</t>
  </si>
  <si>
    <t>2360557.0</t>
  </si>
  <si>
    <t>78.594</t>
  </si>
  <si>
    <t>1961992.0</t>
  </si>
  <si>
    <t>2369401.0</t>
  </si>
  <si>
    <t>78.888</t>
  </si>
  <si>
    <t>1966506.0</t>
  </si>
  <si>
    <t>2379402.0</t>
  </si>
  <si>
    <t>1978239.0</t>
  </si>
  <si>
    <t>2388200.0</t>
  </si>
  <si>
    <t>79.514</t>
  </si>
  <si>
    <t>2395725.0</t>
  </si>
  <si>
    <t>79.764</t>
  </si>
  <si>
    <t>2405017.0</t>
  </si>
  <si>
    <t>80.074</t>
  </si>
  <si>
    <t>2006436.0</t>
  </si>
  <si>
    <t>2417417.0</t>
  </si>
  <si>
    <t>80.487</t>
  </si>
  <si>
    <t>2019177.0</t>
  </si>
  <si>
    <t>2432089.0</t>
  </si>
  <si>
    <t>80.975</t>
  </si>
  <si>
    <t>2051440.0</t>
  </si>
  <si>
    <t>32263.0</t>
  </si>
  <si>
    <t>2445968.0</t>
  </si>
  <si>
    <t>81.437</t>
  </si>
  <si>
    <t>2091511.0</t>
  </si>
  <si>
    <t>2458565.0</t>
  </si>
  <si>
    <t>81.857</t>
  </si>
  <si>
    <t>11309.0</t>
  </si>
  <si>
    <t>2488359.0</t>
  </si>
  <si>
    <t>82.849</t>
  </si>
  <si>
    <t>2504476.0</t>
  </si>
  <si>
    <t>2521164.0</t>
  </si>
  <si>
    <t>16688.0</t>
  </si>
  <si>
    <t>2537295.0</t>
  </si>
  <si>
    <t>84.478</t>
  </si>
  <si>
    <t>2558051.0</t>
  </si>
  <si>
    <t>85.169</t>
  </si>
  <si>
    <t>2578418.0</t>
  </si>
  <si>
    <t>85.847</t>
  </si>
  <si>
    <t>2598405.0</t>
  </si>
  <si>
    <t>86.513</t>
  </si>
  <si>
    <t>2453512.0</t>
  </si>
  <si>
    <t>362001.0</t>
  </si>
  <si>
    <t>35594.0</t>
  </si>
  <si>
    <t>2634504.0</t>
  </si>
  <si>
    <t>2652130.0</t>
  </si>
  <si>
    <t>2672726.0</t>
  </si>
  <si>
    <t>88.987</t>
  </si>
  <si>
    <t>2693088.0</t>
  </si>
  <si>
    <t>20362.0</t>
  </si>
  <si>
    <t>2712562.0</t>
  </si>
  <si>
    <t>90.313</t>
  </si>
  <si>
    <t>2733510.0</t>
  </si>
  <si>
    <t>91.011</t>
  </si>
  <si>
    <t>2751481.0</t>
  </si>
  <si>
    <t>91.609</t>
  </si>
  <si>
    <t>2770980.0</t>
  </si>
  <si>
    <t>92.258</t>
  </si>
  <si>
    <t>2792673.0</t>
  </si>
  <si>
    <t>92.981</t>
  </si>
  <si>
    <t>2812959.0</t>
  </si>
  <si>
    <t>93.656</t>
  </si>
  <si>
    <t>2539590.0</t>
  </si>
  <si>
    <t>2113080.0</t>
  </si>
  <si>
    <t>426510.0</t>
  </si>
  <si>
    <t>2834098.0</t>
  </si>
  <si>
    <t>21139.0</t>
  </si>
  <si>
    <t>2855793.0</t>
  </si>
  <si>
    <t>95.082</t>
  </si>
  <si>
    <t>2596711.0</t>
  </si>
  <si>
    <t>483631.0</t>
  </si>
  <si>
    <t>2878146.0</t>
  </si>
  <si>
    <t>95.826</t>
  </si>
  <si>
    <t>2627333.0</t>
  </si>
  <si>
    <t>2897503.0</t>
  </si>
  <si>
    <t>96.471</t>
  </si>
  <si>
    <t>2644648.0</t>
  </si>
  <si>
    <t>531568.0</t>
  </si>
  <si>
    <t>2916468.0</t>
  </si>
  <si>
    <t>97.102</t>
  </si>
  <si>
    <t>2666669.0</t>
  </si>
  <si>
    <t>553589.0</t>
  </si>
  <si>
    <t>2936314.0</t>
  </si>
  <si>
    <t>97.763</t>
  </si>
  <si>
    <t>20520.0</t>
  </si>
  <si>
    <t>2706835.0</t>
  </si>
  <si>
    <t>593755.0</t>
  </si>
  <si>
    <t>40166.0</t>
  </si>
  <si>
    <t>2958620.0</t>
  </si>
  <si>
    <t>2727193.0</t>
  </si>
  <si>
    <t>614113.0</t>
  </si>
  <si>
    <t>2977650.0</t>
  </si>
  <si>
    <t>99.139</t>
  </si>
  <si>
    <t>2741964.0</t>
  </si>
  <si>
    <t>628884.0</t>
  </si>
  <si>
    <t>2998064.0</t>
  </si>
  <si>
    <t>20414.0</t>
  </si>
  <si>
    <t>2761148.0</t>
  </si>
  <si>
    <t>648068.0</t>
  </si>
  <si>
    <t>3017377.0</t>
  </si>
  <si>
    <t>100.462</t>
  </si>
  <si>
    <t>2767931.0</t>
  </si>
  <si>
    <t>654851.0</t>
  </si>
  <si>
    <t>3031383.0</t>
  </si>
  <si>
    <t>100.928</t>
  </si>
  <si>
    <t>2800019.0</t>
  </si>
  <si>
    <t>686939.0</t>
  </si>
  <si>
    <t>32088.0</t>
  </si>
  <si>
    <t>3042369.0</t>
  </si>
  <si>
    <t>101.294</t>
  </si>
  <si>
    <t>2802596.0</t>
  </si>
  <si>
    <t>689516.0</t>
  </si>
  <si>
    <t>3057424.0</t>
  </si>
  <si>
    <t>3074571.0</t>
  </si>
  <si>
    <t>102.366</t>
  </si>
  <si>
    <t>3088376.0</t>
  </si>
  <si>
    <t>102.826</t>
  </si>
  <si>
    <t>3106938.0</t>
  </si>
  <si>
    <t>103.444</t>
  </si>
  <si>
    <t>3121120.0</t>
  </si>
  <si>
    <t>103.916</t>
  </si>
  <si>
    <t>3199280.0</t>
  </si>
  <si>
    <t>78160.0</t>
  </si>
  <si>
    <t>106.518</t>
  </si>
  <si>
    <t>3213013.0</t>
  </si>
  <si>
    <t>106.976</t>
  </si>
  <si>
    <t>2804574.0</t>
  </si>
  <si>
    <t>3230916.0</t>
  </si>
  <si>
    <t>107.572</t>
  </si>
  <si>
    <t>3248592.0</t>
  </si>
  <si>
    <t>3265234.0</t>
  </si>
  <si>
    <t>108.714</t>
  </si>
  <si>
    <t>2861314.0</t>
  </si>
  <si>
    <t>2169820.0</t>
  </si>
  <si>
    <t>3280472.0</t>
  </si>
  <si>
    <t>109.222</t>
  </si>
  <si>
    <t>2936113.0</t>
  </si>
  <si>
    <t>2244619.0</t>
  </si>
  <si>
    <t>74799.0</t>
  </si>
  <si>
    <t>3295654.0</t>
  </si>
  <si>
    <t>109.727</t>
  </si>
  <si>
    <t>24933.0</t>
  </si>
  <si>
    <t>3310148.0</t>
  </si>
  <si>
    <t>3074592.0</t>
  </si>
  <si>
    <t>2383098.0</t>
  </si>
  <si>
    <t>38614.0</t>
  </si>
  <si>
    <t>3322554.0</t>
  </si>
  <si>
    <t>110.623</t>
  </si>
  <si>
    <t>3337373.0</t>
  </si>
  <si>
    <t>111.116</t>
  </si>
  <si>
    <t>41113.0</t>
  </si>
  <si>
    <t>3350663.0</t>
  </si>
  <si>
    <t>111.559</t>
  </si>
  <si>
    <t>14582.0</t>
  </si>
  <si>
    <t>3129621.0</t>
  </si>
  <si>
    <t>2438127.0</t>
  </si>
  <si>
    <t>3363685.0</t>
  </si>
  <si>
    <t>111.992</t>
  </si>
  <si>
    <t>3153419.0</t>
  </si>
  <si>
    <t>2461925.0</t>
  </si>
  <si>
    <t>23798.0</t>
  </si>
  <si>
    <t>3376169.0</t>
  </si>
  <si>
    <t>112.408</t>
  </si>
  <si>
    <t>34778.0</t>
  </si>
  <si>
    <t>3389206.0</t>
  </si>
  <si>
    <t>112.842</t>
  </si>
  <si>
    <t>28622.0</t>
  </si>
  <si>
    <t>3400902.0</t>
  </si>
  <si>
    <t>113.231</t>
  </si>
  <si>
    <t>3231849.0</t>
  </si>
  <si>
    <t>2500196.0</t>
  </si>
  <si>
    <t>731653.0</t>
  </si>
  <si>
    <t>22465.0</t>
  </si>
  <si>
    <t>3411828.0</t>
  </si>
  <si>
    <t>113.595</t>
  </si>
  <si>
    <t>3422732.0</t>
  </si>
  <si>
    <t>113.958</t>
  </si>
  <si>
    <t>3439645.0</t>
  </si>
  <si>
    <t>114.521</t>
  </si>
  <si>
    <t>3452059.0</t>
  </si>
  <si>
    <t>114.935</t>
  </si>
  <si>
    <t>12625.0</t>
  </si>
  <si>
    <t>3464291.0</t>
  </si>
  <si>
    <t>115.342</t>
  </si>
  <si>
    <t>3478642.0</t>
  </si>
  <si>
    <t>3488152.0</t>
  </si>
  <si>
    <t>116.136</t>
  </si>
  <si>
    <t>3331960.0</t>
  </si>
  <si>
    <t>2582375.0</t>
  </si>
  <si>
    <t>749585.0</t>
  </si>
  <si>
    <t>3497988.0</t>
  </si>
  <si>
    <t>116.464</t>
  </si>
  <si>
    <t>3333921.0</t>
  </si>
  <si>
    <t>2583790.0</t>
  </si>
  <si>
    <t>750131.0</t>
  </si>
  <si>
    <t>3509628.0</t>
  </si>
  <si>
    <t>116.851</t>
  </si>
  <si>
    <t>3339983.0</t>
  </si>
  <si>
    <t>2587873.0</t>
  </si>
  <si>
    <t>752110.0</t>
  </si>
  <si>
    <t>3521376.0</t>
  </si>
  <si>
    <t>3354095.0</t>
  </si>
  <si>
    <t>2599553.0</t>
  </si>
  <si>
    <t>754542.0</t>
  </si>
  <si>
    <t>3532944.0</t>
  </si>
  <si>
    <t>117.628</t>
  </si>
  <si>
    <t>3356335.0</t>
  </si>
  <si>
    <t>2601316.0</t>
  </si>
  <si>
    <t>755019.0</t>
  </si>
  <si>
    <t>3543929.0</t>
  </si>
  <si>
    <t>3361468.0</t>
  </si>
  <si>
    <t>2604866.0</t>
  </si>
  <si>
    <t>756602.0</t>
  </si>
  <si>
    <t>3554525.0</t>
  </si>
  <si>
    <t>118.346</t>
  </si>
  <si>
    <t>3564658.0</t>
  </si>
  <si>
    <t>118.684</t>
  </si>
  <si>
    <t>3362828.0</t>
  </si>
  <si>
    <t>757962.0</t>
  </si>
  <si>
    <t>3572790.0</t>
  </si>
  <si>
    <t>3364051.0</t>
  </si>
  <si>
    <t>2606005.0</t>
  </si>
  <si>
    <t>758046.0</t>
  </si>
  <si>
    <t>3584317.0</t>
  </si>
  <si>
    <t>119.338</t>
  </si>
  <si>
    <t>3371761.0</t>
  </si>
  <si>
    <t>2611807.0</t>
  </si>
  <si>
    <t>759954.0</t>
  </si>
  <si>
    <t>3596902.0</t>
  </si>
  <si>
    <t>3608800.0</t>
  </si>
  <si>
    <t>120.153</t>
  </si>
  <si>
    <t>3463107.0</t>
  </si>
  <si>
    <t>851300.0</t>
  </si>
  <si>
    <t>3619304.0</t>
  </si>
  <si>
    <t>120.503</t>
  </si>
  <si>
    <t>3630617.0</t>
  </si>
  <si>
    <t>3576315.0</t>
  </si>
  <si>
    <t>964508.0</t>
  </si>
  <si>
    <t>30595.0</t>
  </si>
  <si>
    <t>3641034.0</t>
  </si>
  <si>
    <t>121.226</t>
  </si>
  <si>
    <t>3650252.0</t>
  </si>
  <si>
    <t>121.533</t>
  </si>
  <si>
    <t>3653173.0</t>
  </si>
  <si>
    <t>1041366.0</t>
  </si>
  <si>
    <t>41303.0</t>
  </si>
  <si>
    <t>3661836.0</t>
  </si>
  <si>
    <t>3690999.0</t>
  </si>
  <si>
    <t>1079192.0</t>
  </si>
  <si>
    <t>3672848.0</t>
  </si>
  <si>
    <t>3714937.0</t>
  </si>
  <si>
    <t>1103130.0</t>
  </si>
  <si>
    <t>3685872.0</t>
  </si>
  <si>
    <t>122.719</t>
  </si>
  <si>
    <t>3730344.0</t>
  </si>
  <si>
    <t>2621476.0</t>
  </si>
  <si>
    <t>1108868.0</t>
  </si>
  <si>
    <t>3698640.0</t>
  </si>
  <si>
    <t>41208.0</t>
  </si>
  <si>
    <t>3712822.0</t>
  </si>
  <si>
    <t>123.617</t>
  </si>
  <si>
    <t>3885991.0</t>
  </si>
  <si>
    <t>2765709.0</t>
  </si>
  <si>
    <t>1120282.0</t>
  </si>
  <si>
    <t>21986.0</t>
  </si>
  <si>
    <t>3722888.0</t>
  </si>
  <si>
    <t>123.952</t>
  </si>
  <si>
    <t>4039720.0</t>
  </si>
  <si>
    <t>2912850.0</t>
  </si>
  <si>
    <t>1126870.0</t>
  </si>
  <si>
    <t>153729.0</t>
  </si>
  <si>
    <t>3732516.0</t>
  </si>
  <si>
    <t>124.272</t>
  </si>
  <si>
    <t>4129122.0</t>
  </si>
  <si>
    <t>2999214.0</t>
  </si>
  <si>
    <t>1129908.0</t>
  </si>
  <si>
    <t>89402.0</t>
  </si>
  <si>
    <t>67993.0</t>
  </si>
  <si>
    <t>3744180.0</t>
  </si>
  <si>
    <t>124.661</t>
  </si>
  <si>
    <t>75444.0</t>
  </si>
  <si>
    <t>66183.0</t>
  </si>
  <si>
    <t>3757315.0</t>
  </si>
  <si>
    <t>125.098</t>
  </si>
  <si>
    <t>4309086.0</t>
  </si>
  <si>
    <t>3150956.0</t>
  </si>
  <si>
    <t>1158130.0</t>
  </si>
  <si>
    <t>84878.0</t>
  </si>
  <si>
    <t>77021.0</t>
  </si>
  <si>
    <t>3769931.0</t>
  </si>
  <si>
    <t>125.518</t>
  </si>
  <si>
    <t>102741.0</t>
  </si>
  <si>
    <t>3782760.0</t>
  </si>
  <si>
    <t>4589970.0</t>
  </si>
  <si>
    <t>3308730.0</t>
  </si>
  <si>
    <t>1281240.0</t>
  </si>
  <si>
    <t>3800068.0</t>
  </si>
  <si>
    <t>17308.0</t>
  </si>
  <si>
    <t>4661963.0</t>
  </si>
  <si>
    <t>3349951.0</t>
  </si>
  <si>
    <t>1312012.0</t>
  </si>
  <si>
    <t>71993.0</t>
  </si>
  <si>
    <t>110853.0</t>
  </si>
  <si>
    <t>83463.0</t>
  </si>
  <si>
    <t>3814978.0</t>
  </si>
  <si>
    <t>127.018</t>
  </si>
  <si>
    <t>4743274.0</t>
  </si>
  <si>
    <t>3377228.0</t>
  </si>
  <si>
    <t>1366046.0</t>
  </si>
  <si>
    <t>81311.0</t>
  </si>
  <si>
    <t>100508.0</t>
  </si>
  <si>
    <t>3828812.0</t>
  </si>
  <si>
    <t>4781216.0</t>
  </si>
  <si>
    <t>3383038.0</t>
  </si>
  <si>
    <t>1398178.0</t>
  </si>
  <si>
    <t>3846084.0</t>
  </si>
  <si>
    <t>128.053</t>
  </si>
  <si>
    <t>4828570.0</t>
  </si>
  <si>
    <t>3405154.0</t>
  </si>
  <si>
    <t>1423416.0</t>
  </si>
  <si>
    <t>87067.0</t>
  </si>
  <si>
    <t>3863602.0</t>
  </si>
  <si>
    <t>128.637</t>
  </si>
  <si>
    <t>4920010.0</t>
  </si>
  <si>
    <t>3462340.0</t>
  </si>
  <si>
    <t>1457670.0</t>
  </si>
  <si>
    <t>91440.0</t>
  </si>
  <si>
    <t>3879410.0</t>
  </si>
  <si>
    <t>129.163</t>
  </si>
  <si>
    <t>5047355.0</t>
  </si>
  <si>
    <t>3544043.0</t>
  </si>
  <si>
    <t>1503312.0</t>
  </si>
  <si>
    <t>127345.0</t>
  </si>
  <si>
    <t>85404.0</t>
  </si>
  <si>
    <t>3893652.0</t>
  </si>
  <si>
    <t>129.637</t>
  </si>
  <si>
    <t>5199536.0</t>
  </si>
  <si>
    <t>3650733.0</t>
  </si>
  <si>
    <t>1548803.0</t>
  </si>
  <si>
    <t>152181.0</t>
  </si>
  <si>
    <t>87081.0</t>
  </si>
  <si>
    <t>48858.0</t>
  </si>
  <si>
    <t>3908313.0</t>
  </si>
  <si>
    <t>130.125</t>
  </si>
  <si>
    <t>111303.0</t>
  </si>
  <si>
    <t>3921832.0</t>
  </si>
  <si>
    <t>130.575</t>
  </si>
  <si>
    <t>5682627.0</t>
  </si>
  <si>
    <t>3936724.0</t>
  </si>
  <si>
    <t>1745903.0</t>
  </si>
  <si>
    <t>3934468.0</t>
  </si>
  <si>
    <t>130.996</t>
  </si>
  <si>
    <t>5877759.0</t>
  </si>
  <si>
    <t>4064288.0</t>
  </si>
  <si>
    <t>1813471.0</t>
  </si>
  <si>
    <t>195132.0</t>
  </si>
  <si>
    <t>156649.0</t>
  </si>
  <si>
    <t>97321.0</t>
  </si>
  <si>
    <t>3948279.0</t>
  </si>
  <si>
    <t>131.456</t>
  </si>
  <si>
    <t>6163462.0</t>
  </si>
  <si>
    <t>4163251.0</t>
  </si>
  <si>
    <t>2000211.0</t>
  </si>
  <si>
    <t>285703.0</t>
  </si>
  <si>
    <t>190699.0</t>
  </si>
  <si>
    <t>108300.0</t>
  </si>
  <si>
    <t>3964997.0</t>
  </si>
  <si>
    <t>132.013</t>
  </si>
  <si>
    <t>6257243.0</t>
  </si>
  <si>
    <t>4254540.0</t>
  </si>
  <si>
    <t>2002703.0</t>
  </si>
  <si>
    <t>191033.0</t>
  </si>
  <si>
    <t>113171.0</t>
  </si>
  <si>
    <t>3981295.0</t>
  </si>
  <si>
    <t>6372398.0</t>
  </si>
  <si>
    <t>4297612.0</t>
  </si>
  <si>
    <t>2074786.0</t>
  </si>
  <si>
    <t>115155.0</t>
  </si>
  <si>
    <t>189292.0</t>
  </si>
  <si>
    <t>3999703.0</t>
  </si>
  <si>
    <t>133.168</t>
  </si>
  <si>
    <t>6490177.0</t>
  </si>
  <si>
    <t>4359277.0</t>
  </si>
  <si>
    <t>2130900.0</t>
  </si>
  <si>
    <t>184377.0</t>
  </si>
  <si>
    <t>101221.0</t>
  </si>
  <si>
    <t>4015378.0</t>
  </si>
  <si>
    <t>6611076.0</t>
  </si>
  <si>
    <t>4403021.0</t>
  </si>
  <si>
    <t>2208055.0</t>
  </si>
  <si>
    <t>120899.0</t>
  </si>
  <si>
    <t>167142.0</t>
  </si>
  <si>
    <t>4028951.0</t>
  </si>
  <si>
    <t>134.142</t>
  </si>
  <si>
    <t>6802415.0</t>
  </si>
  <si>
    <t>4442622.0</t>
  </si>
  <si>
    <t>2359793.0</t>
  </si>
  <si>
    <t>191339.0</t>
  </si>
  <si>
    <t>159970.0</t>
  </si>
  <si>
    <t>4041329.0</t>
  </si>
  <si>
    <t>6986451.0</t>
  </si>
  <si>
    <t>4494269.0</t>
  </si>
  <si>
    <t>2492182.0</t>
  </si>
  <si>
    <t>184036.0</t>
  </si>
  <si>
    <t>158385.0</t>
  </si>
  <si>
    <t>4057923.0</t>
  </si>
  <si>
    <t>135.107</t>
  </si>
  <si>
    <t>15663.0</t>
  </si>
  <si>
    <t>7131481.0</t>
  </si>
  <si>
    <t>4525435.0</t>
  </si>
  <si>
    <t>2606046.0</t>
  </si>
  <si>
    <t>145030.0</t>
  </si>
  <si>
    <t>138288.0</t>
  </si>
  <si>
    <t>51741.0</t>
  </si>
  <si>
    <t>4077046.0</t>
  </si>
  <si>
    <t>135.743</t>
  </si>
  <si>
    <t>7263702.0</t>
  </si>
  <si>
    <t>4541682.0</t>
  </si>
  <si>
    <t>2722020.0</t>
  </si>
  <si>
    <t>143780.0</t>
  </si>
  <si>
    <t>4093702.0</t>
  </si>
  <si>
    <t>136.298</t>
  </si>
  <si>
    <t>7458913.0</t>
  </si>
  <si>
    <t>4570553.0</t>
  </si>
  <si>
    <t>2888360.0</t>
  </si>
  <si>
    <t>195211.0</t>
  </si>
  <si>
    <t>155216.0</t>
  </si>
  <si>
    <t>38992.0</t>
  </si>
  <si>
    <t>4109164.0</t>
  </si>
  <si>
    <t>136.813</t>
  </si>
  <si>
    <t>7515766.0</t>
  </si>
  <si>
    <t>4593526.0</t>
  </si>
  <si>
    <t>2922240.0</t>
  </si>
  <si>
    <t>56853.0</t>
  </si>
  <si>
    <t>146513.0</t>
  </si>
  <si>
    <t>4127746.0</t>
  </si>
  <si>
    <t>137.431</t>
  </si>
  <si>
    <t>162251.0</t>
  </si>
  <si>
    <t>32986.0</t>
  </si>
  <si>
    <t>4141319.0</t>
  </si>
  <si>
    <t>137.883</t>
  </si>
  <si>
    <t>7977896.0</t>
  </si>
  <si>
    <t>4674318.0</t>
  </si>
  <si>
    <t>3303578.0</t>
  </si>
  <si>
    <t>167926.0</t>
  </si>
  <si>
    <t>4153425.0</t>
  </si>
  <si>
    <t>138.286</t>
  </si>
  <si>
    <t>8048666.0</t>
  </si>
  <si>
    <t>4684509.0</t>
  </si>
  <si>
    <t>3364157.0</t>
  </si>
  <si>
    <t>151745.0</t>
  </si>
  <si>
    <t>27177.0</t>
  </si>
  <si>
    <t>4169036.0</t>
  </si>
  <si>
    <t>138.806</t>
  </si>
  <si>
    <t>8207001.0</t>
  </si>
  <si>
    <t>4716936.0</t>
  </si>
  <si>
    <t>3490065.0</t>
  </si>
  <si>
    <t>158335.0</t>
  </si>
  <si>
    <t>153646.0</t>
  </si>
  <si>
    <t>27357.0</t>
  </si>
  <si>
    <t>4186725.0</t>
  </si>
  <si>
    <t>139.395</t>
  </si>
  <si>
    <t>8351529.0</t>
  </si>
  <si>
    <t>4764856.0</t>
  </si>
  <si>
    <t>3586673.0</t>
  </si>
  <si>
    <t>144528.0</t>
  </si>
  <si>
    <t>155404.0</t>
  </si>
  <si>
    <t>4203563.0</t>
  </si>
  <si>
    <t>139.956</t>
  </si>
  <si>
    <t>8435662.0</t>
  </si>
  <si>
    <t>4785902.0</t>
  </si>
  <si>
    <t>3649760.0</t>
  </si>
  <si>
    <t>84133.0</t>
  </si>
  <si>
    <t>139536.0</t>
  </si>
  <si>
    <t>4220001.0</t>
  </si>
  <si>
    <t>140.503</t>
  </si>
  <si>
    <t>8526673.0</t>
  </si>
  <si>
    <t>4817985.0</t>
  </si>
  <si>
    <t>3708688.0</t>
  </si>
  <si>
    <t>91011.0</t>
  </si>
  <si>
    <t>144415.0</t>
  </si>
  <si>
    <t>32066.0</t>
  </si>
  <si>
    <t>4237655.0</t>
  </si>
  <si>
    <t>141.091</t>
  </si>
  <si>
    <t>8706701.0</t>
  </si>
  <si>
    <t>4907523.0</t>
  </si>
  <si>
    <t>3799178.0</t>
  </si>
  <si>
    <t>180028.0</t>
  </si>
  <si>
    <t>39086.0</t>
  </si>
  <si>
    <t>4250730.0</t>
  </si>
  <si>
    <t>141.526</t>
  </si>
  <si>
    <t>8770664.0</t>
  </si>
  <si>
    <t>4935056.0</t>
  </si>
  <si>
    <t>3835608.0</t>
  </si>
  <si>
    <t>37248.0</t>
  </si>
  <si>
    <t>4263246.0</t>
  </si>
  <si>
    <t>141.943</t>
  </si>
  <si>
    <t>8788986.0</t>
  </si>
  <si>
    <t>4942250.0</t>
  </si>
  <si>
    <t>3846736.0</t>
  </si>
  <si>
    <t>36820.0</t>
  </si>
  <si>
    <t>4274572.0</t>
  </si>
  <si>
    <t>8801330.0</t>
  </si>
  <si>
    <t>4943732.0</t>
  </si>
  <si>
    <t>3857598.0</t>
  </si>
  <si>
    <t>4289382.0</t>
  </si>
  <si>
    <t>142.813</t>
  </si>
  <si>
    <t>68905.0</t>
  </si>
  <si>
    <t>26462.0</t>
  </si>
  <si>
    <t>4304672.0</t>
  </si>
  <si>
    <t>143.322</t>
  </si>
  <si>
    <t>8866396.0</t>
  </si>
  <si>
    <t>4956455.0</t>
  </si>
  <si>
    <t>3909941.0</t>
  </si>
  <si>
    <t>61533.0</t>
  </si>
  <si>
    <t>4319046.0</t>
  </si>
  <si>
    <t>8936422.0</t>
  </si>
  <si>
    <t>4986893.0</t>
  </si>
  <si>
    <t>3949529.0</t>
  </si>
  <si>
    <t>70026.0</t>
  </si>
  <si>
    <t>4332163.0</t>
  </si>
  <si>
    <t>144.237</t>
  </si>
  <si>
    <t>9116287.0</t>
  </si>
  <si>
    <t>5063522.0</t>
  </si>
  <si>
    <t>4052765.0</t>
  </si>
  <si>
    <t>179865.0</t>
  </si>
  <si>
    <t>58512.0</t>
  </si>
  <si>
    <t>22286.0</t>
  </si>
  <si>
    <t>4345339.0</t>
  </si>
  <si>
    <t>144.676</t>
  </si>
  <si>
    <t>4355636.0</t>
  </si>
  <si>
    <t>145.019</t>
  </si>
  <si>
    <t>4371869.0</t>
  </si>
  <si>
    <t>145.559</t>
  </si>
  <si>
    <t>9713885.0</t>
  </si>
  <si>
    <t>5317483.0</t>
  </si>
  <si>
    <t>4396402.0</t>
  </si>
  <si>
    <t>130365.0</t>
  </si>
  <si>
    <t>53393.0</t>
  </si>
  <si>
    <t>4384091.0</t>
  </si>
  <si>
    <t>145.966</t>
  </si>
  <si>
    <t>9799013.0</t>
  </si>
  <si>
    <t>5339252.0</t>
  </si>
  <si>
    <t>4459761.0</t>
  </si>
  <si>
    <t>85128.0</t>
  </si>
  <si>
    <t>137879.0</t>
  </si>
  <si>
    <t>55594.0</t>
  </si>
  <si>
    <t>4399026.0</t>
  </si>
  <si>
    <t>10092164.0</t>
  </si>
  <si>
    <t>5424836.0</t>
  </si>
  <si>
    <t>4667328.0</t>
  </si>
  <si>
    <t>293151.0</t>
  </si>
  <si>
    <t>175110.0</t>
  </si>
  <si>
    <t>66912.0</t>
  </si>
  <si>
    <t>4413676.0</t>
  </si>
  <si>
    <t>146.951</t>
  </si>
  <si>
    <t>10103864.0</t>
  </si>
  <si>
    <t>5425888.0</t>
  </si>
  <si>
    <t>4677976.0</t>
  </si>
  <si>
    <t>4428010.0</t>
  </si>
  <si>
    <t>147.428</t>
  </si>
  <si>
    <t>10268166.0</t>
  </si>
  <si>
    <t>5472793.0</t>
  </si>
  <si>
    <t>4795373.0</t>
  </si>
  <si>
    <t>58467.0</t>
  </si>
  <si>
    <t>4437885.0</t>
  </si>
  <si>
    <t>10375764.0</t>
  </si>
  <si>
    <t>5511929.0</t>
  </si>
  <si>
    <t>4863835.0</t>
  </si>
  <si>
    <t>107598.0</t>
  </si>
  <si>
    <t>151468.0</t>
  </si>
  <si>
    <t>51965.0</t>
  </si>
  <si>
    <t>4445856.0</t>
  </si>
  <si>
    <t>148.023</t>
  </si>
  <si>
    <t>10428946.0</t>
  </si>
  <si>
    <t>5533794.0</t>
  </si>
  <si>
    <t>4895152.0</t>
  </si>
  <si>
    <t>53182.0</t>
  </si>
  <si>
    <t>130609.0</t>
  </si>
  <si>
    <t>4461835.0</t>
  </si>
  <si>
    <t>148.555</t>
  </si>
  <si>
    <t>10536178.0</t>
  </si>
  <si>
    <t>5573419.0</t>
  </si>
  <si>
    <t>4962759.0</t>
  </si>
  <si>
    <t>117470.0</t>
  </si>
  <si>
    <t>4476869.0</t>
  </si>
  <si>
    <t>149.055</t>
  </si>
  <si>
    <t>10616578.0</t>
  </si>
  <si>
    <t>5603757.0</t>
  </si>
  <si>
    <t>5012821.0</t>
  </si>
  <si>
    <t>116795.0</t>
  </si>
  <si>
    <t>4490324.0</t>
  </si>
  <si>
    <t>149.503</t>
  </si>
  <si>
    <t>90306.0</t>
  </si>
  <si>
    <t>4502268.0</t>
  </si>
  <si>
    <t>149.901</t>
  </si>
  <si>
    <t>10832033.0</t>
  </si>
  <si>
    <t>5729789.0</t>
  </si>
  <si>
    <t>5102244.0</t>
  </si>
  <si>
    <t>104024.0</t>
  </si>
  <si>
    <t>4513184.0</t>
  </si>
  <si>
    <t>150.264</t>
  </si>
  <si>
    <t>10861222.0</t>
  </si>
  <si>
    <t>5740345.0</t>
  </si>
  <si>
    <t>5120877.0</t>
  </si>
  <si>
    <t>38222.0</t>
  </si>
  <si>
    <t>4523024.0</t>
  </si>
  <si>
    <t>150.592</t>
  </si>
  <si>
    <t>10929852.0</t>
  </si>
  <si>
    <t>5769328.0</t>
  </si>
  <si>
    <t>5160524.0</t>
  </si>
  <si>
    <t>79155.0</t>
  </si>
  <si>
    <t>4534042.0</t>
  </si>
  <si>
    <t>150.959</t>
  </si>
  <si>
    <t>10940301.0</t>
  </si>
  <si>
    <t>5773612.0</t>
  </si>
  <si>
    <t>5166689.0</t>
  </si>
  <si>
    <t>34260.0</t>
  </si>
  <si>
    <t>4550581.0</t>
  </si>
  <si>
    <t>151.509</t>
  </si>
  <si>
    <t>11032131.0</t>
  </si>
  <si>
    <t>5833938.0</t>
  </si>
  <si>
    <t>5198193.0</t>
  </si>
  <si>
    <t>91830.0</t>
  </si>
  <si>
    <t>4565024.0</t>
  </si>
  <si>
    <t>151.99</t>
  </si>
  <si>
    <t>11120315.0</t>
  </si>
  <si>
    <t>5877079.0</t>
  </si>
  <si>
    <t>5243236.0</t>
  </si>
  <si>
    <t>88184.0</t>
  </si>
  <si>
    <t>39046.0</t>
  </si>
  <si>
    <t>4581868.0</t>
  </si>
  <si>
    <t>152.551</t>
  </si>
  <si>
    <t>11419446.0</t>
  </si>
  <si>
    <t>6004019.0</t>
  </si>
  <si>
    <t>5415427.0</t>
  </si>
  <si>
    <t>299131.0</t>
  </si>
  <si>
    <t>99306.0</t>
  </si>
  <si>
    <t>4597047.0</t>
  </si>
  <si>
    <t>153.056</t>
  </si>
  <si>
    <t>11530345.0</t>
  </si>
  <si>
    <t>6057194.0</t>
  </si>
  <si>
    <t>5473151.0</t>
  </si>
  <si>
    <t>110899.0</t>
  </si>
  <si>
    <t>4609432.0</t>
  </si>
  <si>
    <t>153.469</t>
  </si>
  <si>
    <t>11590504.0</t>
  </si>
  <si>
    <t>6083124.0</t>
  </si>
  <si>
    <t>5507380.0</t>
  </si>
  <si>
    <t>60159.0</t>
  </si>
  <si>
    <t>104183.0</t>
  </si>
  <si>
    <t>4620790.0</t>
  </si>
  <si>
    <t>153.847</t>
  </si>
  <si>
    <t>11760821.0</t>
  </si>
  <si>
    <t>6198936.0</t>
  </si>
  <si>
    <t>5561885.0</t>
  </si>
  <si>
    <t>170317.0</t>
  </si>
  <si>
    <t>61373.0</t>
  </si>
  <si>
    <t>4630803.0</t>
  </si>
  <si>
    <t>11782181.0</t>
  </si>
  <si>
    <t>6203316.0</t>
  </si>
  <si>
    <t>5578865.0</t>
  </si>
  <si>
    <t>61386.0</t>
  </si>
  <si>
    <t>4644620.0</t>
  </si>
  <si>
    <t>118267.0</t>
  </si>
  <si>
    <t>55600.0</t>
  </si>
  <si>
    <t>4658242.0</t>
  </si>
  <si>
    <t>155.094</t>
  </si>
  <si>
    <t>116786.0</t>
  </si>
  <si>
    <t>4672172.0</t>
  </si>
  <si>
    <t>155.558</t>
  </si>
  <si>
    <t>12015633.0</t>
  </si>
  <si>
    <t>6262780.0</t>
  </si>
  <si>
    <t>5752853.0</t>
  </si>
  <si>
    <t>4687415.0</t>
  </si>
  <si>
    <t>156.065</t>
  </si>
  <si>
    <t>12154018.0</t>
  </si>
  <si>
    <t>6293089.0</t>
  </si>
  <si>
    <t>5860929.0</t>
  </si>
  <si>
    <t>138385.0</t>
  </si>
  <si>
    <t>89096.0</t>
  </si>
  <si>
    <t>33699.0</t>
  </si>
  <si>
    <t>4703105.0</t>
  </si>
  <si>
    <t>156.588</t>
  </si>
  <si>
    <t>12326608.0</t>
  </si>
  <si>
    <t>6380586.0</t>
  </si>
  <si>
    <t>5946022.0</t>
  </si>
  <si>
    <t>172590.0</t>
  </si>
  <si>
    <t>4706634.0</t>
  </si>
  <si>
    <t>156.705</t>
  </si>
  <si>
    <t>12543333.0</t>
  </si>
  <si>
    <t>6528392.0</t>
  </si>
  <si>
    <t>6014941.0</t>
  </si>
  <si>
    <t>216725.0</t>
  </si>
  <si>
    <t>111787.0</t>
  </si>
  <si>
    <t>4727420.0</t>
  </si>
  <si>
    <t>157.397</t>
  </si>
  <si>
    <t>12645634.0</t>
  </si>
  <si>
    <t>6609233.0</t>
  </si>
  <si>
    <t>6036401.0</t>
  </si>
  <si>
    <t>102301.0</t>
  </si>
  <si>
    <t>123350.0</t>
  </si>
  <si>
    <t>57988.0</t>
  </si>
  <si>
    <t>4742908.0</t>
  </si>
  <si>
    <t>157.913</t>
  </si>
  <si>
    <t>12958508.0</t>
  </si>
  <si>
    <t>6793456.0</t>
  </si>
  <si>
    <t>6165052.0</t>
  </si>
  <si>
    <t>81474.0</t>
  </si>
  <si>
    <t>4756911.0</t>
  </si>
  <si>
    <t>158.379</t>
  </si>
  <si>
    <t>13166598.0</t>
  </si>
  <si>
    <t>6960828.0</t>
  </si>
  <si>
    <t>6205770.0</t>
  </si>
  <si>
    <t>208090.0</t>
  </si>
  <si>
    <t>175540.0</t>
  </si>
  <si>
    <t>4771452.0</t>
  </si>
  <si>
    <t>13452743.0</t>
  </si>
  <si>
    <t>7214742.0</t>
  </si>
  <si>
    <t>6238001.0</t>
  </si>
  <si>
    <t>286145.0</t>
  </si>
  <si>
    <t>205301.0</t>
  </si>
  <si>
    <t>135995.0</t>
  </si>
  <si>
    <t>4783217.0</t>
  </si>
  <si>
    <t>159.255</t>
  </si>
  <si>
    <t>13742124.0</t>
  </si>
  <si>
    <t>7456384.0</t>
  </si>
  <si>
    <t>6285740.0</t>
  </si>
  <si>
    <t>289381.0</t>
  </si>
  <si>
    <t>226872.0</t>
  </si>
  <si>
    <t>166185.0</t>
  </si>
  <si>
    <t>4796585.0</t>
  </si>
  <si>
    <t>223700.0</t>
  </si>
  <si>
    <t>170702.0</t>
  </si>
  <si>
    <t>4804804.0</t>
  </si>
  <si>
    <t>159.974</t>
  </si>
  <si>
    <t>14042888.0</t>
  </si>
  <si>
    <t>7694609.0</t>
  </si>
  <si>
    <t>6348279.0</t>
  </si>
  <si>
    <t>214222.0</t>
  </si>
  <si>
    <t>166602.0</t>
  </si>
  <si>
    <t>4815724.0</t>
  </si>
  <si>
    <t>160.337</t>
  </si>
  <si>
    <t>14069307.0</t>
  </si>
  <si>
    <t>7716985.0</t>
  </si>
  <si>
    <t>6352322.0</t>
  </si>
  <si>
    <t>158250.0</t>
  </si>
  <si>
    <t>4826598.0</t>
  </si>
  <si>
    <t>160.699</t>
  </si>
  <si>
    <t>11956.0</t>
  </si>
  <si>
    <t>14189855.0</t>
  </si>
  <si>
    <t>7805683.0</t>
  </si>
  <si>
    <t>6384172.0</t>
  </si>
  <si>
    <t>120548.0</t>
  </si>
  <si>
    <t>175907.0</t>
  </si>
  <si>
    <t>4842640.0</t>
  </si>
  <si>
    <t>161.233</t>
  </si>
  <si>
    <t>14322751.0</t>
  </si>
  <si>
    <t>7913555.0</t>
  </si>
  <si>
    <t>6409196.0</t>
  </si>
  <si>
    <t>132896.0</t>
  </si>
  <si>
    <t>165165.0</t>
  </si>
  <si>
    <t>136104.0</t>
  </si>
  <si>
    <t>4858105.0</t>
  </si>
  <si>
    <t>161.748</t>
  </si>
  <si>
    <t>14382127.0</t>
  </si>
  <si>
    <t>7962647.0</t>
  </si>
  <si>
    <t>6419480.0</t>
  </si>
  <si>
    <t>59376.0</t>
  </si>
  <si>
    <t>132769.0</t>
  </si>
  <si>
    <t>106844.0</t>
  </si>
  <si>
    <t>4868777.0</t>
  </si>
  <si>
    <t>162.104</t>
  </si>
  <si>
    <t>14439285.0</t>
  </si>
  <si>
    <t>8008854.0</t>
  </si>
  <si>
    <t>6430431.0</t>
  </si>
  <si>
    <t>78924.0</t>
  </si>
  <si>
    <t>4879465.0</t>
  </si>
  <si>
    <t>162.459</t>
  </si>
  <si>
    <t>14483226.0</t>
  </si>
  <si>
    <t>8041594.0</t>
  </si>
  <si>
    <t>6441632.0</t>
  </si>
  <si>
    <t>84389.0</t>
  </si>
  <si>
    <t>4891496.0</t>
  </si>
  <si>
    <t>14574219.0</t>
  </si>
  <si>
    <t>8127262.0</t>
  </si>
  <si>
    <t>6446957.0</t>
  </si>
  <si>
    <t>90993.0</t>
  </si>
  <si>
    <t>61808.0</t>
  </si>
  <si>
    <t>4903900.0</t>
  </si>
  <si>
    <t>163.273</t>
  </si>
  <si>
    <t>14653146.0</t>
  </si>
  <si>
    <t>8202502.0</t>
  </si>
  <si>
    <t>78927.0</t>
  </si>
  <si>
    <t>83406.0</t>
  </si>
  <si>
    <t>69360.0</t>
  </si>
  <si>
    <t>4916095.0</t>
  </si>
  <si>
    <t>163.679</t>
  </si>
  <si>
    <t>12785.0</t>
  </si>
  <si>
    <t>14780678.0</t>
  </si>
  <si>
    <t>8317902.0</t>
  </si>
  <si>
    <t>6462776.0</t>
  </si>
  <si>
    <t>127532.0</t>
  </si>
  <si>
    <t>84403.0</t>
  </si>
  <si>
    <t>73174.0</t>
  </si>
  <si>
    <t>4925714.0</t>
  </si>
  <si>
    <t>163.999</t>
  </si>
  <si>
    <t>14850502.0</t>
  </si>
  <si>
    <t>8381727.0</t>
  </si>
  <si>
    <t>6468775.0</t>
  </si>
  <si>
    <t>69824.0</t>
  </si>
  <si>
    <t>66882.0</t>
  </si>
  <si>
    <t>4931308.0</t>
  </si>
  <si>
    <t>164.185</t>
  </si>
  <si>
    <t>14852777.0</t>
  </si>
  <si>
    <t>8383887.0</t>
  </si>
  <si>
    <t>6468890.0</t>
  </si>
  <si>
    <t>67236.0</t>
  </si>
  <si>
    <t>4937522.0</t>
  </si>
  <si>
    <t>14857561.0</t>
  </si>
  <si>
    <t>8388402.0</t>
  </si>
  <si>
    <t>6469159.0</t>
  </si>
  <si>
    <t>59754.0</t>
  </si>
  <si>
    <t>54221.0</t>
  </si>
  <si>
    <t>4942234.0</t>
  </si>
  <si>
    <t>164.549</t>
  </si>
  <si>
    <t>4944007.0</t>
  </si>
  <si>
    <t>164.608</t>
  </si>
  <si>
    <t>42456.0</t>
  </si>
  <si>
    <t>4952084.0</t>
  </si>
  <si>
    <t>164.877</t>
  </si>
  <si>
    <t>4961781.0</t>
  </si>
  <si>
    <t>14885262.0</t>
  </si>
  <si>
    <t>8415067.0</t>
  </si>
  <si>
    <t>6470195.0</t>
  </si>
  <si>
    <t>4971697.0</t>
  </si>
  <si>
    <t>15048288.0</t>
  </si>
  <si>
    <t>8562365.0</t>
  </si>
  <si>
    <t>6485923.0</t>
  </si>
  <si>
    <t>163026.0</t>
  </si>
  <si>
    <t>28255.0</t>
  </si>
  <si>
    <t>4980123.0</t>
  </si>
  <si>
    <t>165.811</t>
  </si>
  <si>
    <t>4988672.0</t>
  </si>
  <si>
    <t>4998048.0</t>
  </si>
  <si>
    <t>166.408</t>
  </si>
  <si>
    <t>5004979.0</t>
  </si>
  <si>
    <t>166.638</t>
  </si>
  <si>
    <t>28574.0</t>
  </si>
  <si>
    <t>5012604.0</t>
  </si>
  <si>
    <t>166.892</t>
  </si>
  <si>
    <t>50527.0</t>
  </si>
  <si>
    <t>29029.0</t>
  </si>
  <si>
    <t>5023468.0</t>
  </si>
  <si>
    <t>167.254</t>
  </si>
  <si>
    <t>15268771.0</t>
  </si>
  <si>
    <t>8621449.0</t>
  </si>
  <si>
    <t>6647322.0</t>
  </si>
  <si>
    <t>5035488.0</t>
  </si>
  <si>
    <t>167.654</t>
  </si>
  <si>
    <t>44759.0</t>
  </si>
  <si>
    <t>5044983.0</t>
  </si>
  <si>
    <t>52771.0</t>
  </si>
  <si>
    <t>5056338.0</t>
  </si>
  <si>
    <t>168.348</t>
  </si>
  <si>
    <t>60782.0</t>
  </si>
  <si>
    <t>5066084.0</t>
  </si>
  <si>
    <t>168.673</t>
  </si>
  <si>
    <t>5073995.0</t>
  </si>
  <si>
    <t>168.936</t>
  </si>
  <si>
    <t>76806.0</t>
  </si>
  <si>
    <t>5081894.0</t>
  </si>
  <si>
    <t>169.199</t>
  </si>
  <si>
    <t>5093558.0</t>
  </si>
  <si>
    <t>169.587</t>
  </si>
  <si>
    <t>15918578.0</t>
  </si>
  <si>
    <t>8670024.0</t>
  </si>
  <si>
    <t>7248554.0</t>
  </si>
  <si>
    <t>92830.0</t>
  </si>
  <si>
    <t>5103845.0</t>
  </si>
  <si>
    <t>10287.0</t>
  </si>
  <si>
    <t>5113758.0</t>
  </si>
  <si>
    <t>78434.0</t>
  </si>
  <si>
    <t>5120142.0</t>
  </si>
  <si>
    <t>170.473</t>
  </si>
  <si>
    <t>71236.0</t>
  </si>
  <si>
    <t>5124986.0</t>
  </si>
  <si>
    <t>170.634</t>
  </si>
  <si>
    <t>5128918.0</t>
  </si>
  <si>
    <t>5131251.0</t>
  </si>
  <si>
    <t>170.842</t>
  </si>
  <si>
    <t>16173246.0</t>
  </si>
  <si>
    <t>8736532.0</t>
  </si>
  <si>
    <t>7436714.0</t>
  </si>
  <si>
    <t>49643.0</t>
  </si>
  <si>
    <t>10492.0</t>
  </si>
  <si>
    <t>5136277.0</t>
  </si>
  <si>
    <t>5153013.0</t>
  </si>
  <si>
    <t>171.567</t>
  </si>
  <si>
    <t>5159827.0</t>
  </si>
  <si>
    <t>171.794</t>
  </si>
  <si>
    <t>5172480.0</t>
  </si>
  <si>
    <t>172.215</t>
  </si>
  <si>
    <t>5183546.0</t>
  </si>
  <si>
    <t>172.584</t>
  </si>
  <si>
    <t>5191789.0</t>
  </si>
  <si>
    <t>172.858</t>
  </si>
  <si>
    <t>18292.0</t>
  </si>
  <si>
    <t>5201395.0</t>
  </si>
  <si>
    <t>173.178</t>
  </si>
  <si>
    <t>40307.0</t>
  </si>
  <si>
    <t>5213797.0</t>
  </si>
  <si>
    <t>173.591</t>
  </si>
  <si>
    <t>5222946.0</t>
  </si>
  <si>
    <t>173.895</t>
  </si>
  <si>
    <t>16536009.0</t>
  </si>
  <si>
    <t>8911971.0</t>
  </si>
  <si>
    <t>7624038.0</t>
  </si>
  <si>
    <t>5234939.0</t>
  </si>
  <si>
    <t>174.295</t>
  </si>
  <si>
    <t>5246090.0</t>
  </si>
  <si>
    <t>174.666</t>
  </si>
  <si>
    <t>27934.0</t>
  </si>
  <si>
    <t>5255062.0</t>
  </si>
  <si>
    <t>174.965</t>
  </si>
  <si>
    <t>70202.0</t>
  </si>
  <si>
    <t>5262198.0</t>
  </si>
  <si>
    <t>175.202</t>
  </si>
  <si>
    <t>5271321.0</t>
  </si>
  <si>
    <t>175.506</t>
  </si>
  <si>
    <t>90132.0</t>
  </si>
  <si>
    <t>40595.0</t>
  </si>
  <si>
    <t>5284018.0</t>
  </si>
  <si>
    <t>175.929</t>
  </si>
  <si>
    <t>17196377.0</t>
  </si>
  <si>
    <t>9206187.0</t>
  </si>
  <si>
    <t>7990190.0</t>
  </si>
  <si>
    <t>100096.0</t>
  </si>
  <si>
    <t>5294192.0</t>
  </si>
  <si>
    <t>176.267</t>
  </si>
  <si>
    <t>10178.0</t>
  </si>
  <si>
    <t>55775.0</t>
  </si>
  <si>
    <t>5304112.0</t>
  </si>
  <si>
    <t>176.598</t>
  </si>
  <si>
    <t>124376.0</t>
  </si>
  <si>
    <t>5313021.0</t>
  </si>
  <si>
    <t>176.894</t>
  </si>
  <si>
    <t>131533.0</t>
  </si>
  <si>
    <t>5323467.0</t>
  </si>
  <si>
    <t>177.242</t>
  </si>
  <si>
    <t>138690.0</t>
  </si>
  <si>
    <t>75992.0</t>
  </si>
  <si>
    <t>5330099.0</t>
  </si>
  <si>
    <t>177.463</t>
  </si>
  <si>
    <t>145847.0</t>
  </si>
  <si>
    <t>82731.0</t>
  </si>
  <si>
    <t>5339017.0</t>
  </si>
  <si>
    <t>153004.0</t>
  </si>
  <si>
    <t>5348905.0</t>
  </si>
  <si>
    <t>178.089</t>
  </si>
  <si>
    <t>18317508.0</t>
  </si>
  <si>
    <t>9879648.0</t>
  </si>
  <si>
    <t>8437860.0</t>
  </si>
  <si>
    <t>5355374.0</t>
  </si>
  <si>
    <t>93730.0</t>
  </si>
  <si>
    <t>5368101.0</t>
  </si>
  <si>
    <t>178.728</t>
  </si>
  <si>
    <t>5379504.0</t>
  </si>
  <si>
    <t>179.108</t>
  </si>
  <si>
    <t>142946.0</t>
  </si>
  <si>
    <t>88773.0</t>
  </si>
  <si>
    <t>5387340.0</t>
  </si>
  <si>
    <t>179.369</t>
  </si>
  <si>
    <t>86294.0</t>
  </si>
  <si>
    <t>5394137.0</t>
  </si>
  <si>
    <t>179.595</t>
  </si>
  <si>
    <t>131468.0</t>
  </si>
  <si>
    <t>5404884.0</t>
  </si>
  <si>
    <t>179.953</t>
  </si>
  <si>
    <t>125730.0</t>
  </si>
  <si>
    <t>5413501.0</t>
  </si>
  <si>
    <t>180.24</t>
  </si>
  <si>
    <t>19157444.0</t>
  </si>
  <si>
    <t>10431659.0</t>
  </si>
  <si>
    <t>8725785.0</t>
  </si>
  <si>
    <t>119991.0</t>
  </si>
  <si>
    <t>5425311.0</t>
  </si>
  <si>
    <t>180.633</t>
  </si>
  <si>
    <t>131738.0</t>
  </si>
  <si>
    <t>5437485.0</t>
  </si>
  <si>
    <t>181.038</t>
  </si>
  <si>
    <t>143485.0</t>
  </si>
  <si>
    <t>93461.0</t>
  </si>
  <si>
    <t>5446936.0</t>
  </si>
  <si>
    <t>181.353</t>
  </si>
  <si>
    <t>155232.0</t>
  </si>
  <si>
    <t>5457423.0</t>
  </si>
  <si>
    <t>181.702</t>
  </si>
  <si>
    <t>166979.0</t>
  </si>
  <si>
    <t>108063.0</t>
  </si>
  <si>
    <t>5466601.0</t>
  </si>
  <si>
    <t>182.008</t>
  </si>
  <si>
    <t>178726.0</t>
  </si>
  <si>
    <t>5475283.0</t>
  </si>
  <si>
    <t>182.297</t>
  </si>
  <si>
    <t>190472.0</t>
  </si>
  <si>
    <t>122665.0</t>
  </si>
  <si>
    <t>5488519.0</t>
  </si>
  <si>
    <t>182.738</t>
  </si>
  <si>
    <t>202219.0</t>
  </si>
  <si>
    <t>5502228.0</t>
  </si>
  <si>
    <t>5514222.0</t>
  </si>
  <si>
    <t>183.593</t>
  </si>
  <si>
    <t>5525240.0</t>
  </si>
  <si>
    <t>5534256.0</t>
  </si>
  <si>
    <t>5542253.0</t>
  </si>
  <si>
    <t>184.527</t>
  </si>
  <si>
    <t>5552125.0</t>
  </si>
  <si>
    <t>184.855</t>
  </si>
  <si>
    <t>5556266.0</t>
  </si>
  <si>
    <t>21988516.0</t>
  </si>
  <si>
    <t>12251183.0</t>
  </si>
  <si>
    <t>9737333.0</t>
  </si>
  <si>
    <t>5573355.0</t>
  </si>
  <si>
    <t>17089.0</t>
  </si>
  <si>
    <t>185.562</t>
  </si>
  <si>
    <t>204633.0</t>
  </si>
  <si>
    <t>133431.0</t>
  </si>
  <si>
    <t>5584664.0</t>
  </si>
  <si>
    <t>185.939</t>
  </si>
  <si>
    <t>207047.0</t>
  </si>
  <si>
    <t>5596290.0</t>
  </si>
  <si>
    <t>11626.0</t>
  </si>
  <si>
    <t>186.326</t>
  </si>
  <si>
    <t>209461.0</t>
  </si>
  <si>
    <t>5608188.0</t>
  </si>
  <si>
    <t>186.722</t>
  </si>
  <si>
    <t>211875.0</t>
  </si>
  <si>
    <t>143827.0</t>
  </si>
  <si>
    <t>5614635.0</t>
  </si>
  <si>
    <t>186.936</t>
  </si>
  <si>
    <t>214288.0</t>
  </si>
  <si>
    <t>147293.0</t>
  </si>
  <si>
    <t>5624312.0</t>
  </si>
  <si>
    <t>187.259</t>
  </si>
  <si>
    <t>216702.0</t>
  </si>
  <si>
    <t>150758.0</t>
  </si>
  <si>
    <t>5635198.0</t>
  </si>
  <si>
    <t>10886.0</t>
  </si>
  <si>
    <t>187.621</t>
  </si>
  <si>
    <t>219116.0</t>
  </si>
  <si>
    <t>154223.0</t>
  </si>
  <si>
    <t>5647764.0</t>
  </si>
  <si>
    <t>188.039</t>
  </si>
  <si>
    <t>5655372.0</t>
  </si>
  <si>
    <t>188.293</t>
  </si>
  <si>
    <t>5664269.0</t>
  </si>
  <si>
    <t>188.589</t>
  </si>
  <si>
    <t>5673353.0</t>
  </si>
  <si>
    <t>188.891</t>
  </si>
  <si>
    <t>5694312.0</t>
  </si>
  <si>
    <t>189.589</t>
  </si>
  <si>
    <t>5701943.0</t>
  </si>
  <si>
    <t>189.843</t>
  </si>
  <si>
    <t>5714441.0</t>
  </si>
  <si>
    <t>190.259</t>
  </si>
  <si>
    <t>5723770.0</t>
  </si>
  <si>
    <t>190.57</t>
  </si>
  <si>
    <t>25275254.0</t>
  </si>
  <si>
    <t>14564533.0</t>
  </si>
  <si>
    <t>10710721.0</t>
  </si>
  <si>
    <t>5734037.0</t>
  </si>
  <si>
    <t>190.912</t>
  </si>
  <si>
    <t>219014.0</t>
  </si>
  <si>
    <t>148491.0</t>
  </si>
  <si>
    <t>5746136.0</t>
  </si>
  <si>
    <t>191.315</t>
  </si>
  <si>
    <t>142759.0</t>
  </si>
  <si>
    <t>5761107.0</t>
  </si>
  <si>
    <t>191.813</t>
  </si>
  <si>
    <t>218810.0</t>
  </si>
  <si>
    <t>137027.0</t>
  </si>
  <si>
    <t>5774371.0</t>
  </si>
  <si>
    <t>192.255</t>
  </si>
  <si>
    <t>218708.0</t>
  </si>
  <si>
    <t>5787003.0</t>
  </si>
  <si>
    <t>192.675</t>
  </si>
  <si>
    <t>218606.0</t>
  </si>
  <si>
    <t>5798432.0</t>
  </si>
  <si>
    <t>193.056</t>
  </si>
  <si>
    <t>26585667.0</t>
  </si>
  <si>
    <t>15249129.0</t>
  </si>
  <si>
    <t>11336538.0</t>
  </si>
  <si>
    <t>119831.0</t>
  </si>
  <si>
    <t>5813465.0</t>
  </si>
  <si>
    <t>193.556</t>
  </si>
  <si>
    <t>220055.0</t>
  </si>
  <si>
    <t>111812.0</t>
  </si>
  <si>
    <t>5826501.0</t>
  </si>
  <si>
    <t>193.99</t>
  </si>
  <si>
    <t>221708.0</t>
  </si>
  <si>
    <t>109525.0</t>
  </si>
  <si>
    <t>5841582.0</t>
  </si>
  <si>
    <t>223361.0</t>
  </si>
  <si>
    <t>5862142.0</t>
  </si>
  <si>
    <t>20560.0</t>
  </si>
  <si>
    <t>195.177</t>
  </si>
  <si>
    <t>104951.0</t>
  </si>
  <si>
    <t>5876698.0</t>
  </si>
  <si>
    <t>195.662</t>
  </si>
  <si>
    <t>226666.0</t>
  </si>
  <si>
    <t>102664.0</t>
  </si>
  <si>
    <t>5891829.0</t>
  </si>
  <si>
    <t>196.166</t>
  </si>
  <si>
    <t>27965500.0</t>
  </si>
  <si>
    <t>15837671.0</t>
  </si>
  <si>
    <t>12127829.0</t>
  </si>
  <si>
    <t>228319.0</t>
  </si>
  <si>
    <t>5909294.0</t>
  </si>
  <si>
    <t>196.747</t>
  </si>
  <si>
    <t>227460.0</t>
  </si>
  <si>
    <t>5932122.0</t>
  </si>
  <si>
    <t>197.507</t>
  </si>
  <si>
    <t>224948.0</t>
  </si>
  <si>
    <t>87788.0</t>
  </si>
  <si>
    <t>5955531.0</t>
  </si>
  <si>
    <t>198.286</t>
  </si>
  <si>
    <t>5983028.0</t>
  </si>
  <si>
    <t>27497.0</t>
  </si>
  <si>
    <t>199.202</t>
  </si>
  <si>
    <t>219924.0</t>
  </si>
  <si>
    <t>77486.0</t>
  </si>
  <si>
    <t>6006120.0</t>
  </si>
  <si>
    <t>199.971</t>
  </si>
  <si>
    <t>217412.0</t>
  </si>
  <si>
    <t>72335.0</t>
  </si>
  <si>
    <t>6026307.0</t>
  </si>
  <si>
    <t>20187.0</t>
  </si>
  <si>
    <t>200.643</t>
  </si>
  <si>
    <t>214900.0</t>
  </si>
  <si>
    <t>67184.0</t>
  </si>
  <si>
    <t>6043744.0</t>
  </si>
  <si>
    <t>212388.0</t>
  </si>
  <si>
    <t>62033.0</t>
  </si>
  <si>
    <t>6064945.0</t>
  </si>
  <si>
    <t>201.929</t>
  </si>
  <si>
    <t>29664607.0</t>
  </si>
  <si>
    <t>16333937.0</t>
  </si>
  <si>
    <t>13106726.0</t>
  </si>
  <si>
    <t>6090854.0</t>
  </si>
  <si>
    <t>25909.0</t>
  </si>
  <si>
    <t>202.792</t>
  </si>
  <si>
    <t>22676.0</t>
  </si>
  <si>
    <t>63303.0</t>
  </si>
  <si>
    <t>6111213.0</t>
  </si>
  <si>
    <t>22240.0</t>
  </si>
  <si>
    <t>232436.0</t>
  </si>
  <si>
    <t>6133021.0</t>
  </si>
  <si>
    <t>204.196</t>
  </si>
  <si>
    <t>65843.0</t>
  </si>
  <si>
    <t>6152890.0</t>
  </si>
  <si>
    <t>204.857</t>
  </si>
  <si>
    <t>252484.0</t>
  </si>
  <si>
    <t>6167452.0</t>
  </si>
  <si>
    <t>14562.0</t>
  </si>
  <si>
    <t>205.342</t>
  </si>
  <si>
    <t>262509.0</t>
  </si>
  <si>
    <t>68383.0</t>
  </si>
  <si>
    <t>6180597.0</t>
  </si>
  <si>
    <t>205.78</t>
  </si>
  <si>
    <t>272533.0</t>
  </si>
  <si>
    <t>69653.0</t>
  </si>
  <si>
    <t>6196685.0</t>
  </si>
  <si>
    <t>206.316</t>
  </si>
  <si>
    <t>31642503.0</t>
  </si>
  <si>
    <t>16830395.0</t>
  </si>
  <si>
    <t>14407775.0</t>
  </si>
  <si>
    <t>282557.0</t>
  </si>
  <si>
    <t>70923.0</t>
  </si>
  <si>
    <t>6214359.0</t>
  </si>
  <si>
    <t>206.904</t>
  </si>
  <si>
    <t>297614.0</t>
  </si>
  <si>
    <t>6225941.0</t>
  </si>
  <si>
    <t>312672.0</t>
  </si>
  <si>
    <t>94804.0</t>
  </si>
  <si>
    <t>6238546.0</t>
  </si>
  <si>
    <t>207.709</t>
  </si>
  <si>
    <t>327729.0</t>
  </si>
  <si>
    <t>6242622.0</t>
  </si>
  <si>
    <t>207.845</t>
  </si>
  <si>
    <t>342787.0</t>
  </si>
  <si>
    <t>118685.0</t>
  </si>
  <si>
    <t>208.361</t>
  </si>
  <si>
    <t>357844.0</t>
  </si>
  <si>
    <t>130625.0</t>
  </si>
  <si>
    <t>6267383.0</t>
  </si>
  <si>
    <t>208.669</t>
  </si>
  <si>
    <t>372902.0</t>
  </si>
  <si>
    <t>142566.0</t>
  </si>
  <si>
    <t>6278748.0</t>
  </si>
  <si>
    <t>209.048</t>
  </si>
  <si>
    <t>34358217.0</t>
  </si>
  <si>
    <t>17911939.0</t>
  </si>
  <si>
    <t>15801734.0</t>
  </si>
  <si>
    <t>387959.0</t>
  </si>
  <si>
    <t>154506.0</t>
  </si>
  <si>
    <t>6291440.0</t>
  </si>
  <si>
    <t>209.47</t>
  </si>
  <si>
    <t>360824.0</t>
  </si>
  <si>
    <t>140749.0</t>
  </si>
  <si>
    <t>6307796.0</t>
  </si>
  <si>
    <t>210.015</t>
  </si>
  <si>
    <t>333688.0</t>
  </si>
  <si>
    <t>126991.0</t>
  </si>
  <si>
    <t>6319676.0</t>
  </si>
  <si>
    <t>306553.0</t>
  </si>
  <si>
    <t>113234.0</t>
  </si>
  <si>
    <t>6340665.0</t>
  </si>
  <si>
    <t>211.109</t>
  </si>
  <si>
    <t>279417.0</t>
  </si>
  <si>
    <t>99477.0</t>
  </si>
  <si>
    <t>6347319.0</t>
  </si>
  <si>
    <t>211.331</t>
  </si>
  <si>
    <t>252282.0</t>
  </si>
  <si>
    <t>85719.0</t>
  </si>
  <si>
    <t>6357434.0</t>
  </si>
  <si>
    <t>211.668</t>
  </si>
  <si>
    <t>35546280.0</t>
  </si>
  <si>
    <t>18261165.0</t>
  </si>
  <si>
    <t>16525155.0</t>
  </si>
  <si>
    <t>6366130.0</t>
  </si>
  <si>
    <t>211.957</t>
  </si>
  <si>
    <t>184437.0</t>
  </si>
  <si>
    <t>123057.0</t>
  </si>
  <si>
    <t>6373225.0</t>
  </si>
  <si>
    <t>212.193</t>
  </si>
  <si>
    <t>170863.0</t>
  </si>
  <si>
    <t>187910.0</t>
  </si>
  <si>
    <t>6382981.0</t>
  </si>
  <si>
    <t>212.518</t>
  </si>
  <si>
    <t>252763.0</t>
  </si>
  <si>
    <t>6392770.0</t>
  </si>
  <si>
    <t>212.844</t>
  </si>
  <si>
    <t>143716.0</t>
  </si>
  <si>
    <t>317616.0</t>
  </si>
  <si>
    <t>6401861.0</t>
  </si>
  <si>
    <t>213.147</t>
  </si>
  <si>
    <t>382469.0</t>
  </si>
  <si>
    <t>6408957.0</t>
  </si>
  <si>
    <t>213.383</t>
  </si>
  <si>
    <t>21334218.0</t>
  </si>
  <si>
    <t>877490.0</t>
  </si>
  <si>
    <t>116568.0</t>
  </si>
  <si>
    <t>447322.0</t>
  </si>
  <si>
    <t>6418772.0</t>
  </si>
  <si>
    <t>213.71</t>
  </si>
  <si>
    <t>21345539.0</t>
  </si>
  <si>
    <t>882292.0</t>
  </si>
  <si>
    <t>102994.0</t>
  </si>
  <si>
    <t>440625.0</t>
  </si>
  <si>
    <t>6426912.0</t>
  </si>
  <si>
    <t>213.981</t>
  </si>
  <si>
    <t>21371742.0</t>
  </si>
  <si>
    <t>371200.0</t>
  </si>
  <si>
    <t>6436336.0</t>
  </si>
  <si>
    <t>21412986.0</t>
  </si>
  <si>
    <t>943956.0</t>
  </si>
  <si>
    <t>36576224.0</t>
  </si>
  <si>
    <t>21459966.0</t>
  </si>
  <si>
    <t>17173830.0</t>
  </si>
  <si>
    <t>979850.0</t>
  </si>
  <si>
    <t>36691630.0</t>
  </si>
  <si>
    <t>21481168.0</t>
  </si>
  <si>
    <t>17235938.0</t>
  </si>
  <si>
    <t>1020541.0</t>
  </si>
  <si>
    <t>115406.0</t>
  </si>
  <si>
    <t>6461400.0</t>
  </si>
  <si>
    <t>215.129</t>
  </si>
  <si>
    <t>36814123.0</t>
  </si>
  <si>
    <t>21508937.0</t>
  </si>
  <si>
    <t>17306642.0</t>
  </si>
  <si>
    <t>1056772.0</t>
  </si>
  <si>
    <t>122493.0</t>
  </si>
  <si>
    <t>98128.0</t>
  </si>
  <si>
    <t>6466552.0</t>
  </si>
  <si>
    <t>215.301</t>
  </si>
  <si>
    <t>105017.0</t>
  </si>
  <si>
    <t>26096.0</t>
  </si>
  <si>
    <t>6476262.0</t>
  </si>
  <si>
    <t>215.624</t>
  </si>
  <si>
    <t>36984611.0</t>
  </si>
  <si>
    <t>21524836.0</t>
  </si>
  <si>
    <t>17419344.0</t>
  </si>
  <si>
    <t>1110550.0</t>
  </si>
  <si>
    <t>6484603.0</t>
  </si>
  <si>
    <t>215.902</t>
  </si>
  <si>
    <t>37125732.0</t>
  </si>
  <si>
    <t>21575023.0</t>
  </si>
  <si>
    <t>17490473.0</t>
  </si>
  <si>
    <t>1147229.0</t>
  </si>
  <si>
    <t>141121.0</t>
  </si>
  <si>
    <t>121.53</t>
  </si>
  <si>
    <t>29040.0</t>
  </si>
  <si>
    <t>6491107.0</t>
  </si>
  <si>
    <t>216.118</t>
  </si>
  <si>
    <t>37233872.0</t>
  </si>
  <si>
    <t>21594817.0</t>
  </si>
  <si>
    <t>17547281.0</t>
  </si>
  <si>
    <t>1189716.0</t>
  </si>
  <si>
    <t>108663.0</t>
  </si>
  <si>
    <t>6497981.0</t>
  </si>
  <si>
    <t>216.347</t>
  </si>
  <si>
    <t>37269660.0</t>
  </si>
  <si>
    <t>21603183.0</t>
  </si>
  <si>
    <t>17567825.0</t>
  </si>
  <si>
    <t>1199508.0</t>
  </si>
  <si>
    <t>35788.0</t>
  </si>
  <si>
    <t>99062.0</t>
  </si>
  <si>
    <t>20460.0</t>
  </si>
  <si>
    <t>19148.0</t>
  </si>
  <si>
    <t>6511838.0</t>
  </si>
  <si>
    <t>216.808</t>
  </si>
  <si>
    <t>37431640.0</t>
  </si>
  <si>
    <t>21627227.0</t>
  </si>
  <si>
    <t>17681043.0</t>
  </si>
  <si>
    <t>1231042.0</t>
  </si>
  <si>
    <t>88217.0</t>
  </si>
  <si>
    <t>6518058.0</t>
  </si>
  <si>
    <t>217.015</t>
  </si>
  <si>
    <t>37682890.0</t>
  </si>
  <si>
    <t>21645983.0</t>
  </si>
  <si>
    <t>17843980.0</t>
  </si>
  <si>
    <t>1312118.0</t>
  </si>
  <si>
    <t>251250.0</t>
  </si>
  <si>
    <t>6522987.0</t>
  </si>
  <si>
    <t>126412.0</t>
  </si>
  <si>
    <t>6531625.0</t>
  </si>
  <si>
    <t>217.467</t>
  </si>
  <si>
    <t>6538019.0</t>
  </si>
  <si>
    <t>38242703.0</t>
  </si>
  <si>
    <t>21703489.0</t>
  </si>
  <si>
    <t>18151365.0</t>
  </si>
  <si>
    <t>1527105.0</t>
  </si>
  <si>
    <t>144119.0</t>
  </si>
  <si>
    <t>38342802.0</t>
  </si>
  <si>
    <t>21720895.0</t>
  </si>
  <si>
    <t>18200930.0</t>
  </si>
  <si>
    <t>1565790.0</t>
  </si>
  <si>
    <t>159967.0</t>
  </si>
  <si>
    <t>6565420.0</t>
  </si>
  <si>
    <t>218.592</t>
  </si>
  <si>
    <t>38598032.0</t>
  </si>
  <si>
    <t>21760650.0</t>
  </si>
  <si>
    <t>18352121.0</t>
  </si>
  <si>
    <t>1642457.0</t>
  </si>
  <si>
    <t>166627.0</t>
  </si>
  <si>
    <t>6570482.0</t>
  </si>
  <si>
    <t>38699896.0</t>
  </si>
  <si>
    <t>21773697.0</t>
  </si>
  <si>
    <t>18399451.0</t>
  </si>
  <si>
    <t>1688819.0</t>
  </si>
  <si>
    <t>101864.0</t>
  </si>
  <si>
    <t>145287.0</t>
  </si>
  <si>
    <t>38791546.0</t>
  </si>
  <si>
    <t>21779635.0</t>
  </si>
  <si>
    <t>18452467.0</t>
  </si>
  <si>
    <t>1723833.0</t>
  </si>
  <si>
    <t>91650.0</t>
  </si>
  <si>
    <t>131722.0</t>
  </si>
  <si>
    <t>6583847.0</t>
  </si>
  <si>
    <t>219.206</t>
  </si>
  <si>
    <t>38883962.0</t>
  </si>
  <si>
    <t>21801530.0</t>
  </si>
  <si>
    <t>18502119.0</t>
  </si>
  <si>
    <t>1757697.0</t>
  </si>
  <si>
    <t>118266.0</t>
  </si>
  <si>
    <t>38994812.0</t>
  </si>
  <si>
    <t>21825357.0</t>
  </si>
  <si>
    <t>18547345.0</t>
  </si>
  <si>
    <t>1805555.0</t>
  </si>
  <si>
    <t>110850.0</t>
  </si>
  <si>
    <t>107444.0</t>
  </si>
  <si>
    <t>39101413.0</t>
  </si>
  <si>
    <t>21850541.0</t>
  </si>
  <si>
    <t>18594712.0</t>
  </si>
  <si>
    <t>1845736.0</t>
  </si>
  <si>
    <t>106601.0</t>
  </si>
  <si>
    <t>39251518.0</t>
  </si>
  <si>
    <t>21886586.0</t>
  </si>
  <si>
    <t>18678409.0</t>
  </si>
  <si>
    <t>1881290.0</t>
  </si>
  <si>
    <t>150105.0</t>
  </si>
  <si>
    <t>111586.0</t>
  </si>
  <si>
    <t>20830.0</t>
  </si>
  <si>
    <t>39281058.0</t>
  </si>
  <si>
    <t>18698595.0</t>
  </si>
  <si>
    <t>1886637.0</t>
  </si>
  <si>
    <t>29540.0</t>
  </si>
  <si>
    <t>128.59</t>
  </si>
  <si>
    <t>39289842.0</t>
  </si>
  <si>
    <t>21890015.0</t>
  </si>
  <si>
    <t>18703726.0</t>
  </si>
  <si>
    <t>1892810.0</t>
  </si>
  <si>
    <t>84278.0</t>
  </si>
  <si>
    <t>77224.0</t>
  </si>
  <si>
    <t>6621923.0</t>
  </si>
  <si>
    <t>220.474</t>
  </si>
  <si>
    <t>39374392.0</t>
  </si>
  <si>
    <t>21903002.0</t>
  </si>
  <si>
    <t>18748545.0</t>
  </si>
  <si>
    <t>1925234.0</t>
  </si>
  <si>
    <t>70061.0</t>
  </si>
  <si>
    <t>39448435.0</t>
  </si>
  <si>
    <t>21914335.0</t>
  </si>
  <si>
    <t>18770559.0</t>
  </si>
  <si>
    <t>1970389.0</t>
  </si>
  <si>
    <t>39551107.0</t>
  </si>
  <si>
    <t>21937330.0</t>
  </si>
  <si>
    <t>18817844.0</t>
  </si>
  <si>
    <t>2011730.0</t>
  </si>
  <si>
    <t>102672.0</t>
  </si>
  <si>
    <t>39635151.0</t>
  </si>
  <si>
    <t>21948907.0</t>
  </si>
  <si>
    <t>18852979.0</t>
  </si>
  <si>
    <t>2055139.0</t>
  </si>
  <si>
    <t>84044.0</t>
  </si>
  <si>
    <t>6643503.0</t>
  </si>
  <si>
    <t>221.192</t>
  </si>
  <si>
    <t>39701499.0</t>
  </si>
  <si>
    <t>21953195.0</t>
  </si>
  <si>
    <t>18895906.0</t>
  </si>
  <si>
    <t>2077337.0</t>
  </si>
  <si>
    <t>60063.0</t>
  </si>
  <si>
    <t>39751266.0</t>
  </si>
  <si>
    <t>21961905.0</t>
  </si>
  <si>
    <t>18916400.0</t>
  </si>
  <si>
    <t>2104308.0</t>
  </si>
  <si>
    <t>39777115.0</t>
  </si>
  <si>
    <t>21966002.0</t>
  </si>
  <si>
    <t>18932518.0</t>
  </si>
  <si>
    <t>2112328.0</t>
  </si>
  <si>
    <t>6657689.0</t>
  </si>
  <si>
    <t>39884435.0</t>
  </si>
  <si>
    <t>21984499.0</t>
  </si>
  <si>
    <t>18987229.0</t>
  </si>
  <si>
    <t>2152086.0</t>
  </si>
  <si>
    <t>72863.0</t>
  </si>
  <si>
    <t>39935568.0</t>
  </si>
  <si>
    <t>21994736.0</t>
  </si>
  <si>
    <t>19014212.0</t>
  </si>
  <si>
    <t>2171347.0</t>
  </si>
  <si>
    <t>69590.0</t>
  </si>
  <si>
    <t>40007310.0</t>
  </si>
  <si>
    <t>22009251.0</t>
  </si>
  <si>
    <t>19054582.0</t>
  </si>
  <si>
    <t>2196059.0</t>
  </si>
  <si>
    <t>40068218.0</t>
  </si>
  <si>
    <t>22018430.0</t>
  </si>
  <si>
    <t>19085632.0</t>
  </si>
  <si>
    <t>2219859.0</t>
  </si>
  <si>
    <t>60908.0</t>
  </si>
  <si>
    <t>61867.0</t>
  </si>
  <si>
    <t>131.17</t>
  </si>
  <si>
    <t>6677138.0</t>
  </si>
  <si>
    <t>222.312</t>
  </si>
  <si>
    <t>40219259.0</t>
  </si>
  <si>
    <t>22045735.0</t>
  </si>
  <si>
    <t>19165274.0</t>
  </si>
  <si>
    <t>2274497.0</t>
  </si>
  <si>
    <t>63163.0</t>
  </si>
  <si>
    <t>40280829.0</t>
  </si>
  <si>
    <t>22053904.0</t>
  </si>
  <si>
    <t>19195930.0</t>
  </si>
  <si>
    <t>2299655.0</t>
  </si>
  <si>
    <t>61570.0</t>
  </si>
  <si>
    <t>40298842.0</t>
  </si>
  <si>
    <t>22057932.0</t>
  </si>
  <si>
    <t>19207632.0</t>
  </si>
  <si>
    <t>2303669.0</t>
  </si>
  <si>
    <t>40356245.0</t>
  </si>
  <si>
    <t>22076596.0</t>
  </si>
  <si>
    <t>19230548.0</t>
  </si>
  <si>
    <t>2323899.0</t>
  </si>
  <si>
    <t>57403.0</t>
  </si>
  <si>
    <t>40406877.0</t>
  </si>
  <si>
    <t>22083714.0</t>
  </si>
  <si>
    <t>19253884.0</t>
  </si>
  <si>
    <t>2347068.0</t>
  </si>
  <si>
    <t>50632.0</t>
  </si>
  <si>
    <t>6711877.0</t>
  </si>
  <si>
    <t>223.469</t>
  </si>
  <si>
    <t>40433299.0</t>
  </si>
  <si>
    <t>22087147.0</t>
  </si>
  <si>
    <t>19263737.0</t>
  </si>
  <si>
    <t>2361795.0</t>
  </si>
  <si>
    <t>26422.0</t>
  </si>
  <si>
    <t>40455160.0</t>
  </si>
  <si>
    <t>22093046.0</t>
  </si>
  <si>
    <t>19277986.0</t>
  </si>
  <si>
    <t>2367964.0</t>
  </si>
  <si>
    <t>6723916.0</t>
  </si>
  <si>
    <t>223.869</t>
  </si>
  <si>
    <t>40470603.0</t>
  </si>
  <si>
    <t>22096856.0</t>
  </si>
  <si>
    <t>19288340.0</t>
  </si>
  <si>
    <t>2372732.0</t>
  </si>
  <si>
    <t>40520242.0</t>
  </si>
  <si>
    <t>22106435.0</t>
  </si>
  <si>
    <t>19305700.0</t>
  </si>
  <si>
    <t>2398038.0</t>
  </si>
  <si>
    <t>49639.0</t>
  </si>
  <si>
    <t>40577032.0</t>
  </si>
  <si>
    <t>22127166.0</t>
  </si>
  <si>
    <t>19336604.0</t>
  </si>
  <si>
    <t>2407975.0</t>
  </si>
  <si>
    <t>31541.0</t>
  </si>
  <si>
    <t>40638405.0</t>
  </si>
  <si>
    <t>22145663.0</t>
  </si>
  <si>
    <t>19359782.0</t>
  </si>
  <si>
    <t>2429736.0</t>
  </si>
  <si>
    <t>6739954.0</t>
  </si>
  <si>
    <t>224.403</t>
  </si>
  <si>
    <t>40684272.0</t>
  </si>
  <si>
    <t>22152198.0</t>
  </si>
  <si>
    <t>19375179.0</t>
  </si>
  <si>
    <t>2456236.0</t>
  </si>
  <si>
    <t>6752177.0</t>
  </si>
  <si>
    <t>224.81</t>
  </si>
  <si>
    <t>40712323.0</t>
  </si>
  <si>
    <t>22156131.0</t>
  </si>
  <si>
    <t>19382176.0</t>
  </si>
  <si>
    <t>2474667.0</t>
  </si>
  <si>
    <t>40785144.0</t>
  </si>
  <si>
    <t>22160418.0</t>
  </si>
  <si>
    <t>19391162.0</t>
  </si>
  <si>
    <t>2535964.0</t>
  </si>
  <si>
    <t>40862191.0</t>
  </si>
  <si>
    <t>22166767.0</t>
  </si>
  <si>
    <t>19405045.0</t>
  </si>
  <si>
    <t>2596126.0</t>
  </si>
  <si>
    <t>77047.0</t>
  </si>
  <si>
    <t>40897919.0</t>
  </si>
  <si>
    <t>22170066.0</t>
  </si>
  <si>
    <t>19418684.0</t>
  </si>
  <si>
    <t>2616476.0</t>
  </si>
  <si>
    <t>35728.0</t>
  </si>
  <si>
    <t>6767655.0</t>
  </si>
  <si>
    <t>225.326</t>
  </si>
  <si>
    <t>47594.0</t>
  </si>
  <si>
    <t>41075782.0</t>
  </si>
  <si>
    <t>22185237.0</t>
  </si>
  <si>
    <t>19452877.0</t>
  </si>
  <si>
    <t>2751207.0</t>
  </si>
  <si>
    <t>58114.0</t>
  </si>
  <si>
    <t>41123876.0</t>
  </si>
  <si>
    <t>22201664.0</t>
  </si>
  <si>
    <t>19479252.0</t>
  </si>
  <si>
    <t>2771166.0</t>
  </si>
  <si>
    <t>6781632.0</t>
  </si>
  <si>
    <t>225.791</t>
  </si>
  <si>
    <t>41247086.0</t>
  </si>
  <si>
    <t>22206244.0</t>
  </si>
  <si>
    <t>19494453.0</t>
  </si>
  <si>
    <t>2877468.0</t>
  </si>
  <si>
    <t>123210.0</t>
  </si>
  <si>
    <t>76395.0</t>
  </si>
  <si>
    <t>41333222.0</t>
  </si>
  <si>
    <t>22209916.0</t>
  </si>
  <si>
    <t>19506642.0</t>
  </si>
  <si>
    <t>78297.0</t>
  </si>
  <si>
    <t>135.31</t>
  </si>
  <si>
    <t>41456812.0</t>
  </si>
  <si>
    <t>22224120.0</t>
  </si>
  <si>
    <t>19518925.0</t>
  </si>
  <si>
    <t>3049359.0</t>
  </si>
  <si>
    <t>123590.0</t>
  </si>
  <si>
    <t>102099.0</t>
  </si>
  <si>
    <t>6801395.0</t>
  </si>
  <si>
    <t>226.449</t>
  </si>
  <si>
    <t>41768411.0</t>
  </si>
  <si>
    <t>22254268.0</t>
  </si>
  <si>
    <t>19574894.0</t>
  </si>
  <si>
    <t>3283764.0</t>
  </si>
  <si>
    <t>111652.0</t>
  </si>
  <si>
    <t>41843057.0</t>
  </si>
  <si>
    <t>22261575.0</t>
  </si>
  <si>
    <t>19586196.0</t>
  </si>
  <si>
    <t>3340769.0</t>
  </si>
  <si>
    <t>74646.0</t>
  </si>
  <si>
    <t>41872631.0</t>
  </si>
  <si>
    <t>22263497.0</t>
  </si>
  <si>
    <t>19591350.0</t>
  </si>
  <si>
    <t>3364130.0</t>
  </si>
  <si>
    <t>29574.0</t>
  </si>
  <si>
    <t>106965.0</t>
  </si>
  <si>
    <t>6811086.0</t>
  </si>
  <si>
    <t>226.772</t>
  </si>
  <si>
    <t>41888641.0</t>
  </si>
  <si>
    <t>22264477.0</t>
  </si>
  <si>
    <t>19596394.0</t>
  </si>
  <si>
    <t>3374858.0</t>
  </si>
  <si>
    <t>91651.0</t>
  </si>
  <si>
    <t>41982187.0</t>
  </si>
  <si>
    <t>22271084.0</t>
  </si>
  <si>
    <t>19618901.0</t>
  </si>
  <si>
    <t>3442884.0</t>
  </si>
  <si>
    <t>93546.0</t>
  </si>
  <si>
    <t>42012843.0</t>
  </si>
  <si>
    <t>22273558.0</t>
  </si>
  <si>
    <t>19625334.0</t>
  </si>
  <si>
    <t>3465884.0</t>
  </si>
  <si>
    <t>79433.0</t>
  </si>
  <si>
    <t>6821812.0</t>
  </si>
  <si>
    <t>227.129</t>
  </si>
  <si>
    <t>42104931.0</t>
  </si>
  <si>
    <t>22289710.0</t>
  </si>
  <si>
    <t>19640380.0</t>
  </si>
  <si>
    <t>3530533.0</t>
  </si>
  <si>
    <t>92088.0</t>
  </si>
  <si>
    <t>42189552.0</t>
  </si>
  <si>
    <t>22295475.0</t>
  </si>
  <si>
    <t>19658950.0</t>
  </si>
  <si>
    <t>3593072.0</t>
  </si>
  <si>
    <t>84621.0</t>
  </si>
  <si>
    <t>138.11</t>
  </si>
  <si>
    <t>42259208.0</t>
  </si>
  <si>
    <t>22318684.0</t>
  </si>
  <si>
    <t>19685621.0</t>
  </si>
  <si>
    <t>3626245.0</t>
  </si>
  <si>
    <t>69656.0</t>
  </si>
  <si>
    <t>59450.0</t>
  </si>
  <si>
    <t>42281314.0</t>
  </si>
  <si>
    <t>22323233.0</t>
  </si>
  <si>
    <t>19692303.0</t>
  </si>
  <si>
    <t>3638853.0</t>
  </si>
  <si>
    <t>6834993.0</t>
  </si>
  <si>
    <t>42319673.0</t>
  </si>
  <si>
    <t>22326785.0</t>
  </si>
  <si>
    <t>19701003.0</t>
  </si>
  <si>
    <t>3665435.0</t>
  </si>
  <si>
    <t>61576.0</t>
  </si>
  <si>
    <t>42399815.0</t>
  </si>
  <si>
    <t>22344413.0</t>
  </si>
  <si>
    <t>19733893.0</t>
  </si>
  <si>
    <t>3695448.0</t>
  </si>
  <si>
    <t>227.815</t>
  </si>
  <si>
    <t>42410820.0</t>
  </si>
  <si>
    <t>22344980.0</t>
  </si>
  <si>
    <t>19735153.0</t>
  </si>
  <si>
    <t>3704682.0</t>
  </si>
  <si>
    <t>42431999.0</t>
  </si>
  <si>
    <t>22346109.0</t>
  </si>
  <si>
    <t>19738517.0</t>
  </si>
  <si>
    <t>3721552.0</t>
  </si>
  <si>
    <t>46724.0</t>
  </si>
  <si>
    <t>35192.0</t>
  </si>
  <si>
    <t>42443691.0</t>
  </si>
  <si>
    <t>22346138.0</t>
  </si>
  <si>
    <t>19740770.0</t>
  </si>
  <si>
    <t>6852895.0</t>
  </si>
  <si>
    <t>228.164</t>
  </si>
  <si>
    <t>19424.0</t>
  </si>
  <si>
    <t>42479543.0</t>
  </si>
  <si>
    <t>22350819.0</t>
  </si>
  <si>
    <t>19747028.0</t>
  </si>
  <si>
    <t>3758085.0</t>
  </si>
  <si>
    <t>6864192.0</t>
  </si>
  <si>
    <t>42499577.0</t>
  </si>
  <si>
    <t>22352285.0</t>
  </si>
  <si>
    <t>19750586.0</t>
  </si>
  <si>
    <t>3773437.0</t>
  </si>
  <si>
    <t>42516879.0</t>
  </si>
  <si>
    <t>22353385.0</t>
  </si>
  <si>
    <t>19751773.0</t>
  </si>
  <si>
    <t>3788666.0</t>
  </si>
  <si>
    <t>6875090.0</t>
  </si>
  <si>
    <t>228.903</t>
  </si>
  <si>
    <t>42548267.0</t>
  </si>
  <si>
    <t>22354377.0</t>
  </si>
  <si>
    <t>19756501.0</t>
  </si>
  <si>
    <t>3814511.0</t>
  </si>
  <si>
    <t>42569157.0</t>
  </si>
  <si>
    <t>22355662.0</t>
  </si>
  <si>
    <t>19761502.0</t>
  </si>
  <si>
    <t>3829426.0</t>
  </si>
  <si>
    <t>42617136.0</t>
  </si>
  <si>
    <t>22358424.0</t>
  </si>
  <si>
    <t>19783597.0</t>
  </si>
  <si>
    <t>3854040.0</t>
  </si>
  <si>
    <t>19656.0</t>
  </si>
  <si>
    <t>6884355.0</t>
  </si>
  <si>
    <t>229.211</t>
  </si>
  <si>
    <t>42680521.0</t>
  </si>
  <si>
    <t>22367391.0</t>
  </si>
  <si>
    <t>19796636.0</t>
  </si>
  <si>
    <t>3897655.0</t>
  </si>
  <si>
    <t>63385.0</t>
  </si>
  <si>
    <t>42746702.0</t>
  </si>
  <si>
    <t>22370829.0</t>
  </si>
  <si>
    <t>19804863.0</t>
  </si>
  <si>
    <t>66181.0</t>
  </si>
  <si>
    <t>42851236.0</t>
  </si>
  <si>
    <t>22378744.0</t>
  </si>
  <si>
    <t>19825343.0</t>
  </si>
  <si>
    <t>4029839.0</t>
  </si>
  <si>
    <t>42902927.0</t>
  </si>
  <si>
    <t>22380300.0</t>
  </si>
  <si>
    <t>19828687.0</t>
  </si>
  <si>
    <t>4076754.0</t>
  </si>
  <si>
    <t>51691.0</t>
  </si>
  <si>
    <t>6895478.0</t>
  </si>
  <si>
    <t>229.582</t>
  </si>
  <si>
    <t>42916756.0</t>
  </si>
  <si>
    <t>22381118.0</t>
  </si>
  <si>
    <t>19831322.0</t>
  </si>
  <si>
    <t>4087310.0</t>
  </si>
  <si>
    <t>71354.0</t>
  </si>
  <si>
    <t>43220513.0</t>
  </si>
  <si>
    <t>22407979.0</t>
  </si>
  <si>
    <t>19872193.0</t>
  </si>
  <si>
    <t>4330091.0</t>
  </si>
  <si>
    <t>43364095.0</t>
  </si>
  <si>
    <t>22413482.0</t>
  </si>
  <si>
    <t>19885258.0</t>
  </si>
  <si>
    <t>4456127.0</t>
  </si>
  <si>
    <t>143582.0</t>
  </si>
  <si>
    <t>97653.0</t>
  </si>
  <si>
    <t>6911567.0</t>
  </si>
  <si>
    <t>230.117</t>
  </si>
  <si>
    <t>43446508.0</t>
  </si>
  <si>
    <t>22425004.0</t>
  </si>
  <si>
    <t>19902055.0</t>
  </si>
  <si>
    <t>4515114.0</t>
  </si>
  <si>
    <t>99972.0</t>
  </si>
  <si>
    <t>43631029.0</t>
  </si>
  <si>
    <t>22435566.0</t>
  </si>
  <si>
    <t>19917125.0</t>
  </si>
  <si>
    <t>4675687.0</t>
  </si>
  <si>
    <t>184521.0</t>
  </si>
  <si>
    <t>111399.0</t>
  </si>
  <si>
    <t>6916385.0</t>
  </si>
  <si>
    <t>230.278</t>
  </si>
  <si>
    <t>43643002.0</t>
  </si>
  <si>
    <t>22436638.0</t>
  </si>
  <si>
    <t>19919340.0</t>
  </si>
  <si>
    <t>4684745.0</t>
  </si>
  <si>
    <t>105725.0</t>
  </si>
  <si>
    <t>43743276.0</t>
  </si>
  <si>
    <t>22441717.0</t>
  </si>
  <si>
    <t>19926930.0</t>
  </si>
  <si>
    <t>4773150.0</t>
  </si>
  <si>
    <t>100274.0</t>
  </si>
  <si>
    <t>118074.0</t>
  </si>
  <si>
    <t>43852068.0</t>
  </si>
  <si>
    <t>22447580.0</t>
  </si>
  <si>
    <t>19939784.0</t>
  </si>
  <si>
    <t>4864530.0</t>
  </si>
  <si>
    <t>108792.0</t>
  </si>
  <si>
    <t>6926058.0</t>
  </si>
  <si>
    <t>43968451.0</t>
  </si>
  <si>
    <t>22452894.0</t>
  </si>
  <si>
    <t>19953304.0</t>
  </si>
  <si>
    <t>4963420.0</t>
  </si>
  <si>
    <t>116383.0</t>
  </si>
  <si>
    <t>44085568.0</t>
  </si>
  <si>
    <t>22458729.0</t>
  </si>
  <si>
    <t>19969662.0</t>
  </si>
  <si>
    <t>5058965.0</t>
  </si>
  <si>
    <t>103068.0</t>
  </si>
  <si>
    <t>44166069.0</t>
  </si>
  <si>
    <t>22462593.0</t>
  </si>
  <si>
    <t>19976900.0</t>
  </si>
  <si>
    <t>5129232.0</t>
  </si>
  <si>
    <t>80501.0</t>
  </si>
  <si>
    <t>102794.0</t>
  </si>
  <si>
    <t>44247981.0</t>
  </si>
  <si>
    <t>22465417.0</t>
  </si>
  <si>
    <t>19981665.0</t>
  </si>
  <si>
    <t>5204193.0</t>
  </si>
  <si>
    <t>81912.0</t>
  </si>
  <si>
    <t>144.85</t>
  </si>
  <si>
    <t>104802.0</t>
  </si>
  <si>
    <t>6940718.0</t>
  </si>
  <si>
    <t>231.088</t>
  </si>
  <si>
    <t>44633887.0</t>
  </si>
  <si>
    <t>22476182.0</t>
  </si>
  <si>
    <t>19997583.0</t>
  </si>
  <si>
    <t>5567194.0</t>
  </si>
  <si>
    <t>111688.0</t>
  </si>
  <si>
    <t>6946964.0</t>
  </si>
  <si>
    <t>231.296</t>
  </si>
  <si>
    <t>44802104.0</t>
  </si>
  <si>
    <t>22492202.0</t>
  </si>
  <si>
    <t>20027781.0</t>
  </si>
  <si>
    <t>5692302.0</t>
  </si>
  <si>
    <t>119093.0</t>
  </si>
  <si>
    <t>44905237.0</t>
  </si>
  <si>
    <t>22517204.0</t>
  </si>
  <si>
    <t>20054777.0</t>
  </si>
  <si>
    <t>5745991.0</t>
  </si>
  <si>
    <t>103133.0</t>
  </si>
  <si>
    <t>117096.0</t>
  </si>
  <si>
    <t>45057574.0</t>
  </si>
  <si>
    <t>22571837.0</t>
  </si>
  <si>
    <t>20090817.0</t>
  </si>
  <si>
    <t>5827235.0</t>
  </si>
  <si>
    <t>152337.0</t>
  </si>
  <si>
    <t>127358.0</t>
  </si>
  <si>
    <t>45122852.0</t>
  </si>
  <si>
    <t>22578546.0</t>
  </si>
  <si>
    <t>20107569.0</t>
  </si>
  <si>
    <t>5870095.0</t>
  </si>
  <si>
    <t>147.71</t>
  </si>
  <si>
    <t>45175161.0</t>
  </si>
  <si>
    <t>22581229.0</t>
  </si>
  <si>
    <t>20112984.0</t>
  </si>
  <si>
    <t>5914332.0</t>
  </si>
  <si>
    <t>114078.0</t>
  </si>
  <si>
    <t>6961317.0</t>
  </si>
  <si>
    <t>231.774</t>
  </si>
  <si>
    <t>22587603.0</t>
  </si>
  <si>
    <t>20123223.0</t>
  </si>
  <si>
    <t>6045699.0</t>
  </si>
  <si>
    <t>111477.0</t>
  </si>
  <si>
    <t>16430.0</t>
  </si>
  <si>
    <t>45396016.0</t>
  </si>
  <si>
    <t>22594126.0</t>
  </si>
  <si>
    <t>20151061.0</t>
  </si>
  <si>
    <t>6085076.0</t>
  </si>
  <si>
    <t>108876.0</t>
  </si>
  <si>
    <t>45498949.0</t>
  </si>
  <si>
    <t>22628015.0</t>
  </si>
  <si>
    <t>20187733.0</t>
  </si>
  <si>
    <t>6128122.0</t>
  </si>
  <si>
    <t>102933.0</t>
  </si>
  <si>
    <t>99549.0</t>
  </si>
  <si>
    <t>148.94</t>
  </si>
  <si>
    <t>6969050.0</t>
  </si>
  <si>
    <t>232.031</t>
  </si>
  <si>
    <t>45584606.0</t>
  </si>
  <si>
    <t>22649277.0</t>
  </si>
  <si>
    <t>20196496.0</t>
  </si>
  <si>
    <t>6184109.0</t>
  </si>
  <si>
    <t>45734667.0</t>
  </si>
  <si>
    <t>22710320.0</t>
  </si>
  <si>
    <t>20229212.0</t>
  </si>
  <si>
    <t>6242325.0</t>
  </si>
  <si>
    <t>150061.0</t>
  </si>
  <si>
    <t>96728.0</t>
  </si>
  <si>
    <t>19783.0</t>
  </si>
  <si>
    <t>45791355.0</t>
  </si>
  <si>
    <t>22758672.0</t>
  </si>
  <si>
    <t>20235863.0</t>
  </si>
  <si>
    <t>6245732.0</t>
  </si>
  <si>
    <t>95500.0</t>
  </si>
  <si>
    <t>25732.0</t>
  </si>
  <si>
    <t>45849079.0</t>
  </si>
  <si>
    <t>22810898.0</t>
  </si>
  <si>
    <t>20237066.0</t>
  </si>
  <si>
    <t>6250027.0</t>
  </si>
  <si>
    <t>57724.0</t>
  </si>
  <si>
    <t>96274.0</t>
  </si>
  <si>
    <t>45976871.0</t>
  </si>
  <si>
    <t>22899642.0</t>
  </si>
  <si>
    <t>20249513.0</t>
  </si>
  <si>
    <t>6277763.0</t>
  </si>
  <si>
    <t>127792.0</t>
  </si>
  <si>
    <t>98755.0</t>
  </si>
  <si>
    <t>44577.0</t>
  </si>
  <si>
    <t>46113867.0</t>
  </si>
  <si>
    <t>22995709.0</t>
  </si>
  <si>
    <t>20267818.0</t>
  </si>
  <si>
    <t>6300646.0</t>
  </si>
  <si>
    <t>136996.0</t>
  </si>
  <si>
    <t>102550.0</t>
  </si>
  <si>
    <t>57369.0</t>
  </si>
  <si>
    <t>62662.0</t>
  </si>
  <si>
    <t>111583.0</t>
  </si>
  <si>
    <t>108132.0</t>
  </si>
  <si>
    <t>118021.0</t>
  </si>
  <si>
    <t>46743409.0</t>
  </si>
  <si>
    <t>23350416.0</t>
  </si>
  <si>
    <t>20352238.0</t>
  </si>
  <si>
    <t>6497323.0</t>
  </si>
  <si>
    <t>77074.0</t>
  </si>
  <si>
    <t>46888075.0</t>
  </si>
  <si>
    <t>23433211.0</t>
  </si>
  <si>
    <t>20359274.0</t>
  </si>
  <si>
    <t>6552610.0</t>
  </si>
  <si>
    <t>144666.0</t>
  </si>
  <si>
    <t>130172.0</t>
  </si>
  <si>
    <t>254730.0</t>
  </si>
  <si>
    <t>317801.0</t>
  </si>
  <si>
    <t>443943.0</t>
  </si>
  <si>
    <t>54214.0</t>
  </si>
  <si>
    <t>507014.0</t>
  </si>
  <si>
    <t>50859914.0</t>
  </si>
  <si>
    <t>23749274.0</t>
  </si>
  <si>
    <t>20404410.0</t>
  </si>
  <si>
    <t>6706230.0</t>
  </si>
  <si>
    <t>567406.0</t>
  </si>
  <si>
    <t>498930.0</t>
  </si>
  <si>
    <t>44182.0</t>
  </si>
  <si>
    <t>430454.0</t>
  </si>
  <si>
    <t>361978.0</t>
  </si>
  <si>
    <t>42242.0</t>
  </si>
  <si>
    <t>293503.0</t>
  </si>
  <si>
    <t>41272.0</t>
  </si>
  <si>
    <t>225027.0</t>
  </si>
  <si>
    <t>156551.0</t>
  </si>
  <si>
    <t>51564516.0</t>
  </si>
  <si>
    <t>24056165.0</t>
  </si>
  <si>
    <t>20497729.0</t>
  </si>
  <si>
    <t>7010622.0</t>
  </si>
  <si>
    <t>52575.0</t>
  </si>
  <si>
    <t>66789.0</t>
  </si>
  <si>
    <t>52269883.0</t>
  </si>
  <si>
    <t>24607594.0</t>
  </si>
  <si>
    <t>20523367.0</t>
  </si>
  <si>
    <t>7138922.0</t>
  </si>
  <si>
    <t>95216.0</t>
  </si>
  <si>
    <t>138137.0</t>
  </si>
  <si>
    <t>98279.0</t>
  </si>
  <si>
    <t>137761.0</t>
  </si>
  <si>
    <t>101342.0</t>
  </si>
  <si>
    <t>137386.0</t>
  </si>
  <si>
    <t>104405.0</t>
  </si>
  <si>
    <t>124400.0</t>
  </si>
  <si>
    <t>93255.0</t>
  </si>
  <si>
    <t>82104.0</t>
  </si>
  <si>
    <t>98429.0</t>
  </si>
  <si>
    <t>52867991.0</t>
  </si>
  <si>
    <t>25026214.0</t>
  </si>
  <si>
    <t>20579365.0</t>
  </si>
  <si>
    <t>7262412.0</t>
  </si>
  <si>
    <t>85444.0</t>
  </si>
  <si>
    <t>59803.0</t>
  </si>
  <si>
    <t>44877.0</t>
  </si>
  <si>
    <t>39902.0</t>
  </si>
  <si>
    <t>55563.0</t>
  </si>
  <si>
    <t>34927.0</t>
  </si>
  <si>
    <t>49587.0</t>
  </si>
  <si>
    <t>29952.0</t>
  </si>
  <si>
    <t>53260490.0</t>
  </si>
  <si>
    <t>25251001.0</t>
  </si>
  <si>
    <t>20640381.0</t>
  </si>
  <si>
    <t>7369108.0</t>
  </si>
  <si>
    <t>47317.0</t>
  </si>
  <si>
    <t>51024.0</t>
  </si>
  <si>
    <t>58436.0</t>
  </si>
  <si>
    <t>24175.0</t>
  </si>
  <si>
    <t>53747378.0</t>
  </si>
  <si>
    <t>25419295.0</t>
  </si>
  <si>
    <t>20876075.0</t>
  </si>
  <si>
    <t>7452008.0</t>
  </si>
  <si>
    <t>69555.0</t>
  </si>
  <si>
    <t>76583.0</t>
  </si>
  <si>
    <t>97665.0</t>
  </si>
  <si>
    <t>33910.0</t>
  </si>
  <si>
    <t>104692.0</t>
  </si>
  <si>
    <t>111719.0</t>
  </si>
  <si>
    <t>118746.0</t>
  </si>
  <si>
    <t>41311.0</t>
  </si>
  <si>
    <t>55409828.0</t>
  </si>
  <si>
    <t>25997644.0</t>
  </si>
  <si>
    <t>21686037.0</t>
  </si>
  <si>
    <t>7726147.0</t>
  </si>
  <si>
    <t>181.39</t>
  </si>
  <si>
    <t>117079.0</t>
  </si>
  <si>
    <t>115411.0</t>
  </si>
  <si>
    <t>45154.0</t>
  </si>
  <si>
    <t>110408.0</t>
  </si>
  <si>
    <t>46115.0</t>
  </si>
  <si>
    <t>108740.0</t>
  </si>
  <si>
    <t>47075.0</t>
  </si>
  <si>
    <t>107072.0</t>
  </si>
  <si>
    <t>48036.0</t>
  </si>
  <si>
    <t>57015910.0</t>
  </si>
  <si>
    <t>26718186.0</t>
  </si>
  <si>
    <t>22324933.0</t>
  </si>
  <si>
    <t>7972791.0</t>
  </si>
  <si>
    <t>46296.0</t>
  </si>
  <si>
    <t>97755.0</t>
  </si>
  <si>
    <t>93096.0</t>
  </si>
  <si>
    <t>83778.0</t>
  </si>
  <si>
    <t>79119.0</t>
  </si>
  <si>
    <t>74460.0</t>
  </si>
  <si>
    <t>57909436.0</t>
  </si>
  <si>
    <t>27148456.0</t>
  </si>
  <si>
    <t>22565230.0</t>
  </si>
  <si>
    <t>8195750.0</t>
  </si>
  <si>
    <t>72629.0</t>
  </si>
  <si>
    <t>70798.0</t>
  </si>
  <si>
    <t>58094360.0</t>
  </si>
  <si>
    <t>27189865.0</t>
  </si>
  <si>
    <t>22667676.0</t>
  </si>
  <si>
    <t>8236819.0</t>
  </si>
  <si>
    <t>190.18</t>
  </si>
  <si>
    <t>60832.0</t>
  </si>
  <si>
    <t>56764.0</t>
  </si>
  <si>
    <t>59014127.0</t>
  </si>
  <si>
    <t>23310071.0</t>
  </si>
  <si>
    <t>8412774.0</t>
  </si>
  <si>
    <t>38796.0</t>
  </si>
  <si>
    <t>59118206.0</t>
  </si>
  <si>
    <t>27290944.0</t>
  </si>
  <si>
    <t>23389561.0</t>
  </si>
  <si>
    <t>8437701.0</t>
  </si>
  <si>
    <t>193.53</t>
  </si>
  <si>
    <t>59431338.0</t>
  </si>
  <si>
    <t>27316278.0</t>
  </si>
  <si>
    <t>23616893.0</t>
  </si>
  <si>
    <t>8498167.0</t>
  </si>
  <si>
    <t>59672708.0</t>
  </si>
  <si>
    <t>27356497.0</t>
  </si>
  <si>
    <t>23737019.0</t>
  </si>
  <si>
    <t>8579192.0</t>
  </si>
  <si>
    <t>34481.0</t>
  </si>
  <si>
    <t>59705970.0</t>
  </si>
  <si>
    <t>27357469.0</t>
  </si>
  <si>
    <t>23749154.0</t>
  </si>
  <si>
    <t>8599347.0</t>
  </si>
  <si>
    <t>33262.0</t>
  </si>
  <si>
    <t>34307.0</t>
  </si>
  <si>
    <t>26940.0</t>
  </si>
  <si>
    <t>22029.0</t>
  </si>
  <si>
    <t>59930762.0</t>
  </si>
  <si>
    <t>27398529.0</t>
  </si>
  <si>
    <t>23857858.0</t>
  </si>
  <si>
    <t>8674375.0</t>
  </si>
  <si>
    <t>19990.0</t>
  </si>
  <si>
    <t>25386.0</t>
  </si>
  <si>
    <t>60184003.0</t>
  </si>
  <si>
    <t>27484915.0</t>
  </si>
  <si>
    <t>23949225.0</t>
  </si>
  <si>
    <t>8749863.0</t>
  </si>
  <si>
    <t>197.02</t>
  </si>
  <si>
    <t>60475558.0</t>
  </si>
  <si>
    <t>27566723.0</t>
  </si>
  <si>
    <t>24057021.0</t>
  </si>
  <si>
    <t>8851814.0</t>
  </si>
  <si>
    <t>197.97</t>
  </si>
  <si>
    <t>NLD</t>
  </si>
  <si>
    <t>Netherlands</t>
  </si>
  <si>
    <t>-2332.1</t>
  </si>
  <si>
    <t>-7.62</t>
  </si>
  <si>
    <t>-132.777120499749</t>
  </si>
  <si>
    <t>-2644.8</t>
  </si>
  <si>
    <t>-7.77</t>
  </si>
  <si>
    <t>-150.580561853152</t>
  </si>
  <si>
    <t>6.832</t>
  </si>
  <si>
    <t>-2698.7</t>
  </si>
  <si>
    <t>-153.649335402715</t>
  </si>
  <si>
    <t>-2232.8</t>
  </si>
  <si>
    <t>-5.52</t>
  </si>
  <si>
    <t>-127.123517281351</t>
  </si>
  <si>
    <t>-897.9</t>
  </si>
  <si>
    <t>-2.06</t>
  </si>
  <si>
    <t>-51.1215541772328</t>
  </si>
  <si>
    <t>68.0368161730629</t>
  </si>
  <si>
    <t>152.3</t>
  </si>
  <si>
    <t>79.196</t>
  </si>
  <si>
    <t>3250.3</t>
  </si>
  <si>
    <t>185.054446533311</t>
  </si>
  <si>
    <t>4645.6</t>
  </si>
  <si>
    <t>264.495257919315</t>
  </si>
  <si>
    <t>5679.3</t>
  </si>
  <si>
    <t>323.348527273369</t>
  </si>
  <si>
    <t>355.898023345453</t>
  </si>
  <si>
    <t>38.886</t>
  </si>
  <si>
    <t>32.111</t>
  </si>
  <si>
    <t>60.009</t>
  </si>
  <si>
    <t>6376.5</t>
  </si>
  <si>
    <t>363.04331240798</t>
  </si>
  <si>
    <t>21.521</t>
  </si>
  <si>
    <t>6348.6</t>
  </si>
  <si>
    <t>361.454837787705</t>
  </si>
  <si>
    <t>51.754</t>
  </si>
  <si>
    <t>12.696</t>
  </si>
  <si>
    <t>41.562</t>
  </si>
  <si>
    <t>6317.9</t>
  </si>
  <si>
    <t>359.70694635966</t>
  </si>
  <si>
    <t>356.296565364877</t>
  </si>
  <si>
    <t>48864.0</t>
  </si>
  <si>
    <t>6214.7</t>
  </si>
  <si>
    <t>353.831298301869</t>
  </si>
  <si>
    <t>57991.0</t>
  </si>
  <si>
    <t>68175.0</t>
  </si>
  <si>
    <t>77934.0</t>
  </si>
  <si>
    <t>87336.0</t>
  </si>
  <si>
    <t>96016.0</t>
  </si>
  <si>
    <t>102072.0</t>
  </si>
  <si>
    <t>106005.0</t>
  </si>
  <si>
    <t>6192.8</t>
  </si>
  <si>
    <t>352.584431126815</t>
  </si>
  <si>
    <t>116248.0</t>
  </si>
  <si>
    <t>127173.0</t>
  </si>
  <si>
    <t>7.266</t>
  </si>
  <si>
    <t>137590.0</t>
  </si>
  <si>
    <t>147782.0</t>
  </si>
  <si>
    <t>157310.0</t>
  </si>
  <si>
    <t>163386.0</t>
  </si>
  <si>
    <t>6191.3</t>
  </si>
  <si>
    <t>352.49902926551</t>
  </si>
  <si>
    <t>178954.0</t>
  </si>
  <si>
    <t>10.225</t>
  </si>
  <si>
    <t>189985.0</t>
  </si>
  <si>
    <t>199556.0</t>
  </si>
  <si>
    <t>209948.0</t>
  </si>
  <si>
    <t>218902.0</t>
  </si>
  <si>
    <t>12.507</t>
  </si>
  <si>
    <t>224784.0</t>
  </si>
  <si>
    <t>229002.0</t>
  </si>
  <si>
    <t>6108.6</t>
  </si>
  <si>
    <t>347.790539978889</t>
  </si>
  <si>
    <t>240726.0</t>
  </si>
  <si>
    <t>252815.0</t>
  </si>
  <si>
    <t>14.445</t>
  </si>
  <si>
    <t>264605.0</t>
  </si>
  <si>
    <t>15.119</t>
  </si>
  <si>
    <t>275694.0</t>
  </si>
  <si>
    <t>285809.0</t>
  </si>
  <si>
    <t>292137.0</t>
  </si>
  <si>
    <t>16.692</t>
  </si>
  <si>
    <t>296509.0</t>
  </si>
  <si>
    <t>16.942</t>
  </si>
  <si>
    <t>5926.9</t>
  </si>
  <si>
    <t>337.445527846131</t>
  </si>
  <si>
    <t>308556.0</t>
  </si>
  <si>
    <t>18.328</t>
  </si>
  <si>
    <t>333787.0</t>
  </si>
  <si>
    <t>346873.0</t>
  </si>
  <si>
    <t>358930.0</t>
  </si>
  <si>
    <t>366663.0</t>
  </si>
  <si>
    <t>371675.0</t>
  </si>
  <si>
    <t>5830.8</t>
  </si>
  <si>
    <t>331.974115265184</t>
  </si>
  <si>
    <t>384498.0</t>
  </si>
  <si>
    <t>397733.0</t>
  </si>
  <si>
    <t>410864.0</t>
  </si>
  <si>
    <t>23.476</t>
  </si>
  <si>
    <t>425165.0</t>
  </si>
  <si>
    <t>24.293</t>
  </si>
  <si>
    <t>440255.0</t>
  </si>
  <si>
    <t>25.155</t>
  </si>
  <si>
    <t>451479.0</t>
  </si>
  <si>
    <t>25.796</t>
  </si>
  <si>
    <t>460146.0</t>
  </si>
  <si>
    <t>5620.7</t>
  </si>
  <si>
    <t>320.01216122505</t>
  </si>
  <si>
    <t>475281.0</t>
  </si>
  <si>
    <t>27.156</t>
  </si>
  <si>
    <t>491414.0</t>
  </si>
  <si>
    <t>28.078</t>
  </si>
  <si>
    <t>508788.0</t>
  </si>
  <si>
    <t>29.071</t>
  </si>
  <si>
    <t>13989.0</t>
  </si>
  <si>
    <t>17853.0</t>
  </si>
  <si>
    <t>30.091</t>
  </si>
  <si>
    <t>545106.0</t>
  </si>
  <si>
    <t>31.146</t>
  </si>
  <si>
    <t>559533.0</t>
  </si>
  <si>
    <t>571535.0</t>
  </si>
  <si>
    <t>32.656</t>
  </si>
  <si>
    <t>5525.6</t>
  </si>
  <si>
    <t>314.597683218307</t>
  </si>
  <si>
    <t>590132.0</t>
  </si>
  <si>
    <t>608502.0</t>
  </si>
  <si>
    <t>34.768</t>
  </si>
  <si>
    <t>626367.0</t>
  </si>
  <si>
    <t>17865.0</t>
  </si>
  <si>
    <t>35.789</t>
  </si>
  <si>
    <t>643147.0</t>
  </si>
  <si>
    <t>36.748</t>
  </si>
  <si>
    <t>657362.0</t>
  </si>
  <si>
    <t>665804.0</t>
  </si>
  <si>
    <t>38.042</t>
  </si>
  <si>
    <t>672928.0</t>
  </si>
  <si>
    <t>38.449</t>
  </si>
  <si>
    <t>5511.3</t>
  </si>
  <si>
    <t>313.783518807198</t>
  </si>
  <si>
    <t>688621.0</t>
  </si>
  <si>
    <t>39.346</t>
  </si>
  <si>
    <t>704951.0</t>
  </si>
  <si>
    <t>40.279</t>
  </si>
  <si>
    <t>720927.0</t>
  </si>
  <si>
    <t>736047.0</t>
  </si>
  <si>
    <t>42.056</t>
  </si>
  <si>
    <t>751631.0</t>
  </si>
  <si>
    <t>42.946</t>
  </si>
  <si>
    <t>771436.0</t>
  </si>
  <si>
    <t>44.078</t>
  </si>
  <si>
    <t>5444.6</t>
  </si>
  <si>
    <t>-2.46</t>
  </si>
  <si>
    <t>309.985982707831</t>
  </si>
  <si>
    <t>787008.0</t>
  </si>
  <si>
    <t>801917.0</t>
  </si>
  <si>
    <t>816952.0</t>
  </si>
  <si>
    <t>46.678</t>
  </si>
  <si>
    <t>13718.0</t>
  </si>
  <si>
    <t>833013.0</t>
  </si>
  <si>
    <t>47.596</t>
  </si>
  <si>
    <t>849350.0</t>
  </si>
  <si>
    <t>16337.0</t>
  </si>
  <si>
    <t>862046.0</t>
  </si>
  <si>
    <t>49.255</t>
  </si>
  <si>
    <t>873467.0</t>
  </si>
  <si>
    <t>49.908</t>
  </si>
  <si>
    <t>6000.7</t>
  </si>
  <si>
    <t>341.647299422342</t>
  </si>
  <si>
    <t>892170.0</t>
  </si>
  <si>
    <t>912071.0</t>
  </si>
  <si>
    <t>19901.0</t>
  </si>
  <si>
    <t>52.113</t>
  </si>
  <si>
    <t>934234.0</t>
  </si>
  <si>
    <t>22163.0</t>
  </si>
  <si>
    <t>956699.0</t>
  </si>
  <si>
    <t>54.663</t>
  </si>
  <si>
    <t>979532.0</t>
  </si>
  <si>
    <t>55.968</t>
  </si>
  <si>
    <t>997670.0</t>
  </si>
  <si>
    <t>57.004</t>
  </si>
  <si>
    <t>1013221.0</t>
  </si>
  <si>
    <t>57.893</t>
  </si>
  <si>
    <t>6174.4</t>
  </si>
  <si>
    <t>351.536834961472</t>
  </si>
  <si>
    <t>1037083.0</t>
  </si>
  <si>
    <t>59.256</t>
  </si>
  <si>
    <t>20702.0</t>
  </si>
  <si>
    <t>1062180.0</t>
  </si>
  <si>
    <t>1086583.0</t>
  </si>
  <si>
    <t>24403.0</t>
  </si>
  <si>
    <t>62.084</t>
  </si>
  <si>
    <t>21764.0</t>
  </si>
  <si>
    <t>1111441.0</t>
  </si>
  <si>
    <t>63.505</t>
  </si>
  <si>
    <t>1136471.0</t>
  </si>
  <si>
    <t>25030.0</t>
  </si>
  <si>
    <t>64.935</t>
  </si>
  <si>
    <t>1156579.0</t>
  </si>
  <si>
    <t>1175178.0</t>
  </si>
  <si>
    <t>18599.0</t>
  </si>
  <si>
    <t>6226.3</t>
  </si>
  <si>
    <t>354.491739362629</t>
  </si>
  <si>
    <t>1199340.0</t>
  </si>
  <si>
    <t>68.527</t>
  </si>
  <si>
    <t>1226355.0</t>
  </si>
  <si>
    <t>27015.0</t>
  </si>
  <si>
    <t>70.071</t>
  </si>
  <si>
    <t>1253505.0</t>
  </si>
  <si>
    <t>71.622</t>
  </si>
  <si>
    <t>23846.0</t>
  </si>
  <si>
    <t>1280601.0</t>
  </si>
  <si>
    <t>27096.0</t>
  </si>
  <si>
    <t>24166.0</t>
  </si>
  <si>
    <t>1308780.0</t>
  </si>
  <si>
    <t>28179.0</t>
  </si>
  <si>
    <t>24616.0</t>
  </si>
  <si>
    <t>1332819.0</t>
  </si>
  <si>
    <t>76.154</t>
  </si>
  <si>
    <t>1355631.0</t>
  </si>
  <si>
    <t>77.457</t>
  </si>
  <si>
    <t>25779.0</t>
  </si>
  <si>
    <t>6270.2</t>
  </si>
  <si>
    <t>356.991167170158</t>
  </si>
  <si>
    <t>1383406.0</t>
  </si>
  <si>
    <t>79.044</t>
  </si>
  <si>
    <t>1412295.0</t>
  </si>
  <si>
    <t>80.695</t>
  </si>
  <si>
    <t>1441644.0</t>
  </si>
  <si>
    <t>82.372</t>
  </si>
  <si>
    <t>1471200.0</t>
  </si>
  <si>
    <t>29556.0</t>
  </si>
  <si>
    <t>27228.0</t>
  </si>
  <si>
    <t>1500568.0</t>
  </si>
  <si>
    <t>29368.0</t>
  </si>
  <si>
    <t>85.738</t>
  </si>
  <si>
    <t>1525464.0</t>
  </si>
  <si>
    <t>24896.0</t>
  </si>
  <si>
    <t>87.161</t>
  </si>
  <si>
    <t>1549443.0</t>
  </si>
  <si>
    <t>88.531</t>
  </si>
  <si>
    <t>6288.1</t>
  </si>
  <si>
    <t>358.010296048399</t>
  </si>
  <si>
    <t>1577161.0</t>
  </si>
  <si>
    <t>27679.0</t>
  </si>
  <si>
    <t>1604935.0</t>
  </si>
  <si>
    <t>91.702</t>
  </si>
  <si>
    <t>1634306.0</t>
  </si>
  <si>
    <t>29371.0</t>
  </si>
  <si>
    <t>27523.0</t>
  </si>
  <si>
    <t>1663738.0</t>
  </si>
  <si>
    <t>29432.0</t>
  </si>
  <si>
    <t>95.062</t>
  </si>
  <si>
    <t>27505.0</t>
  </si>
  <si>
    <t>1692720.0</t>
  </si>
  <si>
    <t>96.717</t>
  </si>
  <si>
    <t>1717669.0</t>
  </si>
  <si>
    <t>98.143</t>
  </si>
  <si>
    <t>1741815.0</t>
  </si>
  <si>
    <t>99.523</t>
  </si>
  <si>
    <t>6301.8</t>
  </si>
  <si>
    <t>358.790299714986</t>
  </si>
  <si>
    <t>1770214.0</t>
  </si>
  <si>
    <t>101.145</t>
  </si>
  <si>
    <t>1799785.0</t>
  </si>
  <si>
    <t>102.835</t>
  </si>
  <si>
    <t>27836.0</t>
  </si>
  <si>
    <t>21.123</t>
  </si>
  <si>
    <t>1830483.0</t>
  </si>
  <si>
    <t>104.589</t>
  </si>
  <si>
    <t>1862235.0</t>
  </si>
  <si>
    <t>106.403</t>
  </si>
  <si>
    <t>1893779.0</t>
  </si>
  <si>
    <t>1921351.0</t>
  </si>
  <si>
    <t>109.781</t>
  </si>
  <si>
    <t>1947862.0</t>
  </si>
  <si>
    <t>111.296</t>
  </si>
  <si>
    <t>6417.3</t>
  </si>
  <si>
    <t>365.366243035478</t>
  </si>
  <si>
    <t>1978860.0</t>
  </si>
  <si>
    <t>30998.0</t>
  </si>
  <si>
    <t>113.067</t>
  </si>
  <si>
    <t>2011126.0</t>
  </si>
  <si>
    <t>32266.0</t>
  </si>
  <si>
    <t>2044906.0</t>
  </si>
  <si>
    <t>2078863.0</t>
  </si>
  <si>
    <t>118.781</t>
  </si>
  <si>
    <t>2112614.0</t>
  </si>
  <si>
    <t>120.709</t>
  </si>
  <si>
    <t>2142661.0</t>
  </si>
  <si>
    <t>30047.0</t>
  </si>
  <si>
    <t>122.426</t>
  </si>
  <si>
    <t>2170897.0</t>
  </si>
  <si>
    <t>124.039</t>
  </si>
  <si>
    <t>6618.8</t>
  </si>
  <si>
    <t>376.838559737463</t>
  </si>
  <si>
    <t>2208603.0</t>
  </si>
  <si>
    <t>37706.0</t>
  </si>
  <si>
    <t>126.194</t>
  </si>
  <si>
    <t>2249434.0</t>
  </si>
  <si>
    <t>128.527</t>
  </si>
  <si>
    <t>2291282.0</t>
  </si>
  <si>
    <t>41848.0</t>
  </si>
  <si>
    <t>130.918</t>
  </si>
  <si>
    <t>35197.0</t>
  </si>
  <si>
    <t>2334127.0</t>
  </si>
  <si>
    <t>133.366</t>
  </si>
  <si>
    <t>36466.0</t>
  </si>
  <si>
    <t>2377098.0</t>
  </si>
  <si>
    <t>135.821</t>
  </si>
  <si>
    <t>2415773.0</t>
  </si>
  <si>
    <t>138.031</t>
  </si>
  <si>
    <t>2451349.0</t>
  </si>
  <si>
    <t>6746.7</t>
  </si>
  <si>
    <t>384.120491778078</t>
  </si>
  <si>
    <t>2493695.0</t>
  </si>
  <si>
    <t>142.483</t>
  </si>
  <si>
    <t>40727.0</t>
  </si>
  <si>
    <t>2538354.0</t>
  </si>
  <si>
    <t>2584468.0</t>
  </si>
  <si>
    <t>46114.0</t>
  </si>
  <si>
    <t>41884.0</t>
  </si>
  <si>
    <t>2631322.0</t>
  </si>
  <si>
    <t>19.642</t>
  </si>
  <si>
    <t>2678210.0</t>
  </si>
  <si>
    <t>153.026</t>
  </si>
  <si>
    <t>2721431.0</t>
  </si>
  <si>
    <t>155.495</t>
  </si>
  <si>
    <t>43665.0</t>
  </si>
  <si>
    <t>2761580.0</t>
  </si>
  <si>
    <t>157.789</t>
  </si>
  <si>
    <t>406.000448644445</t>
  </si>
  <si>
    <t>2809638.0</t>
  </si>
  <si>
    <t>160.535</t>
  </si>
  <si>
    <t>2859363.0</t>
  </si>
  <si>
    <t>2908069.0</t>
  </si>
  <si>
    <t>48706.0</t>
  </si>
  <si>
    <t>166.159</t>
  </si>
  <si>
    <t>46229.0</t>
  </si>
  <si>
    <t>2956778.0</t>
  </si>
  <si>
    <t>48709.0</t>
  </si>
  <si>
    <t>168.942</t>
  </si>
  <si>
    <t>46494.0</t>
  </si>
  <si>
    <t>91.152</t>
  </si>
  <si>
    <t>3004106.0</t>
  </si>
  <si>
    <t>171.647</t>
  </si>
  <si>
    <t>46557.0</t>
  </si>
  <si>
    <t>3045029.0</t>
  </si>
  <si>
    <t>173.985</t>
  </si>
  <si>
    <t>46228.0</t>
  </si>
  <si>
    <t>3082228.0</t>
  </si>
  <si>
    <t>7697.9</t>
  </si>
  <si>
    <t>438.276658760352</t>
  </si>
  <si>
    <t>3128328.0</t>
  </si>
  <si>
    <t>178.744</t>
  </si>
  <si>
    <t>3174959.0</t>
  </si>
  <si>
    <t>46631.0</t>
  </si>
  <si>
    <t>45085.0</t>
  </si>
  <si>
    <t>3221686.0</t>
  </si>
  <si>
    <t>46727.0</t>
  </si>
  <si>
    <t>184.079</t>
  </si>
  <si>
    <t>44802.0</t>
  </si>
  <si>
    <t>3268167.0</t>
  </si>
  <si>
    <t>186.734</t>
  </si>
  <si>
    <t>3311783.0</t>
  </si>
  <si>
    <t>189.226</t>
  </si>
  <si>
    <t>191.214</t>
  </si>
  <si>
    <t>43077.0</t>
  </si>
  <si>
    <t>33.193</t>
  </si>
  <si>
    <t>3375340.0</t>
  </si>
  <si>
    <t>192.858</t>
  </si>
  <si>
    <t>8512.4</t>
  </si>
  <si>
    <t>484.649869449021</t>
  </si>
  <si>
    <t>3419801.0</t>
  </si>
  <si>
    <t>44461.0</t>
  </si>
  <si>
    <t>41639.0</t>
  </si>
  <si>
    <t>3459745.0</t>
  </si>
  <si>
    <t>197.681</t>
  </si>
  <si>
    <t>3498994.0</t>
  </si>
  <si>
    <t>199.923</t>
  </si>
  <si>
    <t>34.559</t>
  </si>
  <si>
    <t>3536847.0</t>
  </si>
  <si>
    <t>202.086</t>
  </si>
  <si>
    <t>3570830.0</t>
  </si>
  <si>
    <t>33983.0</t>
  </si>
  <si>
    <t>204.028</t>
  </si>
  <si>
    <t>3596624.0</t>
  </si>
  <si>
    <t>205.501</t>
  </si>
  <si>
    <t>3618593.0</t>
  </si>
  <si>
    <t>206.757</t>
  </si>
  <si>
    <t>9176.5</t>
  </si>
  <si>
    <t>522.460120177499</t>
  </si>
  <si>
    <t>3659029.0</t>
  </si>
  <si>
    <t>209.067</t>
  </si>
  <si>
    <t>15.372</t>
  </si>
  <si>
    <t>3697329.0</t>
  </si>
  <si>
    <t>38300.0</t>
  </si>
  <si>
    <t>211.255</t>
  </si>
  <si>
    <t>3733604.0</t>
  </si>
  <si>
    <t>213.328</t>
  </si>
  <si>
    <t>33516.0</t>
  </si>
  <si>
    <t>33.876</t>
  </si>
  <si>
    <t>3768683.0</t>
  </si>
  <si>
    <t>215.332</t>
  </si>
  <si>
    <t>3800307.0</t>
  </si>
  <si>
    <t>217.139</t>
  </si>
  <si>
    <t>32782.0</t>
  </si>
  <si>
    <t>3823571.0</t>
  </si>
  <si>
    <t>218.469</t>
  </si>
  <si>
    <t>32421.0</t>
  </si>
  <si>
    <t>3843926.0</t>
  </si>
  <si>
    <t>219.632</t>
  </si>
  <si>
    <t>9826.8</t>
  </si>
  <si>
    <t>559.48467378197</t>
  </si>
  <si>
    <t>3883676.0</t>
  </si>
  <si>
    <t>39750.0</t>
  </si>
  <si>
    <t>221.903</t>
  </si>
  <si>
    <t>3922807.0</t>
  </si>
  <si>
    <t>224.139</t>
  </si>
  <si>
    <t>32211.0</t>
  </si>
  <si>
    <t>3965230.0</t>
  </si>
  <si>
    <t>42423.0</t>
  </si>
  <si>
    <t>226.563</t>
  </si>
  <si>
    <t>4006438.0</t>
  </si>
  <si>
    <t>228.917</t>
  </si>
  <si>
    <t>4043495.0</t>
  </si>
  <si>
    <t>231.034</t>
  </si>
  <si>
    <t>34741.0</t>
  </si>
  <si>
    <t>4071807.0</t>
  </si>
  <si>
    <t>28312.0</t>
  </si>
  <si>
    <t>232.652</t>
  </si>
  <si>
    <t>4096860.0</t>
  </si>
  <si>
    <t>234.084</t>
  </si>
  <si>
    <t>10177.5</t>
  </si>
  <si>
    <t>579.451628955102</t>
  </si>
  <si>
    <t>4141511.0</t>
  </si>
  <si>
    <t>44651.0</t>
  </si>
  <si>
    <t>236.635</t>
  </si>
  <si>
    <t>79.651</t>
  </si>
  <si>
    <t>4185025.0</t>
  </si>
  <si>
    <t>239.121</t>
  </si>
  <si>
    <t>4226474.0</t>
  </si>
  <si>
    <t>241.489</t>
  </si>
  <si>
    <t>4267219.0</t>
  </si>
  <si>
    <t>40745.0</t>
  </si>
  <si>
    <t>243.817</t>
  </si>
  <si>
    <t>4304027.0</t>
  </si>
  <si>
    <t>245.921</t>
  </si>
  <si>
    <t>37219.0</t>
  </si>
  <si>
    <t>4330996.0</t>
  </si>
  <si>
    <t>26969.0</t>
  </si>
  <si>
    <t>247.462</t>
  </si>
  <si>
    <t>37027.0</t>
  </si>
  <si>
    <t>4354731.0</t>
  </si>
  <si>
    <t>248.818</t>
  </si>
  <si>
    <t>10599.2</t>
  </si>
  <si>
    <t>603.460938896676</t>
  </si>
  <si>
    <t>4402087.0</t>
  </si>
  <si>
    <t>47356.0</t>
  </si>
  <si>
    <t>251.523</t>
  </si>
  <si>
    <t>37225.0</t>
  </si>
  <si>
    <t>4453553.0</t>
  </si>
  <si>
    <t>254.464</t>
  </si>
  <si>
    <t>4506127.0</t>
  </si>
  <si>
    <t>52574.0</t>
  </si>
  <si>
    <t>257.468</t>
  </si>
  <si>
    <t>8.199</t>
  </si>
  <si>
    <t>4558204.0</t>
  </si>
  <si>
    <t>52077.0</t>
  </si>
  <si>
    <t>260.444</t>
  </si>
  <si>
    <t>4605584.0</t>
  </si>
  <si>
    <t>263.151</t>
  </si>
  <si>
    <t>4637727.0</t>
  </si>
  <si>
    <t>264.987</t>
  </si>
  <si>
    <t>4674691.0</t>
  </si>
  <si>
    <t>267.099</t>
  </si>
  <si>
    <t>11084.7</t>
  </si>
  <si>
    <t>631.102674672427</t>
  </si>
  <si>
    <t>4735790.0</t>
  </si>
  <si>
    <t>61099.0</t>
  </si>
  <si>
    <t>270.59</t>
  </si>
  <si>
    <t>4797233.0</t>
  </si>
  <si>
    <t>274.101</t>
  </si>
  <si>
    <t>49097.0</t>
  </si>
  <si>
    <t>10.419</t>
  </si>
  <si>
    <t>4867987.0</t>
  </si>
  <si>
    <t>70754.0</t>
  </si>
  <si>
    <t>278.144</t>
  </si>
  <si>
    <t>51694.0</t>
  </si>
  <si>
    <t>4938028.0</t>
  </si>
  <si>
    <t>282.146</t>
  </si>
  <si>
    <t>54261.0</t>
  </si>
  <si>
    <t>5006843.0</t>
  </si>
  <si>
    <t>286.078</t>
  </si>
  <si>
    <t>57323.0</t>
  </si>
  <si>
    <t>5064549.0</t>
  </si>
  <si>
    <t>289.375</t>
  </si>
  <si>
    <t>5115785.0</t>
  </si>
  <si>
    <t>51236.0</t>
  </si>
  <si>
    <t>292.302</t>
  </si>
  <si>
    <t>63013.0</t>
  </si>
  <si>
    <t>11542.6</t>
  </si>
  <si>
    <t>657.173016200164</t>
  </si>
  <si>
    <t>5189281.0</t>
  </si>
  <si>
    <t>296.502</t>
  </si>
  <si>
    <t>64784.0</t>
  </si>
  <si>
    <t>82.555</t>
  </si>
  <si>
    <t>5262088.0</t>
  </si>
  <si>
    <t>72807.0</t>
  </si>
  <si>
    <t>300.662</t>
  </si>
  <si>
    <t>5337300.0</t>
  </si>
  <si>
    <t>304.959</t>
  </si>
  <si>
    <t>67045.0</t>
  </si>
  <si>
    <t>5408661.0</t>
  </si>
  <si>
    <t>309.036</t>
  </si>
  <si>
    <t>67233.0</t>
  </si>
  <si>
    <t>5476102.0</t>
  </si>
  <si>
    <t>67441.0</t>
  </si>
  <si>
    <t>312.89</t>
  </si>
  <si>
    <t>5536917.0</t>
  </si>
  <si>
    <t>60815.0</t>
  </si>
  <si>
    <t>316.365</t>
  </si>
  <si>
    <t>67481.0</t>
  </si>
  <si>
    <t>5593286.0</t>
  </si>
  <si>
    <t>319.585</t>
  </si>
  <si>
    <t>68214.0</t>
  </si>
  <si>
    <t>12305.7</t>
  </si>
  <si>
    <t>700.619789774778</t>
  </si>
  <si>
    <t>5669960.0</t>
  </si>
  <si>
    <t>76674.0</t>
  </si>
  <si>
    <t>323.966</t>
  </si>
  <si>
    <t>68668.0</t>
  </si>
  <si>
    <t>5750541.0</t>
  </si>
  <si>
    <t>328.57</t>
  </si>
  <si>
    <t>5830916.0</t>
  </si>
  <si>
    <t>333.163</t>
  </si>
  <si>
    <t>5887902.0</t>
  </si>
  <si>
    <t>56986.0</t>
  </si>
  <si>
    <t>336.419</t>
  </si>
  <si>
    <t>68463.0</t>
  </si>
  <si>
    <t>5922645.0</t>
  </si>
  <si>
    <t>338.404</t>
  </si>
  <si>
    <t>63792.0</t>
  </si>
  <si>
    <t>35.015</t>
  </si>
  <si>
    <t>5958915.0</t>
  </si>
  <si>
    <t>340.476</t>
  </si>
  <si>
    <t>35.926</t>
  </si>
  <si>
    <t>6001968.0</t>
  </si>
  <si>
    <t>342.936</t>
  </si>
  <si>
    <t>744.931968877284</t>
  </si>
  <si>
    <t>6062901.0</t>
  </si>
  <si>
    <t>346.418</t>
  </si>
  <si>
    <t>56134.0</t>
  </si>
  <si>
    <t>6128004.0</t>
  </si>
  <si>
    <t>65103.0</t>
  </si>
  <si>
    <t>350.138</t>
  </si>
  <si>
    <t>53923.0</t>
  </si>
  <si>
    <t>6190570.0</t>
  </si>
  <si>
    <t>62566.0</t>
  </si>
  <si>
    <t>353.713</t>
  </si>
  <si>
    <t>6230581.0</t>
  </si>
  <si>
    <t>355.999</t>
  </si>
  <si>
    <t>48954.0</t>
  </si>
  <si>
    <t>6263853.0</t>
  </si>
  <si>
    <t>33272.0</t>
  </si>
  <si>
    <t>6310991.0</t>
  </si>
  <si>
    <t>47138.0</t>
  </si>
  <si>
    <t>360.593</t>
  </si>
  <si>
    <t>18.845</t>
  </si>
  <si>
    <t>6349826.0</t>
  </si>
  <si>
    <t>38835.0</t>
  </si>
  <si>
    <t>362.812</t>
  </si>
  <si>
    <t>14072.3</t>
  </si>
  <si>
    <t>801.200408562504</t>
  </si>
  <si>
    <t>6404373.0</t>
  </si>
  <si>
    <t>54547.0</t>
  </si>
  <si>
    <t>365.929</t>
  </si>
  <si>
    <t>48782.0</t>
  </si>
  <si>
    <t>6459741.0</t>
  </si>
  <si>
    <t>55368.0</t>
  </si>
  <si>
    <t>369.092</t>
  </si>
  <si>
    <t>15.202</t>
  </si>
  <si>
    <t>6514220.0</t>
  </si>
  <si>
    <t>54479.0</t>
  </si>
  <si>
    <t>372.205</t>
  </si>
  <si>
    <t>46236.0</t>
  </si>
  <si>
    <t>6563912.0</t>
  </si>
  <si>
    <t>49692.0</t>
  </si>
  <si>
    <t>375.044</t>
  </si>
  <si>
    <t>6609068.0</t>
  </si>
  <si>
    <t>377.624</t>
  </si>
  <si>
    <t>6644253.0</t>
  </si>
  <si>
    <t>379.635</t>
  </si>
  <si>
    <t>6672929.0</t>
  </si>
  <si>
    <t>28676.0</t>
  </si>
  <si>
    <t>381.273</t>
  </si>
  <si>
    <t>14827.6</t>
  </si>
  <si>
    <t>844.203092458332</t>
  </si>
  <si>
    <t>6716558.0</t>
  </si>
  <si>
    <t>383.766</t>
  </si>
  <si>
    <t>6757082.0</t>
  </si>
  <si>
    <t>386.082</t>
  </si>
  <si>
    <t>6804286.0</t>
  </si>
  <si>
    <t>47204.0</t>
  </si>
  <si>
    <t>388.779</t>
  </si>
  <si>
    <t>6852253.0</t>
  </si>
  <si>
    <t>47967.0</t>
  </si>
  <si>
    <t>391.519</t>
  </si>
  <si>
    <t>41192.0</t>
  </si>
  <si>
    <t>39.285</t>
  </si>
  <si>
    <t>6897892.0</t>
  </si>
  <si>
    <t>45639.0</t>
  </si>
  <si>
    <t>394.127</t>
  </si>
  <si>
    <t>41261.0</t>
  </si>
  <si>
    <t>77091.0</t>
  </si>
  <si>
    <t>6934950.0</t>
  </si>
  <si>
    <t>396.244</t>
  </si>
  <si>
    <t>41528.0</t>
  </si>
  <si>
    <t>6965999.0</t>
  </si>
  <si>
    <t>398.019</t>
  </si>
  <si>
    <t>15219.1</t>
  </si>
  <si>
    <t>866.492978258963</t>
  </si>
  <si>
    <t>7013696.0</t>
  </si>
  <si>
    <t>400.744</t>
  </si>
  <si>
    <t>7057235.0</t>
  </si>
  <si>
    <t>403.231</t>
  </si>
  <si>
    <t>42879.0</t>
  </si>
  <si>
    <t>7102164.0</t>
  </si>
  <si>
    <t>44929.0</t>
  </si>
  <si>
    <t>405.799</t>
  </si>
  <si>
    <t>7143112.0</t>
  </si>
  <si>
    <t>40948.0</t>
  </si>
  <si>
    <t>408.138</t>
  </si>
  <si>
    <t>7179808.0</t>
  </si>
  <si>
    <t>36696.0</t>
  </si>
  <si>
    <t>410.235</t>
  </si>
  <si>
    <t>164549.0</t>
  </si>
  <si>
    <t>7208792.0</t>
  </si>
  <si>
    <t>28984.0</t>
  </si>
  <si>
    <t>411.891</t>
  </si>
  <si>
    <t>7233540.0</t>
  </si>
  <si>
    <t>413.305</t>
  </si>
  <si>
    <t>15684.2</t>
  </si>
  <si>
    <t>892.973248720965</t>
  </si>
  <si>
    <t>7270273.0</t>
  </si>
  <si>
    <t>36733.0</t>
  </si>
  <si>
    <t>415.404</t>
  </si>
  <si>
    <t>7303646.0</t>
  </si>
  <si>
    <t>417.311</t>
  </si>
  <si>
    <t>7338423.0</t>
  </si>
  <si>
    <t>419.298</t>
  </si>
  <si>
    <t>7369968.0</t>
  </si>
  <si>
    <t>421.1</t>
  </si>
  <si>
    <t>7399146.0</t>
  </si>
  <si>
    <t>422.767</t>
  </si>
  <si>
    <t>319892.0</t>
  </si>
  <si>
    <t>297405.0</t>
  </si>
  <si>
    <t>7422400.0</t>
  </si>
  <si>
    <t>424.096</t>
  </si>
  <si>
    <t>7441668.0</t>
  </si>
  <si>
    <t>425.197</t>
  </si>
  <si>
    <t>23725.0</t>
  </si>
  <si>
    <t>15956.5</t>
  </si>
  <si>
    <t>908.47653327655</t>
  </si>
  <si>
    <t>7475124.0</t>
  </si>
  <si>
    <t>427.109</t>
  </si>
  <si>
    <t>7506921.0</t>
  </si>
  <si>
    <t>31797.0</t>
  </si>
  <si>
    <t>428.925</t>
  </si>
  <si>
    <t>25257.0</t>
  </si>
  <si>
    <t>11.501</t>
  </si>
  <si>
    <t>7541456.0</t>
  </si>
  <si>
    <t>430.899</t>
  </si>
  <si>
    <t>26024.0</t>
  </si>
  <si>
    <t>7575559.0</t>
  </si>
  <si>
    <t>34103.0</t>
  </si>
  <si>
    <t>432.847</t>
  </si>
  <si>
    <t>7607952.0</t>
  </si>
  <si>
    <t>32393.0</t>
  </si>
  <si>
    <t>434.698</t>
  </si>
  <si>
    <t>512789.0</t>
  </si>
  <si>
    <t>447009.0</t>
  </si>
  <si>
    <t>65780.0</t>
  </si>
  <si>
    <t>27557.0</t>
  </si>
  <si>
    <t>7636628.0</t>
  </si>
  <si>
    <t>436.336</t>
  </si>
  <si>
    <t>27672.0</t>
  </si>
  <si>
    <t>7636722.0</t>
  </si>
  <si>
    <t>436.342</t>
  </si>
  <si>
    <t>16193.2</t>
  </si>
  <si>
    <t>921.952946990495</t>
  </si>
  <si>
    <t>7661190.0</t>
  </si>
  <si>
    <t>437.74</t>
  </si>
  <si>
    <t>27903.0</t>
  </si>
  <si>
    <t>19235.0</t>
  </si>
  <si>
    <t>9.622</t>
  </si>
  <si>
    <t>7692075.0</t>
  </si>
  <si>
    <t>439.505</t>
  </si>
  <si>
    <t>7724472.0</t>
  </si>
  <si>
    <t>32397.0</t>
  </si>
  <si>
    <t>441.356</t>
  </si>
  <si>
    <t>7755570.0</t>
  </si>
  <si>
    <t>443.132</t>
  </si>
  <si>
    <t>7783280.0</t>
  </si>
  <si>
    <t>444.716</t>
  </si>
  <si>
    <t>561713.0</t>
  </si>
  <si>
    <t>149621.0</t>
  </si>
  <si>
    <t>30.631</t>
  </si>
  <si>
    <t>7805526.0</t>
  </si>
  <si>
    <t>445.987</t>
  </si>
  <si>
    <t>7826903.0</t>
  </si>
  <si>
    <t>447.208</t>
  </si>
  <si>
    <t>27169.0</t>
  </si>
  <si>
    <t>16345.7</t>
  </si>
  <si>
    <t>930.635469556514</t>
  </si>
  <si>
    <t>7849608.0</t>
  </si>
  <si>
    <t>448.506</t>
  </si>
  <si>
    <t>29477.0</t>
  </si>
  <si>
    <t>7895227.0</t>
  </si>
  <si>
    <t>451.112</t>
  </si>
  <si>
    <t>7941217.0</t>
  </si>
  <si>
    <t>453.74</t>
  </si>
  <si>
    <t>7983172.0</t>
  </si>
  <si>
    <t>456.137</t>
  </si>
  <si>
    <t>8022969.0</t>
  </si>
  <si>
    <t>458.411</t>
  </si>
  <si>
    <t>34241.0</t>
  </si>
  <si>
    <t>928062.0</t>
  </si>
  <si>
    <t>710279.0</t>
  </si>
  <si>
    <t>217783.0</t>
  </si>
  <si>
    <t>8058537.0</t>
  </si>
  <si>
    <t>460.443</t>
  </si>
  <si>
    <t>8090435.0</t>
  </si>
  <si>
    <t>31898.0</t>
  </si>
  <si>
    <t>462.266</t>
  </si>
  <si>
    <t>16432.6</t>
  </si>
  <si>
    <t>935.583084054789</t>
  </si>
  <si>
    <t>8138731.0</t>
  </si>
  <si>
    <t>465.025</t>
  </si>
  <si>
    <t>8185597.0</t>
  </si>
  <si>
    <t>467.703</t>
  </si>
  <si>
    <t>8238452.0</t>
  </si>
  <si>
    <t>52855.0</t>
  </si>
  <si>
    <t>470.723</t>
  </si>
  <si>
    <t>42462.0</t>
  </si>
  <si>
    <t>40246.0</t>
  </si>
  <si>
    <t>8286242.0</t>
  </si>
  <si>
    <t>473.454</t>
  </si>
  <si>
    <t>43296.0</t>
  </si>
  <si>
    <t>42103.0</t>
  </si>
  <si>
    <t>8331356.0</t>
  </si>
  <si>
    <t>45114.0</t>
  </si>
  <si>
    <t>476.031</t>
  </si>
  <si>
    <t>44055.0</t>
  </si>
  <si>
    <t>1235782.0</t>
  </si>
  <si>
    <t>930837.0</t>
  </si>
  <si>
    <t>304945.0</t>
  </si>
  <si>
    <t>8370244.0</t>
  </si>
  <si>
    <t>478.253</t>
  </si>
  <si>
    <t>8407658.0</t>
  </si>
  <si>
    <t>480.391</t>
  </si>
  <si>
    <t>41708.0</t>
  </si>
  <si>
    <t>16143.7</t>
  </si>
  <si>
    <t>-8.26</t>
  </si>
  <si>
    <t>919.134685567427</t>
  </si>
  <si>
    <t>8464082.0</t>
  </si>
  <si>
    <t>483.615</t>
  </si>
  <si>
    <t>11.729</t>
  </si>
  <si>
    <t>8518417.0</t>
  </si>
  <si>
    <t>486.72</t>
  </si>
  <si>
    <t>8573328.0</t>
  </si>
  <si>
    <t>54911.0</t>
  </si>
  <si>
    <t>8626262.0</t>
  </si>
  <si>
    <t>492.881</t>
  </si>
  <si>
    <t>48574.0</t>
  </si>
  <si>
    <t>37204.0</t>
  </si>
  <si>
    <t>8675587.0</t>
  </si>
  <si>
    <t>1488325.0</t>
  </si>
  <si>
    <t>1119858.0</t>
  </si>
  <si>
    <t>368467.0</t>
  </si>
  <si>
    <t>36078.0</t>
  </si>
  <si>
    <t>8722031.0</t>
  </si>
  <si>
    <t>498.353</t>
  </si>
  <si>
    <t>50255.0</t>
  </si>
  <si>
    <t>8769137.0</t>
  </si>
  <si>
    <t>501.045</t>
  </si>
  <si>
    <t>35726.0</t>
  </si>
  <si>
    <t>901.388178788227</t>
  </si>
  <si>
    <t>69.403</t>
  </si>
  <si>
    <t>8834149.0</t>
  </si>
  <si>
    <t>504.76</t>
  </si>
  <si>
    <t>35550.0</t>
  </si>
  <si>
    <t>8903545.0</t>
  </si>
  <si>
    <t>69396.0</t>
  </si>
  <si>
    <t>508.725</t>
  </si>
  <si>
    <t>513.033</t>
  </si>
  <si>
    <t>24982.0</t>
  </si>
  <si>
    <t>9046192.0</t>
  </si>
  <si>
    <t>516.875</t>
  </si>
  <si>
    <t>59990.0</t>
  </si>
  <si>
    <t>24577.0</t>
  </si>
  <si>
    <t>9110864.0</t>
  </si>
  <si>
    <t>64672.0</t>
  </si>
  <si>
    <t>520.57</t>
  </si>
  <si>
    <t>1732245.0</t>
  </si>
  <si>
    <t>1289069.0</t>
  </si>
  <si>
    <t>15.258</t>
  </si>
  <si>
    <t>9170745.0</t>
  </si>
  <si>
    <t>523.992</t>
  </si>
  <si>
    <t>64102.0</t>
  </si>
  <si>
    <t>33911.0</t>
  </si>
  <si>
    <t>9230248.0</t>
  </si>
  <si>
    <t>527.392</t>
  </si>
  <si>
    <t>15630.5</t>
  </si>
  <si>
    <t>889.915862086242</t>
  </si>
  <si>
    <t>9310930.0</t>
  </si>
  <si>
    <t>80682.0</t>
  </si>
  <si>
    <t>532.002</t>
  </si>
  <si>
    <t>68112.0</t>
  </si>
  <si>
    <t>9390929.0</t>
  </si>
  <si>
    <t>79999.0</t>
  </si>
  <si>
    <t>536.573</t>
  </si>
  <si>
    <t>69626.0</t>
  </si>
  <si>
    <t>31107.0</t>
  </si>
  <si>
    <t>17618.0</t>
  </si>
  <si>
    <t>9473820.0</t>
  </si>
  <si>
    <t>82891.0</t>
  </si>
  <si>
    <t>541.309</t>
  </si>
  <si>
    <t>70695.0</t>
  </si>
  <si>
    <t>30172.0</t>
  </si>
  <si>
    <t>9549095.0</t>
  </si>
  <si>
    <t>75275.0</t>
  </si>
  <si>
    <t>545.61</t>
  </si>
  <si>
    <t>71843.0</t>
  </si>
  <si>
    <t>29237.0</t>
  </si>
  <si>
    <t>9620650.0</t>
  </si>
  <si>
    <t>71555.0</t>
  </si>
  <si>
    <t>549.698</t>
  </si>
  <si>
    <t>72827.0</t>
  </si>
  <si>
    <t>1930364.0</t>
  </si>
  <si>
    <t>1377979.0</t>
  </si>
  <si>
    <t>552385.0</t>
  </si>
  <si>
    <t>28303.0</t>
  </si>
  <si>
    <t>9684368.0</t>
  </si>
  <si>
    <t>63718.0</t>
  </si>
  <si>
    <t>553.339</t>
  </si>
  <si>
    <t>73375.0</t>
  </si>
  <si>
    <t>29646.0</t>
  </si>
  <si>
    <t>9747863.0</t>
  </si>
  <si>
    <t>63495.0</t>
  </si>
  <si>
    <t>556.967</t>
  </si>
  <si>
    <t>3.628</t>
  </si>
  <si>
    <t>73945.0</t>
  </si>
  <si>
    <t>15374.8</t>
  </si>
  <si>
    <t>875.357691462433</t>
  </si>
  <si>
    <t>36.324</t>
  </si>
  <si>
    <t>9834101.0</t>
  </si>
  <si>
    <t>86238.0</t>
  </si>
  <si>
    <t>561.894</t>
  </si>
  <si>
    <t>74739.0</t>
  </si>
  <si>
    <t>9922243.0</t>
  </si>
  <si>
    <t>88142.0</t>
  </si>
  <si>
    <t>566.93</t>
  </si>
  <si>
    <t>10011396.0</t>
  </si>
  <si>
    <t>572.024</t>
  </si>
  <si>
    <t>10094892.0</t>
  </si>
  <si>
    <t>83496.0</t>
  </si>
  <si>
    <t>576.795</t>
  </si>
  <si>
    <t>77971.0</t>
  </si>
  <si>
    <t>36365.0</t>
  </si>
  <si>
    <t>10169865.0</t>
  </si>
  <si>
    <t>581.079</t>
  </si>
  <si>
    <t>2194327.0</t>
  </si>
  <si>
    <t>1547937.0</t>
  </si>
  <si>
    <t>10235879.0</t>
  </si>
  <si>
    <t>66014.0</t>
  </si>
  <si>
    <t>584.851</t>
  </si>
  <si>
    <t>78787.0</t>
  </si>
  <si>
    <t>40899.0</t>
  </si>
  <si>
    <t>27139.0</t>
  </si>
  <si>
    <t>10298194.0</t>
  </si>
  <si>
    <t>588.411</t>
  </si>
  <si>
    <t>44090.0</t>
  </si>
  <si>
    <t>15244.9</t>
  </si>
  <si>
    <t>867.961890273411</t>
  </si>
  <si>
    <t>10385342.0</t>
  </si>
  <si>
    <t>593.391</t>
  </si>
  <si>
    <t>47280.0</t>
  </si>
  <si>
    <t>10467531.0</t>
  </si>
  <si>
    <t>598.087</t>
  </si>
  <si>
    <t>10546071.0</t>
  </si>
  <si>
    <t>602.574</t>
  </si>
  <si>
    <t>38575.0</t>
  </si>
  <si>
    <t>10618470.0</t>
  </si>
  <si>
    <t>72399.0</t>
  </si>
  <si>
    <t>606.711</t>
  </si>
  <si>
    <t>74797.0</t>
  </si>
  <si>
    <t>10684661.0</t>
  </si>
  <si>
    <t>66191.0</t>
  </si>
  <si>
    <t>610.493</t>
  </si>
  <si>
    <t>2614614.0</t>
  </si>
  <si>
    <t>1857984.0</t>
  </si>
  <si>
    <t>756630.0</t>
  </si>
  <si>
    <t>60041.0</t>
  </si>
  <si>
    <t>10742845.0</t>
  </si>
  <si>
    <t>613.817</t>
  </si>
  <si>
    <t>61206.0</t>
  </si>
  <si>
    <t>10795052.0</t>
  </si>
  <si>
    <t>52207.0</t>
  </si>
  <si>
    <t>616.8</t>
  </si>
  <si>
    <t>869.561751808527</t>
  </si>
  <si>
    <t>42.473</t>
  </si>
  <si>
    <t>20.838</t>
  </si>
  <si>
    <t>10861052.0</t>
  </si>
  <si>
    <t>66000.0</t>
  </si>
  <si>
    <t>620.571</t>
  </si>
  <si>
    <t>63535.0</t>
  </si>
  <si>
    <t>47362.0</t>
  </si>
  <si>
    <t>42.701</t>
  </si>
  <si>
    <t>93.43</t>
  </si>
  <si>
    <t>10945815.0</t>
  </si>
  <si>
    <t>84763.0</t>
  </si>
  <si>
    <t>625.415</t>
  </si>
  <si>
    <t>68326.0</t>
  </si>
  <si>
    <t>48385.0</t>
  </si>
  <si>
    <t>11027214.0</t>
  </si>
  <si>
    <t>630.065</t>
  </si>
  <si>
    <t>65864.0</t>
  </si>
  <si>
    <t>49408.0</t>
  </si>
  <si>
    <t>45.434</t>
  </si>
  <si>
    <t>11101349.0</t>
  </si>
  <si>
    <t>74135.0</t>
  </si>
  <si>
    <t>634.301</t>
  </si>
  <si>
    <t>67029.0</t>
  </si>
  <si>
    <t>11167247.0</t>
  </si>
  <si>
    <t>65898.0</t>
  </si>
  <si>
    <t>638.067</t>
  </si>
  <si>
    <t>3091969.0</t>
  </si>
  <si>
    <t>2218163.0</t>
  </si>
  <si>
    <t>68194.0</t>
  </si>
  <si>
    <t>51454.0</t>
  </si>
  <si>
    <t>11225198.0</t>
  </si>
  <si>
    <t>641.378</t>
  </si>
  <si>
    <t>68908.0</t>
  </si>
  <si>
    <t>72995.0</t>
  </si>
  <si>
    <t>11283979.0</t>
  </si>
  <si>
    <t>644.736</t>
  </si>
  <si>
    <t>69847.0</t>
  </si>
  <si>
    <t>62053.0</t>
  </si>
  <si>
    <t>15418.1</t>
  </si>
  <si>
    <t>877.82295852544</t>
  </si>
  <si>
    <t>11361905.0</t>
  </si>
  <si>
    <t>649.189</t>
  </si>
  <si>
    <t>82599.0</t>
  </si>
  <si>
    <t>67352.0</t>
  </si>
  <si>
    <t>77386.0</t>
  </si>
  <si>
    <t>653.61</t>
  </si>
  <si>
    <t>70497.0</t>
  </si>
  <si>
    <t>87401.0</t>
  </si>
  <si>
    <t>11521426.0</t>
  </si>
  <si>
    <t>658.303</t>
  </si>
  <si>
    <t>92203.0</t>
  </si>
  <si>
    <t>77951.0</t>
  </si>
  <si>
    <t>44.921</t>
  </si>
  <si>
    <t>11594671.0</t>
  </si>
  <si>
    <t>662.488</t>
  </si>
  <si>
    <t>70475.0</t>
  </si>
  <si>
    <t>97004.0</t>
  </si>
  <si>
    <t>83251.0</t>
  </si>
  <si>
    <t>45.092</t>
  </si>
  <si>
    <t>11660379.0</t>
  </si>
  <si>
    <t>65708.0</t>
  </si>
  <si>
    <t>666.243</t>
  </si>
  <si>
    <t>3804613.0</t>
  </si>
  <si>
    <t>2838013.0</t>
  </si>
  <si>
    <t>966600.0</t>
  </si>
  <si>
    <t>88550.0</t>
  </si>
  <si>
    <t>11718584.0</t>
  </si>
  <si>
    <t>58205.0</t>
  </si>
  <si>
    <t>669.568</t>
  </si>
  <si>
    <t>87263.0</t>
  </si>
  <si>
    <t>11777651.0</t>
  </si>
  <si>
    <t>59067.0</t>
  </si>
  <si>
    <t>672.943</t>
  </si>
  <si>
    <t>100088.0</t>
  </si>
  <si>
    <t>85976.0</t>
  </si>
  <si>
    <t>15605.6</t>
  </si>
  <si>
    <t>888.498191188577</t>
  </si>
  <si>
    <t>11860256.0</t>
  </si>
  <si>
    <t>82605.0</t>
  </si>
  <si>
    <t>677.663</t>
  </si>
  <si>
    <t>71193.0</t>
  </si>
  <si>
    <t>99230.0</t>
  </si>
  <si>
    <t>11939980.0</t>
  </si>
  <si>
    <t>79724.0</t>
  </si>
  <si>
    <t>682.218</t>
  </si>
  <si>
    <t>71527.0</t>
  </si>
  <si>
    <t>98371.0</t>
  </si>
  <si>
    <t>83402.0</t>
  </si>
  <si>
    <t>12022179.0</t>
  </si>
  <si>
    <t>82199.0</t>
  </si>
  <si>
    <t>686.915</t>
  </si>
  <si>
    <t>71536.0</t>
  </si>
  <si>
    <t>97512.0</t>
  </si>
  <si>
    <t>12093766.0</t>
  </si>
  <si>
    <t>71587.0</t>
  </si>
  <si>
    <t>691.005</t>
  </si>
  <si>
    <t>96653.0</t>
  </si>
  <si>
    <t>104.532</t>
  </si>
  <si>
    <t>12153890.0</t>
  </si>
  <si>
    <t>694.441</t>
  </si>
  <si>
    <t>70502.0</t>
  </si>
  <si>
    <t>4475171.0</t>
  </si>
  <si>
    <t>3394799.0</t>
  </si>
  <si>
    <t>1089568.0</t>
  </si>
  <si>
    <t>95794.0</t>
  </si>
  <si>
    <t>79541.0</t>
  </si>
  <si>
    <t>12209771.0</t>
  </si>
  <si>
    <t>55881.0</t>
  </si>
  <si>
    <t>697.634</t>
  </si>
  <si>
    <t>70170.0</t>
  </si>
  <si>
    <t>95540.0</t>
  </si>
  <si>
    <t>12265043.0</t>
  </si>
  <si>
    <t>700.792</t>
  </si>
  <si>
    <t>15811.1</t>
  </si>
  <si>
    <t>900.198246187376</t>
  </si>
  <si>
    <t>12333487.0</t>
  </si>
  <si>
    <t>704.702</t>
  </si>
  <si>
    <t>95032.0</t>
  </si>
  <si>
    <t>80212.0</t>
  </si>
  <si>
    <t>12388428.0</t>
  </si>
  <si>
    <t>707.842</t>
  </si>
  <si>
    <t>64064.0</t>
  </si>
  <si>
    <t>94778.0</t>
  </si>
  <si>
    <t>12456644.0</t>
  </si>
  <si>
    <t>68216.0</t>
  </si>
  <si>
    <t>711.739</t>
  </si>
  <si>
    <t>62066.0</t>
  </si>
  <si>
    <t>94524.0</t>
  </si>
  <si>
    <t>80659.0</t>
  </si>
  <si>
    <t>12521512.0</t>
  </si>
  <si>
    <t>64868.0</t>
  </si>
  <si>
    <t>715.446</t>
  </si>
  <si>
    <t>61107.0</t>
  </si>
  <si>
    <t>94270.0</t>
  </si>
  <si>
    <t>80883.0</t>
  </si>
  <si>
    <t>18.276</t>
  </si>
  <si>
    <t>12580404.0</t>
  </si>
  <si>
    <t>58892.0</t>
  </si>
  <si>
    <t>718.811</t>
  </si>
  <si>
    <t>60931.0</t>
  </si>
  <si>
    <t>5133280.0</t>
  </si>
  <si>
    <t>3962544.0</t>
  </si>
  <si>
    <t>1213090.0</t>
  </si>
  <si>
    <t>94016.0</t>
  </si>
  <si>
    <t>12628303.0</t>
  </si>
  <si>
    <t>721.547</t>
  </si>
  <si>
    <t>95769.0</t>
  </si>
  <si>
    <t>79873.0</t>
  </si>
  <si>
    <t>12674848.0</t>
  </si>
  <si>
    <t>724.207</t>
  </si>
  <si>
    <t>97523.0</t>
  </si>
  <si>
    <t>78639.0</t>
  </si>
  <si>
    <t>912.83202820311</t>
  </si>
  <si>
    <t>12735779.0</t>
  </si>
  <si>
    <t>727.688</t>
  </si>
  <si>
    <t>99277.0</t>
  </si>
  <si>
    <t>12791506.0</t>
  </si>
  <si>
    <t>55727.0</t>
  </si>
  <si>
    <t>730.872</t>
  </si>
  <si>
    <t>57583.0</t>
  </si>
  <si>
    <t>101030.0</t>
  </si>
  <si>
    <t>76172.0</t>
  </si>
  <si>
    <t>12849335.0</t>
  </si>
  <si>
    <t>734.177</t>
  </si>
  <si>
    <t>102784.0</t>
  </si>
  <si>
    <t>12901795.0</t>
  </si>
  <si>
    <t>737.174</t>
  </si>
  <si>
    <t>54326.0</t>
  </si>
  <si>
    <t>73705.0</t>
  </si>
  <si>
    <t>12950743.0</t>
  </si>
  <si>
    <t>48948.0</t>
  </si>
  <si>
    <t>739.971</t>
  </si>
  <si>
    <t>5877319.0</t>
  </si>
  <si>
    <t>4469840.0</t>
  </si>
  <si>
    <t>1465906.0</t>
  </si>
  <si>
    <t>106291.0</t>
  </si>
  <si>
    <t>12992351.0</t>
  </si>
  <si>
    <t>742.348</t>
  </si>
  <si>
    <t>52007.0</t>
  </si>
  <si>
    <t>109521.0</t>
  </si>
  <si>
    <t>43.669</t>
  </si>
  <si>
    <t>13027901.0</t>
  </si>
  <si>
    <t>744.379</t>
  </si>
  <si>
    <t>50436.0</t>
  </si>
  <si>
    <t>16197.9</t>
  </si>
  <si>
    <t>922.220539489251</t>
  </si>
  <si>
    <t>13077396.0</t>
  </si>
  <si>
    <t>49495.0</t>
  </si>
  <si>
    <t>747.207</t>
  </si>
  <si>
    <t>115982.0</t>
  </si>
  <si>
    <t>42.587</t>
  </si>
  <si>
    <t>13122564.0</t>
  </si>
  <si>
    <t>749.788</t>
  </si>
  <si>
    <t>119212.0</t>
  </si>
  <si>
    <t>81045.0</t>
  </si>
  <si>
    <t>13164807.0</t>
  </si>
  <si>
    <t>42243.0</t>
  </si>
  <si>
    <t>752.202</t>
  </si>
  <si>
    <t>45067.0</t>
  </si>
  <si>
    <t>122442.0</t>
  </si>
  <si>
    <t>83189.0</t>
  </si>
  <si>
    <t>13199592.0</t>
  </si>
  <si>
    <t>754.189</t>
  </si>
  <si>
    <t>42542.0</t>
  </si>
  <si>
    <t>125672.0</t>
  </si>
  <si>
    <t>13236208.0</t>
  </si>
  <si>
    <t>6779633.0</t>
  </si>
  <si>
    <t>5082171.0</t>
  </si>
  <si>
    <t>1774994.0</t>
  </si>
  <si>
    <t>128902.0</t>
  </si>
  <si>
    <t>79.025</t>
  </si>
  <si>
    <t>13268239.0</t>
  </si>
  <si>
    <t>32031.0</t>
  </si>
  <si>
    <t>758.112</t>
  </si>
  <si>
    <t>132013.0</t>
  </si>
  <si>
    <t>13300792.0</t>
  </si>
  <si>
    <t>759.972</t>
  </si>
  <si>
    <t>135123.0</t>
  </si>
  <si>
    <t>86531.0</t>
  </si>
  <si>
    <t>16325.6</t>
  </si>
  <si>
    <t>929.491084615025</t>
  </si>
  <si>
    <t>13345918.0</t>
  </si>
  <si>
    <t>45126.0</t>
  </si>
  <si>
    <t>762.55</t>
  </si>
  <si>
    <t>138234.0</t>
  </si>
  <si>
    <t>12.469</t>
  </si>
  <si>
    <t>13383553.0</t>
  </si>
  <si>
    <t>37284.0</t>
  </si>
  <si>
    <t>13419559.0</t>
  </si>
  <si>
    <t>766.758</t>
  </si>
  <si>
    <t>144455.0</t>
  </si>
  <si>
    <t>13453674.0</t>
  </si>
  <si>
    <t>768.707</t>
  </si>
  <si>
    <t>84640.0</t>
  </si>
  <si>
    <t>13485888.0</t>
  </si>
  <si>
    <t>770.547</t>
  </si>
  <si>
    <t>7834364.0</t>
  </si>
  <si>
    <t>5671342.0</t>
  </si>
  <si>
    <t>2259905.0</t>
  </si>
  <si>
    <t>150676.0</t>
  </si>
  <si>
    <t>84167.0</t>
  </si>
  <si>
    <t>13514224.0</t>
  </si>
  <si>
    <t>772.167</t>
  </si>
  <si>
    <t>35141.0</t>
  </si>
  <si>
    <t>149449.0</t>
  </si>
  <si>
    <t>13540092.0</t>
  </si>
  <si>
    <t>773.645</t>
  </si>
  <si>
    <t>148222.0</t>
  </si>
  <si>
    <t>81060.0</t>
  </si>
  <si>
    <t>16482.9</t>
  </si>
  <si>
    <t>938.44689313722</t>
  </si>
  <si>
    <t>13568002.0</t>
  </si>
  <si>
    <t>27910.0</t>
  </si>
  <si>
    <t>775.239</t>
  </si>
  <si>
    <t>146995.0</t>
  </si>
  <si>
    <t>13604329.0</t>
  </si>
  <si>
    <t>36327.0</t>
  </si>
  <si>
    <t>777.315</t>
  </si>
  <si>
    <t>77954.0</t>
  </si>
  <si>
    <t>13643878.0</t>
  </si>
  <si>
    <t>779.575</t>
  </si>
  <si>
    <t>76400.0</t>
  </si>
  <si>
    <t>13677461.0</t>
  </si>
  <si>
    <t>781.493</t>
  </si>
  <si>
    <t>31970.0</t>
  </si>
  <si>
    <t>143315.0</t>
  </si>
  <si>
    <t>74847.0</t>
  </si>
  <si>
    <t>13706299.0</t>
  </si>
  <si>
    <t>783.141</t>
  </si>
  <si>
    <t>8828979.0</t>
  </si>
  <si>
    <t>6184395.0</t>
  </si>
  <si>
    <t>2836980.0</t>
  </si>
  <si>
    <t>142088.0</t>
  </si>
  <si>
    <t>13728655.0</t>
  </si>
  <si>
    <t>22356.0</t>
  </si>
  <si>
    <t>784.419</t>
  </si>
  <si>
    <t>144109.0</t>
  </si>
  <si>
    <t>74781.0</t>
  </si>
  <si>
    <t>13752399.0</t>
  </si>
  <si>
    <t>23744.0</t>
  </si>
  <si>
    <t>785.775</t>
  </si>
  <si>
    <t>146131.0</t>
  </si>
  <si>
    <t>76269.0</t>
  </si>
  <si>
    <t>16461.4</t>
  </si>
  <si>
    <t>937.222799791847</t>
  </si>
  <si>
    <t>13789185.0</t>
  </si>
  <si>
    <t>787.877</t>
  </si>
  <si>
    <t>31598.0</t>
  </si>
  <si>
    <t>148153.0</t>
  </si>
  <si>
    <t>13821565.0</t>
  </si>
  <si>
    <t>789.727</t>
  </si>
  <si>
    <t>150174.0</t>
  </si>
  <si>
    <t>30.232</t>
  </si>
  <si>
    <t>13853193.0</t>
  </si>
  <si>
    <t>31628.0</t>
  </si>
  <si>
    <t>791.534</t>
  </si>
  <si>
    <t>80731.0</t>
  </si>
  <si>
    <t>13881187.0</t>
  </si>
  <si>
    <t>27994.0</t>
  </si>
  <si>
    <t>793.134</t>
  </si>
  <si>
    <t>154218.0</t>
  </si>
  <si>
    <t>13905015.0</t>
  </si>
  <si>
    <t>794.495</t>
  </si>
  <si>
    <t>28388.0</t>
  </si>
  <si>
    <t>9922654.0</t>
  </si>
  <si>
    <t>6770342.0</t>
  </si>
  <si>
    <t>3494281.0</t>
  </si>
  <si>
    <t>156239.0</t>
  </si>
  <si>
    <t>83707.0</t>
  </si>
  <si>
    <t>13926182.0</t>
  </si>
  <si>
    <t>795.705</t>
  </si>
  <si>
    <t>13947803.0</t>
  </si>
  <si>
    <t>21621.0</t>
  </si>
  <si>
    <t>796.94</t>
  </si>
  <si>
    <t>173760.0</t>
  </si>
  <si>
    <t>100845.0</t>
  </si>
  <si>
    <t>16651.7</t>
  </si>
  <si>
    <t>948.057449262754</t>
  </si>
  <si>
    <t>13979799.0</t>
  </si>
  <si>
    <t>798.768</t>
  </si>
  <si>
    <t>109414.0</t>
  </si>
  <si>
    <t>14008618.0</t>
  </si>
  <si>
    <t>800.415</t>
  </si>
  <si>
    <t>191280.0</t>
  </si>
  <si>
    <t>117983.0</t>
  </si>
  <si>
    <t>14036869.0</t>
  </si>
  <si>
    <t>802.029</t>
  </si>
  <si>
    <t>200040.0</t>
  </si>
  <si>
    <t>14059801.0</t>
  </si>
  <si>
    <t>803.339</t>
  </si>
  <si>
    <t>208801.0</t>
  </si>
  <si>
    <t>135122.0</t>
  </si>
  <si>
    <t>14079848.0</t>
  </si>
  <si>
    <t>804.485</t>
  </si>
  <si>
    <t>11445580.0</t>
  </si>
  <si>
    <t>7776177.0</t>
  </si>
  <si>
    <t>4058041.0</t>
  </si>
  <si>
    <t>217561.0</t>
  </si>
  <si>
    <t>143691.0</t>
  </si>
  <si>
    <t>14096469.0</t>
  </si>
  <si>
    <t>805.434</t>
  </si>
  <si>
    <t>214128.0</t>
  </si>
  <si>
    <t>137898.0</t>
  </si>
  <si>
    <t>14112613.0</t>
  </si>
  <si>
    <t>806.357</t>
  </si>
  <si>
    <t>23544.0</t>
  </si>
  <si>
    <t>210694.0</t>
  </si>
  <si>
    <t>16783.6</t>
  </si>
  <si>
    <t>955.567119600183</t>
  </si>
  <si>
    <t>14138542.0</t>
  </si>
  <si>
    <t>807.838</t>
  </si>
  <si>
    <t>207261.0</t>
  </si>
  <si>
    <t>126314.0</t>
  </si>
  <si>
    <t>14162192.0</t>
  </si>
  <si>
    <t>23650.0</t>
  </si>
  <si>
    <t>809.19</t>
  </si>
  <si>
    <t>203827.0</t>
  </si>
  <si>
    <t>120521.0</t>
  </si>
  <si>
    <t>14184449.0</t>
  </si>
  <si>
    <t>810.461</t>
  </si>
  <si>
    <t>200394.0</t>
  </si>
  <si>
    <t>114729.0</t>
  </si>
  <si>
    <t>14202388.0</t>
  </si>
  <si>
    <t>811.486</t>
  </si>
  <si>
    <t>196961.0</t>
  </si>
  <si>
    <t>14218773.0</t>
  </si>
  <si>
    <t>812.423</t>
  </si>
  <si>
    <t>12800272.0</t>
  </si>
  <si>
    <t>8498185.0</t>
  </si>
  <si>
    <t>4696355.0</t>
  </si>
  <si>
    <t>193527.0</t>
  </si>
  <si>
    <t>14232678.0</t>
  </si>
  <si>
    <t>813.217</t>
  </si>
  <si>
    <t>195046.0</t>
  </si>
  <si>
    <t>104675.0</t>
  </si>
  <si>
    <t>14245963.0</t>
  </si>
  <si>
    <t>813.976</t>
  </si>
  <si>
    <t>19050.0</t>
  </si>
  <si>
    <t>16916.9</t>
  </si>
  <si>
    <t>963.156498341496</t>
  </si>
  <si>
    <t>14268692.0</t>
  </si>
  <si>
    <t>815.275</t>
  </si>
  <si>
    <t>198084.0</t>
  </si>
  <si>
    <t>107738.0</t>
  </si>
  <si>
    <t>14288917.0</t>
  </si>
  <si>
    <t>816.43</t>
  </si>
  <si>
    <t>18104.0</t>
  </si>
  <si>
    <t>109270.0</t>
  </si>
  <si>
    <t>14309346.0</t>
  </si>
  <si>
    <t>817.598</t>
  </si>
  <si>
    <t>110801.0</t>
  </si>
  <si>
    <t>13.323</t>
  </si>
  <si>
    <t>14328392.0</t>
  </si>
  <si>
    <t>818.686</t>
  </si>
  <si>
    <t>14345738.0</t>
  </si>
  <si>
    <t>819.677</t>
  </si>
  <si>
    <t>14229390.0</t>
  </si>
  <si>
    <t>9295231.0</t>
  </si>
  <si>
    <t>5397483.0</t>
  </si>
  <si>
    <t>204160.0</t>
  </si>
  <si>
    <t>113864.0</t>
  </si>
  <si>
    <t>14359331.0</t>
  </si>
  <si>
    <t>820.454</t>
  </si>
  <si>
    <t>18093.0</t>
  </si>
  <si>
    <t>205435.0</t>
  </si>
  <si>
    <t>116525.0</t>
  </si>
  <si>
    <t>14371878.0</t>
  </si>
  <si>
    <t>821.171</t>
  </si>
  <si>
    <t>206710.0</t>
  </si>
  <si>
    <t>119187.0</t>
  </si>
  <si>
    <t>16867.6</t>
  </si>
  <si>
    <t>960.349623833268</t>
  </si>
  <si>
    <t>14392954.0</t>
  </si>
  <si>
    <t>822.375</t>
  </si>
  <si>
    <t>207986.0</t>
  </si>
  <si>
    <t>121849.0</t>
  </si>
  <si>
    <t>14413113.0</t>
  </si>
  <si>
    <t>823.527</t>
  </si>
  <si>
    <t>209261.0</t>
  </si>
  <si>
    <t>124510.0</t>
  </si>
  <si>
    <t>14432144.0</t>
  </si>
  <si>
    <t>824.614</t>
  </si>
  <si>
    <t>17543.0</t>
  </si>
  <si>
    <t>210536.0</t>
  </si>
  <si>
    <t>127172.0</t>
  </si>
  <si>
    <t>14451635.0</t>
  </si>
  <si>
    <t>825.728</t>
  </si>
  <si>
    <t>211811.0</t>
  </si>
  <si>
    <t>129834.0</t>
  </si>
  <si>
    <t>14470692.0</t>
  </si>
  <si>
    <t>826.817</t>
  </si>
  <si>
    <t>15720997.0</t>
  </si>
  <si>
    <t>10222698.0</t>
  </si>
  <si>
    <t>6088004.0</t>
  </si>
  <si>
    <t>132495.0</t>
  </si>
  <si>
    <t>14485756.0</t>
  </si>
  <si>
    <t>827.677</t>
  </si>
  <si>
    <t>209541.0</t>
  </si>
  <si>
    <t>130260.0</t>
  </si>
  <si>
    <t>14503514.0</t>
  </si>
  <si>
    <t>828.692</t>
  </si>
  <si>
    <t>205996.0</t>
  </si>
  <si>
    <t>128024.0</t>
  </si>
  <si>
    <t>16892.1</t>
  </si>
  <si>
    <t>961.744520901251</t>
  </si>
  <si>
    <t>14535544.0</t>
  </si>
  <si>
    <t>830.522</t>
  </si>
  <si>
    <t>202450.0</t>
  </si>
  <si>
    <t>14573570.0</t>
  </si>
  <si>
    <t>38026.0</t>
  </si>
  <si>
    <t>832.695</t>
  </si>
  <si>
    <t>22922.0</t>
  </si>
  <si>
    <t>198905.0</t>
  </si>
  <si>
    <t>123553.0</t>
  </si>
  <si>
    <t>14617064.0</t>
  </si>
  <si>
    <t>43494.0</t>
  </si>
  <si>
    <t>835.18</t>
  </si>
  <si>
    <t>195359.0</t>
  </si>
  <si>
    <t>121317.0</t>
  </si>
  <si>
    <t>14667303.0</t>
  </si>
  <si>
    <t>50239.0</t>
  </si>
  <si>
    <t>838.05</t>
  </si>
  <si>
    <t>119081.0</t>
  </si>
  <si>
    <t>14719447.0</t>
  </si>
  <si>
    <t>52144.0</t>
  </si>
  <si>
    <t>841.03</t>
  </si>
  <si>
    <t>35536.0</t>
  </si>
  <si>
    <t>17038876.0</t>
  </si>
  <si>
    <t>11040616.0</t>
  </si>
  <si>
    <t>6653448.0</t>
  </si>
  <si>
    <t>188268.0</t>
  </si>
  <si>
    <t>116845.0</t>
  </si>
  <si>
    <t>14766204.0</t>
  </si>
  <si>
    <t>843.701</t>
  </si>
  <si>
    <t>184913.0</t>
  </si>
  <si>
    <t>14814697.0</t>
  </si>
  <si>
    <t>846.472</t>
  </si>
  <si>
    <t>44455.0</t>
  </si>
  <si>
    <t>181557.0</t>
  </si>
  <si>
    <t>92742.0</t>
  </si>
  <si>
    <t>16883.6</t>
  </si>
  <si>
    <t>961.260577020523</t>
  </si>
  <si>
    <t>14876875.0</t>
  </si>
  <si>
    <t>62178.0</t>
  </si>
  <si>
    <t>850.025</t>
  </si>
  <si>
    <t>48762.0</t>
  </si>
  <si>
    <t>178202.0</t>
  </si>
  <si>
    <t>80690.0</t>
  </si>
  <si>
    <t>14945789.0</t>
  </si>
  <si>
    <t>68914.0</t>
  </si>
  <si>
    <t>853.962</t>
  </si>
  <si>
    <t>174846.0</t>
  </si>
  <si>
    <t>68639.0</t>
  </si>
  <si>
    <t>15017812.0</t>
  </si>
  <si>
    <t>858.078</t>
  </si>
  <si>
    <t>171491.0</t>
  </si>
  <si>
    <t>15087118.0</t>
  </si>
  <si>
    <t>862.037</t>
  </si>
  <si>
    <t>168135.0</t>
  </si>
  <si>
    <t>15147474.0</t>
  </si>
  <si>
    <t>60356.0</t>
  </si>
  <si>
    <t>865.486</t>
  </si>
  <si>
    <t>61147.0</t>
  </si>
  <si>
    <t>18192336.0</t>
  </si>
  <si>
    <t>11268000.0</t>
  </si>
  <si>
    <t>7592204.0</t>
  </si>
  <si>
    <t>164780.0</t>
  </si>
  <si>
    <t>15193135.0</t>
  </si>
  <si>
    <t>868.095</t>
  </si>
  <si>
    <t>159025.0</t>
  </si>
  <si>
    <t>15233020.0</t>
  </si>
  <si>
    <t>870.374</t>
  </si>
  <si>
    <t>59760.0</t>
  </si>
  <si>
    <t>17013.7</t>
  </si>
  <si>
    <t>968.667765124385</t>
  </si>
  <si>
    <t>15282495.0</t>
  </si>
  <si>
    <t>49475.0</t>
  </si>
  <si>
    <t>873.201</t>
  </si>
  <si>
    <t>57946.0</t>
  </si>
  <si>
    <t>15328021.0</t>
  </si>
  <si>
    <t>875.802</t>
  </si>
  <si>
    <t>54605.0</t>
  </si>
  <si>
    <t>141759.0</t>
  </si>
  <si>
    <t>15370880.0</t>
  </si>
  <si>
    <t>42859.0</t>
  </si>
  <si>
    <t>878.251</t>
  </si>
  <si>
    <t>50438.0</t>
  </si>
  <si>
    <t>136004.0</t>
  </si>
  <si>
    <t>28874.0</t>
  </si>
  <si>
    <t>15408555.0</t>
  </si>
  <si>
    <t>880.404</t>
  </si>
  <si>
    <t>130248.0</t>
  </si>
  <si>
    <t>15441581.0</t>
  </si>
  <si>
    <t>882.291</t>
  </si>
  <si>
    <t>19063787.0</t>
  </si>
  <si>
    <t>11460009.0</t>
  </si>
  <si>
    <t>8279319.0</t>
  </si>
  <si>
    <t>124493.0</t>
  </si>
  <si>
    <t>15468190.0</t>
  </si>
  <si>
    <t>26609.0</t>
  </si>
  <si>
    <t>883.811</t>
  </si>
  <si>
    <t>123098.0</t>
  </si>
  <si>
    <t>15492583.0</t>
  </si>
  <si>
    <t>885.205</t>
  </si>
  <si>
    <t>121703.0</t>
  </si>
  <si>
    <t>17024.8</t>
  </si>
  <si>
    <t>969.299738898043</t>
  </si>
  <si>
    <t>15524000.0</t>
  </si>
  <si>
    <t>24971.0</t>
  </si>
  <si>
    <t>15552630.0</t>
  </si>
  <si>
    <t>888.636</t>
  </si>
  <si>
    <t>118913.0</t>
  </si>
  <si>
    <t>15579266.0</t>
  </si>
  <si>
    <t>890.158</t>
  </si>
  <si>
    <t>117518.0</t>
  </si>
  <si>
    <t>15603116.0</t>
  </si>
  <si>
    <t>23850.0</t>
  </si>
  <si>
    <t>891.52</t>
  </si>
  <si>
    <t>116123.0</t>
  </si>
  <si>
    <t>15625435.0</t>
  </si>
  <si>
    <t>892.795</t>
  </si>
  <si>
    <t>19866880.0</t>
  </si>
  <si>
    <t>11611858.0</t>
  </si>
  <si>
    <t>8936528.0</t>
  </si>
  <si>
    <t>114728.0</t>
  </si>
  <si>
    <t>113.11</t>
  </si>
  <si>
    <t>15643046.0</t>
  </si>
  <si>
    <t>17611.0</t>
  </si>
  <si>
    <t>893.802</t>
  </si>
  <si>
    <t>15658846.0</t>
  </si>
  <si>
    <t>15800.0</t>
  </si>
  <si>
    <t>894.704</t>
  </si>
  <si>
    <t>115282.0</t>
  </si>
  <si>
    <t>19146.0</t>
  </si>
  <si>
    <t>17142.9</t>
  </si>
  <si>
    <t>976.023712111464</t>
  </si>
  <si>
    <t>15680709.0</t>
  </si>
  <si>
    <t>895.954</t>
  </si>
  <si>
    <t>115559.0</t>
  </si>
  <si>
    <t>15701202.0</t>
  </si>
  <si>
    <t>897.125</t>
  </si>
  <si>
    <t>21225.0</t>
  </si>
  <si>
    <t>115836.0</t>
  </si>
  <si>
    <t>15720734.0</t>
  </si>
  <si>
    <t>898.241</t>
  </si>
  <si>
    <t>15739095.0</t>
  </si>
  <si>
    <t>899.29</t>
  </si>
  <si>
    <t>15756225.0</t>
  </si>
  <si>
    <t>900.268</t>
  </si>
  <si>
    <t>20683549.0</t>
  </si>
  <si>
    <t>11701319.0</t>
  </si>
  <si>
    <t>9667990.0</t>
  </si>
  <si>
    <t>116667.0</t>
  </si>
  <si>
    <t>15769574.0</t>
  </si>
  <si>
    <t>901.031</t>
  </si>
  <si>
    <t>114496.0</t>
  </si>
  <si>
    <t>15782104.0</t>
  </si>
  <si>
    <t>901.747</t>
  </si>
  <si>
    <t>17394.8</t>
  </si>
  <si>
    <t>990.3655313533</t>
  </si>
  <si>
    <t>15800675.0</t>
  </si>
  <si>
    <t>902.808</t>
  </si>
  <si>
    <t>110155.0</t>
  </si>
  <si>
    <t>15817217.0</t>
  </si>
  <si>
    <t>903.753</t>
  </si>
  <si>
    <t>107985.0</t>
  </si>
  <si>
    <t>25.734</t>
  </si>
  <si>
    <t>15833057.0</t>
  </si>
  <si>
    <t>904.658</t>
  </si>
  <si>
    <t>15848058.0</t>
  </si>
  <si>
    <t>905.516</t>
  </si>
  <si>
    <t>103643.0</t>
  </si>
  <si>
    <t>15862787.0</t>
  </si>
  <si>
    <t>906.357</t>
  </si>
  <si>
    <t>21393859.0</t>
  </si>
  <si>
    <t>11776111.0</t>
  </si>
  <si>
    <t>10307383.0</t>
  </si>
  <si>
    <t>101473.0</t>
  </si>
  <si>
    <t>15875104.0</t>
  </si>
  <si>
    <t>907.061</t>
  </si>
  <si>
    <t>92984.0</t>
  </si>
  <si>
    <t>15886385.0</t>
  </si>
  <si>
    <t>907.705</t>
  </si>
  <si>
    <t>17499.3</t>
  </si>
  <si>
    <t>996.315194357556</t>
  </si>
  <si>
    <t>15905004.0</t>
  </si>
  <si>
    <t>908.769</t>
  </si>
  <si>
    <t>76006.0</t>
  </si>
  <si>
    <t>15922671.0</t>
  </si>
  <si>
    <t>17667.0</t>
  </si>
  <si>
    <t>909.779</t>
  </si>
  <si>
    <t>15938920.0</t>
  </si>
  <si>
    <t>910.707</t>
  </si>
  <si>
    <t>59027.0</t>
  </si>
  <si>
    <t>15954800.0</t>
  </si>
  <si>
    <t>911.615</t>
  </si>
  <si>
    <t>50538.0</t>
  </si>
  <si>
    <t>15971229.0</t>
  </si>
  <si>
    <t>912.553</t>
  </si>
  <si>
    <t>21688203.0</t>
  </si>
  <si>
    <t>11846668.0</t>
  </si>
  <si>
    <t>10534349.0</t>
  </si>
  <si>
    <t>15985007.0</t>
  </si>
  <si>
    <t>913.34</t>
  </si>
  <si>
    <t>15997713.0</t>
  </si>
  <si>
    <t>914.066</t>
  </si>
  <si>
    <t>17718.6</t>
  </si>
  <si>
    <t>1008.80094648036</t>
  </si>
  <si>
    <t>16016366.0</t>
  </si>
  <si>
    <t>915.132</t>
  </si>
  <si>
    <t>16034002.0</t>
  </si>
  <si>
    <t>17636.0</t>
  </si>
  <si>
    <t>916.14</t>
  </si>
  <si>
    <t>16052835.0</t>
  </si>
  <si>
    <t>917.216</t>
  </si>
  <si>
    <t>16071192.0</t>
  </si>
  <si>
    <t>918.265</t>
  </si>
  <si>
    <t>16627.0</t>
  </si>
  <si>
    <t>16089100.0</t>
  </si>
  <si>
    <t>919.288</t>
  </si>
  <si>
    <t>21946561.0</t>
  </si>
  <si>
    <t>11908722.0</t>
  </si>
  <si>
    <t>10733518.0</t>
  </si>
  <si>
    <t>16105390.0</t>
  </si>
  <si>
    <t>920.219</t>
  </si>
  <si>
    <t>35486.0</t>
  </si>
  <si>
    <t>16122094.0</t>
  </si>
  <si>
    <t>921.173</t>
  </si>
  <si>
    <t>17938.5</t>
  </si>
  <si>
    <t>1021.32085934769</t>
  </si>
  <si>
    <t>16146498.0</t>
  </si>
  <si>
    <t>922.568</t>
  </si>
  <si>
    <t>32642.0</t>
  </si>
  <si>
    <t>16171012.0</t>
  </si>
  <si>
    <t>923.968</t>
  </si>
  <si>
    <t>16195722.0</t>
  </si>
  <si>
    <t>925.38</t>
  </si>
  <si>
    <t>16218211.0</t>
  </si>
  <si>
    <t>926.665</t>
  </si>
  <si>
    <t>16238759.0</t>
  </si>
  <si>
    <t>927.839</t>
  </si>
  <si>
    <t>22135244.0</t>
  </si>
  <si>
    <t>11956486.0</t>
  </si>
  <si>
    <t>10877293.0</t>
  </si>
  <si>
    <t>126.03</t>
  </si>
  <si>
    <t>16257885.0</t>
  </si>
  <si>
    <t>928.932</t>
  </si>
  <si>
    <t>16277226.0</t>
  </si>
  <si>
    <t>930.037</t>
  </si>
  <si>
    <t>18088.6</t>
  </si>
  <si>
    <t>1029.86673893562</t>
  </si>
  <si>
    <t>16308131.0</t>
  </si>
  <si>
    <t>931.803</t>
  </si>
  <si>
    <t>16336114.0</t>
  </si>
  <si>
    <t>27983.0</t>
  </si>
  <si>
    <t>933.402</t>
  </si>
  <si>
    <t>16364067.0</t>
  </si>
  <si>
    <t>934.999</t>
  </si>
  <si>
    <t>24049.0</t>
  </si>
  <si>
    <t>16387611.0</t>
  </si>
  <si>
    <t>936.344</t>
  </si>
  <si>
    <t>16409725.0</t>
  </si>
  <si>
    <t>937.608</t>
  </si>
  <si>
    <t>24424.0</t>
  </si>
  <si>
    <t>22255129.0</t>
  </si>
  <si>
    <t>12000999.0</t>
  </si>
  <si>
    <t>10955487.0</t>
  </si>
  <si>
    <t>16428426.0</t>
  </si>
  <si>
    <t>938.676</t>
  </si>
  <si>
    <t>16447175.0</t>
  </si>
  <si>
    <t>939.747</t>
  </si>
  <si>
    <t>18082.0</t>
  </si>
  <si>
    <t>18503.7</t>
  </si>
  <si>
    <t>1053.50028068745</t>
  </si>
  <si>
    <t>16477615.0</t>
  </si>
  <si>
    <t>941.487</t>
  </si>
  <si>
    <t>16505000.0</t>
  </si>
  <si>
    <t>943.051</t>
  </si>
  <si>
    <t>16533583.0</t>
  </si>
  <si>
    <t>28583.0</t>
  </si>
  <si>
    <t>944.685</t>
  </si>
  <si>
    <t>16555854.0</t>
  </si>
  <si>
    <t>945.957</t>
  </si>
  <si>
    <t>19994.0</t>
  </si>
  <si>
    <t>16575836.0</t>
  </si>
  <si>
    <t>947.099</t>
  </si>
  <si>
    <t>23730.0</t>
  </si>
  <si>
    <t>22398430.0</t>
  </si>
  <si>
    <t>12067724.0</t>
  </si>
  <si>
    <t>11038340.0</t>
  </si>
  <si>
    <t>16591585.0</t>
  </si>
  <si>
    <t>947.999</t>
  </si>
  <si>
    <t>16607391.0</t>
  </si>
  <si>
    <t>948.902</t>
  </si>
  <si>
    <t>22888.0</t>
  </si>
  <si>
    <t>18670.8</t>
  </si>
  <si>
    <t>1063.01404803684</t>
  </si>
  <si>
    <t>16636872.0</t>
  </si>
  <si>
    <t>950.586</t>
  </si>
  <si>
    <t>16662274.0</t>
  </si>
  <si>
    <t>25402.0</t>
  </si>
  <si>
    <t>952.038</t>
  </si>
  <si>
    <t>16686502.0</t>
  </si>
  <si>
    <t>953.422</t>
  </si>
  <si>
    <t>16708693.0</t>
  </si>
  <si>
    <t>954.69</t>
  </si>
  <si>
    <t>18637.0</t>
  </si>
  <si>
    <t>16727220.0</t>
  </si>
  <si>
    <t>955.749</t>
  </si>
  <si>
    <t>22526751.0</t>
  </si>
  <si>
    <t>12129940.0</t>
  </si>
  <si>
    <t>11110184.0</t>
  </si>
  <si>
    <t>16740596.0</t>
  </si>
  <si>
    <t>13376.0</t>
  </si>
  <si>
    <t>956.513</t>
  </si>
  <si>
    <t>16753808.0</t>
  </si>
  <si>
    <t>957.268</t>
  </si>
  <si>
    <t>18825.7</t>
  </si>
  <si>
    <t>1071.83321358095</t>
  </si>
  <si>
    <t>18.219</t>
  </si>
  <si>
    <t>16779712.0</t>
  </si>
  <si>
    <t>958.748</t>
  </si>
  <si>
    <t>16801478.0</t>
  </si>
  <si>
    <t>959.991</t>
  </si>
  <si>
    <t>16823532.0</t>
  </si>
  <si>
    <t>961.252</t>
  </si>
  <si>
    <t>13.437</t>
  </si>
  <si>
    <t>16843465.0</t>
  </si>
  <si>
    <t>962.39</t>
  </si>
  <si>
    <t>17.365</t>
  </si>
  <si>
    <t>16861556.0</t>
  </si>
  <si>
    <t>963.424</t>
  </si>
  <si>
    <t>22638453.0</t>
  </si>
  <si>
    <t>12187023.0</t>
  </si>
  <si>
    <t>11170231.0</t>
  </si>
  <si>
    <t>16875469.0</t>
  </si>
  <si>
    <t>964.219</t>
  </si>
  <si>
    <t>16890259.0</t>
  </si>
  <si>
    <t>965.064</t>
  </si>
  <si>
    <t>19095.4</t>
  </si>
  <si>
    <t>1087.1884682436</t>
  </si>
  <si>
    <t>16917322.0</t>
  </si>
  <si>
    <t>966.61</t>
  </si>
  <si>
    <t>16943131.0</t>
  </si>
  <si>
    <t>968.085</t>
  </si>
  <si>
    <t>16968816.0</t>
  </si>
  <si>
    <t>25685.0</t>
  </si>
  <si>
    <t>969.553</t>
  </si>
  <si>
    <t>20755.0</t>
  </si>
  <si>
    <t>16992933.0</t>
  </si>
  <si>
    <t>970.931</t>
  </si>
  <si>
    <t>17014109.0</t>
  </si>
  <si>
    <t>972.141</t>
  </si>
  <si>
    <t>21793.0</t>
  </si>
  <si>
    <t>22738627.0</t>
  </si>
  <si>
    <t>12228405.0</t>
  </si>
  <si>
    <t>11230397.0</t>
  </si>
  <si>
    <t>129.46</t>
  </si>
  <si>
    <t>17030716.0</t>
  </si>
  <si>
    <t>973.089</t>
  </si>
  <si>
    <t>17047999.0</t>
  </si>
  <si>
    <t>974.077</t>
  </si>
  <si>
    <t>19338.1</t>
  </si>
  <si>
    <t>1101.00648940277</t>
  </si>
  <si>
    <t>17082196.0</t>
  </si>
  <si>
    <t>976.031</t>
  </si>
  <si>
    <t>17113672.0</t>
  </si>
  <si>
    <t>977.829</t>
  </si>
  <si>
    <t>17146941.0</t>
  </si>
  <si>
    <t>979.73</t>
  </si>
  <si>
    <t>17178583.0</t>
  </si>
  <si>
    <t>981.538</t>
  </si>
  <si>
    <t>17205550.0</t>
  </si>
  <si>
    <t>983.079</t>
  </si>
  <si>
    <t>22839909.0</t>
  </si>
  <si>
    <t>12259149.0</t>
  </si>
  <si>
    <t>11287273.0</t>
  </si>
  <si>
    <t>23.229</t>
  </si>
  <si>
    <t>17226090.0</t>
  </si>
  <si>
    <t>984.253</t>
  </si>
  <si>
    <t>17246442.0</t>
  </si>
  <si>
    <t>20352.0</t>
  </si>
  <si>
    <t>985.415</t>
  </si>
  <si>
    <t>19479.2</t>
  </si>
  <si>
    <t>1109.03995782287</t>
  </si>
  <si>
    <t>17282630.0</t>
  </si>
  <si>
    <t>987.483</t>
  </si>
  <si>
    <t>28633.0</t>
  </si>
  <si>
    <t>17318260.0</t>
  </si>
  <si>
    <t>989.519</t>
  </si>
  <si>
    <t>17355165.0</t>
  </si>
  <si>
    <t>991.628</t>
  </si>
  <si>
    <t>29746.0</t>
  </si>
  <si>
    <t>17388711.0</t>
  </si>
  <si>
    <t>993.544</t>
  </si>
  <si>
    <t>17420248.0</t>
  </si>
  <si>
    <t>31537.0</t>
  </si>
  <si>
    <t>995.346</t>
  </si>
  <si>
    <t>22944309.0</t>
  </si>
  <si>
    <t>12292516.0</t>
  </si>
  <si>
    <t>11338250.0</t>
  </si>
  <si>
    <t>32.737</t>
  </si>
  <si>
    <t>17446565.0</t>
  </si>
  <si>
    <t>996.85</t>
  </si>
  <si>
    <t>32.054</t>
  </si>
  <si>
    <t>17472302.0</t>
  </si>
  <si>
    <t>998.321</t>
  </si>
  <si>
    <t>19887.7</t>
  </si>
  <si>
    <t>1132.29773138496</t>
  </si>
  <si>
    <t>17518072.0</t>
  </si>
  <si>
    <t>45770.0</t>
  </si>
  <si>
    <t>1000.936</t>
  </si>
  <si>
    <t>33635.0</t>
  </si>
  <si>
    <t>17563181.0</t>
  </si>
  <si>
    <t>45109.0</t>
  </si>
  <si>
    <t>1003.513</t>
  </si>
  <si>
    <t>17608711.0</t>
  </si>
  <si>
    <t>1006.115</t>
  </si>
  <si>
    <t>17652439.0</t>
  </si>
  <si>
    <t>1008.613</t>
  </si>
  <si>
    <t>17693688.0</t>
  </si>
  <si>
    <t>1010.97</t>
  </si>
  <si>
    <t>23053183.0</t>
  </si>
  <si>
    <t>12334395.0</t>
  </si>
  <si>
    <t>11389651.0</t>
  </si>
  <si>
    <t>61773.0</t>
  </si>
  <si>
    <t>17727345.0</t>
  </si>
  <si>
    <t>33657.0</t>
  </si>
  <si>
    <t>1012.893</t>
  </si>
  <si>
    <t>40111.0</t>
  </si>
  <si>
    <t>17761241.0</t>
  </si>
  <si>
    <t>1014.83</t>
  </si>
  <si>
    <t>41277.0</t>
  </si>
  <si>
    <t>20364.8</t>
  </si>
  <si>
    <t>1159.4612167374</t>
  </si>
  <si>
    <t>17816715.0</t>
  </si>
  <si>
    <t>1017.999</t>
  </si>
  <si>
    <t>42663.0</t>
  </si>
  <si>
    <t>17876261.0</t>
  </si>
  <si>
    <t>59546.0</t>
  </si>
  <si>
    <t>1021.402</t>
  </si>
  <si>
    <t>17939712.0</t>
  </si>
  <si>
    <t>63451.0</t>
  </si>
  <si>
    <t>1025.027</t>
  </si>
  <si>
    <t>16695.0</t>
  </si>
  <si>
    <t>18003401.0</t>
  </si>
  <si>
    <t>1028.666</t>
  </si>
  <si>
    <t>18068473.0</t>
  </si>
  <si>
    <t>65072.0</t>
  </si>
  <si>
    <t>1032.384</t>
  </si>
  <si>
    <t>53541.0</t>
  </si>
  <si>
    <t>23173246.0</t>
  </si>
  <si>
    <t>12402042.0</t>
  </si>
  <si>
    <t>11435990.0</t>
  </si>
  <si>
    <t>75492.0</t>
  </si>
  <si>
    <t>63.254</t>
  </si>
  <si>
    <t>18124722.0</t>
  </si>
  <si>
    <t>1035.598</t>
  </si>
  <si>
    <t>18179168.0</t>
  </si>
  <si>
    <t>1038.709</t>
  </si>
  <si>
    <t>59704.0</t>
  </si>
  <si>
    <t>20980.5</t>
  </si>
  <si>
    <t>1194.51583407443</t>
  </si>
  <si>
    <t>18256143.0</t>
  </si>
  <si>
    <t>1043.107</t>
  </si>
  <si>
    <t>62775.0</t>
  </si>
  <si>
    <t>18337655.0</t>
  </si>
  <si>
    <t>1047.764</t>
  </si>
  <si>
    <t>18420407.0</t>
  </si>
  <si>
    <t>1052.493</t>
  </si>
  <si>
    <t>18502856.0</t>
  </si>
  <si>
    <t>82449.0</t>
  </si>
  <si>
    <t>1057.204</t>
  </si>
  <si>
    <t>18585849.0</t>
  </si>
  <si>
    <t>1061.946</t>
  </si>
  <si>
    <t>23290420.0</t>
  </si>
  <si>
    <t>12465514.0</t>
  </si>
  <si>
    <t>11480246.0</t>
  </si>
  <si>
    <t>18658613.0</t>
  </si>
  <si>
    <t>72764.0</t>
  </si>
  <si>
    <t>1066.103</t>
  </si>
  <si>
    <t>76270.0</t>
  </si>
  <si>
    <t>18733760.0</t>
  </si>
  <si>
    <t>1070.397</t>
  </si>
  <si>
    <t>79227.0</t>
  </si>
  <si>
    <t>21812.8</t>
  </si>
  <si>
    <t>1241.90248018392</t>
  </si>
  <si>
    <t>21.635</t>
  </si>
  <si>
    <t>18824409.0</t>
  </si>
  <si>
    <t>1075.576</t>
  </si>
  <si>
    <t>5.179</t>
  </si>
  <si>
    <t>18916807.0</t>
  </si>
  <si>
    <t>1080.856</t>
  </si>
  <si>
    <t>82736.0</t>
  </si>
  <si>
    <t>19010366.0</t>
  </si>
  <si>
    <t>1086.201</t>
  </si>
  <si>
    <t>19102874.0</t>
  </si>
  <si>
    <t>92508.0</t>
  </si>
  <si>
    <t>1091.487</t>
  </si>
  <si>
    <t>19194894.0</t>
  </si>
  <si>
    <t>92020.0</t>
  </si>
  <si>
    <t>1096.745</t>
  </si>
  <si>
    <t>23400527.0</t>
  </si>
  <si>
    <t>12511980.0</t>
  </si>
  <si>
    <t>11525430.0</t>
  </si>
  <si>
    <t>109964.0</t>
  </si>
  <si>
    <t>15730.0</t>
  </si>
  <si>
    <t>133.23</t>
  </si>
  <si>
    <t>19280603.0</t>
  </si>
  <si>
    <t>1101.642</t>
  </si>
  <si>
    <t>88856.0</t>
  </si>
  <si>
    <t>19364111.0</t>
  </si>
  <si>
    <t>83508.0</t>
  </si>
  <si>
    <t>1106.413</t>
  </si>
  <si>
    <t>90050.0</t>
  </si>
  <si>
    <t>22850.3</t>
  </si>
  <si>
    <t>1300.97210091995</t>
  </si>
  <si>
    <t>19458342.0</t>
  </si>
  <si>
    <t>1111.798</t>
  </si>
  <si>
    <t>25421.0</t>
  </si>
  <si>
    <t>19562451.0</t>
  </si>
  <si>
    <t>104109.0</t>
  </si>
  <si>
    <t>1117.746</t>
  </si>
  <si>
    <t>92235.0</t>
  </si>
  <si>
    <t>28.752</t>
  </si>
  <si>
    <t>19663093.0</t>
  </si>
  <si>
    <t>1123.496</t>
  </si>
  <si>
    <t>93247.0</t>
  </si>
  <si>
    <t>19762209.0</t>
  </si>
  <si>
    <t>99116.0</t>
  </si>
  <si>
    <t>1129.16</t>
  </si>
  <si>
    <t>94191.0</t>
  </si>
  <si>
    <t>19853377.0</t>
  </si>
  <si>
    <t>91168.0</t>
  </si>
  <si>
    <t>1134.369</t>
  </si>
  <si>
    <t>94069.0</t>
  </si>
  <si>
    <t>23668926.0</t>
  </si>
  <si>
    <t>12543128.0</t>
  </si>
  <si>
    <t>11581617.0</t>
  </si>
  <si>
    <t>292729.0</t>
  </si>
  <si>
    <t>19943485.0</t>
  </si>
  <si>
    <t>1139.517</t>
  </si>
  <si>
    <t>40983.0</t>
  </si>
  <si>
    <t>20031467.0</t>
  </si>
  <si>
    <t>87982.0</t>
  </si>
  <si>
    <t>1144.544</t>
  </si>
  <si>
    <t>95337.0</t>
  </si>
  <si>
    <t>43623.0</t>
  </si>
  <si>
    <t>24029.2</t>
  </si>
  <si>
    <t>1368.09227044834</t>
  </si>
  <si>
    <t>20133313.0</t>
  </si>
  <si>
    <t>101846.0</t>
  </si>
  <si>
    <t>1150.364</t>
  </si>
  <si>
    <t>96424.0</t>
  </si>
  <si>
    <t>46264.0</t>
  </si>
  <si>
    <t>20237953.0</t>
  </si>
  <si>
    <t>1156.342</t>
  </si>
  <si>
    <t>96500.0</t>
  </si>
  <si>
    <t>20340909.0</t>
  </si>
  <si>
    <t>1162.225</t>
  </si>
  <si>
    <t>51544.0</t>
  </si>
  <si>
    <t>20438118.0</t>
  </si>
  <si>
    <t>1167.779</t>
  </si>
  <si>
    <t>96558.0</t>
  </si>
  <si>
    <t>20522610.0</t>
  </si>
  <si>
    <t>84492.0</t>
  </si>
  <si>
    <t>1172.607</t>
  </si>
  <si>
    <t>95605.0</t>
  </si>
  <si>
    <t>24066700.0</t>
  </si>
  <si>
    <t>12566685.0</t>
  </si>
  <si>
    <t>11636981.0</t>
  </si>
  <si>
    <t>612514.0</t>
  </si>
  <si>
    <t>20593372.0</t>
  </si>
  <si>
    <t>1176.65</t>
  </si>
  <si>
    <t>92841.0</t>
  </si>
  <si>
    <t>61082.0</t>
  </si>
  <si>
    <t>20653317.0</t>
  </si>
  <si>
    <t>59945.0</t>
  </si>
  <si>
    <t>1180.075</t>
  </si>
  <si>
    <t>88836.0</t>
  </si>
  <si>
    <t>25406.1</t>
  </si>
  <si>
    <t>1446.485485669</t>
  </si>
  <si>
    <t>20732615.0</t>
  </si>
  <si>
    <t>1184.606</t>
  </si>
  <si>
    <t>85615.0</t>
  </si>
  <si>
    <t>20805944.0</t>
  </si>
  <si>
    <t>73329.0</t>
  </si>
  <si>
    <t>1188.796</t>
  </si>
  <si>
    <t>81142.0</t>
  </si>
  <si>
    <t>20882509.0</t>
  </si>
  <si>
    <t>76565.0</t>
  </si>
  <si>
    <t>1193.171</t>
  </si>
  <si>
    <t>77371.0</t>
  </si>
  <si>
    <t>78110.0</t>
  </si>
  <si>
    <t>20950829.0</t>
  </si>
  <si>
    <t>73244.0</t>
  </si>
  <si>
    <t>82367.0</t>
  </si>
  <si>
    <t>21013145.0</t>
  </si>
  <si>
    <t>62316.0</t>
  </si>
  <si>
    <t>1200.635</t>
  </si>
  <si>
    <t>70076.0</t>
  </si>
  <si>
    <t>24673067.0</t>
  </si>
  <si>
    <t>12584319.0</t>
  </si>
  <si>
    <t>11690073.0</t>
  </si>
  <si>
    <t>1148877.0</t>
  </si>
  <si>
    <t>21061623.0</t>
  </si>
  <si>
    <t>1203.405</t>
  </si>
  <si>
    <t>21107119.0</t>
  </si>
  <si>
    <t>1206.004</t>
  </si>
  <si>
    <t>26698.8</t>
  </si>
  <si>
    <t>1520.08480974173</t>
  </si>
  <si>
    <t>21174092.0</t>
  </si>
  <si>
    <t>66973.0</t>
  </si>
  <si>
    <t>1209.831</t>
  </si>
  <si>
    <t>105565.0</t>
  </si>
  <si>
    <t>21234423.0</t>
  </si>
  <si>
    <t>60331.0</t>
  </si>
  <si>
    <t>1213.278</t>
  </si>
  <si>
    <t>111878.0</t>
  </si>
  <si>
    <t>21297742.0</t>
  </si>
  <si>
    <t>1216.896</t>
  </si>
  <si>
    <t>59319.0</t>
  </si>
  <si>
    <t>21350240.0</t>
  </si>
  <si>
    <t>1219.895</t>
  </si>
  <si>
    <t>21399963.0</t>
  </si>
  <si>
    <t>49723.0</t>
  </si>
  <si>
    <t>1222.737</t>
  </si>
  <si>
    <t>25588800.0</t>
  </si>
  <si>
    <t>12599248.0</t>
  </si>
  <si>
    <t>11733104.0</t>
  </si>
  <si>
    <t>2007128.0</t>
  </si>
  <si>
    <t>130819.0</t>
  </si>
  <si>
    <t>21444337.0</t>
  </si>
  <si>
    <t>1225.272</t>
  </si>
  <si>
    <t>138559.0</t>
  </si>
  <si>
    <t>21487670.0</t>
  </si>
  <si>
    <t>43333.0</t>
  </si>
  <si>
    <t>1227.748</t>
  </si>
  <si>
    <t>54364.0</t>
  </si>
  <si>
    <t>27550.9</t>
  </si>
  <si>
    <t>1568.59876042045</t>
  </si>
  <si>
    <t>21543958.0</t>
  </si>
  <si>
    <t>1230.964</t>
  </si>
  <si>
    <t>154039.0</t>
  </si>
  <si>
    <t>21597367.0</t>
  </si>
  <si>
    <t>1234.016</t>
  </si>
  <si>
    <t>51849.0</t>
  </si>
  <si>
    <t>21658693.0</t>
  </si>
  <si>
    <t>61326.0</t>
  </si>
  <si>
    <t>1237.52</t>
  </si>
  <si>
    <t>51564.0</t>
  </si>
  <si>
    <t>169519.0</t>
  </si>
  <si>
    <t>21723463.0</t>
  </si>
  <si>
    <t>64770.0</t>
  </si>
  <si>
    <t>1241.22</t>
  </si>
  <si>
    <t>53318.0</t>
  </si>
  <si>
    <t>21775963.0</t>
  </si>
  <si>
    <t>52500.0</t>
  </si>
  <si>
    <t>1244.22</t>
  </si>
  <si>
    <t>53714.0</t>
  </si>
  <si>
    <t>26883797.0</t>
  </si>
  <si>
    <t>12608299.0</t>
  </si>
  <si>
    <t>11759031.0</t>
  </si>
  <si>
    <t>3267271.0</t>
  </si>
  <si>
    <t>153.06</t>
  </si>
  <si>
    <t>21805925.0</t>
  </si>
  <si>
    <t>29962.0</t>
  </si>
  <si>
    <t>1245.932</t>
  </si>
  <si>
    <t>51655.0</t>
  </si>
  <si>
    <t>191758.0</t>
  </si>
  <si>
    <t>21834392.0</t>
  </si>
  <si>
    <t>1247.559</t>
  </si>
  <si>
    <t>49532.0</t>
  </si>
  <si>
    <t>198517.0</t>
  </si>
  <si>
    <t>28118.2</t>
  </si>
  <si>
    <t>1600.89774436604</t>
  </si>
  <si>
    <t>83.352</t>
  </si>
  <si>
    <t>21880796.0</t>
  </si>
  <si>
    <t>1250.21</t>
  </si>
  <si>
    <t>48120.0</t>
  </si>
  <si>
    <t>205275.0</t>
  </si>
  <si>
    <t>21930075.0</t>
  </si>
  <si>
    <t>1253.026</t>
  </si>
  <si>
    <t>212034.0</t>
  </si>
  <si>
    <t>29.321</t>
  </si>
  <si>
    <t>21990892.0</t>
  </si>
  <si>
    <t>1256.501</t>
  </si>
  <si>
    <t>47457.0</t>
  </si>
  <si>
    <t>218792.0</t>
  </si>
  <si>
    <t>70582.0</t>
  </si>
  <si>
    <t>1260.533</t>
  </si>
  <si>
    <t>225551.0</t>
  </si>
  <si>
    <t>22108497.0</t>
  </si>
  <si>
    <t>47023.0</t>
  </si>
  <si>
    <t>1263.22</t>
  </si>
  <si>
    <t>47505.0</t>
  </si>
  <si>
    <t>28509960.0</t>
  </si>
  <si>
    <t>12616978.0</t>
  </si>
  <si>
    <t>11782302.0</t>
  </si>
  <si>
    <t>4861661.0</t>
  </si>
  <si>
    <t>232309.0</t>
  </si>
  <si>
    <t>22140050.0</t>
  </si>
  <si>
    <t>31553.0</t>
  </si>
  <si>
    <t>1265.023</t>
  </si>
  <si>
    <t>237637.0</t>
  </si>
  <si>
    <t>22188778.0</t>
  </si>
  <si>
    <t>1267.807</t>
  </si>
  <si>
    <t>242965.0</t>
  </si>
  <si>
    <t>28646.7</t>
  </si>
  <si>
    <t>1630.98766683254</t>
  </si>
  <si>
    <t>22261782.0</t>
  </si>
  <si>
    <t>73004.0</t>
  </si>
  <si>
    <t>1271.979</t>
  </si>
  <si>
    <t>248292.0</t>
  </si>
  <si>
    <t>22343511.0</t>
  </si>
  <si>
    <t>1276.648</t>
  </si>
  <si>
    <t>59062.0</t>
  </si>
  <si>
    <t>253620.0</t>
  </si>
  <si>
    <t>22434050.0</t>
  </si>
  <si>
    <t>90539.0</t>
  </si>
  <si>
    <t>1281.821</t>
  </si>
  <si>
    <t>258948.0</t>
  </si>
  <si>
    <t>22527361.0</t>
  </si>
  <si>
    <t>93311.0</t>
  </si>
  <si>
    <t>1287.153</t>
  </si>
  <si>
    <t>66555.0</t>
  </si>
  <si>
    <t>264276.0</t>
  </si>
  <si>
    <t>15046.0</t>
  </si>
  <si>
    <t>22616572.0</t>
  </si>
  <si>
    <t>1292.25</t>
  </si>
  <si>
    <t>72582.0</t>
  </si>
  <si>
    <t>30397185.0</t>
  </si>
  <si>
    <t>12630445.0</t>
  </si>
  <si>
    <t>11806792.0</t>
  </si>
  <si>
    <t>6711110.0</t>
  </si>
  <si>
    <t>269604.0</t>
  </si>
  <si>
    <t>22697554.0</t>
  </si>
  <si>
    <t>1296.877</t>
  </si>
  <si>
    <t>79643.0</t>
  </si>
  <si>
    <t>254248.0</t>
  </si>
  <si>
    <t>22778435.0</t>
  </si>
  <si>
    <t>80881.0</t>
  </si>
  <si>
    <t>1301.499</t>
  </si>
  <si>
    <t>238893.0</t>
  </si>
  <si>
    <t>28666.3</t>
  </si>
  <si>
    <t>1632.10358448692</t>
  </si>
  <si>
    <t>22875685.0</t>
  </si>
  <si>
    <t>97250.0</t>
  </si>
  <si>
    <t>1307.055</t>
  </si>
  <si>
    <t>223537.0</t>
  </si>
  <si>
    <t>22971615.0</t>
  </si>
  <si>
    <t>95930.0</t>
  </si>
  <si>
    <t>1312.537</t>
  </si>
  <si>
    <t>208182.0</t>
  </si>
  <si>
    <t>23073344.0</t>
  </si>
  <si>
    <t>101729.0</t>
  </si>
  <si>
    <t>1318.349</t>
  </si>
  <si>
    <t>192827.0</t>
  </si>
  <si>
    <t>23177122.0</t>
  </si>
  <si>
    <t>1324.279</t>
  </si>
  <si>
    <t>177471.0</t>
  </si>
  <si>
    <t>23283308.0</t>
  </si>
  <si>
    <t>106186.0</t>
  </si>
  <si>
    <t>1330.346</t>
  </si>
  <si>
    <t>95248.0</t>
  </si>
  <si>
    <t>31531996.0</t>
  </si>
  <si>
    <t>12640789.0</t>
  </si>
  <si>
    <t>11825951.0</t>
  </si>
  <si>
    <t>7816618.0</t>
  </si>
  <si>
    <t>162116.0</t>
  </si>
  <si>
    <t>23378048.0</t>
  </si>
  <si>
    <t>1335.759</t>
  </si>
  <si>
    <t>97213.0</t>
  </si>
  <si>
    <t>148529.0</t>
  </si>
  <si>
    <t>23473946.0</t>
  </si>
  <si>
    <t>95898.0</t>
  </si>
  <si>
    <t>1341.238</t>
  </si>
  <si>
    <t>99359.0</t>
  </si>
  <si>
    <t>134941.0</t>
  </si>
  <si>
    <t>28336.1</t>
  </si>
  <si>
    <t>-9.47</t>
  </si>
  <si>
    <t>1613.30378808496</t>
  </si>
  <si>
    <t>23599197.0</t>
  </si>
  <si>
    <t>125251.0</t>
  </si>
  <si>
    <t>1348.395</t>
  </si>
  <si>
    <t>103359.0</t>
  </si>
  <si>
    <t>121354.0</t>
  </si>
  <si>
    <t>23734385.0</t>
  </si>
  <si>
    <t>135188.0</t>
  </si>
  <si>
    <t>1356.119</t>
  </si>
  <si>
    <t>108967.0</t>
  </si>
  <si>
    <t>6.226</t>
  </si>
  <si>
    <t>23874310.0</t>
  </si>
  <si>
    <t>1364.114</t>
  </si>
  <si>
    <t>114424.0</t>
  </si>
  <si>
    <t>94180.0</t>
  </si>
  <si>
    <t>24017376.0</t>
  </si>
  <si>
    <t>143066.0</t>
  </si>
  <si>
    <t>1372.288</t>
  </si>
  <si>
    <t>120036.0</t>
  </si>
  <si>
    <t>80592.0</t>
  </si>
  <si>
    <t>24157770.0</t>
  </si>
  <si>
    <t>140394.0</t>
  </si>
  <si>
    <t>1380.31</t>
  </si>
  <si>
    <t>124923.0</t>
  </si>
  <si>
    <t>32001031.0</t>
  </si>
  <si>
    <t>12662295.0</t>
  </si>
  <si>
    <t>11840840.0</t>
  </si>
  <si>
    <t>8249371.0</t>
  </si>
  <si>
    <t>67005.0</t>
  </si>
  <si>
    <t>24290274.0</t>
  </si>
  <si>
    <t>1387.881</t>
  </si>
  <si>
    <t>63321.0</t>
  </si>
  <si>
    <t>24424107.0</t>
  </si>
  <si>
    <t>133833.0</t>
  </si>
  <si>
    <t>1395.528</t>
  </si>
  <si>
    <t>135737.0</t>
  </si>
  <si>
    <t>7.756</t>
  </si>
  <si>
    <t>28104.5</t>
  </si>
  <si>
    <t>1600.11774069945</t>
  </si>
  <si>
    <t>24575285.0</t>
  </si>
  <si>
    <t>151178.0</t>
  </si>
  <si>
    <t>1404.166</t>
  </si>
  <si>
    <t>139441.0</t>
  </si>
  <si>
    <t>55953.0</t>
  </si>
  <si>
    <t>24730103.0</t>
  </si>
  <si>
    <t>154818.0</t>
  </si>
  <si>
    <t>1413.012</t>
  </si>
  <si>
    <t>8.846</t>
  </si>
  <si>
    <t>142245.0</t>
  </si>
  <si>
    <t>24880863.0</t>
  </si>
  <si>
    <t>150760.0</t>
  </si>
  <si>
    <t>1421.626</t>
  </si>
  <si>
    <t>143793.0</t>
  </si>
  <si>
    <t>25032416.0</t>
  </si>
  <si>
    <t>151553.0</t>
  </si>
  <si>
    <t>1430.285</t>
  </si>
  <si>
    <t>8.659</t>
  </si>
  <si>
    <t>145006.0</t>
  </si>
  <si>
    <t>25182566.0</t>
  </si>
  <si>
    <t>150150.0</t>
  </si>
  <si>
    <t>1438.864</t>
  </si>
  <si>
    <t>146399.0</t>
  </si>
  <si>
    <t>32289550.0</t>
  </si>
  <si>
    <t>12706095.0</t>
  </si>
  <si>
    <t>11854967.0</t>
  </si>
  <si>
    <t>8480084.0</t>
  </si>
  <si>
    <t>41217.0</t>
  </si>
  <si>
    <t>25312156.0</t>
  </si>
  <si>
    <t>129590.0</t>
  </si>
  <si>
    <t>1446.269</t>
  </si>
  <si>
    <t>145983.0</t>
  </si>
  <si>
    <t>25444091.0</t>
  </si>
  <si>
    <t>131935.0</t>
  </si>
  <si>
    <t>1453.807</t>
  </si>
  <si>
    <t>145712.0</t>
  </si>
  <si>
    <t>38447.0</t>
  </si>
  <si>
    <t>27836.1</t>
  </si>
  <si>
    <t>1584.83650098326</t>
  </si>
  <si>
    <t>25584665.0</t>
  </si>
  <si>
    <t>140574.0</t>
  </si>
  <si>
    <t>1461.839</t>
  </si>
  <si>
    <t>144197.0</t>
  </si>
  <si>
    <t>8.239</t>
  </si>
  <si>
    <t>25735925.0</t>
  </si>
  <si>
    <t>1470.482</t>
  </si>
  <si>
    <t>143689.0</t>
  </si>
  <si>
    <t>25887769.0</t>
  </si>
  <si>
    <t>1479.158</t>
  </si>
  <si>
    <t>143844.0</t>
  </si>
  <si>
    <t>26034732.0</t>
  </si>
  <si>
    <t>1487.555</t>
  </si>
  <si>
    <t>143188.0</t>
  </si>
  <si>
    <t>32906.0</t>
  </si>
  <si>
    <t>26172136.0</t>
  </si>
  <si>
    <t>137404.0</t>
  </si>
  <si>
    <t>1495.406</t>
  </si>
  <si>
    <t>141367.0</t>
  </si>
  <si>
    <t>8.077</t>
  </si>
  <si>
    <t>32510192.0</t>
  </si>
  <si>
    <t>12723950.0</t>
  </si>
  <si>
    <t>11866897.0</t>
  </si>
  <si>
    <t>8671022.0</t>
  </si>
  <si>
    <t>13.038</t>
  </si>
  <si>
    <t>26300190.0</t>
  </si>
  <si>
    <t>128054.0</t>
  </si>
  <si>
    <t>1502.722</t>
  </si>
  <si>
    <t>141148.0</t>
  </si>
  <si>
    <t>29771.0</t>
  </si>
  <si>
    <t>26421826.0</t>
  </si>
  <si>
    <t>121636.0</t>
  </si>
  <si>
    <t>1509.672</t>
  </si>
  <si>
    <t>139676.0</t>
  </si>
  <si>
    <t>7.981</t>
  </si>
  <si>
    <t>28022.0</t>
  </si>
  <si>
    <t>27678.1</t>
  </si>
  <si>
    <t>-4.59</t>
  </si>
  <si>
    <t>1575.84083825912</t>
  </si>
  <si>
    <t>26566000.0</t>
  </si>
  <si>
    <t>144174.0</t>
  </si>
  <si>
    <t>1517.91</t>
  </si>
  <si>
    <t>140191.0</t>
  </si>
  <si>
    <t>26705809.0</t>
  </si>
  <si>
    <t>139809.0</t>
  </si>
  <si>
    <t>1525.898</t>
  </si>
  <si>
    <t>138555.0</t>
  </si>
  <si>
    <t>26843118.0</t>
  </si>
  <si>
    <t>1533.744</t>
  </si>
  <si>
    <t>136478.0</t>
  </si>
  <si>
    <t>22775.0</t>
  </si>
  <si>
    <t>26969424.0</t>
  </si>
  <si>
    <t>126306.0</t>
  </si>
  <si>
    <t>1540.961</t>
  </si>
  <si>
    <t>133527.0</t>
  </si>
  <si>
    <t>27081358.0</t>
  </si>
  <si>
    <t>111934.0</t>
  </si>
  <si>
    <t>1547.356</t>
  </si>
  <si>
    <t>129889.0</t>
  </si>
  <si>
    <t>32645131.0</t>
  </si>
  <si>
    <t>12732411.0</t>
  </si>
  <si>
    <t>11875830.0</t>
  </si>
  <si>
    <t>8788641.0</t>
  </si>
  <si>
    <t>27170790.0</t>
  </si>
  <si>
    <t>1552.466</t>
  </si>
  <si>
    <t>124371.0</t>
  </si>
  <si>
    <t>27255096.0</t>
  </si>
  <si>
    <t>84306.0</t>
  </si>
  <si>
    <t>1557.283</t>
  </si>
  <si>
    <t>119039.0</t>
  </si>
  <si>
    <t>27507.9</t>
  </si>
  <si>
    <t>1566.1505737297</t>
  </si>
  <si>
    <t>27364650.0</t>
  </si>
  <si>
    <t>109554.0</t>
  </si>
  <si>
    <t>1563.543</t>
  </si>
  <si>
    <t>114093.0</t>
  </si>
  <si>
    <t>27459560.0</t>
  </si>
  <si>
    <t>94910.0</t>
  </si>
  <si>
    <t>1568.966</t>
  </si>
  <si>
    <t>107679.0</t>
  </si>
  <si>
    <t>27547170.0</t>
  </si>
  <si>
    <t>1573.971</t>
  </si>
  <si>
    <t>27620246.0</t>
  </si>
  <si>
    <t>1578.147</t>
  </si>
  <si>
    <t>92975.0</t>
  </si>
  <si>
    <t>27665621.0</t>
  </si>
  <si>
    <t>1580.739</t>
  </si>
  <si>
    <t>83466.0</t>
  </si>
  <si>
    <t>32717880.0</t>
  </si>
  <si>
    <t>12735933.0</t>
  </si>
  <si>
    <t>11880702.0</t>
  </si>
  <si>
    <t>8853012.0</t>
  </si>
  <si>
    <t>27725370.0</t>
  </si>
  <si>
    <t>1584.153</t>
  </si>
  <si>
    <t>79226.0</t>
  </si>
  <si>
    <t>27774586.0</t>
  </si>
  <si>
    <t>49216.0</t>
  </si>
  <si>
    <t>1586.965</t>
  </si>
  <si>
    <t>74213.0</t>
  </si>
  <si>
    <t>27418.1</t>
  </si>
  <si>
    <t>1561.03784896624</t>
  </si>
  <si>
    <t>69.916</t>
  </si>
  <si>
    <t>27838261.0</t>
  </si>
  <si>
    <t>63675.0</t>
  </si>
  <si>
    <t>1590.604</t>
  </si>
  <si>
    <t>27901865.0</t>
  </si>
  <si>
    <t>63604.0</t>
  </si>
  <si>
    <t>1594.238</t>
  </si>
  <si>
    <t>27964053.0</t>
  </si>
  <si>
    <t>62188.0</t>
  </si>
  <si>
    <t>1597.791</t>
  </si>
  <si>
    <t>28019317.0</t>
  </si>
  <si>
    <t>1600.949</t>
  </si>
  <si>
    <t>28066759.0</t>
  </si>
  <si>
    <t>1603.659</t>
  </si>
  <si>
    <t>32775813.0</t>
  </si>
  <si>
    <t>12738307.0</t>
  </si>
  <si>
    <t>11884391.0</t>
  </si>
  <si>
    <t>8904917.0</t>
  </si>
  <si>
    <t>186.61</t>
  </si>
  <si>
    <t>28105158.0</t>
  </si>
  <si>
    <t>38399.0</t>
  </si>
  <si>
    <t>1605.853</t>
  </si>
  <si>
    <t>54255.0</t>
  </si>
  <si>
    <t>28146941.0</t>
  </si>
  <si>
    <t>1608.241</t>
  </si>
  <si>
    <t>53194.0</t>
  </si>
  <si>
    <t>27246.5</t>
  </si>
  <si>
    <t>1551.26787603294</t>
  </si>
  <si>
    <t>28210032.0</t>
  </si>
  <si>
    <t>1611.846</t>
  </si>
  <si>
    <t>28284664.0</t>
  </si>
  <si>
    <t>74632.0</t>
  </si>
  <si>
    <t>1616.11</t>
  </si>
  <si>
    <t>28376157.0</t>
  </si>
  <si>
    <t>91493.0</t>
  </si>
  <si>
    <t>1621.338</t>
  </si>
  <si>
    <t>58872.0</t>
  </si>
  <si>
    <t>28473539.0</t>
  </si>
  <si>
    <t>97382.0</t>
  </si>
  <si>
    <t>1626.902</t>
  </si>
  <si>
    <t>28567099.0</t>
  </si>
  <si>
    <t>1632.247</t>
  </si>
  <si>
    <t>71477.0</t>
  </si>
  <si>
    <t>32861502.0</t>
  </si>
  <si>
    <t>12740097.0</t>
  </si>
  <si>
    <t>11887181.0</t>
  </si>
  <si>
    <t>8951988.0</t>
  </si>
  <si>
    <t>28653785.0</t>
  </si>
  <si>
    <t>1637.2</t>
  </si>
  <si>
    <t>78375.0</t>
  </si>
  <si>
    <t>28744133.0</t>
  </si>
  <si>
    <t>1642.363</t>
  </si>
  <si>
    <t>27036.1</t>
  </si>
  <si>
    <t>1539.28884162054</t>
  </si>
  <si>
    <t>28855182.0</t>
  </si>
  <si>
    <t>111049.0</t>
  </si>
  <si>
    <t>1648.708</t>
  </si>
  <si>
    <t>92164.0</t>
  </si>
  <si>
    <t>28963441.0</t>
  </si>
  <si>
    <t>1654.893</t>
  </si>
  <si>
    <t>96968.0</t>
  </si>
  <si>
    <t>29068809.0</t>
  </si>
  <si>
    <t>1660.914</t>
  </si>
  <si>
    <t>98950.0</t>
  </si>
  <si>
    <t>29161999.0</t>
  </si>
  <si>
    <t>93190.0</t>
  </si>
  <si>
    <t>1666.238</t>
  </si>
  <si>
    <t>98351.0</t>
  </si>
  <si>
    <t>29238048.0</t>
  </si>
  <si>
    <t>76049.0</t>
  </si>
  <si>
    <t>1670.584</t>
  </si>
  <si>
    <t>33052320.0</t>
  </si>
  <si>
    <t>12741583.0</t>
  </si>
  <si>
    <t>11889343.0</t>
  </si>
  <si>
    <t>8997433.0</t>
  </si>
  <si>
    <t>188.18</t>
  </si>
  <si>
    <t>29302502.0</t>
  </si>
  <si>
    <t>1674.266</t>
  </si>
  <si>
    <t>29369843.0</t>
  </si>
  <si>
    <t>1678.114</t>
  </si>
  <si>
    <t>31529.0</t>
  </si>
  <si>
    <t>26949.9</t>
  </si>
  <si>
    <t>1534.38108132421</t>
  </si>
  <si>
    <t>29460989.0</t>
  </si>
  <si>
    <t>1683.322</t>
  </si>
  <si>
    <t>86544.0</t>
  </si>
  <si>
    <t>29543359.0</t>
  </si>
  <si>
    <t>1688.028</t>
  </si>
  <si>
    <t>35798.0</t>
  </si>
  <si>
    <t>29616713.0</t>
  </si>
  <si>
    <t>73354.0</t>
  </si>
  <si>
    <t>1692.22</t>
  </si>
  <si>
    <t>29680849.0</t>
  </si>
  <si>
    <t>1695.884</t>
  </si>
  <si>
    <t>74121.0</t>
  </si>
  <si>
    <t>40068.0</t>
  </si>
  <si>
    <t>29733248.0</t>
  </si>
  <si>
    <t>52399.0</t>
  </si>
  <si>
    <t>1698.878</t>
  </si>
  <si>
    <t>33347738.0</t>
  </si>
  <si>
    <t>12743361.0</t>
  </si>
  <si>
    <t>11894288.0</t>
  </si>
  <si>
    <t>9033463.0</t>
  </si>
  <si>
    <t>29777110.0</t>
  </si>
  <si>
    <t>43862.0</t>
  </si>
  <si>
    <t>1701.384</t>
  </si>
  <si>
    <t>67801.0</t>
  </si>
  <si>
    <t>43307.0</t>
  </si>
  <si>
    <t>29822777.0</t>
  </si>
  <si>
    <t>1703.994</t>
  </si>
  <si>
    <t>64705.0</t>
  </si>
  <si>
    <t>27227.5</t>
  </si>
  <si>
    <t>1550.18611912307</t>
  </si>
  <si>
    <t>29889419.0</t>
  </si>
  <si>
    <t>66642.0</t>
  </si>
  <si>
    <t>1707.801</t>
  </si>
  <si>
    <t>29946236.0</t>
  </si>
  <si>
    <t>1711.048</t>
  </si>
  <si>
    <t>57554.0</t>
  </si>
  <si>
    <t>30001580.0</t>
  </si>
  <si>
    <t>1714.21</t>
  </si>
  <si>
    <t>30049356.0</t>
  </si>
  <si>
    <t>1716.94</t>
  </si>
  <si>
    <t>48832.0</t>
  </si>
  <si>
    <t>30089880.0</t>
  </si>
  <si>
    <t>1719.255</t>
  </si>
  <si>
    <t>33697296.0</t>
  </si>
  <si>
    <t>12745239.0</t>
  </si>
  <si>
    <t>11910647.0</t>
  </si>
  <si>
    <t>9064041.0</t>
  </si>
  <si>
    <t>30122899.0</t>
  </si>
  <si>
    <t>1721.142</t>
  </si>
  <si>
    <t>50630.0</t>
  </si>
  <si>
    <t>30154024.0</t>
  </si>
  <si>
    <t>31125.0</t>
  </si>
  <si>
    <t>1722.92</t>
  </si>
  <si>
    <t>27655.9</t>
  </si>
  <si>
    <t>1574.57689071181</t>
  </si>
  <si>
    <t>30202843.0</t>
  </si>
  <si>
    <t>1725.709</t>
  </si>
  <si>
    <t>30244500.0</t>
  </si>
  <si>
    <t>1728.09</t>
  </si>
  <si>
    <t>30283507.0</t>
  </si>
  <si>
    <t>1730.318</t>
  </si>
  <si>
    <t>30316104.0</t>
  </si>
  <si>
    <t>1732.181</t>
  </si>
  <si>
    <t>54098.0</t>
  </si>
  <si>
    <t>30342122.0</t>
  </si>
  <si>
    <t>1733.668</t>
  </si>
  <si>
    <t>36035.0</t>
  </si>
  <si>
    <t>34080840.0</t>
  </si>
  <si>
    <t>12746836.0</t>
  </si>
  <si>
    <t>11920256.0</t>
  </si>
  <si>
    <t>9095300.0</t>
  </si>
  <si>
    <t>54792.0</t>
  </si>
  <si>
    <t>30358876.0</t>
  </si>
  <si>
    <t>1734.625</t>
  </si>
  <si>
    <t>33711.0</t>
  </si>
  <si>
    <t>53511.0</t>
  </si>
  <si>
    <t>30374535.0</t>
  </si>
  <si>
    <t>1735.52</t>
  </si>
  <si>
    <t>52229.0</t>
  </si>
  <si>
    <t>28044.3</t>
  </si>
  <si>
    <t>1596.69027933241</t>
  </si>
  <si>
    <t>30396523.0</t>
  </si>
  <si>
    <t>1736.776</t>
  </si>
  <si>
    <t>50948.0</t>
  </si>
  <si>
    <t>30416589.0</t>
  </si>
  <si>
    <t>1737.922</t>
  </si>
  <si>
    <t>30435374.0</t>
  </si>
  <si>
    <t>18785.0</t>
  </si>
  <si>
    <t>1738.996</t>
  </si>
  <si>
    <t>30451154.0</t>
  </si>
  <si>
    <t>1739.897</t>
  </si>
  <si>
    <t>47104.0</t>
  </si>
  <si>
    <t>30465289.0</t>
  </si>
  <si>
    <t>14135.0</t>
  </si>
  <si>
    <t>1740.705</t>
  </si>
  <si>
    <t>34401597.0</t>
  </si>
  <si>
    <t>12748336.0</t>
  </si>
  <si>
    <t>11925519.0</t>
  </si>
  <si>
    <t>9126614.0</t>
  </si>
  <si>
    <t>30475922.0</t>
  </si>
  <si>
    <t>1741.312</t>
  </si>
  <si>
    <t>44084.0</t>
  </si>
  <si>
    <t>30485190.0</t>
  </si>
  <si>
    <t>1741.842</t>
  </si>
  <si>
    <t>28571.7</t>
  </si>
  <si>
    <t>1626.71757376728</t>
  </si>
  <si>
    <t>30494961.0</t>
  </si>
  <si>
    <t>1742.4</t>
  </si>
  <si>
    <t>40608.0</t>
  </si>
  <si>
    <t>30502136.0</t>
  </si>
  <si>
    <t>1742.81</t>
  </si>
  <si>
    <t>30508980.0</t>
  </si>
  <si>
    <t>1743.201</t>
  </si>
  <si>
    <t>30515024.0</t>
  </si>
  <si>
    <t>1743.547</t>
  </si>
  <si>
    <t>35394.0</t>
  </si>
  <si>
    <t>30520098.0</t>
  </si>
  <si>
    <t>1743.837</t>
  </si>
  <si>
    <t>34637191.0</t>
  </si>
  <si>
    <t>12749892.0</t>
  </si>
  <si>
    <t>11928600.0</t>
  </si>
  <si>
    <t>9151527.0</t>
  </si>
  <si>
    <t>33656.0</t>
  </si>
  <si>
    <t>197.21</t>
  </si>
  <si>
    <t>30523902.0</t>
  </si>
  <si>
    <t>1744.054</t>
  </si>
  <si>
    <t>30526549.0</t>
  </si>
  <si>
    <t>1744.205</t>
  </si>
  <si>
    <t>29106.5</t>
  </si>
  <si>
    <t>1657.16618405126</t>
  </si>
  <si>
    <t>30530135.0</t>
  </si>
  <si>
    <t>1744.41</t>
  </si>
  <si>
    <t>30535395.0</t>
  </si>
  <si>
    <t>1744.711</t>
  </si>
  <si>
    <t>30539843.0</t>
  </si>
  <si>
    <t>1744.965</t>
  </si>
  <si>
    <t>30543663.0</t>
  </si>
  <si>
    <t>1745.183</t>
  </si>
  <si>
    <t>30546900.0</t>
  </si>
  <si>
    <t>1745.368</t>
  </si>
  <si>
    <t>34818061.0</t>
  </si>
  <si>
    <t>12751403.0</t>
  </si>
  <si>
    <t>11930849.0</t>
  </si>
  <si>
    <t>9172296.0</t>
  </si>
  <si>
    <t>30549290.0</t>
  </si>
  <si>
    <t>1745.505</t>
  </si>
  <si>
    <t>30551304.0</t>
  </si>
  <si>
    <t>1745.62</t>
  </si>
  <si>
    <t>29375.3</t>
  </si>
  <si>
    <t>1672.47019759713</t>
  </si>
  <si>
    <t>30554101.0</t>
  </si>
  <si>
    <t>1745.779</t>
  </si>
  <si>
    <t>30556779.0</t>
  </si>
  <si>
    <t>1745.932</t>
  </si>
  <si>
    <t>30558553.0</t>
  </si>
  <si>
    <t>1746.034</t>
  </si>
  <si>
    <t>18611.0</t>
  </si>
  <si>
    <t>30561104.0</t>
  </si>
  <si>
    <t>1746.18</t>
  </si>
  <si>
    <t>30563504.0</t>
  </si>
  <si>
    <t>1746.317</t>
  </si>
  <si>
    <t>34928102.0</t>
  </si>
  <si>
    <t>12752751.0</t>
  </si>
  <si>
    <t>11932348.0</t>
  </si>
  <si>
    <t>9187869.0</t>
  </si>
  <si>
    <t>30565577.0</t>
  </si>
  <si>
    <t>1746.435</t>
  </si>
  <si>
    <t>30567434.0</t>
  </si>
  <si>
    <t>1746.541</t>
  </si>
  <si>
    <t>29586.5</t>
  </si>
  <si>
    <t>1684.49477966889</t>
  </si>
  <si>
    <t>30570202.0</t>
  </si>
  <si>
    <t>1746.699</t>
  </si>
  <si>
    <t>30572790.0</t>
  </si>
  <si>
    <t>1746.847</t>
  </si>
  <si>
    <t>13639.0</t>
  </si>
  <si>
    <t>30575169.0</t>
  </si>
  <si>
    <t>1746.983</t>
  </si>
  <si>
    <t>30577278.0</t>
  </si>
  <si>
    <t>1747.104</t>
  </si>
  <si>
    <t>30579491.0</t>
  </si>
  <si>
    <t>1747.23</t>
  </si>
  <si>
    <t>35012649.0</t>
  </si>
  <si>
    <t>12754493.0</t>
  </si>
  <si>
    <t>11933952.0</t>
  </si>
  <si>
    <t>9204108.0</t>
  </si>
  <si>
    <t>30581304.0</t>
  </si>
  <si>
    <t>1747.334</t>
  </si>
  <si>
    <t>30582899.0</t>
  </si>
  <si>
    <t>1747.425</t>
  </si>
  <si>
    <t>29849.7</t>
  </si>
  <si>
    <t>1699.47995959923</t>
  </si>
  <si>
    <t>30585238.0</t>
  </si>
  <si>
    <t>1747.559</t>
  </si>
  <si>
    <t>30587516.0</t>
  </si>
  <si>
    <t>1747.689</t>
  </si>
  <si>
    <t>30589702.0</t>
  </si>
  <si>
    <t>1747.814</t>
  </si>
  <si>
    <t>30591674.0</t>
  </si>
  <si>
    <t>1747.926</t>
  </si>
  <si>
    <t>30593436.0</t>
  </si>
  <si>
    <t>1748.027</t>
  </si>
  <si>
    <t>35078346.0</t>
  </si>
  <si>
    <t>12756199.0</t>
  </si>
  <si>
    <t>11935368.0</t>
  </si>
  <si>
    <t>9217708.0</t>
  </si>
  <si>
    <t>30594815.0</t>
  </si>
  <si>
    <t>1748.106</t>
  </si>
  <si>
    <t>30596050.0</t>
  </si>
  <si>
    <t>1748.176</t>
  </si>
  <si>
    <t>30059.7</t>
  </si>
  <si>
    <t>1711.43622018194</t>
  </si>
  <si>
    <t>30598102.0</t>
  </si>
  <si>
    <t>1748.294</t>
  </si>
  <si>
    <t>30600181.0</t>
  </si>
  <si>
    <t>1748.412</t>
  </si>
  <si>
    <t>30602252.0</t>
  </si>
  <si>
    <t>1748.531</t>
  </si>
  <si>
    <t>30603930.0</t>
  </si>
  <si>
    <t>1748.627</t>
  </si>
  <si>
    <t>30605535.0</t>
  </si>
  <si>
    <t>1748.718</t>
  </si>
  <si>
    <t>35149958.0</t>
  </si>
  <si>
    <t>12758156.0</t>
  </si>
  <si>
    <t>11936872.0</t>
  </si>
  <si>
    <t>9232783.0</t>
  </si>
  <si>
    <t>30606753.0</t>
  </si>
  <si>
    <t>1748.788</t>
  </si>
  <si>
    <t>30607778.0</t>
  </si>
  <si>
    <t>1748.846</t>
  </si>
  <si>
    <t>30258.3</t>
  </si>
  <si>
    <t>1722.74342661873</t>
  </si>
  <si>
    <t>30609431.0</t>
  </si>
  <si>
    <t>1748.941</t>
  </si>
  <si>
    <t>30611022.0</t>
  </si>
  <si>
    <t>1749.032</t>
  </si>
  <si>
    <t>30612535.0</t>
  </si>
  <si>
    <t>1749.118</t>
  </si>
  <si>
    <t>30613734.0</t>
  </si>
  <si>
    <t>1749.187</t>
  </si>
  <si>
    <t>30615206.0</t>
  </si>
  <si>
    <t>1749.271</t>
  </si>
  <si>
    <t>35201862.0</t>
  </si>
  <si>
    <t>12759999.0</t>
  </si>
  <si>
    <t>11938390.0</t>
  </si>
  <si>
    <t>9245906.0</t>
  </si>
  <si>
    <t>200.42</t>
  </si>
  <si>
    <t>30616429.0</t>
  </si>
  <si>
    <t>1749.341</t>
  </si>
  <si>
    <t>30617770.0</t>
  </si>
  <si>
    <t>1749.417</t>
  </si>
  <si>
    <t>30326.1</t>
  </si>
  <si>
    <t>1726.60359074973</t>
  </si>
  <si>
    <t>30619792.0</t>
  </si>
  <si>
    <t>1749.533</t>
  </si>
  <si>
    <t>30621824.0</t>
  </si>
  <si>
    <t>1749.649</t>
  </si>
  <si>
    <t>17.479</t>
  </si>
  <si>
    <t>30623977.0</t>
  </si>
  <si>
    <t>1749.772</t>
  </si>
  <si>
    <t>30625994.0</t>
  </si>
  <si>
    <t>1749.887</t>
  </si>
  <si>
    <t>30627980.0</t>
  </si>
  <si>
    <t>1750.001</t>
  </si>
  <si>
    <t>35249771.0</t>
  </si>
  <si>
    <t>12761663.0</t>
  </si>
  <si>
    <t>11940013.0</t>
  </si>
  <si>
    <t>9257621.0</t>
  </si>
  <si>
    <t>30629511.0</t>
  </si>
  <si>
    <t>1750.088</t>
  </si>
  <si>
    <t>30630856.0</t>
  </si>
  <si>
    <t>1750.165</t>
  </si>
  <si>
    <t>30442.7</t>
  </si>
  <si>
    <t>1733.24216210184</t>
  </si>
  <si>
    <t>30632710.0</t>
  </si>
  <si>
    <t>1750.271</t>
  </si>
  <si>
    <t>30635288.0</t>
  </si>
  <si>
    <t>1750.418</t>
  </si>
  <si>
    <t>30638403.0</t>
  </si>
  <si>
    <t>1750.596</t>
  </si>
  <si>
    <t>30641307.0</t>
  </si>
  <si>
    <t>1750.762</t>
  </si>
  <si>
    <t>30644404.0</t>
  </si>
  <si>
    <t>1750.939</t>
  </si>
  <si>
    <t>35294521.0</t>
  </si>
  <si>
    <t>12762992.0</t>
  </si>
  <si>
    <t>11941599.0</t>
  </si>
  <si>
    <t>9267473.0</t>
  </si>
  <si>
    <t>30646870.0</t>
  </si>
  <si>
    <t>1751.08</t>
  </si>
  <si>
    <t>30649097.0</t>
  </si>
  <si>
    <t>1751.207</t>
  </si>
  <si>
    <t>30605.9</t>
  </si>
  <si>
    <t>1742.53388461184</t>
  </si>
  <si>
    <t>30652853.0</t>
  </si>
  <si>
    <t>1751.422</t>
  </si>
  <si>
    <t>23.002</t>
  </si>
  <si>
    <t>30657408.0</t>
  </si>
  <si>
    <t>1751.682</t>
  </si>
  <si>
    <t>30663195.0</t>
  </si>
  <si>
    <t>1752.013</t>
  </si>
  <si>
    <t>30668490.0</t>
  </si>
  <si>
    <t>1752.315</t>
  </si>
  <si>
    <t>30673598.0</t>
  </si>
  <si>
    <t>1752.607</t>
  </si>
  <si>
    <t>35369635.0</t>
  </si>
  <si>
    <t>12764623.0</t>
  </si>
  <si>
    <t>11943601.0</t>
  </si>
  <si>
    <t>9281504.0</t>
  </si>
  <si>
    <t>30677471.0</t>
  </si>
  <si>
    <t>1752.828</t>
  </si>
  <si>
    <t>30681139.0</t>
  </si>
  <si>
    <t>1753.038</t>
  </si>
  <si>
    <t>30853.5</t>
  </si>
  <si>
    <t>1756.6308851846</t>
  </si>
  <si>
    <t>30687346.0</t>
  </si>
  <si>
    <t>1753.393</t>
  </si>
  <si>
    <t>35473684.0</t>
  </si>
  <si>
    <t>12766646.0</t>
  </si>
  <si>
    <t>11945958.0</t>
  </si>
  <si>
    <t>9302207.0</t>
  </si>
  <si>
    <t>14864.0</t>
  </si>
  <si>
    <t>31238.5</t>
  </si>
  <si>
    <t>1778.55069625291</t>
  </si>
  <si>
    <t>35568763.0</t>
  </si>
  <si>
    <t>12768345.0</t>
  </si>
  <si>
    <t>11948160.0</t>
  </si>
  <si>
    <t>9321828.0</t>
  </si>
  <si>
    <t>202.51</t>
  </si>
  <si>
    <t>31544.3</t>
  </si>
  <si>
    <t>1795.96128904431</t>
  </si>
  <si>
    <t>35654506.0</t>
  </si>
  <si>
    <t>12769935.0</t>
  </si>
  <si>
    <t>11950261.0</t>
  </si>
  <si>
    <t>9340902.0</t>
  </si>
  <si>
    <t>31642.1</t>
  </si>
  <si>
    <t>1801.5294904014</t>
  </si>
  <si>
    <t>53.405</t>
  </si>
  <si>
    <t>35777383.0</t>
  </si>
  <si>
    <t>12771239.0</t>
  </si>
  <si>
    <t>11952114.0</t>
  </si>
  <si>
    <t>9358695.0</t>
  </si>
  <si>
    <t>31960.5</t>
  </si>
  <si>
    <t>1819.65745882776</t>
  </si>
  <si>
    <t>15088.0</t>
  </si>
  <si>
    <t>35870054.0</t>
  </si>
  <si>
    <t>12772151.0</t>
  </si>
  <si>
    <t>11953391.0</t>
  </si>
  <si>
    <t>9373552.0</t>
  </si>
  <si>
    <t>32356.9</t>
  </si>
  <si>
    <t>1842.22632404199</t>
  </si>
  <si>
    <t>35956667.0</t>
  </si>
  <si>
    <t>12772921.0</t>
  </si>
  <si>
    <t>11954569.0</t>
  </si>
  <si>
    <t>9388105.0</t>
  </si>
  <si>
    <t>32668.3</t>
  </si>
  <si>
    <t>1859.95575044893</t>
  </si>
  <si>
    <t>36014629.0</t>
  </si>
  <si>
    <t>12773501.0</t>
  </si>
  <si>
    <t>11955314.0</t>
  </si>
  <si>
    <t>9398017.0</t>
  </si>
  <si>
    <t>32890.5</t>
  </si>
  <si>
    <t>1872.60661283692</t>
  </si>
  <si>
    <t>40.253</t>
  </si>
  <si>
    <t>36048217.0</t>
  </si>
  <si>
    <t>12774030.0</t>
  </si>
  <si>
    <t>11955908.0</t>
  </si>
  <si>
    <t>9404244.0</t>
  </si>
  <si>
    <t>33112.3</t>
  </si>
  <si>
    <t>1885.23470139524</t>
  </si>
  <si>
    <t>36074090.0</t>
  </si>
  <si>
    <t>12774561.0</t>
  </si>
  <si>
    <t>11956550.0</t>
  </si>
  <si>
    <t>9409635.0</t>
  </si>
  <si>
    <t>33481.9</t>
  </si>
  <si>
    <t>1906.27772002081</t>
  </si>
  <si>
    <t>36091124.0</t>
  </si>
  <si>
    <t>12775110.0</t>
  </si>
  <si>
    <t>11957128.0</t>
  </si>
  <si>
    <t>9413627.0</t>
  </si>
  <si>
    <t>33782.1</t>
  </si>
  <si>
    <t>1923.36947919668</t>
  </si>
  <si>
    <t>27.955</t>
  </si>
  <si>
    <t>24.937</t>
  </si>
  <si>
    <t>36104942.0</t>
  </si>
  <si>
    <t>12775557.0</t>
  </si>
  <si>
    <t>11957652.0</t>
  </si>
  <si>
    <t>9417108.0</t>
  </si>
  <si>
    <t>34008.5</t>
  </si>
  <si>
    <t>1936.25946679633</t>
  </si>
  <si>
    <t>34241.9</t>
  </si>
  <si>
    <t>1949.5479964154</t>
  </si>
  <si>
    <t>34274.3</t>
  </si>
  <si>
    <t>1951.39267661959</t>
  </si>
  <si>
    <t>34525.5</t>
  </si>
  <si>
    <t>1965.69464165948</t>
  </si>
  <si>
    <t>34889.5</t>
  </si>
  <si>
    <t>1986.41882666952</t>
  </si>
  <si>
    <t>35339.5</t>
  </si>
  <si>
    <t>2012.03938506105</t>
  </si>
  <si>
    <t>62.343</t>
  </si>
  <si>
    <t>35690.9</t>
  </si>
  <si>
    <t>2032.04619443613</t>
  </si>
  <si>
    <t>63.425</t>
  </si>
  <si>
    <t>36156.7</t>
  </si>
  <si>
    <t>2058.56631910007</t>
  </si>
  <si>
    <t>36519.1</t>
  </si>
  <si>
    <t>2079.19940879138</t>
  </si>
  <si>
    <t>43.441</t>
  </si>
  <si>
    <t>36811.1</t>
  </si>
  <si>
    <t>2095.82430445877</t>
  </si>
  <si>
    <t>36991.7</t>
  </si>
  <si>
    <t>2106.10668855991</t>
  </si>
  <si>
    <t>37197.5</t>
  </si>
  <si>
    <t>2117.82382393097</t>
  </si>
  <si>
    <t>37524.7</t>
  </si>
  <si>
    <t>2136.45281661032</t>
  </si>
  <si>
    <t>37887.9</t>
  </si>
  <si>
    <t>2157.13145396099</t>
  </si>
  <si>
    <t>29.435</t>
  </si>
  <si>
    <t>38405.9</t>
  </si>
  <si>
    <t>2186.62356339836</t>
  </si>
  <si>
    <t>NCL</t>
  </si>
  <si>
    <t>New Caledonia</t>
  </si>
  <si>
    <t>75.8727958090627</t>
  </si>
  <si>
    <t>-11.2</t>
  </si>
  <si>
    <t>-24.74</t>
  </si>
  <si>
    <t>-38.6261505937046</t>
  </si>
  <si>
    <t>-40.0056559720512</t>
  </si>
  <si>
    <t>-14.4</t>
  </si>
  <si>
    <t>-49.6621936204774</t>
  </si>
  <si>
    <t>-19.8</t>
  </si>
  <si>
    <t>-68.2855162281564</t>
  </si>
  <si>
    <t>-116.568204470287</t>
  </si>
  <si>
    <t>-66.4</t>
  </si>
  <si>
    <t>-24.22</t>
  </si>
  <si>
    <t>-228.997892805535</t>
  </si>
  <si>
    <t>-235.895419697268</t>
  </si>
  <si>
    <t>-24.47</t>
  </si>
  <si>
    <t>-347.635355343342</t>
  </si>
  <si>
    <t>-6.28</t>
  </si>
  <si>
    <t>-355.912387613421</t>
  </si>
  <si>
    <t>-371.776699464407</t>
  </si>
  <si>
    <t>-112.6</t>
  </si>
  <si>
    <t>-388.330764004566</t>
  </si>
  <si>
    <t>15767.0</t>
  </si>
  <si>
    <t>-131.0</t>
  </si>
  <si>
    <t>-451.788011408509</t>
  </si>
  <si>
    <t>44210.0</t>
  </si>
  <si>
    <t>-127.8</t>
  </si>
  <si>
    <t>-5.86</t>
  </si>
  <si>
    <t>-440.751968381737</t>
  </si>
  <si>
    <t>26391.0</t>
  </si>
  <si>
    <t>75580.0</t>
  </si>
  <si>
    <t>31639.0</t>
  </si>
  <si>
    <t>80734.0</t>
  </si>
  <si>
    <t>45104.0</t>
  </si>
  <si>
    <t>86639.0</t>
  </si>
  <si>
    <t>46508.0</t>
  </si>
  <si>
    <t>40131.0</t>
  </si>
  <si>
    <t>-141.8</t>
  </si>
  <si>
    <t>-6.09</t>
  </si>
  <si>
    <t>-9.66</t>
  </si>
  <si>
    <t>-489.034656623868</t>
  </si>
  <si>
    <t>49881.0</t>
  </si>
  <si>
    <t>42713.0</t>
  </si>
  <si>
    <t>101168.0</t>
  </si>
  <si>
    <t>45891.0</t>
  </si>
  <si>
    <t>104683.0</t>
  </si>
  <si>
    <t>111259.0</t>
  </si>
  <si>
    <t>59316.0</t>
  </si>
  <si>
    <t>-140.2</t>
  </si>
  <si>
    <t>-483.516635110481</t>
  </si>
  <si>
    <t>115218.0</t>
  </si>
  <si>
    <t>60764.0</t>
  </si>
  <si>
    <t>123185.0</t>
  </si>
  <si>
    <t>64904.0</t>
  </si>
  <si>
    <t>58281.0</t>
  </si>
  <si>
    <t>66159.0</t>
  </si>
  <si>
    <t>-152.2</t>
  </si>
  <si>
    <t>-524.901796460879</t>
  </si>
  <si>
    <t>61569.0</t>
  </si>
  <si>
    <t>133804.0</t>
  </si>
  <si>
    <t>73556.0</t>
  </si>
  <si>
    <t>144974.0</t>
  </si>
  <si>
    <t>151912.0</t>
  </si>
  <si>
    <t>82172.0</t>
  </si>
  <si>
    <t>69740.0</t>
  </si>
  <si>
    <t>-137.8</t>
  </si>
  <si>
    <t>-475.239602840402</t>
  </si>
  <si>
    <t>158270.0</t>
  </si>
  <si>
    <t>86125.0</t>
  </si>
  <si>
    <t>72145.0</t>
  </si>
  <si>
    <t>176813.0</t>
  </si>
  <si>
    <t>206784.0</t>
  </si>
  <si>
    <t>127322.0</t>
  </si>
  <si>
    <t>79462.0</t>
  </si>
  <si>
    <t>223735.0</t>
  </si>
  <si>
    <t>141094.0</t>
  </si>
  <si>
    <t>82641.0</t>
  </si>
  <si>
    <t>141.399301280526</t>
  </si>
  <si>
    <t>251551.0</t>
  </si>
  <si>
    <t>153060.0</t>
  </si>
  <si>
    <t>98491.0</t>
  </si>
  <si>
    <t>163236.0</t>
  </si>
  <si>
    <t>312524.0</t>
  </si>
  <si>
    <t>171401.0</t>
  </si>
  <si>
    <t>141123.0</t>
  </si>
  <si>
    <t>324466.0</t>
  </si>
  <si>
    <t>174092.0</t>
  </si>
  <si>
    <t>150374.0</t>
  </si>
  <si>
    <t>622.156925634314</t>
  </si>
  <si>
    <t>333948.0</t>
  </si>
  <si>
    <t>176189.0</t>
  </si>
  <si>
    <t>157759.0</t>
  </si>
  <si>
    <t>177450.0</t>
  </si>
  <si>
    <t>162552.0</t>
  </si>
  <si>
    <t>117.26</t>
  </si>
  <si>
    <t>342806.0</t>
  </si>
  <si>
    <t>178199.0</t>
  </si>
  <si>
    <t>164607.0</t>
  </si>
  <si>
    <t>347129.0</t>
  </si>
  <si>
    <t>179591.0</t>
  </si>
  <si>
    <t>167538.0</t>
  </si>
  <si>
    <t>181074.0</t>
  </si>
  <si>
    <t>169288.0</t>
  </si>
  <si>
    <t>660.093323538845</t>
  </si>
  <si>
    <t>351941.0</t>
  </si>
  <si>
    <t>181108.0</t>
  </si>
  <si>
    <t>354333.0</t>
  </si>
  <si>
    <t>182049.0</t>
  </si>
  <si>
    <t>172284.0</t>
  </si>
  <si>
    <t>355717.0</t>
  </si>
  <si>
    <t>182486.0</t>
  </si>
  <si>
    <t>708.376011780976</t>
  </si>
  <si>
    <t>358459.0</t>
  </si>
  <si>
    <t>174855.0</t>
  </si>
  <si>
    <t>359372.0</t>
  </si>
  <si>
    <t>184033.0</t>
  </si>
  <si>
    <t>175339.0</t>
  </si>
  <si>
    <t>360890.0</t>
  </si>
  <si>
    <t>176094.0</t>
  </si>
  <si>
    <t>362095.0</t>
  </si>
  <si>
    <t>185508.0</t>
  </si>
  <si>
    <t>176587.0</t>
  </si>
  <si>
    <t>363290.0</t>
  </si>
  <si>
    <t>186200.0</t>
  </si>
  <si>
    <t>177090.0</t>
  </si>
  <si>
    <t>363926.0</t>
  </si>
  <si>
    <t>177523.0</t>
  </si>
  <si>
    <t>365039.0</t>
  </si>
  <si>
    <t>186918.0</t>
  </si>
  <si>
    <t>178121.0</t>
  </si>
  <si>
    <t>178784.0</t>
  </si>
  <si>
    <t>126.28</t>
  </si>
  <si>
    <t>366924.0</t>
  </si>
  <si>
    <t>179239.0</t>
  </si>
  <si>
    <t>367291.0</t>
  </si>
  <si>
    <t>187823.0</t>
  </si>
  <si>
    <t>179468.0</t>
  </si>
  <si>
    <t>367523.0</t>
  </si>
  <si>
    <t>187893.0</t>
  </si>
  <si>
    <t>179630.0</t>
  </si>
  <si>
    <t>367690.0</t>
  </si>
  <si>
    <t>187946.0</t>
  </si>
  <si>
    <t>179744.0</t>
  </si>
  <si>
    <t>367883.0</t>
  </si>
  <si>
    <t>188003.0</t>
  </si>
  <si>
    <t>179880.0</t>
  </si>
  <si>
    <t>31998.0</t>
  </si>
  <si>
    <t>458728.0</t>
  </si>
  <si>
    <t>188038.0</t>
  </si>
  <si>
    <t>179938.0</t>
  </si>
  <si>
    <t>44758.0</t>
  </si>
  <si>
    <t>32001.0</t>
  </si>
  <si>
    <t>25621.0</t>
  </si>
  <si>
    <t>458943.0</t>
  </si>
  <si>
    <t>179960.0</t>
  </si>
  <si>
    <t>459073.0</t>
  </si>
  <si>
    <t>188078.0</t>
  </si>
  <si>
    <t>179961.0</t>
  </si>
  <si>
    <t>91034.0</t>
  </si>
  <si>
    <t>459318.0</t>
  </si>
  <si>
    <t>188104.0</t>
  </si>
  <si>
    <t>179994.0</t>
  </si>
  <si>
    <t>91220.0</t>
  </si>
  <si>
    <t>180038.0</t>
  </si>
  <si>
    <t>91558.0</t>
  </si>
  <si>
    <t>460164.0</t>
  </si>
  <si>
    <t>188188.0</t>
  </si>
  <si>
    <t>180065.0</t>
  </si>
  <si>
    <t>91911.0</t>
  </si>
  <si>
    <t>460435.0</t>
  </si>
  <si>
    <t>180083.0</t>
  </si>
  <si>
    <t>158.79</t>
  </si>
  <si>
    <t>460894.0</t>
  </si>
  <si>
    <t>92435.0</t>
  </si>
  <si>
    <t>461075.0</t>
  </si>
  <si>
    <t>188325.0</t>
  </si>
  <si>
    <t>180201.0</t>
  </si>
  <si>
    <t>92549.0</t>
  </si>
  <si>
    <t>159.01</t>
  </si>
  <si>
    <t>188346.0</t>
  </si>
  <si>
    <t>180239.0</t>
  </si>
  <si>
    <t>92685.0</t>
  </si>
  <si>
    <t>461504.0</t>
  </si>
  <si>
    <t>188380.0</t>
  </si>
  <si>
    <t>180313.0</t>
  </si>
  <si>
    <t>92811.0</t>
  </si>
  <si>
    <t>461709.0</t>
  </si>
  <si>
    <t>188411.0</t>
  </si>
  <si>
    <t>180351.0</t>
  </si>
  <si>
    <t>92947.0</t>
  </si>
  <si>
    <t>159.23</t>
  </si>
  <si>
    <t>462133.0</t>
  </si>
  <si>
    <t>188475.0</t>
  </si>
  <si>
    <t>180445.0</t>
  </si>
  <si>
    <t>93213.0</t>
  </si>
  <si>
    <t>462522.0</t>
  </si>
  <si>
    <t>188554.0</t>
  </si>
  <si>
    <t>93450.0</t>
  </si>
  <si>
    <t>469037.0</t>
  </si>
  <si>
    <t>191526.0</t>
  </si>
  <si>
    <t>183966.0</t>
  </si>
  <si>
    <t>93545.0</t>
  </si>
  <si>
    <t>469146.0</t>
  </si>
  <si>
    <t>191547.0</t>
  </si>
  <si>
    <t>183991.0</t>
  </si>
  <si>
    <t>93608.0</t>
  </si>
  <si>
    <t>469223.0</t>
  </si>
  <si>
    <t>93642.0</t>
  </si>
  <si>
    <t>469300.0</t>
  </si>
  <si>
    <t>191584.0</t>
  </si>
  <si>
    <t>184032.0</t>
  </si>
  <si>
    <t>469378.0</t>
  </si>
  <si>
    <t>191595.0</t>
  </si>
  <si>
    <t>184049.0</t>
  </si>
  <si>
    <t>161.88</t>
  </si>
  <si>
    <t>469516.0</t>
  </si>
  <si>
    <t>191613.0</t>
  </si>
  <si>
    <t>184081.0</t>
  </si>
  <si>
    <t>93822.0</t>
  </si>
  <si>
    <t>161.92</t>
  </si>
  <si>
    <t>469584.0</t>
  </si>
  <si>
    <t>191619.0</t>
  </si>
  <si>
    <t>184092.0</t>
  </si>
  <si>
    <t>93873.0</t>
  </si>
  <si>
    <t>191637.0</t>
  </si>
  <si>
    <t>184099.0</t>
  </si>
  <si>
    <t>93895.0</t>
  </si>
  <si>
    <t>469705.0</t>
  </si>
  <si>
    <t>191651.0</t>
  </si>
  <si>
    <t>184113.0</t>
  </si>
  <si>
    <t>93941.0</t>
  </si>
  <si>
    <t>469759.0</t>
  </si>
  <si>
    <t>191660.0</t>
  </si>
  <si>
    <t>184116.0</t>
  </si>
  <si>
    <t>93983.0</t>
  </si>
  <si>
    <t>469996.0</t>
  </si>
  <si>
    <t>191672.0</t>
  </si>
  <si>
    <t>184123.0</t>
  </si>
  <si>
    <t>94201.0</t>
  </si>
  <si>
    <t>478127.0</t>
  </si>
  <si>
    <t>184645.0</t>
  </si>
  <si>
    <t>101276.0</t>
  </si>
  <si>
    <t>NZL</t>
  </si>
  <si>
    <t>New Zealand</t>
  </si>
  <si>
    <t>-9.10267489430194</t>
  </si>
  <si>
    <t>-53.0</t>
  </si>
  <si>
    <t>-10.2212239279238</t>
  </si>
  <si>
    <t>-79.2</t>
  </si>
  <si>
    <t>-15.273979907388</t>
  </si>
  <si>
    <t>-15.7753984397012</t>
  </si>
  <si>
    <t>-101.8</t>
  </si>
  <si>
    <t>-19.63246407288</t>
  </si>
  <si>
    <t>6.395</t>
  </si>
  <si>
    <t>37166.0</t>
  </si>
  <si>
    <t>8.248</t>
  </si>
  <si>
    <t>-104.2</t>
  </si>
  <si>
    <t>-20.0953119488615</t>
  </si>
  <si>
    <t>45688.0</t>
  </si>
  <si>
    <t>12.257</t>
  </si>
  <si>
    <t>-14.9268440004019</t>
  </si>
  <si>
    <t>83953.0</t>
  </si>
  <si>
    <t>16.366</t>
  </si>
  <si>
    <t>86259.0</t>
  </si>
  <si>
    <t>16.816</t>
  </si>
  <si>
    <t>-13.4225884034622</t>
  </si>
  <si>
    <t>17.933</t>
  </si>
  <si>
    <t>99115.0</t>
  </si>
  <si>
    <t>105358.0</t>
  </si>
  <si>
    <t>20.539</t>
  </si>
  <si>
    <t>118541.0</t>
  </si>
  <si>
    <t>23.109</t>
  </si>
  <si>
    <t>123380.0</t>
  </si>
  <si>
    <t>24.052</t>
  </si>
  <si>
    <t>-15.6982571270377</t>
  </si>
  <si>
    <t>125414.0</t>
  </si>
  <si>
    <t>24.448</t>
  </si>
  <si>
    <t>130516.0</t>
  </si>
  <si>
    <t>135867.0</t>
  </si>
  <si>
    <t>26.486</t>
  </si>
  <si>
    <t>141341.0</t>
  </si>
  <si>
    <t>146994.0</t>
  </si>
  <si>
    <t>149797.0</t>
  </si>
  <si>
    <t>29.202</t>
  </si>
  <si>
    <t>-170.6</t>
  </si>
  <si>
    <t>-1.52</t>
  </si>
  <si>
    <t>-13.72</t>
  </si>
  <si>
    <t>-32.9007698510151</t>
  </si>
  <si>
    <t>156694.0</t>
  </si>
  <si>
    <t>163558.0</t>
  </si>
  <si>
    <t>31.884</t>
  </si>
  <si>
    <t>170840.0</t>
  </si>
  <si>
    <t>33.304</t>
  </si>
  <si>
    <t>178654.0</t>
  </si>
  <si>
    <t>187089.0</t>
  </si>
  <si>
    <t>36.472</t>
  </si>
  <si>
    <t>190524.0</t>
  </si>
  <si>
    <t>37.141</t>
  </si>
  <si>
    <t>-212.4</t>
  </si>
  <si>
    <t>-6.23</t>
  </si>
  <si>
    <t>-40.9620370243587</t>
  </si>
  <si>
    <t>197696.0</t>
  </si>
  <si>
    <t>205191.0</t>
  </si>
  <si>
    <t>212048.0</t>
  </si>
  <si>
    <t>41.337</t>
  </si>
  <si>
    <t>218630.0</t>
  </si>
  <si>
    <t>224410.0</t>
  </si>
  <si>
    <t>43.747</t>
  </si>
  <si>
    <t>226789.0</t>
  </si>
  <si>
    <t>44.513</t>
  </si>
  <si>
    <t>-47.634760569758</t>
  </si>
  <si>
    <t>233738.0</t>
  </si>
  <si>
    <t>239439.0</t>
  </si>
  <si>
    <t>46.677</t>
  </si>
  <si>
    <t>245079.0</t>
  </si>
  <si>
    <t>47.776</t>
  </si>
  <si>
    <t>250736.0</t>
  </si>
  <si>
    <t>48.879</t>
  </si>
  <si>
    <t>255463.0</t>
  </si>
  <si>
    <t>256935.0</t>
  </si>
  <si>
    <t>50.087</t>
  </si>
  <si>
    <t>258054.0</t>
  </si>
  <si>
    <t>50.306</t>
  </si>
  <si>
    <t>-314.6</t>
  </si>
  <si>
    <t>-60.6716424099023</t>
  </si>
  <si>
    <t>262482.0</t>
  </si>
  <si>
    <t>266499.0</t>
  </si>
  <si>
    <t>51.952</t>
  </si>
  <si>
    <t>273033.0</t>
  </si>
  <si>
    <t>53.226</t>
  </si>
  <si>
    <t>275446.0</t>
  </si>
  <si>
    <t>53.696</t>
  </si>
  <si>
    <t>276215.0</t>
  </si>
  <si>
    <t>53.846</t>
  </si>
  <si>
    <t>276392.0</t>
  </si>
  <si>
    <t>-411.0</t>
  </si>
  <si>
    <t>-13.78</t>
  </si>
  <si>
    <t>-79.2626987618241</t>
  </si>
  <si>
    <t>277063.0</t>
  </si>
  <si>
    <t>54.011</t>
  </si>
  <si>
    <t>278212.0</t>
  </si>
  <si>
    <t>54.235</t>
  </si>
  <si>
    <t>280932.0</t>
  </si>
  <si>
    <t>54.765</t>
  </si>
  <si>
    <t>55.295</t>
  </si>
  <si>
    <t>286642.0</t>
  </si>
  <si>
    <t>288718.0</t>
  </si>
  <si>
    <t>289512.0</t>
  </si>
  <si>
    <t>56.438</t>
  </si>
  <si>
    <t>-496.8</t>
  </si>
  <si>
    <t>-12.1</t>
  </si>
  <si>
    <t>-95.8095103281611</t>
  </si>
  <si>
    <t>290502.0</t>
  </si>
  <si>
    <t>56.631</t>
  </si>
  <si>
    <t>293143.0</t>
  </si>
  <si>
    <t>57.146</t>
  </si>
  <si>
    <t>296570.0</t>
  </si>
  <si>
    <t>299485.0</t>
  </si>
  <si>
    <t>58.382</t>
  </si>
  <si>
    <t>302419.0</t>
  </si>
  <si>
    <t>305663.0</t>
  </si>
  <si>
    <t>59.587</t>
  </si>
  <si>
    <t>-559.6</t>
  </si>
  <si>
    <t>-107.920696416342</t>
  </si>
  <si>
    <t>307123.0</t>
  </si>
  <si>
    <t>59.871</t>
  </si>
  <si>
    <t>60.567</t>
  </si>
  <si>
    <t>315522.0</t>
  </si>
  <si>
    <t>61.509</t>
  </si>
  <si>
    <t>321832.0</t>
  </si>
  <si>
    <t>62.739</t>
  </si>
  <si>
    <t>329536.0</t>
  </si>
  <si>
    <t>335594.0</t>
  </si>
  <si>
    <t>65.421</t>
  </si>
  <si>
    <t>339045.0</t>
  </si>
  <si>
    <t>66.094</t>
  </si>
  <si>
    <t>-637.6</t>
  </si>
  <si>
    <t>-10.83</t>
  </si>
  <si>
    <t>-122.96325238574</t>
  </si>
  <si>
    <t>343196.0</t>
  </si>
  <si>
    <t>66.903</t>
  </si>
  <si>
    <t>352164.0</t>
  </si>
  <si>
    <t>68.652</t>
  </si>
  <si>
    <t>362523.0</t>
  </si>
  <si>
    <t>70.671</t>
  </si>
  <si>
    <t>372529.0</t>
  </si>
  <si>
    <t>72.622</t>
  </si>
  <si>
    <t>74.394</t>
  </si>
  <si>
    <t>387085.0</t>
  </si>
  <si>
    <t>75.459</t>
  </si>
  <si>
    <t>389894.0</t>
  </si>
  <si>
    <t>76.007</t>
  </si>
  <si>
    <t>-731.8</t>
  </si>
  <si>
    <t>-141.130031518012</t>
  </si>
  <si>
    <t>391709.0</t>
  </si>
  <si>
    <t>396442.0</t>
  </si>
  <si>
    <t>77.283</t>
  </si>
  <si>
    <t>399846.0</t>
  </si>
  <si>
    <t>403574.0</t>
  </si>
  <si>
    <t>78.674</t>
  </si>
  <si>
    <t>405665.0</t>
  </si>
  <si>
    <t>79.081</t>
  </si>
  <si>
    <t>406252.0</t>
  </si>
  <si>
    <t>408863.0</t>
  </si>
  <si>
    <t>79.705</t>
  </si>
  <si>
    <t>-835.0</t>
  </si>
  <si>
    <t>-14.31</t>
  </si>
  <si>
    <t>-161.032490185214</t>
  </si>
  <si>
    <t>410713.0</t>
  </si>
  <si>
    <t>80.065</t>
  </si>
  <si>
    <t>412901.0</t>
  </si>
  <si>
    <t>80.492</t>
  </si>
  <si>
    <t>415904.0</t>
  </si>
  <si>
    <t>81.077</t>
  </si>
  <si>
    <t>81.597</t>
  </si>
  <si>
    <t>420671.0</t>
  </si>
  <si>
    <t>422392.0</t>
  </si>
  <si>
    <t>82.342</t>
  </si>
  <si>
    <t>423483.0</t>
  </si>
  <si>
    <t>-961.0</t>
  </si>
  <si>
    <t>-16.96</t>
  </si>
  <si>
    <t>-185.332003674241</t>
  </si>
  <si>
    <t>425017.0</t>
  </si>
  <si>
    <t>82.854</t>
  </si>
  <si>
    <t>427808.0</t>
  </si>
  <si>
    <t>430635.0</t>
  </si>
  <si>
    <t>83.949</t>
  </si>
  <si>
    <t>432986.0</t>
  </si>
  <si>
    <t>435561.0</t>
  </si>
  <si>
    <t>84.909</t>
  </si>
  <si>
    <t>436997.0</t>
  </si>
  <si>
    <t>85.189</t>
  </si>
  <si>
    <t>437701.0</t>
  </si>
  <si>
    <t>85.326</t>
  </si>
  <si>
    <t>-1027.2</t>
  </si>
  <si>
    <t>-8.72</t>
  </si>
  <si>
    <t>-198.098890920063</t>
  </si>
  <si>
    <t>438656.0</t>
  </si>
  <si>
    <t>85.513</t>
  </si>
  <si>
    <t>440852.0</t>
  </si>
  <si>
    <t>443218.0</t>
  </si>
  <si>
    <t>86.402</t>
  </si>
  <si>
    <t>445964.0</t>
  </si>
  <si>
    <t>86.937</t>
  </si>
  <si>
    <t>448358.0</t>
  </si>
  <si>
    <t>87.404</t>
  </si>
  <si>
    <t>450040.0</t>
  </si>
  <si>
    <t>87.732</t>
  </si>
  <si>
    <t>450685.0</t>
  </si>
  <si>
    <t>87.857</t>
  </si>
  <si>
    <t>-1112.8</t>
  </si>
  <si>
    <t>-5.63</t>
  </si>
  <si>
    <t>-11.14</t>
  </si>
  <si>
    <t>-214.607131830068</t>
  </si>
  <si>
    <t>452291.0</t>
  </si>
  <si>
    <t>88.171</t>
  </si>
  <si>
    <t>454692.0</t>
  </si>
  <si>
    <t>88.639</t>
  </si>
  <si>
    <t>457106.0</t>
  </si>
  <si>
    <t>464988.0</t>
  </si>
  <si>
    <t>466677.0</t>
  </si>
  <si>
    <t>90.975</t>
  </si>
  <si>
    <t>-1207.4</t>
  </si>
  <si>
    <t>-12.28</t>
  </si>
  <si>
    <t>-232.851052275003</t>
  </si>
  <si>
    <t>468379.0</t>
  </si>
  <si>
    <t>91.307</t>
  </si>
  <si>
    <t>472493.0</t>
  </si>
  <si>
    <t>92.109</t>
  </si>
  <si>
    <t>477382.0</t>
  </si>
  <si>
    <t>481452.0</t>
  </si>
  <si>
    <t>93.855</t>
  </si>
  <si>
    <t>484817.0</t>
  </si>
  <si>
    <t>94.511</t>
  </si>
  <si>
    <t>488907.0</t>
  </si>
  <si>
    <t>95.309</t>
  </si>
  <si>
    <t>491245.0</t>
  </si>
  <si>
    <t>-1339.6</t>
  </si>
  <si>
    <t>-6.29</t>
  </si>
  <si>
    <t>-17.05</t>
  </si>
  <si>
    <t>-258.346256110315</t>
  </si>
  <si>
    <t>492932.0</t>
  </si>
  <si>
    <t>96.093</t>
  </si>
  <si>
    <t>497096.0</t>
  </si>
  <si>
    <t>503074.0</t>
  </si>
  <si>
    <t>518727.0</t>
  </si>
  <si>
    <t>15653.0</t>
  </si>
  <si>
    <t>101.122</t>
  </si>
  <si>
    <t>542105.0</t>
  </si>
  <si>
    <t>105.679</t>
  </si>
  <si>
    <t>566096.0</t>
  </si>
  <si>
    <t>110.356</t>
  </si>
  <si>
    <t>591101.0</t>
  </si>
  <si>
    <t>115.23</t>
  </si>
  <si>
    <t>-1461.6</t>
  </si>
  <si>
    <t>-16.14</t>
  </si>
  <si>
    <t>-281.874356472706</t>
  </si>
  <si>
    <t>609537.0</t>
  </si>
  <si>
    <t>118.824</t>
  </si>
  <si>
    <t>123.249</t>
  </si>
  <si>
    <t>19306.0</t>
  </si>
  <si>
    <t>649834.0</t>
  </si>
  <si>
    <t>664496.0</t>
  </si>
  <si>
    <t>129.538</t>
  </si>
  <si>
    <t>676505.0</t>
  </si>
  <si>
    <t>131.879</t>
  </si>
  <si>
    <t>19200.0</t>
  </si>
  <si>
    <t>683776.0</t>
  </si>
  <si>
    <t>133.297</t>
  </si>
  <si>
    <t>688253.0</t>
  </si>
  <si>
    <t>134.169</t>
  </si>
  <si>
    <t>-1531.2</t>
  </si>
  <si>
    <t>-9.59</t>
  </si>
  <si>
    <t>-295.296944876168</t>
  </si>
  <si>
    <t>692447.0</t>
  </si>
  <si>
    <t>134.987</t>
  </si>
  <si>
    <t>700945.0</t>
  </si>
  <si>
    <t>136.644</t>
  </si>
  <si>
    <t>709731.0</t>
  </si>
  <si>
    <t>138.356</t>
  </si>
  <si>
    <t>720141.0</t>
  </si>
  <si>
    <t>140.386</t>
  </si>
  <si>
    <t>730319.0</t>
  </si>
  <si>
    <t>740819.0</t>
  </si>
  <si>
    <t>144.417</t>
  </si>
  <si>
    <t>747385.0</t>
  </si>
  <si>
    <t>145.697</t>
  </si>
  <si>
    <t>-1657.0</t>
  </si>
  <si>
    <t>-7.05</t>
  </si>
  <si>
    <t>-319.557887708862</t>
  </si>
  <si>
    <t>756324.0</t>
  </si>
  <si>
    <t>147.439</t>
  </si>
  <si>
    <t>767473.0</t>
  </si>
  <si>
    <t>149.613</t>
  </si>
  <si>
    <t>777996.0</t>
  </si>
  <si>
    <t>151.664</t>
  </si>
  <si>
    <t>787585.0</t>
  </si>
  <si>
    <t>153.533</t>
  </si>
  <si>
    <t>796445.0</t>
  </si>
  <si>
    <t>155.261</t>
  </si>
  <si>
    <t>804220.0</t>
  </si>
  <si>
    <t>156.776</t>
  </si>
  <si>
    <t>808219.0</t>
  </si>
  <si>
    <t>157.556</t>
  </si>
  <si>
    <t>-1729.4</t>
  </si>
  <si>
    <t>-10.31</t>
  </si>
  <si>
    <t>-333.52046530097</t>
  </si>
  <si>
    <t>812914.0</t>
  </si>
  <si>
    <t>158.471</t>
  </si>
  <si>
    <t>820930.0</t>
  </si>
  <si>
    <t>160.034</t>
  </si>
  <si>
    <t>828637.0</t>
  </si>
  <si>
    <t>161.536</t>
  </si>
  <si>
    <t>837188.0</t>
  </si>
  <si>
    <t>163.203</t>
  </si>
  <si>
    <t>846103.0</t>
  </si>
  <si>
    <t>164.941</t>
  </si>
  <si>
    <t>853588.0</t>
  </si>
  <si>
    <t>857450.0</t>
  </si>
  <si>
    <t>167.153</t>
  </si>
  <si>
    <t>-1828.8</t>
  </si>
  <si>
    <t>-352.690081497868</t>
  </si>
  <si>
    <t>861381.0</t>
  </si>
  <si>
    <t>167.919</t>
  </si>
  <si>
    <t>869979.0</t>
  </si>
  <si>
    <t>169.596</t>
  </si>
  <si>
    <t>878324.0</t>
  </si>
  <si>
    <t>171.222</t>
  </si>
  <si>
    <t>893811.0</t>
  </si>
  <si>
    <t>174.241</t>
  </si>
  <si>
    <t>899348.0</t>
  </si>
  <si>
    <t>175.321</t>
  </si>
  <si>
    <t>902715.0</t>
  </si>
  <si>
    <t>175.977</t>
  </si>
  <si>
    <t>-1934.6</t>
  </si>
  <si>
    <t>-373.093958697384</t>
  </si>
  <si>
    <t>906222.0</t>
  </si>
  <si>
    <t>176.661</t>
  </si>
  <si>
    <t>913064.0</t>
  </si>
  <si>
    <t>177.995</t>
  </si>
  <si>
    <t>919144.0</t>
  </si>
  <si>
    <t>925579.0</t>
  </si>
  <si>
    <t>180.434</t>
  </si>
  <si>
    <t>931454.0</t>
  </si>
  <si>
    <t>181.58</t>
  </si>
  <si>
    <t>936531.0</t>
  </si>
  <si>
    <t>182.569</t>
  </si>
  <si>
    <t>940143.0</t>
  </si>
  <si>
    <t>183.273</t>
  </si>
  <si>
    <t>-2009.8</t>
  </si>
  <si>
    <t>-10.96</t>
  </si>
  <si>
    <t>-387.596525478136</t>
  </si>
  <si>
    <t>943387.0</t>
  </si>
  <si>
    <t>183.906</t>
  </si>
  <si>
    <t>948382.0</t>
  </si>
  <si>
    <t>184.88</t>
  </si>
  <si>
    <t>953989.0</t>
  </si>
  <si>
    <t>185.973</t>
  </si>
  <si>
    <t>958738.0</t>
  </si>
  <si>
    <t>186.898</t>
  </si>
  <si>
    <t>965097.0</t>
  </si>
  <si>
    <t>188.138</t>
  </si>
  <si>
    <t>969107.0</t>
  </si>
  <si>
    <t>188.92</t>
  </si>
  <si>
    <t>189.423</t>
  </si>
  <si>
    <t>-2041.0</t>
  </si>
  <si>
    <t>-393.613547865895</t>
  </si>
  <si>
    <t>974724.0</t>
  </si>
  <si>
    <t>190.015</t>
  </si>
  <si>
    <t>980393.0</t>
  </si>
  <si>
    <t>986545.0</t>
  </si>
  <si>
    <t>192.319</t>
  </si>
  <si>
    <t>992142.0</t>
  </si>
  <si>
    <t>193.41</t>
  </si>
  <si>
    <t>996956.0</t>
  </si>
  <si>
    <t>194.349</t>
  </si>
  <si>
    <t>1000765.0</t>
  </si>
  <si>
    <t>195.091</t>
  </si>
  <si>
    <t>1002791.0</t>
  </si>
  <si>
    <t>195.486</t>
  </si>
  <si>
    <t>-2127.8</t>
  </si>
  <si>
    <t>-12.47</t>
  </si>
  <si>
    <t>-410.353212713891</t>
  </si>
  <si>
    <t>1005808.0</t>
  </si>
  <si>
    <t>196.074</t>
  </si>
  <si>
    <t>1011657.0</t>
  </si>
  <si>
    <t>197.215</t>
  </si>
  <si>
    <t>1016853.0</t>
  </si>
  <si>
    <t>198.227</t>
  </si>
  <si>
    <t>1021931.0</t>
  </si>
  <si>
    <t>199.217</t>
  </si>
  <si>
    <t>1026725.0</t>
  </si>
  <si>
    <t>200.152</t>
  </si>
  <si>
    <t>1030115.0</t>
  </si>
  <si>
    <t>1031888.0</t>
  </si>
  <si>
    <t>201.158</t>
  </si>
  <si>
    <t>-2166.0</t>
  </si>
  <si>
    <t>-7.64</t>
  </si>
  <si>
    <t>-417.720208073263</t>
  </si>
  <si>
    <t>1034603.0</t>
  </si>
  <si>
    <t>201.688</t>
  </si>
  <si>
    <t>1040911.0</t>
  </si>
  <si>
    <t>202.917</t>
  </si>
  <si>
    <t>1047994.0</t>
  </si>
  <si>
    <t>204.298</t>
  </si>
  <si>
    <t>1054047.0</t>
  </si>
  <si>
    <t>205.478</t>
  </si>
  <si>
    <t>1061747.0</t>
  </si>
  <si>
    <t>206.979</t>
  </si>
  <si>
    <t>1067143.0</t>
  </si>
  <si>
    <t>208.031</t>
  </si>
  <si>
    <t>1070181.0</t>
  </si>
  <si>
    <t>208.623</t>
  </si>
  <si>
    <t>-2130.6</t>
  </si>
  <si>
    <t>-410.893201902536</t>
  </si>
  <si>
    <t>1072492.0</t>
  </si>
  <si>
    <t>209.074</t>
  </si>
  <si>
    <t>1075827.0</t>
  </si>
  <si>
    <t>209.724</t>
  </si>
  <si>
    <t>1083230.0</t>
  </si>
  <si>
    <t>211.167</t>
  </si>
  <si>
    <t>1090702.0</t>
  </si>
  <si>
    <t>212.624</t>
  </si>
  <si>
    <t>1096666.0</t>
  </si>
  <si>
    <t>213.786</t>
  </si>
  <si>
    <t>1101067.0</t>
  </si>
  <si>
    <t>214.644</t>
  </si>
  <si>
    <t>1104113.0</t>
  </si>
  <si>
    <t>-2204.8</t>
  </si>
  <si>
    <t>-7.43</t>
  </si>
  <si>
    <t>-11.27</t>
  </si>
  <si>
    <t>-425.202915401629</t>
  </si>
  <si>
    <t>1106568.0</t>
  </si>
  <si>
    <t>215.717</t>
  </si>
  <si>
    <t>1113739.0</t>
  </si>
  <si>
    <t>217.115</t>
  </si>
  <si>
    <t>1126986.0</t>
  </si>
  <si>
    <t>219.697</t>
  </si>
  <si>
    <t>1132820.0</t>
  </si>
  <si>
    <t>220.834</t>
  </si>
  <si>
    <t>1136936.0</t>
  </si>
  <si>
    <t>221.637</t>
  </si>
  <si>
    <t>-2224.2</t>
  </si>
  <si>
    <t>-428.944269065813</t>
  </si>
  <si>
    <t>1139978.0</t>
  </si>
  <si>
    <t>1142938.0</t>
  </si>
  <si>
    <t>222.807</t>
  </si>
  <si>
    <t>1148933.0</t>
  </si>
  <si>
    <t>223.975</t>
  </si>
  <si>
    <t>1155514.0</t>
  </si>
  <si>
    <t>225.258</t>
  </si>
  <si>
    <t>1162740.0</t>
  </si>
  <si>
    <t>226.667</t>
  </si>
  <si>
    <t>1169062.0</t>
  </si>
  <si>
    <t>227.899</t>
  </si>
  <si>
    <t>1179587.0</t>
  </si>
  <si>
    <t>229.951</t>
  </si>
  <si>
    <t>-2265.2</t>
  </si>
  <si>
    <t>-436.851253613829</t>
  </si>
  <si>
    <t>1184885.0</t>
  </si>
  <si>
    <t>230.984</t>
  </si>
  <si>
    <t>1191034.0</t>
  </si>
  <si>
    <t>232.183</t>
  </si>
  <si>
    <t>1199426.0</t>
  </si>
  <si>
    <t>233.819</t>
  </si>
  <si>
    <t>1208091.0</t>
  </si>
  <si>
    <t>1217383.0</t>
  </si>
  <si>
    <t>237.319</t>
  </si>
  <si>
    <t>1224397.0</t>
  </si>
  <si>
    <t>238.687</t>
  </si>
  <si>
    <t>1230901.0</t>
  </si>
  <si>
    <t>239.954</t>
  </si>
  <si>
    <t>-2302.8</t>
  </si>
  <si>
    <t>-7.29</t>
  </si>
  <si>
    <t>-444.102537004205</t>
  </si>
  <si>
    <t>1234175.0</t>
  </si>
  <si>
    <t>240.593</t>
  </si>
  <si>
    <t>1237736.0</t>
  </si>
  <si>
    <t>241.287</t>
  </si>
  <si>
    <t>1243518.0</t>
  </si>
  <si>
    <t>242.414</t>
  </si>
  <si>
    <t>1252601.0</t>
  </si>
  <si>
    <t>244.185</t>
  </si>
  <si>
    <t>1260055.0</t>
  </si>
  <si>
    <t>245.638</t>
  </si>
  <si>
    <t>1266944.0</t>
  </si>
  <si>
    <t>246.981</t>
  </si>
  <si>
    <t>-2280.4</t>
  </si>
  <si>
    <t>-439.782623495045</t>
  </si>
  <si>
    <t>1275525.0</t>
  </si>
  <si>
    <t>248.654</t>
  </si>
  <si>
    <t>1278690.0</t>
  </si>
  <si>
    <t>249.271</t>
  </si>
  <si>
    <t>1285766.0</t>
  </si>
  <si>
    <t>250.65</t>
  </si>
  <si>
    <t>1291609.0</t>
  </si>
  <si>
    <t>251.789</t>
  </si>
  <si>
    <t>1298455.0</t>
  </si>
  <si>
    <t>253.124</t>
  </si>
  <si>
    <t>1304502.0</t>
  </si>
  <si>
    <t>254.302</t>
  </si>
  <si>
    <t>1309992.0</t>
  </si>
  <si>
    <t>255.373</t>
  </si>
  <si>
    <t>-2252.6</t>
  </si>
  <si>
    <t>-434.421302264927</t>
  </si>
  <si>
    <t>1312307.0</t>
  </si>
  <si>
    <t>255.824</t>
  </si>
  <si>
    <t>1315201.0</t>
  </si>
  <si>
    <t>256.388</t>
  </si>
  <si>
    <t>1321598.0</t>
  </si>
  <si>
    <t>257.635</t>
  </si>
  <si>
    <t>1332470.0</t>
  </si>
  <si>
    <t>259.755</t>
  </si>
  <si>
    <t>1341978.0</t>
  </si>
  <si>
    <t>261.608</t>
  </si>
  <si>
    <t>-2253.4</t>
  </si>
  <si>
    <t>-6.73</t>
  </si>
  <si>
    <t>-434.575584890254</t>
  </si>
  <si>
    <t>1344192.0</t>
  </si>
  <si>
    <t>262.04</t>
  </si>
  <si>
    <t>1352462.0</t>
  </si>
  <si>
    <t>263.652</t>
  </si>
  <si>
    <t>1363124.0</t>
  </si>
  <si>
    <t>265.73</t>
  </si>
  <si>
    <t>1371889.0</t>
  </si>
  <si>
    <t>267.439</t>
  </si>
  <si>
    <t>-2205.0</t>
  </si>
  <si>
    <t>-425.241486057961</t>
  </si>
  <si>
    <t>1374050.0</t>
  </si>
  <si>
    <t>1381545.0</t>
  </si>
  <si>
    <t>269.321</t>
  </si>
  <si>
    <t>1394812.0</t>
  </si>
  <si>
    <t>271.908</t>
  </si>
  <si>
    <t>1398932.0</t>
  </si>
  <si>
    <t>272.711</t>
  </si>
  <si>
    <t>1405854.0</t>
  </si>
  <si>
    <t>274.06</t>
  </si>
  <si>
    <t>1414422.0</t>
  </si>
  <si>
    <t>275.73</t>
  </si>
  <si>
    <t>-2154.6</t>
  </si>
  <si>
    <t>-415.521680662351</t>
  </si>
  <si>
    <t>1419361.0</t>
  </si>
  <si>
    <t>276.693</t>
  </si>
  <si>
    <t>1426787.0</t>
  </si>
  <si>
    <t>278.141</t>
  </si>
  <si>
    <t>1438446.0</t>
  </si>
  <si>
    <t>280.414</t>
  </si>
  <si>
    <t>-2107.3</t>
  </si>
  <si>
    <t>-406.399720439883</t>
  </si>
  <si>
    <t>1441163.0</t>
  </si>
  <si>
    <t>280.943</t>
  </si>
  <si>
    <t>1448199.0</t>
  </si>
  <si>
    <t>282.315</t>
  </si>
  <si>
    <t>1457076.0</t>
  </si>
  <si>
    <t>284.045</t>
  </si>
  <si>
    <t>1463890.0</t>
  </si>
  <si>
    <t>285.374</t>
  </si>
  <si>
    <t>-2116.6</t>
  </si>
  <si>
    <t>-408.193255959311</t>
  </si>
  <si>
    <t>1465758.0</t>
  </si>
  <si>
    <t>285.738</t>
  </si>
  <si>
    <t>1472326.0</t>
  </si>
  <si>
    <t>287.018</t>
  </si>
  <si>
    <t>1480691.0</t>
  </si>
  <si>
    <t>288.649</t>
  </si>
  <si>
    <t>1487234.0</t>
  </si>
  <si>
    <t>289.925</t>
  </si>
  <si>
    <t>-2084.3</t>
  </si>
  <si>
    <t>-401.964094961727</t>
  </si>
  <si>
    <t>1489913.0</t>
  </si>
  <si>
    <t>290.447</t>
  </si>
  <si>
    <t>1493495.0</t>
  </si>
  <si>
    <t>291.145</t>
  </si>
  <si>
    <t>1504309.0</t>
  </si>
  <si>
    <t>293.253</t>
  </si>
  <si>
    <t>1512616.0</t>
  </si>
  <si>
    <t>294.873</t>
  </si>
  <si>
    <t>1518737.0</t>
  </si>
  <si>
    <t>296.066</t>
  </si>
  <si>
    <t>1526608.0</t>
  </si>
  <si>
    <t>297.6</t>
  </si>
  <si>
    <t>1532275.0</t>
  </si>
  <si>
    <t>298.705</t>
  </si>
  <si>
    <t>-2118.0</t>
  </si>
  <si>
    <t>-408.463250553633</t>
  </si>
  <si>
    <t>1535292.0</t>
  </si>
  <si>
    <t>299.293</t>
  </si>
  <si>
    <t>1537594.0</t>
  </si>
  <si>
    <t>299.742</t>
  </si>
  <si>
    <t>1541701.0</t>
  </si>
  <si>
    <t>300.542</t>
  </si>
  <si>
    <t>1546832.0</t>
  </si>
  <si>
    <t>301.543</t>
  </si>
  <si>
    <t>1551707.0</t>
  </si>
  <si>
    <t>302.493</t>
  </si>
  <si>
    <t>-2101.3</t>
  </si>
  <si>
    <t>-405.242600749929</t>
  </si>
  <si>
    <t>1562891.0</t>
  </si>
  <si>
    <t>304.673</t>
  </si>
  <si>
    <t>1573692.0</t>
  </si>
  <si>
    <t>306.779</t>
  </si>
  <si>
    <t>1578782.0</t>
  </si>
  <si>
    <t>307.771</t>
  </si>
  <si>
    <t>1586816.0</t>
  </si>
  <si>
    <t>309.337</t>
  </si>
  <si>
    <t>-2073.6</t>
  </si>
  <si>
    <t>-399.900564847977</t>
  </si>
  <si>
    <t>1589949.0</t>
  </si>
  <si>
    <t>309.948</t>
  </si>
  <si>
    <t>1595770.0</t>
  </si>
  <si>
    <t>311.083</t>
  </si>
  <si>
    <t>1613211.0</t>
  </si>
  <si>
    <t>1629853.0</t>
  </si>
  <si>
    <t>317.727</t>
  </si>
  <si>
    <t>1640686.0</t>
  </si>
  <si>
    <t>319.839</t>
  </si>
  <si>
    <t>1651035.0</t>
  </si>
  <si>
    <t>321.856</t>
  </si>
  <si>
    <t>1658429.0</t>
  </si>
  <si>
    <t>323.298</t>
  </si>
  <si>
    <t>-2087.9</t>
  </si>
  <si>
    <t>-402.6583667757</t>
  </si>
  <si>
    <t>1662321.0</t>
  </si>
  <si>
    <t>324.056</t>
  </si>
  <si>
    <t>1666446.0</t>
  </si>
  <si>
    <t>324.86</t>
  </si>
  <si>
    <t>1674282.0</t>
  </si>
  <si>
    <t>326.388</t>
  </si>
  <si>
    <t>1683551.0</t>
  </si>
  <si>
    <t>328.195</t>
  </si>
  <si>
    <t>1693679.0</t>
  </si>
  <si>
    <t>330.169</t>
  </si>
  <si>
    <t>1701362.0</t>
  </si>
  <si>
    <t>331.667</t>
  </si>
  <si>
    <t>1707380.0</t>
  </si>
  <si>
    <t>332.84</t>
  </si>
  <si>
    <t>-2106.0</t>
  </si>
  <si>
    <t>-406.149011173726</t>
  </si>
  <si>
    <t>1712029.0</t>
  </si>
  <si>
    <t>333.747</t>
  </si>
  <si>
    <t>1720909.0</t>
  </si>
  <si>
    <t>335.478</t>
  </si>
  <si>
    <t>1736931.0</t>
  </si>
  <si>
    <t>338.601</t>
  </si>
  <si>
    <t>1751605.0</t>
  </si>
  <si>
    <t>341.462</t>
  </si>
  <si>
    <t>1763008.0</t>
  </si>
  <si>
    <t>343.684</t>
  </si>
  <si>
    <t>1772480.0</t>
  </si>
  <si>
    <t>345.531</t>
  </si>
  <si>
    <t>1779213.0</t>
  </si>
  <si>
    <t>346.844</t>
  </si>
  <si>
    <t>-2094.7</t>
  </si>
  <si>
    <t>-5.11</t>
  </si>
  <si>
    <t>-403.96976909098</t>
  </si>
  <si>
    <t>1783178.0</t>
  </si>
  <si>
    <t>347.616</t>
  </si>
  <si>
    <t>1808406.0</t>
  </si>
  <si>
    <t>352.534</t>
  </si>
  <si>
    <t>-2106.6</t>
  </si>
  <si>
    <t>-406.264723142722</t>
  </si>
  <si>
    <t>1821426.0</t>
  </si>
  <si>
    <t>355.073</t>
  </si>
  <si>
    <t>29219.0</t>
  </si>
  <si>
    <t>31287.0</t>
  </si>
  <si>
    <t>1840473.0</t>
  </si>
  <si>
    <t>358.786</t>
  </si>
  <si>
    <t>33752.0</t>
  </si>
  <si>
    <t>31611.0</t>
  </si>
  <si>
    <t>32165.0</t>
  </si>
  <si>
    <t>33108.0</t>
  </si>
  <si>
    <t>-2116.9</t>
  </si>
  <si>
    <t>-408.251111943809</t>
  </si>
  <si>
    <t>1852557.0</t>
  </si>
  <si>
    <t>361.141</t>
  </si>
  <si>
    <t>34143.0</t>
  </si>
  <si>
    <t>1855315.0</t>
  </si>
  <si>
    <t>361.679</t>
  </si>
  <si>
    <t>41561.0</t>
  </si>
  <si>
    <t>45120.0</t>
  </si>
  <si>
    <t>37702.0</t>
  </si>
  <si>
    <t>1867966.0</t>
  </si>
  <si>
    <t>39524.0</t>
  </si>
  <si>
    <t>1875086.0</t>
  </si>
  <si>
    <t>365.533</t>
  </si>
  <si>
    <t>53143.0</t>
  </si>
  <si>
    <t>42901.0</t>
  </si>
  <si>
    <t>1880007.0</t>
  </si>
  <si>
    <t>366.493</t>
  </si>
  <si>
    <t>1884329.0</t>
  </si>
  <si>
    <t>367.335</t>
  </si>
  <si>
    <t>44746.0</t>
  </si>
  <si>
    <t>-2113.6</t>
  </si>
  <si>
    <t>-407.614696114334</t>
  </si>
  <si>
    <t>1887079.0</t>
  </si>
  <si>
    <t>367.871</t>
  </si>
  <si>
    <t>1890809.0</t>
  </si>
  <si>
    <t>66958.0</t>
  </si>
  <si>
    <t>1896964.0</t>
  </si>
  <si>
    <t>369.798</t>
  </si>
  <si>
    <t>73759.0</t>
  </si>
  <si>
    <t>1902915.0</t>
  </si>
  <si>
    <t>370.958</t>
  </si>
  <si>
    <t>80214.0</t>
  </si>
  <si>
    <t>82234.0</t>
  </si>
  <si>
    <t>65101.0</t>
  </si>
  <si>
    <t>17132.0</t>
  </si>
  <si>
    <t>83982.0</t>
  </si>
  <si>
    <t>66514.0</t>
  </si>
  <si>
    <t>1913487.0</t>
  </si>
  <si>
    <t>373.019</t>
  </si>
  <si>
    <t>-2080.7</t>
  </si>
  <si>
    <t>-401.269823147755</t>
  </si>
  <si>
    <t>68197.0</t>
  </si>
  <si>
    <t>1917574.0</t>
  </si>
  <si>
    <t>373.816</t>
  </si>
  <si>
    <t>91114.0</t>
  </si>
  <si>
    <t>71716.0</t>
  </si>
  <si>
    <t>1920966.0</t>
  </si>
  <si>
    <t>374.477</t>
  </si>
  <si>
    <t>98386.0</t>
  </si>
  <si>
    <t>76839.0</t>
  </si>
  <si>
    <t>375.773</t>
  </si>
  <si>
    <t>106620.0</t>
  </si>
  <si>
    <t>113978.0</t>
  </si>
  <si>
    <t>88730.0</t>
  </si>
  <si>
    <t>25247.0</t>
  </si>
  <si>
    <t>1937821.0</t>
  </si>
  <si>
    <t>377.763</t>
  </si>
  <si>
    <t>117938.0</t>
  </si>
  <si>
    <t>91998.0</t>
  </si>
  <si>
    <t>1942141.0</t>
  </si>
  <si>
    <t>378.605</t>
  </si>
  <si>
    <t>121499.0</t>
  </si>
  <si>
    <t>94478.0</t>
  </si>
  <si>
    <t>-2093.2</t>
  </si>
  <si>
    <t>-403.680489168492</t>
  </si>
  <si>
    <t>1944883.0</t>
  </si>
  <si>
    <t>379.14</t>
  </si>
  <si>
    <t>129269.0</t>
  </si>
  <si>
    <t>28745.0</t>
  </si>
  <si>
    <t>1948223.0</t>
  </si>
  <si>
    <t>379.791</t>
  </si>
  <si>
    <t>137708.0</t>
  </si>
  <si>
    <t>107334.0</t>
  </si>
  <si>
    <t>30372.0</t>
  </si>
  <si>
    <t>1953823.0</t>
  </si>
  <si>
    <t>380.882</t>
  </si>
  <si>
    <t>113967.0</t>
  </si>
  <si>
    <t>1959282.0</t>
  </si>
  <si>
    <t>381.947</t>
  </si>
  <si>
    <t>120859.0</t>
  </si>
  <si>
    <t>1963982.0</t>
  </si>
  <si>
    <t>382.863</t>
  </si>
  <si>
    <t>127728.0</t>
  </si>
  <si>
    <t>169155.0</t>
  </si>
  <si>
    <t>171227.0</t>
  </si>
  <si>
    <t>-2101.5</t>
  </si>
  <si>
    <t>-4.69</t>
  </si>
  <si>
    <t>-405.281171406261</t>
  </si>
  <si>
    <t>1974755.0</t>
  </si>
  <si>
    <t>384.963</t>
  </si>
  <si>
    <t>178359.0</t>
  </si>
  <si>
    <t>138195.0</t>
  </si>
  <si>
    <t>1978011.0</t>
  </si>
  <si>
    <t>385.598</t>
  </si>
  <si>
    <t>187444.0</t>
  </si>
  <si>
    <t>144293.0</t>
  </si>
  <si>
    <t>1982784.0</t>
  </si>
  <si>
    <t>386.528</t>
  </si>
  <si>
    <t>197633.0</t>
  </si>
  <si>
    <t>151050.0</t>
  </si>
  <si>
    <t>46581.0</t>
  </si>
  <si>
    <t>1987958.0</t>
  </si>
  <si>
    <t>387.537</t>
  </si>
  <si>
    <t>157589.0</t>
  </si>
  <si>
    <t>50464.0</t>
  </si>
  <si>
    <t>1992707.0</t>
  </si>
  <si>
    <t>388.463</t>
  </si>
  <si>
    <t>219751.0</t>
  </si>
  <si>
    <t>165738.0</t>
  </si>
  <si>
    <t>54011.0</t>
  </si>
  <si>
    <t>1997219.0</t>
  </si>
  <si>
    <t>389.342</t>
  </si>
  <si>
    <t>169013.0</t>
  </si>
  <si>
    <t>55393.0</t>
  </si>
  <si>
    <t>2000842.0</t>
  </si>
  <si>
    <t>390.048</t>
  </si>
  <si>
    <t>170485.0</t>
  </si>
  <si>
    <t>-2130.8</t>
  </si>
  <si>
    <t>-410.931772558868</t>
  </si>
  <si>
    <t>229042.0</t>
  </si>
  <si>
    <t>171874.0</t>
  </si>
  <si>
    <t>57166.0</t>
  </si>
  <si>
    <t>2004818.0</t>
  </si>
  <si>
    <t>390.823</t>
  </si>
  <si>
    <t>239056.0</t>
  </si>
  <si>
    <t>178675.0</t>
  </si>
  <si>
    <t>2008199.0</t>
  </si>
  <si>
    <t>391.483</t>
  </si>
  <si>
    <t>250033.0</t>
  </si>
  <si>
    <t>185978.0</t>
  </si>
  <si>
    <t>64053.0</t>
  </si>
  <si>
    <t>2013539.0</t>
  </si>
  <si>
    <t>392.524</t>
  </si>
  <si>
    <t>262517.0</t>
  </si>
  <si>
    <t>193504.0</t>
  </si>
  <si>
    <t>69011.0</t>
  </si>
  <si>
    <t>2018845.0</t>
  </si>
  <si>
    <t>393.558</t>
  </si>
  <si>
    <t>275928.0</t>
  </si>
  <si>
    <t>201879.0</t>
  </si>
  <si>
    <t>281410.0</t>
  </si>
  <si>
    <t>205369.0</t>
  </si>
  <si>
    <t>76039.0</t>
  </si>
  <si>
    <t>2026948.0</t>
  </si>
  <si>
    <t>395.138</t>
  </si>
  <si>
    <t>284955.0</t>
  </si>
  <si>
    <t>77960.0</t>
  </si>
  <si>
    <t>-2101.7</t>
  </si>
  <si>
    <t>-405.319742062593</t>
  </si>
  <si>
    <t>2029196.0</t>
  </si>
  <si>
    <t>395.576</t>
  </si>
  <si>
    <t>295696.0</t>
  </si>
  <si>
    <t>213244.0</t>
  </si>
  <si>
    <t>82450.0</t>
  </si>
  <si>
    <t>2031925.0</t>
  </si>
  <si>
    <t>396.108</t>
  </si>
  <si>
    <t>309343.0</t>
  </si>
  <si>
    <t>87753.0</t>
  </si>
  <si>
    <t>2037349.0</t>
  </si>
  <si>
    <t>397.165</t>
  </si>
  <si>
    <t>230797.0</t>
  </si>
  <si>
    <t>93313.0</t>
  </si>
  <si>
    <t>339145.0</t>
  </si>
  <si>
    <t>239997.0</t>
  </si>
  <si>
    <t>2046919.0</t>
  </si>
  <si>
    <t>356038.0</t>
  </si>
  <si>
    <t>250132.0</t>
  </si>
  <si>
    <t>105904.0</t>
  </si>
  <si>
    <t>2051603.0</t>
  </si>
  <si>
    <t>399.944</t>
  </si>
  <si>
    <t>363297.0</t>
  </si>
  <si>
    <t>254535.0</t>
  </si>
  <si>
    <t>2054651.0</t>
  </si>
  <si>
    <t>400.538</t>
  </si>
  <si>
    <t>366647.0</t>
  </si>
  <si>
    <t>256268.0</t>
  </si>
  <si>
    <t>-2109.0</t>
  </si>
  <si>
    <t>-406.727571018703</t>
  </si>
  <si>
    <t>2056987.0</t>
  </si>
  <si>
    <t>400.993</t>
  </si>
  <si>
    <t>378652.0</t>
  </si>
  <si>
    <t>263152.0</t>
  </si>
  <si>
    <t>115498.0</t>
  </si>
  <si>
    <t>2059727.0</t>
  </si>
  <si>
    <t>401.528</t>
  </si>
  <si>
    <t>393777.0</t>
  </si>
  <si>
    <t>272375.0</t>
  </si>
  <si>
    <t>2064910.0</t>
  </si>
  <si>
    <t>402.538</t>
  </si>
  <si>
    <t>409072.0</t>
  </si>
  <si>
    <t>281897.0</t>
  </si>
  <si>
    <t>2069812.0</t>
  </si>
  <si>
    <t>403.494</t>
  </si>
  <si>
    <t>291675.0</t>
  </si>
  <si>
    <t>133190.0</t>
  </si>
  <si>
    <t>2073522.0</t>
  </si>
  <si>
    <t>404.217</t>
  </si>
  <si>
    <t>440942.0</t>
  </si>
  <si>
    <t>300632.0</t>
  </si>
  <si>
    <t>140308.0</t>
  </si>
  <si>
    <t>447179.0</t>
  </si>
  <si>
    <t>304051.0</t>
  </si>
  <si>
    <t>143126.0</t>
  </si>
  <si>
    <t>2080353.0</t>
  </si>
  <si>
    <t>405.548</t>
  </si>
  <si>
    <t>451401.0</t>
  </si>
  <si>
    <t>306465.0</t>
  </si>
  <si>
    <t>144934.0</t>
  </si>
  <si>
    <t>-2154.9</t>
  </si>
  <si>
    <t>-4.54</t>
  </si>
  <si>
    <t>-415.579536646849</t>
  </si>
  <si>
    <t>2082570.0</t>
  </si>
  <si>
    <t>405.981</t>
  </si>
  <si>
    <t>313759.0</t>
  </si>
  <si>
    <t>148692.0</t>
  </si>
  <si>
    <t>2085298.0</t>
  </si>
  <si>
    <t>406.512</t>
  </si>
  <si>
    <t>323033.0</t>
  </si>
  <si>
    <t>154211.0</t>
  </si>
  <si>
    <t>2090622.0</t>
  </si>
  <si>
    <t>407.55</t>
  </si>
  <si>
    <t>492708.0</t>
  </si>
  <si>
    <t>160613.0</t>
  </si>
  <si>
    <t>2095421.0</t>
  </si>
  <si>
    <t>408.486</t>
  </si>
  <si>
    <t>508189.0</t>
  </si>
  <si>
    <t>340820.0</t>
  </si>
  <si>
    <t>167366.0</t>
  </si>
  <si>
    <t>2100168.0</t>
  </si>
  <si>
    <t>409.411</t>
  </si>
  <si>
    <t>523753.0</t>
  </si>
  <si>
    <t>349083.0</t>
  </si>
  <si>
    <t>174667.0</t>
  </si>
  <si>
    <t>15564.0</t>
  </si>
  <si>
    <t>531727.0</t>
  </si>
  <si>
    <t>353490.0</t>
  </si>
  <si>
    <t>2106971.0</t>
  </si>
  <si>
    <t>410.737</t>
  </si>
  <si>
    <t>535538.0</t>
  </si>
  <si>
    <t>355755.0</t>
  </si>
  <si>
    <t>179778.0</t>
  </si>
  <si>
    <t>-2139.6</t>
  </si>
  <si>
    <t>-412.628881437467</t>
  </si>
  <si>
    <t>2108952.0</t>
  </si>
  <si>
    <t>411.124</t>
  </si>
  <si>
    <t>548544.0</t>
  </si>
  <si>
    <t>185553.0</t>
  </si>
  <si>
    <t>2111902.0</t>
  </si>
  <si>
    <t>411.699</t>
  </si>
  <si>
    <t>565872.0</t>
  </si>
  <si>
    <t>372829.0</t>
  </si>
  <si>
    <t>193038.0</t>
  </si>
  <si>
    <t>2116680.0</t>
  </si>
  <si>
    <t>412.63</t>
  </si>
  <si>
    <t>584597.0</t>
  </si>
  <si>
    <t>383785.0</t>
  </si>
  <si>
    <t>200807.0</t>
  </si>
  <si>
    <t>13127.0</t>
  </si>
  <si>
    <t>2121676.0</t>
  </si>
  <si>
    <t>413.604</t>
  </si>
  <si>
    <t>601496.0</t>
  </si>
  <si>
    <t>393653.0</t>
  </si>
  <si>
    <t>207838.0</t>
  </si>
  <si>
    <t>13330.0</t>
  </si>
  <si>
    <t>2126807.0</t>
  </si>
  <si>
    <t>414.604</t>
  </si>
  <si>
    <t>622192.0</t>
  </si>
  <si>
    <t>404479.0</t>
  </si>
  <si>
    <t>217708.0</t>
  </si>
  <si>
    <t>632430.0</t>
  </si>
  <si>
    <t>410420.0</t>
  </si>
  <si>
    <t>2137414.0</t>
  </si>
  <si>
    <t>416.672</t>
  </si>
  <si>
    <t>637636.0</t>
  </si>
  <si>
    <t>413742.0</t>
  </si>
  <si>
    <t>223889.0</t>
  </si>
  <si>
    <t>-2170.3</t>
  </si>
  <si>
    <t>-418.549477184396</t>
  </si>
  <si>
    <t>2140339.0</t>
  </si>
  <si>
    <t>417.242</t>
  </si>
  <si>
    <t>652107.0</t>
  </si>
  <si>
    <t>422643.0</t>
  </si>
  <si>
    <t>229458.0</t>
  </si>
  <si>
    <t>2143395.0</t>
  </si>
  <si>
    <t>417.838</t>
  </si>
  <si>
    <t>672053.0</t>
  </si>
  <si>
    <t>434662.0</t>
  </si>
  <si>
    <t>237384.0</t>
  </si>
  <si>
    <t>2149014.0</t>
  </si>
  <si>
    <t>418.933</t>
  </si>
  <si>
    <t>693036.0</t>
  </si>
  <si>
    <t>447222.0</t>
  </si>
  <si>
    <t>245805.0</t>
  </si>
  <si>
    <t>2154931.0</t>
  </si>
  <si>
    <t>420.087</t>
  </si>
  <si>
    <t>716204.0</t>
  </si>
  <si>
    <t>461357.0</t>
  </si>
  <si>
    <t>254836.0</t>
  </si>
  <si>
    <t>2159702.0</t>
  </si>
  <si>
    <t>421.017</t>
  </si>
  <si>
    <t>736658.0</t>
  </si>
  <si>
    <t>473454.0</t>
  </si>
  <si>
    <t>263193.0</t>
  </si>
  <si>
    <t>746208.0</t>
  </si>
  <si>
    <t>479653.0</t>
  </si>
  <si>
    <t>266544.0</t>
  </si>
  <si>
    <t>2167929.0</t>
  </si>
  <si>
    <t>422.621</t>
  </si>
  <si>
    <t>751424.0</t>
  </si>
  <si>
    <t>483186.0</t>
  </si>
  <si>
    <t>-2200.8</t>
  </si>
  <si>
    <t>-424.431502274994</t>
  </si>
  <si>
    <t>756733.0</t>
  </si>
  <si>
    <t>487122.0</t>
  </si>
  <si>
    <t>269600.0</t>
  </si>
  <si>
    <t>2171925.0</t>
  </si>
  <si>
    <t>423.4</t>
  </si>
  <si>
    <t>778592.0</t>
  </si>
  <si>
    <t>500224.0</t>
  </si>
  <si>
    <t>278357.0</t>
  </si>
  <si>
    <t>2175651.0</t>
  </si>
  <si>
    <t>424.126</t>
  </si>
  <si>
    <t>790022.0</t>
  </si>
  <si>
    <t>507333.0</t>
  </si>
  <si>
    <t>282677.0</t>
  </si>
  <si>
    <t>2181269.0</t>
  </si>
  <si>
    <t>425.221</t>
  </si>
  <si>
    <t>813437.0</t>
  </si>
  <si>
    <t>521271.0</t>
  </si>
  <si>
    <t>292154.0</t>
  </si>
  <si>
    <t>2186193.0</t>
  </si>
  <si>
    <t>426.181</t>
  </si>
  <si>
    <t>835006.0</t>
  </si>
  <si>
    <t>533249.0</t>
  </si>
  <si>
    <t>301745.0</t>
  </si>
  <si>
    <t>846952.0</t>
  </si>
  <si>
    <t>2195282.0</t>
  </si>
  <si>
    <t>427.953</t>
  </si>
  <si>
    <t>854265.0</t>
  </si>
  <si>
    <t>309148.0</t>
  </si>
  <si>
    <t>-2238.7</t>
  </si>
  <si>
    <t>-431.740641649868</t>
  </si>
  <si>
    <t>2197446.0</t>
  </si>
  <si>
    <t>428.375</t>
  </si>
  <si>
    <t>872183.0</t>
  </si>
  <si>
    <t>555455.0</t>
  </si>
  <si>
    <t>2200141.0</t>
  </si>
  <si>
    <t>894419.0</t>
  </si>
  <si>
    <t>568532.0</t>
  </si>
  <si>
    <t>2205616.0</t>
  </si>
  <si>
    <t>429.967</t>
  </si>
  <si>
    <t>918853.0</t>
  </si>
  <si>
    <t>582933.0</t>
  </si>
  <si>
    <t>2211115.0</t>
  </si>
  <si>
    <t>431.039</t>
  </si>
  <si>
    <t>942147.0</t>
  </si>
  <si>
    <t>595915.0</t>
  </si>
  <si>
    <t>346217.0</t>
  </si>
  <si>
    <t>2216363.0</t>
  </si>
  <si>
    <t>432.062</t>
  </si>
  <si>
    <t>962968.0</t>
  </si>
  <si>
    <t>607269.0</t>
  </si>
  <si>
    <t>355684.0</t>
  </si>
  <si>
    <t>975256.0</t>
  </si>
  <si>
    <t>614646.0</t>
  </si>
  <si>
    <t>360595.0</t>
  </si>
  <si>
    <t>2224208.0</t>
  </si>
  <si>
    <t>433.592</t>
  </si>
  <si>
    <t>982565.0</t>
  </si>
  <si>
    <t>618607.0</t>
  </si>
  <si>
    <t>363943.0</t>
  </si>
  <si>
    <t>-2219.6</t>
  </si>
  <si>
    <t>-4.35</t>
  </si>
  <si>
    <t>-428.057143970182</t>
  </si>
  <si>
    <t>2226734.0</t>
  </si>
  <si>
    <t>434.084</t>
  </si>
  <si>
    <t>1000082.0</t>
  </si>
  <si>
    <t>627674.0</t>
  </si>
  <si>
    <t>372393.0</t>
  </si>
  <si>
    <t>2229592.0</t>
  </si>
  <si>
    <t>434.641</t>
  </si>
  <si>
    <t>1022815.0</t>
  </si>
  <si>
    <t>639116.0</t>
  </si>
  <si>
    <t>383684.0</t>
  </si>
  <si>
    <t>2235523.0</t>
  </si>
  <si>
    <t>435.798</t>
  </si>
  <si>
    <t>1047819.0</t>
  </si>
  <si>
    <t>652225.0</t>
  </si>
  <si>
    <t>395579.0</t>
  </si>
  <si>
    <t>2242522.0</t>
  </si>
  <si>
    <t>437.162</t>
  </si>
  <si>
    <t>1072260.0</t>
  </si>
  <si>
    <t>663663.0</t>
  </si>
  <si>
    <t>408582.0</t>
  </si>
  <si>
    <t>2253275.0</t>
  </si>
  <si>
    <t>439.258</t>
  </si>
  <si>
    <t>1094001.0</t>
  </si>
  <si>
    <t>420304.0</t>
  </si>
  <si>
    <t>2261870.0</t>
  </si>
  <si>
    <t>440.934</t>
  </si>
  <si>
    <t>1108640.0</t>
  </si>
  <si>
    <t>682034.0</t>
  </si>
  <si>
    <t>426591.0</t>
  </si>
  <si>
    <t>2267994.0</t>
  </si>
  <si>
    <t>442.128</t>
  </si>
  <si>
    <t>1115676.0</t>
  </si>
  <si>
    <t>685626.0</t>
  </si>
  <si>
    <t>430035.0</t>
  </si>
  <si>
    <t>-2287.7</t>
  </si>
  <si>
    <t>-441.190452451156</t>
  </si>
  <si>
    <t>2271525.0</t>
  </si>
  <si>
    <t>442.816</t>
  </si>
  <si>
    <t>1132062.0</t>
  </si>
  <si>
    <t>695553.0</t>
  </si>
  <si>
    <t>436494.0</t>
  </si>
  <si>
    <t>2278772.0</t>
  </si>
  <si>
    <t>1153042.0</t>
  </si>
  <si>
    <t>706484.0</t>
  </si>
  <si>
    <t>446543.0</t>
  </si>
  <si>
    <t>2288871.0</t>
  </si>
  <si>
    <t>446.197</t>
  </si>
  <si>
    <t>1175940.0</t>
  </si>
  <si>
    <t>719422.0</t>
  </si>
  <si>
    <t>2296650.0</t>
  </si>
  <si>
    <t>447.714</t>
  </si>
  <si>
    <t>1198901.0</t>
  </si>
  <si>
    <t>732526.0</t>
  </si>
  <si>
    <t>466360.0</t>
  </si>
  <si>
    <t>18092.0</t>
  </si>
  <si>
    <t>2303782.0</t>
  </si>
  <si>
    <t>449.104</t>
  </si>
  <si>
    <t>1218988.0</t>
  </si>
  <si>
    <t>742295.0</t>
  </si>
  <si>
    <t>476678.0</t>
  </si>
  <si>
    <t>1231705.0</t>
  </si>
  <si>
    <t>749678.0</t>
  </si>
  <si>
    <t>482012.0</t>
  </si>
  <si>
    <t>17581.0</t>
  </si>
  <si>
    <t>2314030.0</t>
  </si>
  <si>
    <t>451.102</t>
  </si>
  <si>
    <t>1238122.0</t>
  </si>
  <si>
    <t>753169.0</t>
  </si>
  <si>
    <t>484938.0</t>
  </si>
  <si>
    <t>-2354.0</t>
  </si>
  <si>
    <t>-9.1</t>
  </si>
  <si>
    <t>-453.976625025143</t>
  </si>
  <si>
    <t>2317171.0</t>
  </si>
  <si>
    <t>451.714</t>
  </si>
  <si>
    <t>1253871.0</t>
  </si>
  <si>
    <t>760947.0</t>
  </si>
  <si>
    <t>492908.0</t>
  </si>
  <si>
    <t>2322228.0</t>
  </si>
  <si>
    <t>452.7</t>
  </si>
  <si>
    <t>1274792.0</t>
  </si>
  <si>
    <t>770530.0</t>
  </si>
  <si>
    <t>504246.0</t>
  </si>
  <si>
    <t>20921.0</t>
  </si>
  <si>
    <t>2329485.0</t>
  </si>
  <si>
    <t>454.115</t>
  </si>
  <si>
    <t>1297950.0</t>
  </si>
  <si>
    <t>781812.0</t>
  </si>
  <si>
    <t>516122.0</t>
  </si>
  <si>
    <t>23158.0</t>
  </si>
  <si>
    <t>2336504.0</t>
  </si>
  <si>
    <t>1322562.0</t>
  </si>
  <si>
    <t>794523.0</t>
  </si>
  <si>
    <t>528022.0</t>
  </si>
  <si>
    <t>2339666.0</t>
  </si>
  <si>
    <t>456.099</t>
  </si>
  <si>
    <t>1344169.0</t>
  </si>
  <si>
    <t>805605.0</t>
  </si>
  <si>
    <t>538547.0</t>
  </si>
  <si>
    <t>1359982.0</t>
  </si>
  <si>
    <t>814929.0</t>
  </si>
  <si>
    <t>2351005.0</t>
  </si>
  <si>
    <t>458.31</t>
  </si>
  <si>
    <t>1367619.0</t>
  </si>
  <si>
    <t>819323.0</t>
  </si>
  <si>
    <t>548279.0</t>
  </si>
  <si>
    <t>-2345.3</t>
  </si>
  <si>
    <t>-452.298801474711</t>
  </si>
  <si>
    <t>2353967.0</t>
  </si>
  <si>
    <t>458.887</t>
  </si>
  <si>
    <t>1385252.0</t>
  </si>
  <si>
    <t>828859.0</t>
  </si>
  <si>
    <t>556376.0</t>
  </si>
  <si>
    <t>2357445.0</t>
  </si>
  <si>
    <t>459.565</t>
  </si>
  <si>
    <t>1407812.0</t>
  </si>
  <si>
    <t>840927.0</t>
  </si>
  <si>
    <t>566867.0</t>
  </si>
  <si>
    <t>2372793.0</t>
  </si>
  <si>
    <t>462.557</t>
  </si>
  <si>
    <t>1432678.0</t>
  </si>
  <si>
    <t>854344.0</t>
  </si>
  <si>
    <t>578316.0</t>
  </si>
  <si>
    <t>24866.0</t>
  </si>
  <si>
    <t>2380123.0</t>
  </si>
  <si>
    <t>463.986</t>
  </si>
  <si>
    <t>1456456.0</t>
  </si>
  <si>
    <t>867206.0</t>
  </si>
  <si>
    <t>589231.0</t>
  </si>
  <si>
    <t>2386215.0</t>
  </si>
  <si>
    <t>465.174</t>
  </si>
  <si>
    <t>1478319.0</t>
  </si>
  <si>
    <t>879145.0</t>
  </si>
  <si>
    <t>599155.0</t>
  </si>
  <si>
    <t>1494858.0</t>
  </si>
  <si>
    <t>888601.0</t>
  </si>
  <si>
    <t>606238.0</t>
  </si>
  <si>
    <t>2397849.0</t>
  </si>
  <si>
    <t>467.442</t>
  </si>
  <si>
    <t>1503588.0</t>
  </si>
  <si>
    <t>894255.0</t>
  </si>
  <si>
    <t>609314.0</t>
  </si>
  <si>
    <t>-2339.4</t>
  </si>
  <si>
    <t>-451.160967112923</t>
  </si>
  <si>
    <t>1525932.0</t>
  </si>
  <si>
    <t>907409.0</t>
  </si>
  <si>
    <t>618504.0</t>
  </si>
  <si>
    <t>2405241.0</t>
  </si>
  <si>
    <t>468.883</t>
  </si>
  <si>
    <t>1556618.0</t>
  </si>
  <si>
    <t>926166.0</t>
  </si>
  <si>
    <t>630432.0</t>
  </si>
  <si>
    <t>1590611.0</t>
  </si>
  <si>
    <t>946973.0</t>
  </si>
  <si>
    <t>643618.0</t>
  </si>
  <si>
    <t>1622968.0</t>
  </si>
  <si>
    <t>966808.0</t>
  </si>
  <si>
    <t>656140.0</t>
  </si>
  <si>
    <t>32357.0</t>
  </si>
  <si>
    <t>2426356.0</t>
  </si>
  <si>
    <t>472.999</t>
  </si>
  <si>
    <t>1654049.0</t>
  </si>
  <si>
    <t>986571.0</t>
  </si>
  <si>
    <t>667458.0</t>
  </si>
  <si>
    <t>1678902.0</t>
  </si>
  <si>
    <t>1003685.0</t>
  </si>
  <si>
    <t>675197.0</t>
  </si>
  <si>
    <t>26292.0</t>
  </si>
  <si>
    <t>1692886.0</t>
  </si>
  <si>
    <t>1012737.0</t>
  </si>
  <si>
    <t>680129.0</t>
  </si>
  <si>
    <t>27043.0</t>
  </si>
  <si>
    <t>-2357.7</t>
  </si>
  <si>
    <t>-454.690182167281</t>
  </si>
  <si>
    <t>1723424.0</t>
  </si>
  <si>
    <t>1033292.0</t>
  </si>
  <si>
    <t>690111.0</t>
  </si>
  <si>
    <t>2445710.0</t>
  </si>
  <si>
    <t>476.772</t>
  </si>
  <si>
    <t>1762417.0</t>
  </si>
  <si>
    <t>1060903.0</t>
  </si>
  <si>
    <t>701493.0</t>
  </si>
  <si>
    <t>38993.0</t>
  </si>
  <si>
    <t>1804022.0</t>
  </si>
  <si>
    <t>1090330.0</t>
  </si>
  <si>
    <t>713671.0</t>
  </si>
  <si>
    <t>1844255.0</t>
  </si>
  <si>
    <t>1118566.0</t>
  </si>
  <si>
    <t>725668.0</t>
  </si>
  <si>
    <t>40233.0</t>
  </si>
  <si>
    <t>2473000.0</t>
  </si>
  <si>
    <t>482.092</t>
  </si>
  <si>
    <t>1886428.0</t>
  </si>
  <si>
    <t>1150084.0</t>
  </si>
  <si>
    <t>736322.0</t>
  </si>
  <si>
    <t>23359.0</t>
  </si>
  <si>
    <t>1925026.0</t>
  </si>
  <si>
    <t>1179596.0</t>
  </si>
  <si>
    <t>745407.0</t>
  </si>
  <si>
    <t>38598.0</t>
  </si>
  <si>
    <t>35161.0</t>
  </si>
  <si>
    <t>1947684.0</t>
  </si>
  <si>
    <t>1197576.0</t>
  </si>
  <si>
    <t>750085.0</t>
  </si>
  <si>
    <t>22658.0</t>
  </si>
  <si>
    <t>-2383.4</t>
  </si>
  <si>
    <t>-3.29</t>
  </si>
  <si>
    <t>-459.646511505916</t>
  </si>
  <si>
    <t>1982832.0</t>
  </si>
  <si>
    <t>759529.0</t>
  </si>
  <si>
    <t>35148.0</t>
  </si>
  <si>
    <t>2491831.0</t>
  </si>
  <si>
    <t>485.763</t>
  </si>
  <si>
    <t>2025680.0</t>
  </si>
  <si>
    <t>1253580.0</t>
  </si>
  <si>
    <t>772074.0</t>
  </si>
  <si>
    <t>42848.0</t>
  </si>
  <si>
    <t>37609.0</t>
  </si>
  <si>
    <t>27525.0</t>
  </si>
  <si>
    <t>2071179.0</t>
  </si>
  <si>
    <t>1286137.0</t>
  </si>
  <si>
    <t>785015.0</t>
  </si>
  <si>
    <t>45499.0</t>
  </si>
  <si>
    <t>2113481.0</t>
  </si>
  <si>
    <t>1315405.0</t>
  </si>
  <si>
    <t>798049.0</t>
  </si>
  <si>
    <t>42302.0</t>
  </si>
  <si>
    <t>2513358.0</t>
  </si>
  <si>
    <t>489.959</t>
  </si>
  <si>
    <t>2155584.0</t>
  </si>
  <si>
    <t>1345794.0</t>
  </si>
  <si>
    <t>809761.0</t>
  </si>
  <si>
    <t>2192419.0</t>
  </si>
  <si>
    <t>1373726.0</t>
  </si>
  <si>
    <t>818663.0</t>
  </si>
  <si>
    <t>2523643.0</t>
  </si>
  <si>
    <t>491.964</t>
  </si>
  <si>
    <t>2212927.0</t>
  </si>
  <si>
    <t>1389597.0</t>
  </si>
  <si>
    <t>823299.0</t>
  </si>
  <si>
    <t>-2387.1</t>
  </si>
  <si>
    <t>-460.360068648054</t>
  </si>
  <si>
    <t>2525687.0</t>
  </si>
  <si>
    <t>492.363</t>
  </si>
  <si>
    <t>2251488.0</t>
  </si>
  <si>
    <t>1416494.0</t>
  </si>
  <si>
    <t>834962.0</t>
  </si>
  <si>
    <t>38561.0</t>
  </si>
  <si>
    <t>38379.0</t>
  </si>
  <si>
    <t>2529030.0</t>
  </si>
  <si>
    <t>493.014</t>
  </si>
  <si>
    <t>2298575.0</t>
  </si>
  <si>
    <t>1447612.0</t>
  </si>
  <si>
    <t>850929.0</t>
  </si>
  <si>
    <t>47087.0</t>
  </si>
  <si>
    <t>2535316.0</t>
  </si>
  <si>
    <t>494.24</t>
  </si>
  <si>
    <t>2347564.0</t>
  </si>
  <si>
    <t>1479657.0</t>
  </si>
  <si>
    <t>867872.0</t>
  </si>
  <si>
    <t>27646.0</t>
  </si>
  <si>
    <t>2542575.0</t>
  </si>
  <si>
    <t>495.655</t>
  </si>
  <si>
    <t>2396625.0</t>
  </si>
  <si>
    <t>1512159.0</t>
  </si>
  <si>
    <t>884430.0</t>
  </si>
  <si>
    <t>28108.0</t>
  </si>
  <si>
    <t>2548634.0</t>
  </si>
  <si>
    <t>496.836</t>
  </si>
  <si>
    <t>2443698.0</t>
  </si>
  <si>
    <t>1543564.0</t>
  </si>
  <si>
    <t>900097.0</t>
  </si>
  <si>
    <t>2487460.0</t>
  </si>
  <si>
    <t>1573990.0</t>
  </si>
  <si>
    <t>913432.0</t>
  </si>
  <si>
    <t>43762.0</t>
  </si>
  <si>
    <t>2513157.0</t>
  </si>
  <si>
    <t>1592278.0</t>
  </si>
  <si>
    <t>920841.0</t>
  </si>
  <si>
    <t>42890.0</t>
  </si>
  <si>
    <t>-2388.4</t>
  </si>
  <si>
    <t>-460.610777914211</t>
  </si>
  <si>
    <t>2559594.0</t>
  </si>
  <si>
    <t>1622648.0</t>
  </si>
  <si>
    <t>936907.0</t>
  </si>
  <si>
    <t>46437.0</t>
  </si>
  <si>
    <t>44015.0</t>
  </si>
  <si>
    <t>29451.0</t>
  </si>
  <si>
    <t>2564395.0</t>
  </si>
  <si>
    <t>499.909</t>
  </si>
  <si>
    <t>2615892.0</t>
  </si>
  <si>
    <t>1658505.0</t>
  </si>
  <si>
    <t>957346.0</t>
  </si>
  <si>
    <t>2571452.0</t>
  </si>
  <si>
    <t>501.284</t>
  </si>
  <si>
    <t>2616405.0</t>
  </si>
  <si>
    <t>1658916.0</t>
  </si>
  <si>
    <t>957448.0</t>
  </si>
  <si>
    <t>38406.0</t>
  </si>
  <si>
    <t>2584336.0</t>
  </si>
  <si>
    <t>503.796</t>
  </si>
  <si>
    <t>2646777.0</t>
  </si>
  <si>
    <t>1680505.0</t>
  </si>
  <si>
    <t>966231.0</t>
  </si>
  <si>
    <t>2612235.0</t>
  </si>
  <si>
    <t>509.235</t>
  </si>
  <si>
    <t>2705823.0</t>
  </si>
  <si>
    <t>1719319.0</t>
  </si>
  <si>
    <t>986463.0</t>
  </si>
  <si>
    <t>2653699.0</t>
  </si>
  <si>
    <t>41464.0</t>
  </si>
  <si>
    <t>517.318</t>
  </si>
  <si>
    <t>2760128.0</t>
  </si>
  <si>
    <t>1757712.0</t>
  </si>
  <si>
    <t>54305.0</t>
  </si>
  <si>
    <t>2797723.0</t>
  </si>
  <si>
    <t>1786203.0</t>
  </si>
  <si>
    <t>1011474.0</t>
  </si>
  <si>
    <t>-2386.5</t>
  </si>
  <si>
    <t>-460.244356679059</t>
  </si>
  <si>
    <t>2727853.0</t>
  </si>
  <si>
    <t>531.773</t>
  </si>
  <si>
    <t>2864097.0</t>
  </si>
  <si>
    <t>1832990.0</t>
  </si>
  <si>
    <t>1031057.0</t>
  </si>
  <si>
    <t>2947204.0</t>
  </si>
  <si>
    <t>1892406.0</t>
  </si>
  <si>
    <t>1054746.0</t>
  </si>
  <si>
    <t>83107.0</t>
  </si>
  <si>
    <t>2812976.0</t>
  </si>
  <si>
    <t>548.367</t>
  </si>
  <si>
    <t>3037165.0</t>
  </si>
  <si>
    <t>1955843.0</t>
  </si>
  <si>
    <t>1081266.0</t>
  </si>
  <si>
    <t>60109.0</t>
  </si>
  <si>
    <t>2854717.0</t>
  </si>
  <si>
    <t>41741.0</t>
  </si>
  <si>
    <t>556.505</t>
  </si>
  <si>
    <t>3130616.0</t>
  </si>
  <si>
    <t>2023754.0</t>
  </si>
  <si>
    <t>1106805.0</t>
  </si>
  <si>
    <t>69120.0</t>
  </si>
  <si>
    <t>2891738.0</t>
  </si>
  <si>
    <t>37021.0</t>
  </si>
  <si>
    <t>563.722</t>
  </si>
  <si>
    <t>39929.0</t>
  </si>
  <si>
    <t>3222771.0</t>
  </si>
  <si>
    <t>2091157.0</t>
  </si>
  <si>
    <t>1131554.0</t>
  </si>
  <si>
    <t>73850.0</t>
  </si>
  <si>
    <t>2928164.0</t>
  </si>
  <si>
    <t>36426.0</t>
  </si>
  <si>
    <t>570.822</t>
  </si>
  <si>
    <t>7.643</t>
  </si>
  <si>
    <t>3302067.0</t>
  </si>
  <si>
    <t>2148029.0</t>
  </si>
  <si>
    <t>2951303.0</t>
  </si>
  <si>
    <t>2185132.0</t>
  </si>
  <si>
    <t>1165466.0</t>
  </si>
  <si>
    <t>48596.0</t>
  </si>
  <si>
    <t>78991.0</t>
  </si>
  <si>
    <t>56990.0</t>
  </si>
  <si>
    <t>-2420.2</t>
  </si>
  <si>
    <t>-466.743512270965</t>
  </si>
  <si>
    <t>2967673.0</t>
  </si>
  <si>
    <t>578.524</t>
  </si>
  <si>
    <t>3429383.0</t>
  </si>
  <si>
    <t>2240059.0</t>
  </si>
  <si>
    <t>1189255.0</t>
  </si>
  <si>
    <t>2984428.0</t>
  </si>
  <si>
    <t>581.791</t>
  </si>
  <si>
    <t>30573.0</t>
  </si>
  <si>
    <t>3516242.0</t>
  </si>
  <si>
    <t>2299396.0</t>
  </si>
  <si>
    <t>1216773.0</t>
  </si>
  <si>
    <t>81291.0</t>
  </si>
  <si>
    <t>3006586.0</t>
  </si>
  <si>
    <t>586.11</t>
  </si>
  <si>
    <t>3607571.0</t>
  </si>
  <si>
    <t>2362991.0</t>
  </si>
  <si>
    <t>1244504.0</t>
  </si>
  <si>
    <t>91329.0</t>
  </si>
  <si>
    <t>81487.0</t>
  </si>
  <si>
    <t>58164.0</t>
  </si>
  <si>
    <t>3024268.0</t>
  </si>
  <si>
    <t>17682.0</t>
  </si>
  <si>
    <t>589.557</t>
  </si>
  <si>
    <t>3698173.0</t>
  </si>
  <si>
    <t>2428247.0</t>
  </si>
  <si>
    <t>1269849.0</t>
  </si>
  <si>
    <t>592.052</t>
  </si>
  <si>
    <t>3786064.0</t>
  </si>
  <si>
    <t>2490212.0</t>
  </si>
  <si>
    <t>1295774.0</t>
  </si>
  <si>
    <t>87891.0</t>
  </si>
  <si>
    <t>3048105.0</t>
  </si>
  <si>
    <t>594.204</t>
  </si>
  <si>
    <t>3864816.0</t>
  </si>
  <si>
    <t>2546357.0</t>
  </si>
  <si>
    <t>1318377.0</t>
  </si>
  <si>
    <t>78752.0</t>
  </si>
  <si>
    <t>15504.0</t>
  </si>
  <si>
    <t>56904.0</t>
  </si>
  <si>
    <t>3057343.0</t>
  </si>
  <si>
    <t>596.005</t>
  </si>
  <si>
    <t>3903890.0</t>
  </si>
  <si>
    <t>2573398.0</t>
  </si>
  <si>
    <t>1330409.0</t>
  </si>
  <si>
    <t>79032.0</t>
  </si>
  <si>
    <t>55467.0</t>
  </si>
  <si>
    <t>-2425.1</t>
  </si>
  <si>
    <t>-467.688493351094</t>
  </si>
  <si>
    <t>3062093.0</t>
  </si>
  <si>
    <t>596.931</t>
  </si>
  <si>
    <t>3971064.0</t>
  </si>
  <si>
    <t>2618725.0</t>
  </si>
  <si>
    <t>1352253.0</t>
  </si>
  <si>
    <t>3069348.0</t>
  </si>
  <si>
    <t>598.345</t>
  </si>
  <si>
    <t>4044576.0</t>
  </si>
  <si>
    <t>2668746.0</t>
  </si>
  <si>
    <t>73512.0</t>
  </si>
  <si>
    <t>52764.0</t>
  </si>
  <si>
    <t>4112036.0</t>
  </si>
  <si>
    <t>2717604.0</t>
  </si>
  <si>
    <t>1394338.0</t>
  </si>
  <si>
    <t>67460.0</t>
  </si>
  <si>
    <t>72066.0</t>
  </si>
  <si>
    <t>50659.0</t>
  </si>
  <si>
    <t>3100261.0</t>
  </si>
  <si>
    <t>604.371</t>
  </si>
  <si>
    <t>4174230.0</t>
  </si>
  <si>
    <t>2764155.0</t>
  </si>
  <si>
    <t>1409979.0</t>
  </si>
  <si>
    <t>68008.0</t>
  </si>
  <si>
    <t>3114087.0</t>
  </si>
  <si>
    <t>607.067</t>
  </si>
  <si>
    <t>4239633.0</t>
  </si>
  <si>
    <t>2808344.0</t>
  </si>
  <si>
    <t>1431186.0</t>
  </si>
  <si>
    <t>64796.0</t>
  </si>
  <si>
    <t>3129329.0</t>
  </si>
  <si>
    <t>610.038</t>
  </si>
  <si>
    <t>4302028.0</t>
  </si>
  <si>
    <t>2847394.0</t>
  </si>
  <si>
    <t>1454529.0</t>
  </si>
  <si>
    <t>62395.0</t>
  </si>
  <si>
    <t>3140288.0</t>
  </si>
  <si>
    <t>612.174</t>
  </si>
  <si>
    <t>4336178.0</t>
  </si>
  <si>
    <t>2868065.0</t>
  </si>
  <si>
    <t>1468008.0</t>
  </si>
  <si>
    <t>61755.0</t>
  </si>
  <si>
    <t>42095.0</t>
  </si>
  <si>
    <t>-2428.6</t>
  </si>
  <si>
    <t>-468.3634798369</t>
  </si>
  <si>
    <t>3148945.0</t>
  </si>
  <si>
    <t>613.862</t>
  </si>
  <si>
    <t>4391720.0</t>
  </si>
  <si>
    <t>2902603.0</t>
  </si>
  <si>
    <t>1489007.0</t>
  </si>
  <si>
    <t>40554.0</t>
  </si>
  <si>
    <t>3158224.0</t>
  </si>
  <si>
    <t>615.671</t>
  </si>
  <si>
    <t>4454392.0</t>
  </si>
  <si>
    <t>2942361.0</t>
  </si>
  <si>
    <t>1511914.0</t>
  </si>
  <si>
    <t>62672.0</t>
  </si>
  <si>
    <t>58545.0</t>
  </si>
  <si>
    <t>39088.0</t>
  </si>
  <si>
    <t>4517673.0</t>
  </si>
  <si>
    <t>2982384.0</t>
  </si>
  <si>
    <t>1535163.0</t>
  </si>
  <si>
    <t>63281.0</t>
  </si>
  <si>
    <t>57948.0</t>
  </si>
  <si>
    <t>3190907.0</t>
  </si>
  <si>
    <t>622.042</t>
  </si>
  <si>
    <t>4579158.0</t>
  </si>
  <si>
    <t>3019674.0</t>
  </si>
  <si>
    <t>1559349.0</t>
  </si>
  <si>
    <t>36503.0</t>
  </si>
  <si>
    <t>3206325.0</t>
  </si>
  <si>
    <t>625.048</t>
  </si>
  <si>
    <t>4640286.0</t>
  </si>
  <si>
    <t>3053056.0</t>
  </si>
  <si>
    <t>1587080.0</t>
  </si>
  <si>
    <t>57236.0</t>
  </si>
  <si>
    <t>34959.0</t>
  </si>
  <si>
    <t>3218752.0</t>
  </si>
  <si>
    <t>627.47</t>
  </si>
  <si>
    <t>4694276.0</t>
  </si>
  <si>
    <t>3082392.0</t>
  </si>
  <si>
    <t>1611733.0</t>
  </si>
  <si>
    <t>56035.0</t>
  </si>
  <si>
    <t>3232551.0</t>
  </si>
  <si>
    <t>630.16</t>
  </si>
  <si>
    <t>4721200.0</t>
  </si>
  <si>
    <t>3096703.0</t>
  </si>
  <si>
    <t>1624342.0</t>
  </si>
  <si>
    <t>91.05</t>
  </si>
  <si>
    <t>-2521.1</t>
  </si>
  <si>
    <t>-12.58</t>
  </si>
  <si>
    <t>-486.202408390352</t>
  </si>
  <si>
    <t>3240635.0</t>
  </si>
  <si>
    <t>631.736</t>
  </si>
  <si>
    <t>4771972.0</t>
  </si>
  <si>
    <t>3121493.0</t>
  </si>
  <si>
    <t>1650315.0</t>
  </si>
  <si>
    <t>54322.0</t>
  </si>
  <si>
    <t>31270.0</t>
  </si>
  <si>
    <t>3248982.0</t>
  </si>
  <si>
    <t>633.363</t>
  </si>
  <si>
    <t>4826406.0</t>
  </si>
  <si>
    <t>3149292.0</t>
  </si>
  <si>
    <t>1676941.0</t>
  </si>
  <si>
    <t>54434.0</t>
  </si>
  <si>
    <t>29562.0</t>
  </si>
  <si>
    <t>3267861.0</t>
  </si>
  <si>
    <t>637.044</t>
  </si>
  <si>
    <t>4876569.0</t>
  </si>
  <si>
    <t>3173849.0</t>
  </si>
  <si>
    <t>1702542.0</t>
  </si>
  <si>
    <t>50163.0</t>
  </si>
  <si>
    <t>3287055.0</t>
  </si>
  <si>
    <t>640.785</t>
  </si>
  <si>
    <t>4926416.0</t>
  </si>
  <si>
    <t>3195108.0</t>
  </si>
  <si>
    <t>1731127.0</t>
  </si>
  <si>
    <t>49847.0</t>
  </si>
  <si>
    <t>3301910.0</t>
  </si>
  <si>
    <t>643.681</t>
  </si>
  <si>
    <t>4977427.0</t>
  </si>
  <si>
    <t>3214272.0</t>
  </si>
  <si>
    <t>1762968.0</t>
  </si>
  <si>
    <t>48163.0</t>
  </si>
  <si>
    <t>95.99</t>
  </si>
  <si>
    <t>3316187.0</t>
  </si>
  <si>
    <t>646.464</t>
  </si>
  <si>
    <t>5029309.0</t>
  </si>
  <si>
    <t>3233796.0</t>
  </si>
  <si>
    <t>1795325.0</t>
  </si>
  <si>
    <t>3329629.0</t>
  </si>
  <si>
    <t>649.085</t>
  </si>
  <si>
    <t>13868.0</t>
  </si>
  <si>
    <t>5054222.0</t>
  </si>
  <si>
    <t>3242076.0</t>
  </si>
  <si>
    <t>1811957.0</t>
  </si>
  <si>
    <t>24913.0</t>
  </si>
  <si>
    <t>47575.0</t>
  </si>
  <si>
    <t>97.47</t>
  </si>
  <si>
    <t>-2592.0</t>
  </si>
  <si>
    <t>-499.875706059971</t>
  </si>
  <si>
    <t>3336535.0</t>
  </si>
  <si>
    <t>650.431</t>
  </si>
  <si>
    <t>5095281.0</t>
  </si>
  <si>
    <t>3254816.0</t>
  </si>
  <si>
    <t>1840271.0</t>
  </si>
  <si>
    <t>46187.0</t>
  </si>
  <si>
    <t>98.26</t>
  </si>
  <si>
    <t>3346490.0</t>
  </si>
  <si>
    <t>652.372</t>
  </si>
  <si>
    <t>5140211.0</t>
  </si>
  <si>
    <t>3268436.0</t>
  </si>
  <si>
    <t>1871571.0</t>
  </si>
  <si>
    <t>44930.0</t>
  </si>
  <si>
    <t>3361927.0</t>
  </si>
  <si>
    <t>655.381</t>
  </si>
  <si>
    <t>5181443.0</t>
  </si>
  <si>
    <t>3282496.0</t>
  </si>
  <si>
    <t>1898740.0</t>
  </si>
  <si>
    <t>99.93</t>
  </si>
  <si>
    <t>3378464.0</t>
  </si>
  <si>
    <t>658.605</t>
  </si>
  <si>
    <t>5228068.0</t>
  </si>
  <si>
    <t>3296666.0</t>
  </si>
  <si>
    <t>1931186.0</t>
  </si>
  <si>
    <t>46625.0</t>
  </si>
  <si>
    <t>5276004.0</t>
  </si>
  <si>
    <t>3309066.0</t>
  </si>
  <si>
    <t>1966715.0</t>
  </si>
  <si>
    <t>42654.0</t>
  </si>
  <si>
    <t>3419544.0</t>
  </si>
  <si>
    <t>666.613</t>
  </si>
  <si>
    <t>5326435.0</t>
  </si>
  <si>
    <t>3322000.0</t>
  </si>
  <si>
    <t>2004207.0</t>
  </si>
  <si>
    <t>5353641.0</t>
  </si>
  <si>
    <t>3329132.0</t>
  </si>
  <si>
    <t>2024278.0</t>
  </si>
  <si>
    <t>-2644.3</t>
  </si>
  <si>
    <t>-7.48</t>
  </si>
  <si>
    <t>-509.961932690733</t>
  </si>
  <si>
    <t>3450152.0</t>
  </si>
  <si>
    <t>672.58</t>
  </si>
  <si>
    <t>5409912.0</t>
  </si>
  <si>
    <t>3344131.0</t>
  </si>
  <si>
    <t>2065544.0</t>
  </si>
  <si>
    <t>56271.0</t>
  </si>
  <si>
    <t>3465057.0</t>
  </si>
  <si>
    <t>675.486</t>
  </si>
  <si>
    <t>5474111.0</t>
  </si>
  <si>
    <t>3361886.0</t>
  </si>
  <si>
    <t>2111982.0</t>
  </si>
  <si>
    <t>64199.0</t>
  </si>
  <si>
    <t>47700.0</t>
  </si>
  <si>
    <t>3489770.0</t>
  </si>
  <si>
    <t>680.303</t>
  </si>
  <si>
    <t>5544940.0</t>
  </si>
  <si>
    <t>3380978.0</t>
  </si>
  <si>
    <t>2163704.0</t>
  </si>
  <si>
    <t>70829.0</t>
  </si>
  <si>
    <t>51928.0</t>
  </si>
  <si>
    <t>3513156.0</t>
  </si>
  <si>
    <t>684.862</t>
  </si>
  <si>
    <t>19242.0</t>
  </si>
  <si>
    <t>5627919.0</t>
  </si>
  <si>
    <t>3400843.0</t>
  </si>
  <si>
    <t>2226806.0</t>
  </si>
  <si>
    <t>82979.0</t>
  </si>
  <si>
    <t>3543083.0</t>
  </si>
  <si>
    <t>29927.0</t>
  </si>
  <si>
    <t>690.696</t>
  </si>
  <si>
    <t>20583.0</t>
  </si>
  <si>
    <t>5714309.0</t>
  </si>
  <si>
    <t>3419589.0</t>
  </si>
  <si>
    <t>2294439.0</t>
  </si>
  <si>
    <t>3566818.0</t>
  </si>
  <si>
    <t>695.323</t>
  </si>
  <si>
    <t>5796615.0</t>
  </si>
  <si>
    <t>3438042.0</t>
  </si>
  <si>
    <t>2358284.0</t>
  </si>
  <si>
    <t>82306.0</t>
  </si>
  <si>
    <t>67169.0</t>
  </si>
  <si>
    <t>3587240.0</t>
  </si>
  <si>
    <t>699.304</t>
  </si>
  <si>
    <t>5839001.0</t>
  </si>
  <si>
    <t>3447143.0</t>
  </si>
  <si>
    <t>2391565.0</t>
  </si>
  <si>
    <t>69337.0</t>
  </si>
  <si>
    <t>-2696.6</t>
  </si>
  <si>
    <t>-7.52</t>
  </si>
  <si>
    <t>-520.048159321496</t>
  </si>
  <si>
    <t>3602589.0</t>
  </si>
  <si>
    <t>702.296</t>
  </si>
  <si>
    <t>5908752.0</t>
  </si>
  <si>
    <t>3462478.0</t>
  </si>
  <si>
    <t>2445973.0</t>
  </si>
  <si>
    <t>71263.0</t>
  </si>
  <si>
    <t>3619154.0</t>
  </si>
  <si>
    <t>705.526</t>
  </si>
  <si>
    <t>5982251.0</t>
  </si>
  <si>
    <t>3480156.0</t>
  </si>
  <si>
    <t>2501791.0</t>
  </si>
  <si>
    <t>73499.0</t>
  </si>
  <si>
    <t>3644954.0</t>
  </si>
  <si>
    <t>710.555</t>
  </si>
  <si>
    <t>6051669.0</t>
  </si>
  <si>
    <t>3496022.0</t>
  </si>
  <si>
    <t>2555334.0</t>
  </si>
  <si>
    <t>69418.0</t>
  </si>
  <si>
    <t>72390.0</t>
  </si>
  <si>
    <t>3673600.0</t>
  </si>
  <si>
    <t>716.139</t>
  </si>
  <si>
    <t>22921.0</t>
  </si>
  <si>
    <t>6120049.0</t>
  </si>
  <si>
    <t>3511231.0</t>
  </si>
  <si>
    <t>2608496.0</t>
  </si>
  <si>
    <t>68380.0</t>
  </si>
  <si>
    <t>70304.0</t>
  </si>
  <si>
    <t>118.03</t>
  </si>
  <si>
    <t>3701367.0</t>
  </si>
  <si>
    <t>27767.0</t>
  </si>
  <si>
    <t>721.552</t>
  </si>
  <si>
    <t>22612.0</t>
  </si>
  <si>
    <t>6190007.0</t>
  </si>
  <si>
    <t>3525343.0</t>
  </si>
  <si>
    <t>2664331.0</t>
  </si>
  <si>
    <t>69958.0</t>
  </si>
  <si>
    <t>67957.0</t>
  </si>
  <si>
    <t>22636.0</t>
  </si>
  <si>
    <t>6321505.0</t>
  </si>
  <si>
    <t>3565040.0</t>
  </si>
  <si>
    <t>2756098.0</t>
  </si>
  <si>
    <t>6351300.0</t>
  </si>
  <si>
    <t>3571324.0</t>
  </si>
  <si>
    <t>2779606.0</t>
  </si>
  <si>
    <t>73186.0</t>
  </si>
  <si>
    <t>-2755.5</t>
  </si>
  <si>
    <t>-531.407217611208</t>
  </si>
  <si>
    <t>3773075.0</t>
  </si>
  <si>
    <t>735.531</t>
  </si>
  <si>
    <t>6394271.0</t>
  </si>
  <si>
    <t>3581387.0</t>
  </si>
  <si>
    <t>2812505.0</t>
  </si>
  <si>
    <t>3789996.0</t>
  </si>
  <si>
    <t>738.83</t>
  </si>
  <si>
    <t>6437347.0</t>
  </si>
  <si>
    <t>3591903.0</t>
  </si>
  <si>
    <t>2845056.0</t>
  </si>
  <si>
    <t>15964.0</t>
  </si>
  <si>
    <t>3816324.0</t>
  </si>
  <si>
    <t>26328.0</t>
  </si>
  <si>
    <t>743.962</t>
  </si>
  <si>
    <t>6480748.0</t>
  </si>
  <si>
    <t>3602425.0</t>
  </si>
  <si>
    <t>2877922.0</t>
  </si>
  <si>
    <t>61297.0</t>
  </si>
  <si>
    <t>3842993.0</t>
  </si>
  <si>
    <t>749.161</t>
  </si>
  <si>
    <t>6522437.0</t>
  </si>
  <si>
    <t>3612584.0</t>
  </si>
  <si>
    <t>2909412.0</t>
  </si>
  <si>
    <t>41689.0</t>
  </si>
  <si>
    <t>3870822.0</t>
  </si>
  <si>
    <t>27829.0</t>
  </si>
  <si>
    <t>754.586</t>
  </si>
  <si>
    <t>24208.0</t>
  </si>
  <si>
    <t>6567556.0</t>
  </si>
  <si>
    <t>3624093.0</t>
  </si>
  <si>
    <t>2942960.0</t>
  </si>
  <si>
    <t>45119.0</t>
  </si>
  <si>
    <t>6610326.0</t>
  </si>
  <si>
    <t>3635984.0</t>
  </si>
  <si>
    <t>2973803.0</t>
  </si>
  <si>
    <t>42770.0</t>
  </si>
  <si>
    <t>3923269.0</t>
  </si>
  <si>
    <t>764.81</t>
  </si>
  <si>
    <t>6629454.0</t>
  </si>
  <si>
    <t>3641354.0</t>
  </si>
  <si>
    <t>2987547.0</t>
  </si>
  <si>
    <t>-2743.8</t>
  </si>
  <si>
    <t>-529.150834215798</t>
  </si>
  <si>
    <t>3947612.0</t>
  </si>
  <si>
    <t>769.556</t>
  </si>
  <si>
    <t>6640197.0</t>
  </si>
  <si>
    <t>3644883.0</t>
  </si>
  <si>
    <t>2994753.0</t>
  </si>
  <si>
    <t>3962042.0</t>
  </si>
  <si>
    <t>772.369</t>
  </si>
  <si>
    <t>6682641.0</t>
  </si>
  <si>
    <t>3655782.0</t>
  </si>
  <si>
    <t>3026160.0</t>
  </si>
  <si>
    <t>3979577.0</t>
  </si>
  <si>
    <t>775.787</t>
  </si>
  <si>
    <t>23322.0</t>
  </si>
  <si>
    <t>6722186.0</t>
  </si>
  <si>
    <t>3666672.0</t>
  </si>
  <si>
    <t>3054645.0</t>
  </si>
  <si>
    <t>34491.0</t>
  </si>
  <si>
    <t>4005470.0</t>
  </si>
  <si>
    <t>780.835</t>
  </si>
  <si>
    <t>6767725.0</t>
  </si>
  <si>
    <t>3679477.0</t>
  </si>
  <si>
    <t>3087104.0</t>
  </si>
  <si>
    <t>4037705.0</t>
  </si>
  <si>
    <t>787.119</t>
  </si>
  <si>
    <t>3690567.0</t>
  </si>
  <si>
    <t>3119193.0</t>
  </si>
  <si>
    <t>34806.0</t>
  </si>
  <si>
    <t>131.36</t>
  </si>
  <si>
    <t>6854235.0</t>
  </si>
  <si>
    <t>3701362.0</t>
  </si>
  <si>
    <t>3151307.0</t>
  </si>
  <si>
    <t>34844.0</t>
  </si>
  <si>
    <t>23736.0</t>
  </si>
  <si>
    <t>6874526.0</t>
  </si>
  <si>
    <t>3706258.0</t>
  </si>
  <si>
    <t>3166681.0</t>
  </si>
  <si>
    <t>35010.0</t>
  </si>
  <si>
    <t>-2772.5</t>
  </si>
  <si>
    <t>-534.68572339941</t>
  </si>
  <si>
    <t>4115279.0</t>
  </si>
  <si>
    <t>802.241</t>
  </si>
  <si>
    <t>6902375.0</t>
  </si>
  <si>
    <t>3713452.0</t>
  </si>
  <si>
    <t>3187091.0</t>
  </si>
  <si>
    <t>27849.0</t>
  </si>
  <si>
    <t>37454.0</t>
  </si>
  <si>
    <t>4133310.0</t>
  </si>
  <si>
    <t>805.756</t>
  </si>
  <si>
    <t>24467.0</t>
  </si>
  <si>
    <t>6931783.0</t>
  </si>
  <si>
    <t>3721022.0</t>
  </si>
  <si>
    <t>3208589.0</t>
  </si>
  <si>
    <t>4162831.0</t>
  </si>
  <si>
    <t>811.511</t>
  </si>
  <si>
    <t>6959497.0</t>
  </si>
  <si>
    <t>3727760.0</t>
  </si>
  <si>
    <t>3229169.0</t>
  </si>
  <si>
    <t>27714.0</t>
  </si>
  <si>
    <t>4194715.0</t>
  </si>
  <si>
    <t>817.727</t>
  </si>
  <si>
    <t>6986245.0</t>
  </si>
  <si>
    <t>3734368.0</t>
  </si>
  <si>
    <t>3248844.0</t>
  </si>
  <si>
    <t>26748.0</t>
  </si>
  <si>
    <t>7842.0</t>
  </si>
  <si>
    <t>4223605.0</t>
  </si>
  <si>
    <t>28890.0</t>
  </si>
  <si>
    <t>823.358</t>
  </si>
  <si>
    <t>26557.0</t>
  </si>
  <si>
    <t>7014806.0</t>
  </si>
  <si>
    <t>3740798.0</t>
  </si>
  <si>
    <t>3270516.0</t>
  </si>
  <si>
    <t>4251191.0</t>
  </si>
  <si>
    <t>828.736</t>
  </si>
  <si>
    <t>26804.0</t>
  </si>
  <si>
    <t>7049015.0</t>
  </si>
  <si>
    <t>3748228.0</t>
  </si>
  <si>
    <t>3297136.0</t>
  </si>
  <si>
    <t>4279402.0</t>
  </si>
  <si>
    <t>834.236</t>
  </si>
  <si>
    <t>27140.0</t>
  </si>
  <si>
    <t>7063384.0</t>
  </si>
  <si>
    <t>3751514.0</t>
  </si>
  <si>
    <t>3308177.0</t>
  </si>
  <si>
    <t>-2795.8</t>
  </si>
  <si>
    <t>-539.179204862063</t>
  </si>
  <si>
    <t>837.889</t>
  </si>
  <si>
    <t>7085207.0</t>
  </si>
  <si>
    <t>3756676.0</t>
  </si>
  <si>
    <t>3324474.0</t>
  </si>
  <si>
    <t>4315626.0</t>
  </si>
  <si>
    <t>841.297</t>
  </si>
  <si>
    <t>7108114.0</t>
  </si>
  <si>
    <t>3762573.0</t>
  </si>
  <si>
    <t>4343583.0</t>
  </si>
  <si>
    <t>846.747</t>
  </si>
  <si>
    <t>7130816.0</t>
  </si>
  <si>
    <t>3768641.0</t>
  </si>
  <si>
    <t>3357062.0</t>
  </si>
  <si>
    <t>22702.0</t>
  </si>
  <si>
    <t>4370217.0</t>
  </si>
  <si>
    <t>851.939</t>
  </si>
  <si>
    <t>7154440.0</t>
  </si>
  <si>
    <t>3775020.0</t>
  </si>
  <si>
    <t>3373726.0</t>
  </si>
  <si>
    <t>137.98</t>
  </si>
  <si>
    <t>4400869.0</t>
  </si>
  <si>
    <t>857.915</t>
  </si>
  <si>
    <t>7178135.0</t>
  </si>
  <si>
    <t>3781383.0</t>
  </si>
  <si>
    <t>3390580.0</t>
  </si>
  <si>
    <t>138.43</t>
  </si>
  <si>
    <t>7205602.0</t>
  </si>
  <si>
    <t>3788593.0</t>
  </si>
  <si>
    <t>3410629.0</t>
  </si>
  <si>
    <t>7220344.0</t>
  </si>
  <si>
    <t>3793262.0</t>
  </si>
  <si>
    <t>3420649.0</t>
  </si>
  <si>
    <t>139.25</t>
  </si>
  <si>
    <t>-2797.3</t>
  </si>
  <si>
    <t>-539.468484784551</t>
  </si>
  <si>
    <t>4483455.0</t>
  </si>
  <si>
    <t>874.014</t>
  </si>
  <si>
    <t>7242382.0</t>
  </si>
  <si>
    <t>3801047.0</t>
  </si>
  <si>
    <t>3434406.0</t>
  </si>
  <si>
    <t>22038.0</t>
  </si>
  <si>
    <t>4505129.0</t>
  </si>
  <si>
    <t>878.239</t>
  </si>
  <si>
    <t>7264114.0</t>
  </si>
  <si>
    <t>3807720.0</t>
  </si>
  <si>
    <t>3448917.0</t>
  </si>
  <si>
    <t>7285220.0</t>
  </si>
  <si>
    <t>3813928.0</t>
  </si>
  <si>
    <t>3463226.0</t>
  </si>
  <si>
    <t>4572209.0</t>
  </si>
  <si>
    <t>891.316</t>
  </si>
  <si>
    <t>7306679.0</t>
  </si>
  <si>
    <t>3820617.0</t>
  </si>
  <si>
    <t>3477392.0</t>
  </si>
  <si>
    <t>21459.0</t>
  </si>
  <si>
    <t>4601206.0</t>
  </si>
  <si>
    <t>896.969</t>
  </si>
  <si>
    <t>7329942.0</t>
  </si>
  <si>
    <t>3827409.0</t>
  </si>
  <si>
    <t>3493259.0</t>
  </si>
  <si>
    <t>3833457.0</t>
  </si>
  <si>
    <t>3508884.0</t>
  </si>
  <si>
    <t>4664080.0</t>
  </si>
  <si>
    <t>909.226</t>
  </si>
  <si>
    <t>7361874.0</t>
  </si>
  <si>
    <t>3836565.0</t>
  </si>
  <si>
    <t>3515674.0</t>
  </si>
  <si>
    <t>20219.0</t>
  </si>
  <si>
    <t>-2770.4</t>
  </si>
  <si>
    <t>-534.280731507926</t>
  </si>
  <si>
    <t>7377873.0</t>
  </si>
  <si>
    <t>3841361.0</t>
  </si>
  <si>
    <t>3526232.0</t>
  </si>
  <si>
    <t>4711422.0</t>
  </si>
  <si>
    <t>918.455</t>
  </si>
  <si>
    <t>7397626.0</t>
  </si>
  <si>
    <t>3847924.0</t>
  </si>
  <si>
    <t>3538734.0</t>
  </si>
  <si>
    <t>4746888.0</t>
  </si>
  <si>
    <t>35466.0</t>
  </si>
  <si>
    <t>925.368</t>
  </si>
  <si>
    <t>7417239.0</t>
  </si>
  <si>
    <t>3854534.0</t>
  </si>
  <si>
    <t>3550881.0</t>
  </si>
  <si>
    <t>4781357.0</t>
  </si>
  <si>
    <t>932.088</t>
  </si>
  <si>
    <t>29878.0</t>
  </si>
  <si>
    <t>7436435.0</t>
  </si>
  <si>
    <t>3860950.0</t>
  </si>
  <si>
    <t>3562769.0</t>
  </si>
  <si>
    <t>4812340.0</t>
  </si>
  <si>
    <t>938.128</t>
  </si>
  <si>
    <t>30162.0</t>
  </si>
  <si>
    <t>7459667.0</t>
  </si>
  <si>
    <t>3866695.0</t>
  </si>
  <si>
    <t>3575069.0</t>
  </si>
  <si>
    <t>4843960.0</t>
  </si>
  <si>
    <t>944.292</t>
  </si>
  <si>
    <t>30188.0</t>
  </si>
  <si>
    <t>7485362.0</t>
  </si>
  <si>
    <t>3873118.0</t>
  </si>
  <si>
    <t>3589620.0</t>
  </si>
  <si>
    <t>25695.0</t>
  </si>
  <si>
    <t>144.36</t>
  </si>
  <si>
    <t>7499505.0</t>
  </si>
  <si>
    <t>3876831.0</t>
  </si>
  <si>
    <t>3597709.0</t>
  </si>
  <si>
    <t>24965.0</t>
  </si>
  <si>
    <t>-2798.1</t>
  </si>
  <si>
    <t>-539.622767409878</t>
  </si>
  <si>
    <t>7541374.0</t>
  </si>
  <si>
    <t>3883072.0</t>
  </si>
  <si>
    <t>3609662.0</t>
  </si>
  <si>
    <t>145.44</t>
  </si>
  <si>
    <t>4909302.0</t>
  </si>
  <si>
    <t>957.03</t>
  </si>
  <si>
    <t>28269.0</t>
  </si>
  <si>
    <t>7583222.0</t>
  </si>
  <si>
    <t>3890645.0</t>
  </si>
  <si>
    <t>3624115.0</t>
  </si>
  <si>
    <t>68462.0</t>
  </si>
  <si>
    <t>146.24</t>
  </si>
  <si>
    <t>4941226.0</t>
  </si>
  <si>
    <t>963.253</t>
  </si>
  <si>
    <t>7623446.0</t>
  </si>
  <si>
    <t>3898582.0</t>
  </si>
  <si>
    <t>3638472.0</t>
  </si>
  <si>
    <t>86392.0</t>
  </si>
  <si>
    <t>4974179.0</t>
  </si>
  <si>
    <t>32953.0</t>
  </si>
  <si>
    <t>969.677</t>
  </si>
  <si>
    <t>7663536.0</t>
  </si>
  <si>
    <t>3907289.0</t>
  </si>
  <si>
    <t>3655239.0</t>
  </si>
  <si>
    <t>40090.0</t>
  </si>
  <si>
    <t>5005959.0</t>
  </si>
  <si>
    <t>975.872</t>
  </si>
  <si>
    <t>7703033.0</t>
  </si>
  <si>
    <t>3914739.0</t>
  </si>
  <si>
    <t>3672689.0</t>
  </si>
  <si>
    <t>115605.0</t>
  </si>
  <si>
    <t>7730298.0</t>
  </si>
  <si>
    <t>3920417.0</t>
  </si>
  <si>
    <t>3686757.0</t>
  </si>
  <si>
    <t>123124.0</t>
  </si>
  <si>
    <t>5066370.0</t>
  </si>
  <si>
    <t>987.649</t>
  </si>
  <si>
    <t>7742281.0</t>
  </si>
  <si>
    <t>3923154.0</t>
  </si>
  <si>
    <t>3693519.0</t>
  </si>
  <si>
    <t>125608.0</t>
  </si>
  <si>
    <t>34682.0</t>
  </si>
  <si>
    <t>-2805.8</t>
  </si>
  <si>
    <t>-541.107737678652</t>
  </si>
  <si>
    <t>5084606.0</t>
  </si>
  <si>
    <t>991.204</t>
  </si>
  <si>
    <t>7767578.0</t>
  </si>
  <si>
    <t>3927772.0</t>
  </si>
  <si>
    <t>3704232.0</t>
  </si>
  <si>
    <t>135574.0</t>
  </si>
  <si>
    <t>25297.0</t>
  </si>
  <si>
    <t>28794.0</t>
  </si>
  <si>
    <t>5.613</t>
  </si>
  <si>
    <t>7791957.0</t>
  </si>
  <si>
    <t>3932187.0</t>
  </si>
  <si>
    <t>3714438.0</t>
  </si>
  <si>
    <t>145332.0</t>
  </si>
  <si>
    <t>29819.0</t>
  </si>
  <si>
    <t>5137118.0</t>
  </si>
  <si>
    <t>1001.441</t>
  </si>
  <si>
    <t>7815221.0</t>
  </si>
  <si>
    <t>3936004.0</t>
  </si>
  <si>
    <t>3723869.0</t>
  </si>
  <si>
    <t>155348.0</t>
  </si>
  <si>
    <t>27396.0</t>
  </si>
  <si>
    <t>150.72</t>
  </si>
  <si>
    <t>5171899.0</t>
  </si>
  <si>
    <t>34781.0</t>
  </si>
  <si>
    <t>1008.221</t>
  </si>
  <si>
    <t>7837090.0</t>
  </si>
  <si>
    <t>3939398.0</t>
  </si>
  <si>
    <t>3733122.0</t>
  </si>
  <si>
    <t>164570.0</t>
  </si>
  <si>
    <t>21869.0</t>
  </si>
  <si>
    <t>25676.0</t>
  </si>
  <si>
    <t>7858222.0</t>
  </si>
  <si>
    <t>3942294.0</t>
  </si>
  <si>
    <t>3742408.0</t>
  </si>
  <si>
    <t>5199476.0</t>
  </si>
  <si>
    <t>1013.597</t>
  </si>
  <si>
    <t>7874458.0</t>
  </si>
  <si>
    <t>3945065.0</t>
  </si>
  <si>
    <t>3750932.0</t>
  </si>
  <si>
    <t>5251593.0</t>
  </si>
  <si>
    <t>52117.0</t>
  </si>
  <si>
    <t>1023.757</t>
  </si>
  <si>
    <t>26460.0</t>
  </si>
  <si>
    <t>7881980.0</t>
  </si>
  <si>
    <t>3946255.0</t>
  </si>
  <si>
    <t>3755195.0</t>
  </si>
  <si>
    <t>180530.0</t>
  </si>
  <si>
    <t>-2769.1</t>
  </si>
  <si>
    <t>-534.030022241769</t>
  </si>
  <si>
    <t>5267423.0</t>
  </si>
  <si>
    <t>1026.843</t>
  </si>
  <si>
    <t>26117.0</t>
  </si>
  <si>
    <t>7900806.0</t>
  </si>
  <si>
    <t>3948677.0</t>
  </si>
  <si>
    <t>3762093.0</t>
  </si>
  <si>
    <t>190036.0</t>
  </si>
  <si>
    <t>5287715.0</t>
  </si>
  <si>
    <t>1030.798</t>
  </si>
  <si>
    <t>7921454.0</t>
  </si>
  <si>
    <t>3951174.0</t>
  </si>
  <si>
    <t>3769994.0</t>
  </si>
  <si>
    <t>200286.0</t>
  </si>
  <si>
    <t>5318362.0</t>
  </si>
  <si>
    <t>1036.773</t>
  </si>
  <si>
    <t>7942412.0</t>
  </si>
  <si>
    <t>3953615.0</t>
  </si>
  <si>
    <t>3778212.0</t>
  </si>
  <si>
    <t>210585.0</t>
  </si>
  <si>
    <t>5347308.0</t>
  </si>
  <si>
    <t>28946.0</t>
  </si>
  <si>
    <t>1042.416</t>
  </si>
  <si>
    <t>7963998.0</t>
  </si>
  <si>
    <t>3956061.0</t>
  </si>
  <si>
    <t>3786561.0</t>
  </si>
  <si>
    <t>221376.0</t>
  </si>
  <si>
    <t>5370203.0</t>
  </si>
  <si>
    <t>1046.879</t>
  </si>
  <si>
    <t>26359.0</t>
  </si>
  <si>
    <t>7985587.0</t>
  </si>
  <si>
    <t>3958116.0</t>
  </si>
  <si>
    <t>3794195.0</t>
  </si>
  <si>
    <t>233276.0</t>
  </si>
  <si>
    <t>18195.0</t>
  </si>
  <si>
    <t>5390105.0</t>
  </si>
  <si>
    <t>1050.758</t>
  </si>
  <si>
    <t>8001154.0</t>
  </si>
  <si>
    <t>3959872.0</t>
  </si>
  <si>
    <t>3800860.0</t>
  </si>
  <si>
    <t>240422.0</t>
  </si>
  <si>
    <t>5408516.0</t>
  </si>
  <si>
    <t>1054.348</t>
  </si>
  <si>
    <t>8008397.0</t>
  </si>
  <si>
    <t>3960657.0</t>
  </si>
  <si>
    <t>3804232.0</t>
  </si>
  <si>
    <t>243508.0</t>
  </si>
  <si>
    <t>154.44</t>
  </si>
  <si>
    <t>-2818.0</t>
  </si>
  <si>
    <t>-543.460547714891</t>
  </si>
  <si>
    <t>5420104.0</t>
  </si>
  <si>
    <t>1056.607</t>
  </si>
  <si>
    <t>8028943.0</t>
  </si>
  <si>
    <t>3962519.0</t>
  </si>
  <si>
    <t>3810536.0</t>
  </si>
  <si>
    <t>255888.0</t>
  </si>
  <si>
    <t>5434847.0</t>
  </si>
  <si>
    <t>1059.481</t>
  </si>
  <si>
    <t>8050901.0</t>
  </si>
  <si>
    <t>3964271.0</t>
  </si>
  <si>
    <t>3817829.0</t>
  </si>
  <si>
    <t>268801.0</t>
  </si>
  <si>
    <t>21958.0</t>
  </si>
  <si>
    <t>5457070.0</t>
  </si>
  <si>
    <t>1063.813</t>
  </si>
  <si>
    <t>19815.0</t>
  </si>
  <si>
    <t>8074091.0</t>
  </si>
  <si>
    <t>3965846.0</t>
  </si>
  <si>
    <t>3825144.0</t>
  </si>
  <si>
    <t>283101.0</t>
  </si>
  <si>
    <t>5479031.0</t>
  </si>
  <si>
    <t>1068.094</t>
  </si>
  <si>
    <t>18818.0</t>
  </si>
  <si>
    <t>8095555.0</t>
  </si>
  <si>
    <t>3967250.0</t>
  </si>
  <si>
    <t>3832316.0</t>
  </si>
  <si>
    <t>295989.0</t>
  </si>
  <si>
    <t>156.13</t>
  </si>
  <si>
    <t>5498055.0</t>
  </si>
  <si>
    <t>1071.802</t>
  </si>
  <si>
    <t>8109123.0</t>
  </si>
  <si>
    <t>3967959.0</t>
  </si>
  <si>
    <t>3836793.0</t>
  </si>
  <si>
    <t>304371.0</t>
  </si>
  <si>
    <t>8109232.0</t>
  </si>
  <si>
    <t>3967964.0</t>
  </si>
  <si>
    <t>3836845.0</t>
  </si>
  <si>
    <t>304423.0</t>
  </si>
  <si>
    <t>5525818.0</t>
  </si>
  <si>
    <t>1077.215</t>
  </si>
  <si>
    <t>8110988.0</t>
  </si>
  <si>
    <t>3968063.0</t>
  </si>
  <si>
    <t>3837585.0</t>
  </si>
  <si>
    <t>305340.0</t>
  </si>
  <si>
    <t>-2748.7</t>
  </si>
  <si>
    <t>-530.095815295927</t>
  </si>
  <si>
    <t>5531533.0</t>
  </si>
  <si>
    <t>1078.329</t>
  </si>
  <si>
    <t>8115127.0</t>
  </si>
  <si>
    <t>3968262.0</t>
  </si>
  <si>
    <t>3839147.0</t>
  </si>
  <si>
    <t>307718.0</t>
  </si>
  <si>
    <t>8120264.0</t>
  </si>
  <si>
    <t>3968537.0</t>
  </si>
  <si>
    <t>3841061.0</t>
  </si>
  <si>
    <t>310666.0</t>
  </si>
  <si>
    <t>5547846.0</t>
  </si>
  <si>
    <t>1081.509</t>
  </si>
  <si>
    <t>8144256.0</t>
  </si>
  <si>
    <t>3969673.0</t>
  </si>
  <si>
    <t>3847702.0</t>
  </si>
  <si>
    <t>326881.0</t>
  </si>
  <si>
    <t>23992.0</t>
  </si>
  <si>
    <t>5561698.0</t>
  </si>
  <si>
    <t>1084.209</t>
  </si>
  <si>
    <t>8167707.0</t>
  </si>
  <si>
    <t>3970631.0</t>
  </si>
  <si>
    <t>3852622.0</t>
  </si>
  <si>
    <t>344454.0</t>
  </si>
  <si>
    <t>23451.0</t>
  </si>
  <si>
    <t>1087.221</t>
  </si>
  <si>
    <t>8185415.0</t>
  </si>
  <si>
    <t>3971297.0</t>
  </si>
  <si>
    <t>3856161.0</t>
  </si>
  <si>
    <t>357957.0</t>
  </si>
  <si>
    <t>157.86</t>
  </si>
  <si>
    <t>8186853.0</t>
  </si>
  <si>
    <t>3971352.0</t>
  </si>
  <si>
    <t>3856518.0</t>
  </si>
  <si>
    <t>358983.0</t>
  </si>
  <si>
    <t>8189842.0</t>
  </si>
  <si>
    <t>3971486.0</t>
  </si>
  <si>
    <t>3857143.0</t>
  </si>
  <si>
    <t>361213.0</t>
  </si>
  <si>
    <t>157.94</t>
  </si>
  <si>
    <t>-2764.6</t>
  </si>
  <si>
    <t>-533.162182474304</t>
  </si>
  <si>
    <t>5608446.0</t>
  </si>
  <si>
    <t>1093.322</t>
  </si>
  <si>
    <t>8196047.0</t>
  </si>
  <si>
    <t>3971849.0</t>
  </si>
  <si>
    <t>3858459.0</t>
  </si>
  <si>
    <t>365739.0</t>
  </si>
  <si>
    <t>8203206.0</t>
  </si>
  <si>
    <t>3972253.0</t>
  </si>
  <si>
    <t>3859873.0</t>
  </si>
  <si>
    <t>371080.0</t>
  </si>
  <si>
    <t>8251007.0</t>
  </si>
  <si>
    <t>3973546.0</t>
  </si>
  <si>
    <t>3864500.0</t>
  </si>
  <si>
    <t>412961.0</t>
  </si>
  <si>
    <t>8300794.0</t>
  </si>
  <si>
    <t>3974906.0</t>
  </si>
  <si>
    <t>3868605.0</t>
  </si>
  <si>
    <t>457283.0</t>
  </si>
  <si>
    <t>5656046.0</t>
  </si>
  <si>
    <t>1102.602</t>
  </si>
  <si>
    <t>8351371.0</t>
  </si>
  <si>
    <t>3976191.0</t>
  </si>
  <si>
    <t>3872555.0</t>
  </si>
  <si>
    <t>502625.0</t>
  </si>
  <si>
    <t>8376482.0</t>
  </si>
  <si>
    <t>3976944.0</t>
  </si>
  <si>
    <t>3874916.0</t>
  </si>
  <si>
    <t>524622.0</t>
  </si>
  <si>
    <t>161.54</t>
  </si>
  <si>
    <t>8389147.0</t>
  </si>
  <si>
    <t>3977402.0</t>
  </si>
  <si>
    <t>3876302.0</t>
  </si>
  <si>
    <t>535443.0</t>
  </si>
  <si>
    <t>-2722.4</t>
  </si>
  <si>
    <t>-525.023773988297</t>
  </si>
  <si>
    <t>5694862.0</t>
  </si>
  <si>
    <t>1110.168</t>
  </si>
  <si>
    <t>8443209.0</t>
  </si>
  <si>
    <t>3978801.0</t>
  </si>
  <si>
    <t>3880303.0</t>
  </si>
  <si>
    <t>584105.0</t>
  </si>
  <si>
    <t>54062.0</t>
  </si>
  <si>
    <t>35309.0</t>
  </si>
  <si>
    <t>8495583.0</t>
  </si>
  <si>
    <t>3980306.0</t>
  </si>
  <si>
    <t>3884138.0</t>
  </si>
  <si>
    <t>631139.0</t>
  </si>
  <si>
    <t>52374.0</t>
  </si>
  <si>
    <t>41768.0</t>
  </si>
  <si>
    <t>5729278.0</t>
  </si>
  <si>
    <t>1116.878</t>
  </si>
  <si>
    <t>8543722.0</t>
  </si>
  <si>
    <t>3981753.0</t>
  </si>
  <si>
    <t>3887990.0</t>
  </si>
  <si>
    <t>673979.0</t>
  </si>
  <si>
    <t>48139.0</t>
  </si>
  <si>
    <t>5746268.0</t>
  </si>
  <si>
    <t>1120.19</t>
  </si>
  <si>
    <t>8591134.0</t>
  </si>
  <si>
    <t>3983174.0</t>
  </si>
  <si>
    <t>3891589.0</t>
  </si>
  <si>
    <t>716371.0</t>
  </si>
  <si>
    <t>165.68</t>
  </si>
  <si>
    <t>8637464.0</t>
  </si>
  <si>
    <t>3984631.0</t>
  </si>
  <si>
    <t>3894939.0</t>
  </si>
  <si>
    <t>757894.0</t>
  </si>
  <si>
    <t>8662815.0</t>
  </si>
  <si>
    <t>3985558.0</t>
  </si>
  <si>
    <t>3896890.0</t>
  </si>
  <si>
    <t>780367.0</t>
  </si>
  <si>
    <t>25351.0</t>
  </si>
  <si>
    <t>8674175.0</t>
  </si>
  <si>
    <t>3986124.0</t>
  </si>
  <si>
    <t>3897979.0</t>
  </si>
  <si>
    <t>790072.0</t>
  </si>
  <si>
    <t>167.28</t>
  </si>
  <si>
    <t>-2766.8</t>
  </si>
  <si>
    <t>-6.8</t>
  </si>
  <si>
    <t>-533.586459693954</t>
  </si>
  <si>
    <t>5798908.0</t>
  </si>
  <si>
    <t>1130.451</t>
  </si>
  <si>
    <t>8730109.0</t>
  </si>
  <si>
    <t>4001881.0</t>
  </si>
  <si>
    <t>3900467.0</t>
  </si>
  <si>
    <t>827761.0</t>
  </si>
  <si>
    <t>40986.0</t>
  </si>
  <si>
    <t>14455.0</t>
  </si>
  <si>
    <t>8786386.0</t>
  </si>
  <si>
    <t>4016199.0</t>
  </si>
  <si>
    <t>3902795.0</t>
  </si>
  <si>
    <t>867392.0</t>
  </si>
  <si>
    <t>56277.0</t>
  </si>
  <si>
    <t>8839263.0</t>
  </si>
  <si>
    <t>4029536.0</t>
  </si>
  <si>
    <t>3905264.0</t>
  </si>
  <si>
    <t>904463.0</t>
  </si>
  <si>
    <t>52877.0</t>
  </si>
  <si>
    <t>42220.0</t>
  </si>
  <si>
    <t>8893139.0</t>
  </si>
  <si>
    <t>4042530.0</t>
  </si>
  <si>
    <t>3907591.0</t>
  </si>
  <si>
    <t>943018.0</t>
  </si>
  <si>
    <t>5856306.0</t>
  </si>
  <si>
    <t>1141.641</t>
  </si>
  <si>
    <t>8951814.0</t>
  </si>
  <si>
    <t>4056062.0</t>
  </si>
  <si>
    <t>3909775.0</t>
  </si>
  <si>
    <t>985977.0</t>
  </si>
  <si>
    <t>5870642.0</t>
  </si>
  <si>
    <t>1144.435</t>
  </si>
  <si>
    <t>8992526.0</t>
  </si>
  <si>
    <t>4066856.0</t>
  </si>
  <si>
    <t>3911203.0</t>
  </si>
  <si>
    <t>1014467.0</t>
  </si>
  <si>
    <t>47102.0</t>
  </si>
  <si>
    <t>9021664.0</t>
  </si>
  <si>
    <t>4073790.0</t>
  </si>
  <si>
    <t>3912066.0</t>
  </si>
  <si>
    <t>1035808.0</t>
  </si>
  <si>
    <t>-2772.6</t>
  </si>
  <si>
    <t>-534.705008727576</t>
  </si>
  <si>
    <t>5894156.0</t>
  </si>
  <si>
    <t>1149.019</t>
  </si>
  <si>
    <t>9096574.0</t>
  </si>
  <si>
    <t>4089476.0</t>
  </si>
  <si>
    <t>3913963.0</t>
  </si>
  <si>
    <t>1093135.0</t>
  </si>
  <si>
    <t>74910.0</t>
  </si>
  <si>
    <t>52352.0</t>
  </si>
  <si>
    <t>9173050.0</t>
  </si>
  <si>
    <t>4106101.0</t>
  </si>
  <si>
    <t>3916158.0</t>
  </si>
  <si>
    <t>1150791.0</t>
  </si>
  <si>
    <t>76476.0</t>
  </si>
  <si>
    <t>55238.0</t>
  </si>
  <si>
    <t>176.91</t>
  </si>
  <si>
    <t>5934769.0</t>
  </si>
  <si>
    <t>1156.936</t>
  </si>
  <si>
    <t>9242620.0</t>
  </si>
  <si>
    <t>4121578.0</t>
  </si>
  <si>
    <t>3918490.0</t>
  </si>
  <si>
    <t>1202552.0</t>
  </si>
  <si>
    <t>69570.0</t>
  </si>
  <si>
    <t>57622.0</t>
  </si>
  <si>
    <t>178.25</t>
  </si>
  <si>
    <t>9307000.0</t>
  </si>
  <si>
    <t>4136027.0</t>
  </si>
  <si>
    <t>3920830.0</t>
  </si>
  <si>
    <t>1250143.0</t>
  </si>
  <si>
    <t>64380.0</t>
  </si>
  <si>
    <t>59123.0</t>
  </si>
  <si>
    <t>5978896.0</t>
  </si>
  <si>
    <t>1165.539</t>
  </si>
  <si>
    <t>9370273.0</t>
  </si>
  <si>
    <t>4150163.0</t>
  </si>
  <si>
    <t>3923060.0</t>
  </si>
  <si>
    <t>1297050.0</t>
  </si>
  <si>
    <t>63273.0</t>
  </si>
  <si>
    <t>9411853.0</t>
  </si>
  <si>
    <t>4160052.0</t>
  </si>
  <si>
    <t>3924361.0</t>
  </si>
  <si>
    <t>41580.0</t>
  </si>
  <si>
    <t>181.51</t>
  </si>
  <si>
    <t>13314.0</t>
  </si>
  <si>
    <t>6020388.0</t>
  </si>
  <si>
    <t>1173.627</t>
  </si>
  <si>
    <t>9430619.0</t>
  </si>
  <si>
    <t>4164673.0</t>
  </si>
  <si>
    <t>3925072.0</t>
  </si>
  <si>
    <t>1340874.0</t>
  </si>
  <si>
    <t>58422.0</t>
  </si>
  <si>
    <t>181.87</t>
  </si>
  <si>
    <t>-2775.4</t>
  </si>
  <si>
    <t>-535.244997916221</t>
  </si>
  <si>
    <t>6033669.0</t>
  </si>
  <si>
    <t>1176.216</t>
  </si>
  <si>
    <t>9461037.0</t>
  </si>
  <si>
    <t>4171214.0</t>
  </si>
  <si>
    <t>3926222.0</t>
  </si>
  <si>
    <t>1363601.0</t>
  </si>
  <si>
    <t>52066.0</t>
  </si>
  <si>
    <t>182.46</t>
  </si>
  <si>
    <t>9512086.0</t>
  </si>
  <si>
    <t>4181102.0</t>
  </si>
  <si>
    <t>3928484.0</t>
  </si>
  <si>
    <t>1402500.0</t>
  </si>
  <si>
    <t>51049.0</t>
  </si>
  <si>
    <t>183.44</t>
  </si>
  <si>
    <t>6071954.0</t>
  </si>
  <si>
    <t>1183.68</t>
  </si>
  <si>
    <t>4187956.0</t>
  </si>
  <si>
    <t>3930525.0</t>
  </si>
  <si>
    <t>1439193.0</t>
  </si>
  <si>
    <t>184.32</t>
  </si>
  <si>
    <t>6096862.0</t>
  </si>
  <si>
    <t>1188.535</t>
  </si>
  <si>
    <t>9611525.0</t>
  </si>
  <si>
    <t>4193364.0</t>
  </si>
  <si>
    <t>3932363.0</t>
  </si>
  <si>
    <t>1485798.0</t>
  </si>
  <si>
    <t>185.36</t>
  </si>
  <si>
    <t>6117388.0</t>
  </si>
  <si>
    <t>1192.537</t>
  </si>
  <si>
    <t>9686101.0</t>
  </si>
  <si>
    <t>4198694.0</t>
  </si>
  <si>
    <t>3934147.0</t>
  </si>
  <si>
    <t>1553260.0</t>
  </si>
  <si>
    <t>74576.0</t>
  </si>
  <si>
    <t>9741834.0</t>
  </si>
  <si>
    <t>4204069.0</t>
  </si>
  <si>
    <t>3935250.0</t>
  </si>
  <si>
    <t>1602515.0</t>
  </si>
  <si>
    <t>55733.0</t>
  </si>
  <si>
    <t>47140.0</t>
  </si>
  <si>
    <t>9769363.0</t>
  </si>
  <si>
    <t>4206062.0</t>
  </si>
  <si>
    <t>3935769.0</t>
  </si>
  <si>
    <t>1627532.0</t>
  </si>
  <si>
    <t>48392.0</t>
  </si>
  <si>
    <t>188.41</t>
  </si>
  <si>
    <t>-2753.8</t>
  </si>
  <si>
    <t>-531.079367032387</t>
  </si>
  <si>
    <t>6168565.0</t>
  </si>
  <si>
    <t>1202.513</t>
  </si>
  <si>
    <t>9790324.0</t>
  </si>
  <si>
    <t>4207745.0</t>
  </si>
  <si>
    <t>3936328.0</t>
  </si>
  <si>
    <t>1646251.0</t>
  </si>
  <si>
    <t>20961.0</t>
  </si>
  <si>
    <t>47041.0</t>
  </si>
  <si>
    <t>9856212.0</t>
  </si>
  <si>
    <t>4210785.0</t>
  </si>
  <si>
    <t>3938227.0</t>
  </si>
  <si>
    <t>1707200.0</t>
  </si>
  <si>
    <t>190.08</t>
  </si>
  <si>
    <t>9917586.0</t>
  </si>
  <si>
    <t>4213563.0</t>
  </si>
  <si>
    <t>3939882.0</t>
  </si>
  <si>
    <t>1764141.0</t>
  </si>
  <si>
    <t>9972914.0</t>
  </si>
  <si>
    <t>4216315.0</t>
  </si>
  <si>
    <t>3941509.0</t>
  </si>
  <si>
    <t>1815090.0</t>
  </si>
  <si>
    <t>51627.0</t>
  </si>
  <si>
    <t>6249107.0</t>
  </si>
  <si>
    <t>1218.214</t>
  </si>
  <si>
    <t>10035428.0</t>
  </si>
  <si>
    <t>4219479.0</t>
  </si>
  <si>
    <t>3943124.0</t>
  </si>
  <si>
    <t>1872825.0</t>
  </si>
  <si>
    <t>10091783.0</t>
  </si>
  <si>
    <t>4224299.0</t>
  </si>
  <si>
    <t>3944452.0</t>
  </si>
  <si>
    <t>1923032.0</t>
  </si>
  <si>
    <t>20094.0</t>
  </si>
  <si>
    <t>10114728.0</t>
  </si>
  <si>
    <t>4225820.0</t>
  </si>
  <si>
    <t>3944993.0</t>
  </si>
  <si>
    <t>1943915.0</t>
  </si>
  <si>
    <t>49338.0</t>
  </si>
  <si>
    <t>-2705.2</t>
  </si>
  <si>
    <t>-521.706697543763</t>
  </si>
  <si>
    <t>6313689.0</t>
  </si>
  <si>
    <t>1230.804</t>
  </si>
  <si>
    <t>20732.0</t>
  </si>
  <si>
    <t>10165953.0</t>
  </si>
  <si>
    <t>4227875.0</t>
  </si>
  <si>
    <t>3946346.0</t>
  </si>
  <si>
    <t>1991732.0</t>
  </si>
  <si>
    <t>51225.0</t>
  </si>
  <si>
    <t>10216424.0</t>
  </si>
  <si>
    <t>4230264.0</t>
  </si>
  <si>
    <t>3947892.0</t>
  </si>
  <si>
    <t>2038268.0</t>
  </si>
  <si>
    <t>6362899.0</t>
  </si>
  <si>
    <t>1240.397</t>
  </si>
  <si>
    <t>10261205.0</t>
  </si>
  <si>
    <t>4232627.0</t>
  </si>
  <si>
    <t>3949390.0</t>
  </si>
  <si>
    <t>2079188.0</t>
  </si>
  <si>
    <t>197.89</t>
  </si>
  <si>
    <t>10301172.0</t>
  </si>
  <si>
    <t>4234925.0</t>
  </si>
  <si>
    <t>3950797.0</t>
  </si>
  <si>
    <t>2115450.0</t>
  </si>
  <si>
    <t>39967.0</t>
  </si>
  <si>
    <t>198.66</t>
  </si>
  <si>
    <t>6428083.0</t>
  </si>
  <si>
    <t>1253.104</t>
  </si>
  <si>
    <t>10345251.0</t>
  </si>
  <si>
    <t>4237783.0</t>
  </si>
  <si>
    <t>3952311.0</t>
  </si>
  <si>
    <t>2155157.0</t>
  </si>
  <si>
    <t>44079.0</t>
  </si>
  <si>
    <t>44260.0</t>
  </si>
  <si>
    <t>10383719.0</t>
  </si>
  <si>
    <t>4241502.0</t>
  </si>
  <si>
    <t>3953569.0</t>
  </si>
  <si>
    <t>2188648.0</t>
  </si>
  <si>
    <t>27568.0</t>
  </si>
  <si>
    <t>10401193.0</t>
  </si>
  <si>
    <t>4242850.0</t>
  </si>
  <si>
    <t>3954218.0</t>
  </si>
  <si>
    <t>2204125.0</t>
  </si>
  <si>
    <t>200.59</t>
  </si>
  <si>
    <t>-2681.6</t>
  </si>
  <si>
    <t>-517.155360096612</t>
  </si>
  <si>
    <t>6513660.0</t>
  </si>
  <si>
    <t>1269.787</t>
  </si>
  <si>
    <t>10431942.0</t>
  </si>
  <si>
    <t>4244602.0</t>
  </si>
  <si>
    <t>3955318.0</t>
  </si>
  <si>
    <t>2232022.0</t>
  </si>
  <si>
    <t>30749.0</t>
  </si>
  <si>
    <t>201.18</t>
  </si>
  <si>
    <t>6538011.0</t>
  </si>
  <si>
    <t>24351.0</t>
  </si>
  <si>
    <t>1274.534</t>
  </si>
  <si>
    <t>10461070.0</t>
  </si>
  <si>
    <t>3956693.0</t>
  </si>
  <si>
    <t>2257829.0</t>
  </si>
  <si>
    <t>10489194.0</t>
  </si>
  <si>
    <t>4248480.0</t>
  </si>
  <si>
    <t>3958003.0</t>
  </si>
  <si>
    <t>2282711.0</t>
  </si>
  <si>
    <t>32570.0</t>
  </si>
  <si>
    <t>6598789.0</t>
  </si>
  <si>
    <t>1286.382</t>
  </si>
  <si>
    <t>10518477.0</t>
  </si>
  <si>
    <t>4250672.0</t>
  </si>
  <si>
    <t>3959290.0</t>
  </si>
  <si>
    <t>2308515.0</t>
  </si>
  <si>
    <t>31044.0</t>
  </si>
  <si>
    <t>6629650.0</t>
  </si>
  <si>
    <t>1292.398</t>
  </si>
  <si>
    <t>28795.0</t>
  </si>
  <si>
    <t>10554206.0</t>
  </si>
  <si>
    <t>4253423.0</t>
  </si>
  <si>
    <t>3960749.0</t>
  </si>
  <si>
    <t>2340034.0</t>
  </si>
  <si>
    <t>29851.0</t>
  </si>
  <si>
    <t>6660665.0</t>
  </si>
  <si>
    <t>1298.444</t>
  </si>
  <si>
    <t>10587675.0</t>
  </si>
  <si>
    <t>4256670.0</t>
  </si>
  <si>
    <t>3961977.0</t>
  </si>
  <si>
    <t>2369028.0</t>
  </si>
  <si>
    <t>33469.0</t>
  </si>
  <si>
    <t>6688455.0</t>
  </si>
  <si>
    <t>27790.0</t>
  </si>
  <si>
    <t>1303.862</t>
  </si>
  <si>
    <t>10603398.0</t>
  </si>
  <si>
    <t>4258022.0</t>
  </si>
  <si>
    <t>3962596.0</t>
  </si>
  <si>
    <t>2382780.0</t>
  </si>
  <si>
    <t>-2688.8</t>
  </si>
  <si>
    <t>-518.543903724556</t>
  </si>
  <si>
    <t>6711198.0</t>
  </si>
  <si>
    <t>1308.295</t>
  </si>
  <si>
    <t>28220.0</t>
  </si>
  <si>
    <t>10629817.0</t>
  </si>
  <si>
    <t>4259865.0</t>
  </si>
  <si>
    <t>3963552.0</t>
  </si>
  <si>
    <t>2406400.0</t>
  </si>
  <si>
    <t>28268.0</t>
  </si>
  <si>
    <t>6728049.0</t>
  </si>
  <si>
    <t>1311.58</t>
  </si>
  <si>
    <t>10651940.0</t>
  </si>
  <si>
    <t>4261703.0</t>
  </si>
  <si>
    <t>3964642.0</t>
  </si>
  <si>
    <t>2425595.0</t>
  </si>
  <si>
    <t>25663.0</t>
  </si>
  <si>
    <t>10673106.0</t>
  </si>
  <si>
    <t>4263511.0</t>
  </si>
  <si>
    <t>3965794.0</t>
  </si>
  <si>
    <t>2443801.0</t>
  </si>
  <si>
    <t>10691012.0</t>
  </si>
  <si>
    <t>4265008.0</t>
  </si>
  <si>
    <t>3966764.0</t>
  </si>
  <si>
    <t>6788023.0</t>
  </si>
  <si>
    <t>1323.272</t>
  </si>
  <si>
    <t>10709959.0</t>
  </si>
  <si>
    <t>4266542.0</t>
  </si>
  <si>
    <t>3967734.0</t>
  </si>
  <si>
    <t>2475683.0</t>
  </si>
  <si>
    <t>6802074.0</t>
  </si>
  <si>
    <t>1326.011</t>
  </si>
  <si>
    <t>10728147.0</t>
  </si>
  <si>
    <t>4268843.0</t>
  </si>
  <si>
    <t>3968861.0</t>
  </si>
  <si>
    <t>2490443.0</t>
  </si>
  <si>
    <t>6807759.0</t>
  </si>
  <si>
    <t>1327.119</t>
  </si>
  <si>
    <t>10735189.0</t>
  </si>
  <si>
    <t>4269593.0</t>
  </si>
  <si>
    <t>3969376.0</t>
  </si>
  <si>
    <t>2496220.0</t>
  </si>
  <si>
    <t>-2644.6</t>
  </si>
  <si>
    <t>-510.019788675231</t>
  </si>
  <si>
    <t>6812511.0</t>
  </si>
  <si>
    <t>1328.045</t>
  </si>
  <si>
    <t>10747583.0</t>
  </si>
  <si>
    <t>4270469.0</t>
  </si>
  <si>
    <t>3970282.0</t>
  </si>
  <si>
    <t>2506832.0</t>
  </si>
  <si>
    <t>207.27</t>
  </si>
  <si>
    <t>6816637.0</t>
  </si>
  <si>
    <t>1328.85</t>
  </si>
  <si>
    <t>10759068.0</t>
  </si>
  <si>
    <t>4271348.0</t>
  </si>
  <si>
    <t>3971220.0</t>
  </si>
  <si>
    <t>2516500.0</t>
  </si>
  <si>
    <t>6821356.0</t>
  </si>
  <si>
    <t>1329.77</t>
  </si>
  <si>
    <t>10770262.0</t>
  </si>
  <si>
    <t>4272268.0</t>
  </si>
  <si>
    <t>3972171.0</t>
  </si>
  <si>
    <t>2525823.0</t>
  </si>
  <si>
    <t>10780195.0</t>
  </si>
  <si>
    <t>4273174.0</t>
  </si>
  <si>
    <t>3973083.0</t>
  </si>
  <si>
    <t>2533938.0</t>
  </si>
  <si>
    <t>6830787.0</t>
  </si>
  <si>
    <t>1331.608</t>
  </si>
  <si>
    <t>10790930.0</t>
  </si>
  <si>
    <t>4274025.0</t>
  </si>
  <si>
    <t>3974186.0</t>
  </si>
  <si>
    <t>2542719.0</t>
  </si>
  <si>
    <t>208.11</t>
  </si>
  <si>
    <t>10801200.0</t>
  </si>
  <si>
    <t>4275229.0</t>
  </si>
  <si>
    <t>3975472.0</t>
  </si>
  <si>
    <t>2550499.0</t>
  </si>
  <si>
    <t>6838404.0</t>
  </si>
  <si>
    <t>1333.093</t>
  </si>
  <si>
    <t>10805590.0</t>
  </si>
  <si>
    <t>4275636.0</t>
  </si>
  <si>
    <t>3976210.0</t>
  </si>
  <si>
    <t>2553744.0</t>
  </si>
  <si>
    <t>208.39</t>
  </si>
  <si>
    <t>-2555.6</t>
  </si>
  <si>
    <t>-492.855846607586</t>
  </si>
  <si>
    <t>6840165.0</t>
  </si>
  <si>
    <t>1333.436</t>
  </si>
  <si>
    <t>10816228.0</t>
  </si>
  <si>
    <t>4276223.0</t>
  </si>
  <si>
    <t>3980189.0</t>
  </si>
  <si>
    <t>2559816.0</t>
  </si>
  <si>
    <t>10826951.0</t>
  </si>
  <si>
    <t>4276935.0</t>
  </si>
  <si>
    <t>3984630.0</t>
  </si>
  <si>
    <t>2565386.0</t>
  </si>
  <si>
    <t>10838464.0</t>
  </si>
  <si>
    <t>4277725.0</t>
  </si>
  <si>
    <t>3989261.0</t>
  </si>
  <si>
    <t>2571478.0</t>
  </si>
  <si>
    <t>209.02</t>
  </si>
  <si>
    <t>10849360.0</t>
  </si>
  <si>
    <t>4278389.0</t>
  </si>
  <si>
    <t>3994050.0</t>
  </si>
  <si>
    <t>10861746.0</t>
  </si>
  <si>
    <t>4279039.0</t>
  </si>
  <si>
    <t>4000141.0</t>
  </si>
  <si>
    <t>2582566.0</t>
  </si>
  <si>
    <t>10875741.0</t>
  </si>
  <si>
    <t>4279811.0</t>
  </si>
  <si>
    <t>4008127.0</t>
  </si>
  <si>
    <t>2587803.0</t>
  </si>
  <si>
    <t>10881653.0</t>
  </si>
  <si>
    <t>4011451.0</t>
  </si>
  <si>
    <t>2590060.0</t>
  </si>
  <si>
    <t>209.86</t>
  </si>
  <si>
    <t>-2433.0</t>
  </si>
  <si>
    <t>-469.2120342762</t>
  </si>
  <si>
    <t>6891083.0</t>
  </si>
  <si>
    <t>1343.362</t>
  </si>
  <si>
    <t>10889897.0</t>
  </si>
  <si>
    <t>4280524.0</t>
  </si>
  <si>
    <t>4015490.0</t>
  </si>
  <si>
    <t>2593883.0</t>
  </si>
  <si>
    <t>10898777.0</t>
  </si>
  <si>
    <t>4280928.0</t>
  </si>
  <si>
    <t>4019924.0</t>
  </si>
  <si>
    <t>2597925.0</t>
  </si>
  <si>
    <t>210.19</t>
  </si>
  <si>
    <t>10907569.0</t>
  </si>
  <si>
    <t>4281354.0</t>
  </si>
  <si>
    <t>4024518.0</t>
  </si>
  <si>
    <t>2601697.0</t>
  </si>
  <si>
    <t>10915243.0</t>
  </si>
  <si>
    <t>4281673.0</t>
  </si>
  <si>
    <t>4028817.0</t>
  </si>
  <si>
    <t>2604753.0</t>
  </si>
  <si>
    <t>6902982.0</t>
  </si>
  <si>
    <t>1345.682</t>
  </si>
  <si>
    <t>10924658.0</t>
  </si>
  <si>
    <t>4282010.0</t>
  </si>
  <si>
    <t>4034472.0</t>
  </si>
  <si>
    <t>2608176.0</t>
  </si>
  <si>
    <t>10935395.0</t>
  </si>
  <si>
    <t>4282468.0</t>
  </si>
  <si>
    <t>4041812.0</t>
  </si>
  <si>
    <t>2611115.0</t>
  </si>
  <si>
    <t>210.89</t>
  </si>
  <si>
    <t>10939493.0</t>
  </si>
  <si>
    <t>4282615.0</t>
  </si>
  <si>
    <t>4044656.0</t>
  </si>
  <si>
    <t>2612222.0</t>
  </si>
  <si>
    <t>-2330.8</t>
  </si>
  <si>
    <t>-449.502428890656</t>
  </si>
  <si>
    <t>6909758.0</t>
  </si>
  <si>
    <t>1347.003</t>
  </si>
  <si>
    <t>10945009.0</t>
  </si>
  <si>
    <t>4282793.0</t>
  </si>
  <si>
    <t>4047761.0</t>
  </si>
  <si>
    <t>2614455.0</t>
  </si>
  <si>
    <t>211.08</t>
  </si>
  <si>
    <t>10950687.0</t>
  </si>
  <si>
    <t>4283000.0</t>
  </si>
  <si>
    <t>4050839.0</t>
  </si>
  <si>
    <t>2616848.0</t>
  </si>
  <si>
    <t>10955791.0</t>
  </si>
  <si>
    <t>4283278.0</t>
  </si>
  <si>
    <t>4053492.0</t>
  </si>
  <si>
    <t>2619021.0</t>
  </si>
  <si>
    <t>10961183.0</t>
  </si>
  <si>
    <t>4283545.0</t>
  </si>
  <si>
    <t>4056333.0</t>
  </si>
  <si>
    <t>2621305.0</t>
  </si>
  <si>
    <t>6922367.0</t>
  </si>
  <si>
    <t>1349.461</t>
  </si>
  <si>
    <t>10966550.0</t>
  </si>
  <si>
    <t>4283723.0</t>
  </si>
  <si>
    <t>4059343.0</t>
  </si>
  <si>
    <t>2623484.0</t>
  </si>
  <si>
    <t>10972861.0</t>
  </si>
  <si>
    <t>4284024.0</t>
  </si>
  <si>
    <t>4063366.0</t>
  </si>
  <si>
    <t>2625471.0</t>
  </si>
  <si>
    <t>10975392.0</t>
  </si>
  <si>
    <t>4284141.0</t>
  </si>
  <si>
    <t>4064907.0</t>
  </si>
  <si>
    <t>2626344.0</t>
  </si>
  <si>
    <t>-2237.0</t>
  </si>
  <si>
    <t>-431.412791071048</t>
  </si>
  <si>
    <t>10978697.0</t>
  </si>
  <si>
    <t>4284272.0</t>
  </si>
  <si>
    <t>4066301.0</t>
  </si>
  <si>
    <t>2628124.0</t>
  </si>
  <si>
    <t>10981978.0</t>
  </si>
  <si>
    <t>4284454.0</t>
  </si>
  <si>
    <t>4067727.0</t>
  </si>
  <si>
    <t>2629797.0</t>
  </si>
  <si>
    <t>10985411.0</t>
  </si>
  <si>
    <t>4284644.0</t>
  </si>
  <si>
    <t>4069210.0</t>
  </si>
  <si>
    <t>2631557.0</t>
  </si>
  <si>
    <t>10989296.0</t>
  </si>
  <si>
    <t>4284809.0</t>
  </si>
  <si>
    <t>4070623.0</t>
  </si>
  <si>
    <t>2633864.0</t>
  </si>
  <si>
    <t>6948958.0</t>
  </si>
  <si>
    <t>1354.645</t>
  </si>
  <si>
    <t>10993514.0</t>
  </si>
  <si>
    <t>4284970.0</t>
  </si>
  <si>
    <t>4072378.0</t>
  </si>
  <si>
    <t>2636166.0</t>
  </si>
  <si>
    <t>10998288.0</t>
  </si>
  <si>
    <t>4285206.0</t>
  </si>
  <si>
    <t>4074807.0</t>
  </si>
  <si>
    <t>2638275.0</t>
  </si>
  <si>
    <t>11000139.0</t>
  </si>
  <si>
    <t>4285268.0</t>
  </si>
  <si>
    <t>4075734.0</t>
  </si>
  <si>
    <t>2639137.0</t>
  </si>
  <si>
    <t>-2195.6</t>
  </si>
  <si>
    <t>-423.428665210368</t>
  </si>
  <si>
    <t>6954369.0</t>
  </si>
  <si>
    <t>1355.699</t>
  </si>
  <si>
    <t>11002896.0</t>
  </si>
  <si>
    <t>4285383.0</t>
  </si>
  <si>
    <t>4076707.0</t>
  </si>
  <si>
    <t>2640806.0</t>
  </si>
  <si>
    <t>11005695.0</t>
  </si>
  <si>
    <t>4285511.0</t>
  </si>
  <si>
    <t>4077633.0</t>
  </si>
  <si>
    <t>2642551.0</t>
  </si>
  <si>
    <t>11008488.0</t>
  </si>
  <si>
    <t>4285617.0</t>
  </si>
  <si>
    <t>4078586.0</t>
  </si>
  <si>
    <t>2644285.0</t>
  </si>
  <si>
    <t>11012205.0</t>
  </si>
  <si>
    <t>4285786.0</t>
  </si>
  <si>
    <t>4079912.0</t>
  </si>
  <si>
    <t>2646507.0</t>
  </si>
  <si>
    <t>6966982.0</t>
  </si>
  <si>
    <t>1358.158</t>
  </si>
  <si>
    <t>11012358.0</t>
  </si>
  <si>
    <t>4285798.0</t>
  </si>
  <si>
    <t>4079975.0</t>
  </si>
  <si>
    <t>2646585.0</t>
  </si>
  <si>
    <t>11013886.0</t>
  </si>
  <si>
    <t>4285869.0</t>
  </si>
  <si>
    <t>4080602.0</t>
  </si>
  <si>
    <t>2647415.0</t>
  </si>
  <si>
    <t>11014104.0</t>
  </si>
  <si>
    <t>4285887.0</t>
  </si>
  <si>
    <t>4080671.0</t>
  </si>
  <si>
    <t>2647546.0</t>
  </si>
  <si>
    <t>-2089.0</t>
  </si>
  <si>
    <t>-402.870505385525</t>
  </si>
  <si>
    <t>6971077.0</t>
  </si>
  <si>
    <t>1358.956</t>
  </si>
  <si>
    <t>11014525.0</t>
  </si>
  <si>
    <t>4285896.0</t>
  </si>
  <si>
    <t>4080845.0</t>
  </si>
  <si>
    <t>2647784.0</t>
  </si>
  <si>
    <t>11017721.0</t>
  </si>
  <si>
    <t>4286031.0</t>
  </si>
  <si>
    <t>4082067.0</t>
  </si>
  <si>
    <t>2649623.0</t>
  </si>
  <si>
    <t>11020721.0</t>
  </si>
  <si>
    <t>4286178.0</t>
  </si>
  <si>
    <t>4083260.0</t>
  </si>
  <si>
    <t>2651283.0</t>
  </si>
  <si>
    <t>11023455.0</t>
  </si>
  <si>
    <t>4286301.0</t>
  </si>
  <si>
    <t>4084299.0</t>
  </si>
  <si>
    <t>2652855.0</t>
  </si>
  <si>
    <t>6980390.0</t>
  </si>
  <si>
    <t>1360.772</t>
  </si>
  <si>
    <t>11026444.0</t>
  </si>
  <si>
    <t>4286431.0</t>
  </si>
  <si>
    <t>4085450.0</t>
  </si>
  <si>
    <t>2654563.0</t>
  </si>
  <si>
    <t>11028822.0</t>
  </si>
  <si>
    <t>4286542.0</t>
  </si>
  <si>
    <t>4086502.0</t>
  </si>
  <si>
    <t>2655778.0</t>
  </si>
  <si>
    <t>11029950.0</t>
  </si>
  <si>
    <t>4286597.0</t>
  </si>
  <si>
    <t>4086990.0</t>
  </si>
  <si>
    <t>2656363.0</t>
  </si>
  <si>
    <t>-2021.4</t>
  </si>
  <si>
    <t>-389.83362354538</t>
  </si>
  <si>
    <t>6985911.0</t>
  </si>
  <si>
    <t>1361.848</t>
  </si>
  <si>
    <t>11030308.0</t>
  </si>
  <si>
    <t>4286619.0</t>
  </si>
  <si>
    <t>4087143.0</t>
  </si>
  <si>
    <t>2656546.0</t>
  </si>
  <si>
    <t>11033514.0</t>
  </si>
  <si>
    <t>4286800.0</t>
  </si>
  <si>
    <t>4088393.0</t>
  </si>
  <si>
    <t>2658321.0</t>
  </si>
  <si>
    <t>11036545.0</t>
  </si>
  <si>
    <t>4286947.0</t>
  </si>
  <si>
    <t>4089643.0</t>
  </si>
  <si>
    <t>2659955.0</t>
  </si>
  <si>
    <t>11039474.0</t>
  </si>
  <si>
    <t>4287125.0</t>
  </si>
  <si>
    <t>4090765.0</t>
  </si>
  <si>
    <t>2661584.0</t>
  </si>
  <si>
    <t>7075276.0</t>
  </si>
  <si>
    <t>1379.269</t>
  </si>
  <si>
    <t>11042567.0</t>
  </si>
  <si>
    <t>4287295.0</t>
  </si>
  <si>
    <t>4092010.0</t>
  </si>
  <si>
    <t>2663262.0</t>
  </si>
  <si>
    <t>11045351.0</t>
  </si>
  <si>
    <t>4287429.0</t>
  </si>
  <si>
    <t>4093209.0</t>
  </si>
  <si>
    <t>2664713.0</t>
  </si>
  <si>
    <t>11046219.0</t>
  </si>
  <si>
    <t>4287480.0</t>
  </si>
  <si>
    <t>4093563.0</t>
  </si>
  <si>
    <t>2665176.0</t>
  </si>
  <si>
    <t>-1980.4</t>
  </si>
  <si>
    <t>-381.926638997364</t>
  </si>
  <si>
    <t>7083851.0</t>
  </si>
  <si>
    <t>1380.941</t>
  </si>
  <si>
    <t>11047882.0</t>
  </si>
  <si>
    <t>4287544.0</t>
  </si>
  <si>
    <t>4093929.0</t>
  </si>
  <si>
    <t>2666409.0</t>
  </si>
  <si>
    <t>11049477.0</t>
  </si>
  <si>
    <t>4287633.0</t>
  </si>
  <si>
    <t>4094295.0</t>
  </si>
  <si>
    <t>2667549.0</t>
  </si>
  <si>
    <t>11051045.0</t>
  </si>
  <si>
    <t>4287710.0</t>
  </si>
  <si>
    <t>4094651.0</t>
  </si>
  <si>
    <t>2668684.0</t>
  </si>
  <si>
    <t>7095449.0</t>
  </si>
  <si>
    <t>1383.202</t>
  </si>
  <si>
    <t>11052622.0</t>
  </si>
  <si>
    <t>4287771.0</t>
  </si>
  <si>
    <t>4095003.0</t>
  </si>
  <si>
    <t>2669848.0</t>
  </si>
  <si>
    <t>11054435.0</t>
  </si>
  <si>
    <t>4287859.0</t>
  </si>
  <si>
    <t>4095505.0</t>
  </si>
  <si>
    <t>2671071.0</t>
  </si>
  <si>
    <t>11056581.0</t>
  </si>
  <si>
    <t>4287993.0</t>
  </si>
  <si>
    <t>4096234.0</t>
  </si>
  <si>
    <t>2672354.0</t>
  </si>
  <si>
    <t>11057072.0</t>
  </si>
  <si>
    <t>4288014.0</t>
  </si>
  <si>
    <t>4096353.0</t>
  </si>
  <si>
    <t>2672705.0</t>
  </si>
  <si>
    <t>-1943.8</t>
  </si>
  <si>
    <t>-374.868208888647</t>
  </si>
  <si>
    <t>7107259.0</t>
  </si>
  <si>
    <t>1385.504</t>
  </si>
  <si>
    <t>11058439.0</t>
  </si>
  <si>
    <t>4288071.0</t>
  </si>
  <si>
    <t>4096603.0</t>
  </si>
  <si>
    <t>2673765.0</t>
  </si>
  <si>
    <t>213.27</t>
  </si>
  <si>
    <t>11059863.0</t>
  </si>
  <si>
    <t>4096867.0</t>
  </si>
  <si>
    <t>2674872.0</t>
  </si>
  <si>
    <t>213.29</t>
  </si>
  <si>
    <t>11061489.0</t>
  </si>
  <si>
    <t>4288207.0</t>
  </si>
  <si>
    <t>4097223.0</t>
  </si>
  <si>
    <t>2676059.0</t>
  </si>
  <si>
    <t>7119836.0</t>
  </si>
  <si>
    <t>1387.956</t>
  </si>
  <si>
    <t>11062938.0</t>
  </si>
  <si>
    <t>4288274.0</t>
  </si>
  <si>
    <t>4097538.0</t>
  </si>
  <si>
    <t>2677126.0</t>
  </si>
  <si>
    <t>11064499.0</t>
  </si>
  <si>
    <t>4288341.0</t>
  </si>
  <si>
    <t>4097877.0</t>
  </si>
  <si>
    <t>2678281.0</t>
  </si>
  <si>
    <t>11066285.0</t>
  </si>
  <si>
    <t>4288471.0</t>
  </si>
  <si>
    <t>4098475.0</t>
  </si>
  <si>
    <t>2679339.0</t>
  </si>
  <si>
    <t>11066986.0</t>
  </si>
  <si>
    <t>4288506.0</t>
  </si>
  <si>
    <t>4098698.0</t>
  </si>
  <si>
    <t>2679782.0</t>
  </si>
  <si>
    <t>-1846.8</t>
  </si>
  <si>
    <t>-356.16144056773</t>
  </si>
  <si>
    <t>7131887.0</t>
  </si>
  <si>
    <t>1390.305</t>
  </si>
  <si>
    <t>11068342.0</t>
  </si>
  <si>
    <t>4288589.0</t>
  </si>
  <si>
    <t>4098920.0</t>
  </si>
  <si>
    <t>2680833.0</t>
  </si>
  <si>
    <t>11069644.0</t>
  </si>
  <si>
    <t>4288675.0</t>
  </si>
  <si>
    <t>4099149.0</t>
  </si>
  <si>
    <t>2681820.0</t>
  </si>
  <si>
    <t>11070904.0</t>
  </si>
  <si>
    <t>4288738.0</t>
  </si>
  <si>
    <t>4099417.0</t>
  </si>
  <si>
    <t>2682749.0</t>
  </si>
  <si>
    <t>7145322.0</t>
  </si>
  <si>
    <t>1392.924</t>
  </si>
  <si>
    <t>11072154.0</t>
  </si>
  <si>
    <t>4288826.0</t>
  </si>
  <si>
    <t>4099655.0</t>
  </si>
  <si>
    <t>2683673.0</t>
  </si>
  <si>
    <t>11073452.0</t>
  </si>
  <si>
    <t>4288894.0</t>
  </si>
  <si>
    <t>4099965.0</t>
  </si>
  <si>
    <t>2684593.0</t>
  </si>
  <si>
    <t>11074899.0</t>
  </si>
  <si>
    <t>4288994.0</t>
  </si>
  <si>
    <t>4100425.0</t>
  </si>
  <si>
    <t>2685480.0</t>
  </si>
  <si>
    <t>11075416.0</t>
  </si>
  <si>
    <t>4289027.0</t>
  </si>
  <si>
    <t>4100607.0</t>
  </si>
  <si>
    <t>2685782.0</t>
  </si>
  <si>
    <t>-1763.6</t>
  </si>
  <si>
    <t>-340.116047533706</t>
  </si>
  <si>
    <t>7157785.0</t>
  </si>
  <si>
    <t>1395.354</t>
  </si>
  <si>
    <t>11076576.0</t>
  </si>
  <si>
    <t>4289082.0</t>
  </si>
  <si>
    <t>4100846.0</t>
  </si>
  <si>
    <t>2686648.0</t>
  </si>
  <si>
    <t>11077750.0</t>
  </si>
  <si>
    <t>4289196.0</t>
  </si>
  <si>
    <t>4101041.0</t>
  </si>
  <si>
    <t>2687513.0</t>
  </si>
  <si>
    <t>11078988.0</t>
  </si>
  <si>
    <t>4289273.0</t>
  </si>
  <si>
    <t>4101243.0</t>
  </si>
  <si>
    <t>2688472.0</t>
  </si>
  <si>
    <t>213.66</t>
  </si>
  <si>
    <t>7170275.0</t>
  </si>
  <si>
    <t>1397.789</t>
  </si>
  <si>
    <t>11080248.0</t>
  </si>
  <si>
    <t>4289425.0</t>
  </si>
  <si>
    <t>4101507.0</t>
  </si>
  <si>
    <t>2689316.0</t>
  </si>
  <si>
    <t>213.69</t>
  </si>
  <si>
    <t>11081683.0</t>
  </si>
  <si>
    <t>4289516.0</t>
  </si>
  <si>
    <t>4101808.0</t>
  </si>
  <si>
    <t>2690359.0</t>
  </si>
  <si>
    <t>11083817.0</t>
  </si>
  <si>
    <t>4289702.0</t>
  </si>
  <si>
    <t>4102502.0</t>
  </si>
  <si>
    <t>2691613.0</t>
  </si>
  <si>
    <t>11084318.0</t>
  </si>
  <si>
    <t>4289727.0</t>
  </si>
  <si>
    <t>4102639.0</t>
  </si>
  <si>
    <t>2691952.0</t>
  </si>
  <si>
    <t>-1652.4</t>
  </si>
  <si>
    <t>-318.670762613232</t>
  </si>
  <si>
    <t>7183108.0</t>
  </si>
  <si>
    <t>1400.29</t>
  </si>
  <si>
    <t>11085524.0</t>
  </si>
  <si>
    <t>4289782.0</t>
  </si>
  <si>
    <t>4102869.0</t>
  </si>
  <si>
    <t>2692873.0</t>
  </si>
  <si>
    <t>11086711.0</t>
  </si>
  <si>
    <t>4289867.0</t>
  </si>
  <si>
    <t>4103077.0</t>
  </si>
  <si>
    <t>2693767.0</t>
  </si>
  <si>
    <t>213.81</t>
  </si>
  <si>
    <t>11087962.0</t>
  </si>
  <si>
    <t>4289963.0</t>
  </si>
  <si>
    <t>4103315.0</t>
  </si>
  <si>
    <t>2694684.0</t>
  </si>
  <si>
    <t>11089277.0</t>
  </si>
  <si>
    <t>4290053.0</t>
  </si>
  <si>
    <t>4103606.0</t>
  </si>
  <si>
    <t>2695618.0</t>
  </si>
  <si>
    <t>7198436.0</t>
  </si>
  <si>
    <t>1403.278</t>
  </si>
  <si>
    <t>11090943.0</t>
  </si>
  <si>
    <t>4290163.0</t>
  </si>
  <si>
    <t>4104112.0</t>
  </si>
  <si>
    <t>2696668.0</t>
  </si>
  <si>
    <t>11092245.0</t>
  </si>
  <si>
    <t>4290240.0</t>
  </si>
  <si>
    <t>4104573.0</t>
  </si>
  <si>
    <t>2697432.0</t>
  </si>
  <si>
    <t>7205111.0</t>
  </si>
  <si>
    <t>1404.58</t>
  </si>
  <si>
    <t>11092712.0</t>
  </si>
  <si>
    <t>4290254.0</t>
  </si>
  <si>
    <t>4104706.0</t>
  </si>
  <si>
    <t>2697752.0</t>
  </si>
  <si>
    <t>-1588.0</t>
  </si>
  <si>
    <t>-306.251011274396</t>
  </si>
  <si>
    <t>11092967.0</t>
  </si>
  <si>
    <t>4290271.0</t>
  </si>
  <si>
    <t>4104776.0</t>
  </si>
  <si>
    <t>2697920.0</t>
  </si>
  <si>
    <t>11094385.0</t>
  </si>
  <si>
    <t>4290359.0</t>
  </si>
  <si>
    <t>4105101.0</t>
  </si>
  <si>
    <t>2698925.0</t>
  </si>
  <si>
    <t>213.96</t>
  </si>
  <si>
    <t>11095703.0</t>
  </si>
  <si>
    <t>4290440.0</t>
  </si>
  <si>
    <t>4105354.0</t>
  </si>
  <si>
    <t>2699909.0</t>
  </si>
  <si>
    <t>7217734.0</t>
  </si>
  <si>
    <t>1407.04</t>
  </si>
  <si>
    <t>11096995.0</t>
  </si>
  <si>
    <t>4290513.0</t>
  </si>
  <si>
    <t>4105646.0</t>
  </si>
  <si>
    <t>2700836.0</t>
  </si>
  <si>
    <t>11098462.0</t>
  </si>
  <si>
    <t>4290592.0</t>
  </si>
  <si>
    <t>4106033.0</t>
  </si>
  <si>
    <t>2701837.0</t>
  </si>
  <si>
    <t>11100289.0</t>
  </si>
  <si>
    <t>4290735.0</t>
  </si>
  <si>
    <t>4106691.0</t>
  </si>
  <si>
    <t>2702863.0</t>
  </si>
  <si>
    <t>11100934.0</t>
  </si>
  <si>
    <t>4290777.0</t>
  </si>
  <si>
    <t>4106928.0</t>
  </si>
  <si>
    <t>2703229.0</t>
  </si>
  <si>
    <t>-1546.0</t>
  </si>
  <si>
    <t>-298.151173444721</t>
  </si>
  <si>
    <t>7230539.0</t>
  </si>
  <si>
    <t>1409.537</t>
  </si>
  <si>
    <t>11102242.0</t>
  </si>
  <si>
    <t>4290840.0</t>
  </si>
  <si>
    <t>4107257.0</t>
  </si>
  <si>
    <t>2704145.0</t>
  </si>
  <si>
    <t>214.11</t>
  </si>
  <si>
    <t>11103674.0</t>
  </si>
  <si>
    <t>4290950.0</t>
  </si>
  <si>
    <t>4107583.0</t>
  </si>
  <si>
    <t>2705141.0</t>
  </si>
  <si>
    <t>11105062.0</t>
  </si>
  <si>
    <t>4291026.0</t>
  </si>
  <si>
    <t>4107927.0</t>
  </si>
  <si>
    <t>2706109.0</t>
  </si>
  <si>
    <t>214.16</t>
  </si>
  <si>
    <t>7242169.0</t>
  </si>
  <si>
    <t>1411.804</t>
  </si>
  <si>
    <t>11106351.0</t>
  </si>
  <si>
    <t>4291089.0</t>
  </si>
  <si>
    <t>4108239.0</t>
  </si>
  <si>
    <t>2707023.0</t>
  </si>
  <si>
    <t>214.19</t>
  </si>
  <si>
    <t>11107859.0</t>
  </si>
  <si>
    <t>4291157.0</t>
  </si>
  <si>
    <t>4108718.0</t>
  </si>
  <si>
    <t>2707984.0</t>
  </si>
  <si>
    <t>11109720.0</t>
  </si>
  <si>
    <t>4291304.0</t>
  </si>
  <si>
    <t>4109452.0</t>
  </si>
  <si>
    <t>2708964.0</t>
  </si>
  <si>
    <t>11110349.0</t>
  </si>
  <si>
    <t>4291329.0</t>
  </si>
  <si>
    <t>4109734.0</t>
  </si>
  <si>
    <t>2709286.0</t>
  </si>
  <si>
    <t>-1420.0</t>
  </si>
  <si>
    <t>-273.851659955694</t>
  </si>
  <si>
    <t>7253864.0</t>
  </si>
  <si>
    <t>1414.084</t>
  </si>
  <si>
    <t>11111604.0</t>
  </si>
  <si>
    <t>4291389.0</t>
  </si>
  <si>
    <t>4110020.0</t>
  </si>
  <si>
    <t>2710195.0</t>
  </si>
  <si>
    <t>11112881.0</t>
  </si>
  <si>
    <t>4291460.0</t>
  </si>
  <si>
    <t>4110349.0</t>
  </si>
  <si>
    <t>2711072.0</t>
  </si>
  <si>
    <t>214.32</t>
  </si>
  <si>
    <t>11114366.0</t>
  </si>
  <si>
    <t>4291535.0</t>
  </si>
  <si>
    <t>4110662.0</t>
  </si>
  <si>
    <t>7264156.0</t>
  </si>
  <si>
    <t>1416.09</t>
  </si>
  <si>
    <t>11116180.0</t>
  </si>
  <si>
    <t>4291626.0</t>
  </si>
  <si>
    <t>4111130.0</t>
  </si>
  <si>
    <t>2713424.0</t>
  </si>
  <si>
    <t>11116673.0</t>
  </si>
  <si>
    <t>4291653.0</t>
  </si>
  <si>
    <t>4111287.0</t>
  </si>
  <si>
    <t>2713733.0</t>
  </si>
  <si>
    <t>11118368.0</t>
  </si>
  <si>
    <t>4291773.0</t>
  </si>
  <si>
    <t>4111939.0</t>
  </si>
  <si>
    <t>2714656.0</t>
  </si>
  <si>
    <t>11118910.0</t>
  </si>
  <si>
    <t>4291807.0</t>
  </si>
  <si>
    <t>4112132.0</t>
  </si>
  <si>
    <t>2714971.0</t>
  </si>
  <si>
    <t>-1340.2</t>
  </si>
  <si>
    <t>-258.461968079311</t>
  </si>
  <si>
    <t>11120811.0</t>
  </si>
  <si>
    <t>4291880.0</t>
  </si>
  <si>
    <t>4112558.0</t>
  </si>
  <si>
    <t>2716373.0</t>
  </si>
  <si>
    <t>11128242.0</t>
  </si>
  <si>
    <t>4291950.0</t>
  </si>
  <si>
    <t>4112877.0</t>
  </si>
  <si>
    <t>2723415.0</t>
  </si>
  <si>
    <t>11135892.0</t>
  </si>
  <si>
    <t>4292018.0</t>
  </si>
  <si>
    <t>4113238.0</t>
  </si>
  <si>
    <t>2730636.0</t>
  </si>
  <si>
    <t>11143250.0</t>
  </si>
  <si>
    <t>4292099.0</t>
  </si>
  <si>
    <t>4113632.0</t>
  </si>
  <si>
    <t>2737519.0</t>
  </si>
  <si>
    <t>11151606.0</t>
  </si>
  <si>
    <t>4292185.0</t>
  </si>
  <si>
    <t>4114036.0</t>
  </si>
  <si>
    <t>2745385.0</t>
  </si>
  <si>
    <t>11155878.0</t>
  </si>
  <si>
    <t>4292312.0</t>
  </si>
  <si>
    <t>4114650.0</t>
  </si>
  <si>
    <t>2748916.0</t>
  </si>
  <si>
    <t>215.14</t>
  </si>
  <si>
    <t>11157527.0</t>
  </si>
  <si>
    <t>4292362.0</t>
  </si>
  <si>
    <t>4114918.0</t>
  </si>
  <si>
    <t>2750247.0</t>
  </si>
  <si>
    <t>-1283.6</t>
  </si>
  <si>
    <t>-247.546472337415</t>
  </si>
  <si>
    <t>11166501.0</t>
  </si>
  <si>
    <t>4292429.0</t>
  </si>
  <si>
    <t>4115211.0</t>
  </si>
  <si>
    <t>2758861.0</t>
  </si>
  <si>
    <t>11176255.0</t>
  </si>
  <si>
    <t>4292484.0</t>
  </si>
  <si>
    <t>4115547.0</t>
  </si>
  <si>
    <t>2768224.0</t>
  </si>
  <si>
    <t>11189308.0</t>
  </si>
  <si>
    <t>4292559.0</t>
  </si>
  <si>
    <t>4115884.0</t>
  </si>
  <si>
    <t>2780865.0</t>
  </si>
  <si>
    <t>11201930.0</t>
  </si>
  <si>
    <t>4292629.0</t>
  </si>
  <si>
    <t>4116193.0</t>
  </si>
  <si>
    <t>2793108.0</t>
  </si>
  <si>
    <t>216.03</t>
  </si>
  <si>
    <t>11215312.0</t>
  </si>
  <si>
    <t>4292707.0</t>
  </si>
  <si>
    <t>4116536.0</t>
  </si>
  <si>
    <t>2806069.0</t>
  </si>
  <si>
    <t>216.29</t>
  </si>
  <si>
    <t>11222829.0</t>
  </si>
  <si>
    <t>4292788.0</t>
  </si>
  <si>
    <t>4117145.0</t>
  </si>
  <si>
    <t>2812896.0</t>
  </si>
  <si>
    <t>11225906.0</t>
  </si>
  <si>
    <t>4292833.0</t>
  </si>
  <si>
    <t>4117420.0</t>
  </si>
  <si>
    <t>2815653.0</t>
  </si>
  <si>
    <t>-1189.0</t>
  </si>
  <si>
    <t>-229.302551892479</t>
  </si>
  <si>
    <t>11244394.0</t>
  </si>
  <si>
    <t>4292943.0</t>
  </si>
  <si>
    <t>4118086.0</t>
  </si>
  <si>
    <t>2833365.0</t>
  </si>
  <si>
    <t>11259280.0</t>
  </si>
  <si>
    <t>4293056.0</t>
  </si>
  <si>
    <t>4118579.0</t>
  </si>
  <si>
    <t>2847645.0</t>
  </si>
  <si>
    <t>11276942.0</t>
  </si>
  <si>
    <t>4293169.0</t>
  </si>
  <si>
    <t>4119106.0</t>
  </si>
  <si>
    <t>2864667.0</t>
  </si>
  <si>
    <t>11295171.0</t>
  </si>
  <si>
    <t>4293290.0</t>
  </si>
  <si>
    <t>4119657.0</t>
  </si>
  <si>
    <t>2882224.0</t>
  </si>
  <si>
    <t>11314045.0</t>
  </si>
  <si>
    <t>4293395.0</t>
  </si>
  <si>
    <t>4120273.0</t>
  </si>
  <si>
    <t>2900377.0</t>
  </si>
  <si>
    <t>11321587.0</t>
  </si>
  <si>
    <t>4293512.0</t>
  </si>
  <si>
    <t>4120801.0</t>
  </si>
  <si>
    <t>2907274.0</t>
  </si>
  <si>
    <t>11324040.0</t>
  </si>
  <si>
    <t>4293557.0</t>
  </si>
  <si>
    <t>4120974.0</t>
  </si>
  <si>
    <t>2909509.0</t>
  </si>
  <si>
    <t>-1072.2</t>
  </si>
  <si>
    <t>-206.777288594715</t>
  </si>
  <si>
    <t>11339351.0</t>
  </si>
  <si>
    <t>4293659.0</t>
  </si>
  <si>
    <t>4121485.0</t>
  </si>
  <si>
    <t>2924207.0</t>
  </si>
  <si>
    <t>11354392.0</t>
  </si>
  <si>
    <t>4293765.0</t>
  </si>
  <si>
    <t>4122028.0</t>
  </si>
  <si>
    <t>2938599.0</t>
  </si>
  <si>
    <t>11369437.0</t>
  </si>
  <si>
    <t>4293877.0</t>
  </si>
  <si>
    <t>4122563.0</t>
  </si>
  <si>
    <t>2952997.0</t>
  </si>
  <si>
    <t>11383265.0</t>
  </si>
  <si>
    <t>4294008.0</t>
  </si>
  <si>
    <t>4123090.0</t>
  </si>
  <si>
    <t>2966167.0</t>
  </si>
  <si>
    <t>11398630.0</t>
  </si>
  <si>
    <t>4294146.0</t>
  </si>
  <si>
    <t>4123813.0</t>
  </si>
  <si>
    <t>2980671.0</t>
  </si>
  <si>
    <t>11405610.0</t>
  </si>
  <si>
    <t>4294245.0</t>
  </si>
  <si>
    <t>4124348.0</t>
  </si>
  <si>
    <t>2987017.0</t>
  </si>
  <si>
    <t>11408016.0</t>
  </si>
  <si>
    <t>4294331.0</t>
  </si>
  <si>
    <t>4124556.0</t>
  </si>
  <si>
    <t>2989129.0</t>
  </si>
  <si>
    <t>-1005.6</t>
  </si>
  <si>
    <t>-193.93326003623</t>
  </si>
  <si>
    <t>11419832.0</t>
  </si>
  <si>
    <t>4294388.0</t>
  </si>
  <si>
    <t>4124714.0</t>
  </si>
  <si>
    <t>3000730.0</t>
  </si>
  <si>
    <t>220.24</t>
  </si>
  <si>
    <t>11432343.0</t>
  </si>
  <si>
    <t>4294431.0</t>
  </si>
  <si>
    <t>4124901.0</t>
  </si>
  <si>
    <t>3013011.0</t>
  </si>
  <si>
    <t>11445000.0</t>
  </si>
  <si>
    <t>4294480.0</t>
  </si>
  <si>
    <t>4125117.0</t>
  </si>
  <si>
    <t>3025403.0</t>
  </si>
  <si>
    <t>11457783.0</t>
  </si>
  <si>
    <t>4294541.0</t>
  </si>
  <si>
    <t>4125332.0</t>
  </si>
  <si>
    <t>3037910.0</t>
  </si>
  <si>
    <t>11470721.0</t>
  </si>
  <si>
    <t>4294636.0</t>
  </si>
  <si>
    <t>4125577.0</t>
  </si>
  <si>
    <t>3050508.0</t>
  </si>
  <si>
    <t>11477096.0</t>
  </si>
  <si>
    <t>4294757.0</t>
  </si>
  <si>
    <t>4125972.0</t>
  </si>
  <si>
    <t>3056367.0</t>
  </si>
  <si>
    <t>11478905.0</t>
  </si>
  <si>
    <t>4294788.0</t>
  </si>
  <si>
    <t>4126108.0</t>
  </si>
  <si>
    <t>3058009.0</t>
  </si>
  <si>
    <t>-833.400000000002</t>
  </si>
  <si>
    <t>-160.72392493456</t>
  </si>
  <si>
    <t>11489498.0</t>
  </si>
  <si>
    <t>4294842.0</t>
  </si>
  <si>
    <t>4126239.0</t>
  </si>
  <si>
    <t>3068417.0</t>
  </si>
  <si>
    <t>11501123.0</t>
  </si>
  <si>
    <t>4294884.0</t>
  </si>
  <si>
    <t>4126390.0</t>
  </si>
  <si>
    <t>3079849.0</t>
  </si>
  <si>
    <t>11512271.0</t>
  </si>
  <si>
    <t>4294942.0</t>
  </si>
  <si>
    <t>4126544.0</t>
  </si>
  <si>
    <t>3090785.0</t>
  </si>
  <si>
    <t>11523379.0</t>
  </si>
  <si>
    <t>4295013.0</t>
  </si>
  <si>
    <t>4126698.0</t>
  </si>
  <si>
    <t>3101668.0</t>
  </si>
  <si>
    <t>11534166.0</t>
  </si>
  <si>
    <t>4295064.0</t>
  </si>
  <si>
    <t>4126843.0</t>
  </si>
  <si>
    <t>3112259.0</t>
  </si>
  <si>
    <t>11539572.0</t>
  </si>
  <si>
    <t>4295137.0</t>
  </si>
  <si>
    <t>4127152.0</t>
  </si>
  <si>
    <t>3117283.0</t>
  </si>
  <si>
    <t>11541553.0</t>
  </si>
  <si>
    <t>4295175.0</t>
  </si>
  <si>
    <t>4127265.0</t>
  </si>
  <si>
    <t>3119113.0</t>
  </si>
  <si>
    <t>-782.200000000002</t>
  </si>
  <si>
    <t>-150.849836913623</t>
  </si>
  <si>
    <t>11550386.0</t>
  </si>
  <si>
    <t>4295211.0</t>
  </si>
  <si>
    <t>4127383.0</t>
  </si>
  <si>
    <t>3127792.0</t>
  </si>
  <si>
    <t>11559632.0</t>
  </si>
  <si>
    <t>4295253.0</t>
  </si>
  <si>
    <t>4127499.0</t>
  </si>
  <si>
    <t>3136880.0</t>
  </si>
  <si>
    <t>11568898.0</t>
  </si>
  <si>
    <t>4295312.0</t>
  </si>
  <si>
    <t>4127632.0</t>
  </si>
  <si>
    <t>3145954.0</t>
  </si>
  <si>
    <t>11577563.0</t>
  </si>
  <si>
    <t>4295366.0</t>
  </si>
  <si>
    <t>4127771.0</t>
  </si>
  <si>
    <t>3154426.0</t>
  </si>
  <si>
    <t>11586551.0</t>
  </si>
  <si>
    <t>4295415.0</t>
  </si>
  <si>
    <t>4127939.0</t>
  </si>
  <si>
    <t>3163197.0</t>
  </si>
  <si>
    <t>11591122.0</t>
  </si>
  <si>
    <t>4295486.0</t>
  </si>
  <si>
    <t>4128170.0</t>
  </si>
  <si>
    <t>3167466.0</t>
  </si>
  <si>
    <t>4295506.0</t>
  </si>
  <si>
    <t>4128245.0</t>
  </si>
  <si>
    <t>3168756.0</t>
  </si>
  <si>
    <t>-823.600000000002</t>
  </si>
  <si>
    <t>-158.833962774303</t>
  </si>
  <si>
    <t>11599791.0</t>
  </si>
  <si>
    <t>4295541.0</t>
  </si>
  <si>
    <t>4128338.0</t>
  </si>
  <si>
    <t>3175912.0</t>
  </si>
  <si>
    <t>11608376.0</t>
  </si>
  <si>
    <t>4295579.0</t>
  </si>
  <si>
    <t>4128429.0</t>
  </si>
  <si>
    <t>3184368.0</t>
  </si>
  <si>
    <t>11617112.0</t>
  </si>
  <si>
    <t>4295626.0</t>
  </si>
  <si>
    <t>3192937.0</t>
  </si>
  <si>
    <t>11625067.0</t>
  </si>
  <si>
    <t>4295695.0</t>
  </si>
  <si>
    <t>4128652.0</t>
  </si>
  <si>
    <t>3200720.0</t>
  </si>
  <si>
    <t>11632937.0</t>
  </si>
  <si>
    <t>4295744.0</t>
  </si>
  <si>
    <t>4128795.0</t>
  </si>
  <si>
    <t>3208398.0</t>
  </si>
  <si>
    <t>224.35</t>
  </si>
  <si>
    <t>11636874.0</t>
  </si>
  <si>
    <t>4295805.0</t>
  </si>
  <si>
    <t>4129026.0</t>
  </si>
  <si>
    <t>3212043.0</t>
  </si>
  <si>
    <t>224.42</t>
  </si>
  <si>
    <t>11638188.0</t>
  </si>
  <si>
    <t>4295833.0</t>
  </si>
  <si>
    <t>4129116.0</t>
  </si>
  <si>
    <t>3213239.0</t>
  </si>
  <si>
    <t>-777.800000000002</t>
  </si>
  <si>
    <t>-150.001282474323</t>
  </si>
  <si>
    <t>11644287.0</t>
  </si>
  <si>
    <t>4295884.0</t>
  </si>
  <si>
    <t>4129205.0</t>
  </si>
  <si>
    <t>3219198.0</t>
  </si>
  <si>
    <t>11651495.0</t>
  </si>
  <si>
    <t>4295933.0</t>
  </si>
  <si>
    <t>4129318.0</t>
  </si>
  <si>
    <t>3226244.0</t>
  </si>
  <si>
    <t>11658542.0</t>
  </si>
  <si>
    <t>4295984.0</t>
  </si>
  <si>
    <t>4129418.0</t>
  </si>
  <si>
    <t>3233140.0</t>
  </si>
  <si>
    <t>224.84</t>
  </si>
  <si>
    <t>11665001.0</t>
  </si>
  <si>
    <t>4296026.0</t>
  </si>
  <si>
    <t>4129527.0</t>
  </si>
  <si>
    <t>3239448.0</t>
  </si>
  <si>
    <t>224.96</t>
  </si>
  <si>
    <t>11671633.0</t>
  </si>
  <si>
    <t>4296090.0</t>
  </si>
  <si>
    <t>4129678.0</t>
  </si>
  <si>
    <t>3245865.0</t>
  </si>
  <si>
    <t>11674942.0</t>
  </si>
  <si>
    <t>4296166.0</t>
  </si>
  <si>
    <t>4129913.0</t>
  </si>
  <si>
    <t>3248863.0</t>
  </si>
  <si>
    <t>225.16</t>
  </si>
  <si>
    <t>11676165.0</t>
  </si>
  <si>
    <t>4296208.0</t>
  </si>
  <si>
    <t>4129988.0</t>
  </si>
  <si>
    <t>3249969.0</t>
  </si>
  <si>
    <t>-773.600000000002</t>
  </si>
  <si>
    <t>-149.191298691356</t>
  </si>
  <si>
    <t>11681000.0</t>
  </si>
  <si>
    <t>4296249.0</t>
  </si>
  <si>
    <t>4130094.0</t>
  </si>
  <si>
    <t>3254657.0</t>
  </si>
  <si>
    <t>225.27</t>
  </si>
  <si>
    <t>11686500.0</t>
  </si>
  <si>
    <t>4296282.0</t>
  </si>
  <si>
    <t>4130202.0</t>
  </si>
  <si>
    <t>3260016.0</t>
  </si>
  <si>
    <t>11691790.0</t>
  </si>
  <si>
    <t>4296328.0</t>
  </si>
  <si>
    <t>4130310.0</t>
  </si>
  <si>
    <t>3265152.0</t>
  </si>
  <si>
    <t>11696792.0</t>
  </si>
  <si>
    <t>4296380.0</t>
  </si>
  <si>
    <t>4130402.0</t>
  </si>
  <si>
    <t>3270010.0</t>
  </si>
  <si>
    <t>225.58</t>
  </si>
  <si>
    <t>11702118.0</t>
  </si>
  <si>
    <t>4296421.0</t>
  </si>
  <si>
    <t>4130531.0</t>
  </si>
  <si>
    <t>3275166.0</t>
  </si>
  <si>
    <t>11704394.0</t>
  </si>
  <si>
    <t>4296489.0</t>
  </si>
  <si>
    <t>4130654.0</t>
  </si>
  <si>
    <t>3277251.0</t>
  </si>
  <si>
    <t>225.72</t>
  </si>
  <si>
    <t>11705188.0</t>
  </si>
  <si>
    <t>4296500.0</t>
  </si>
  <si>
    <t>4130710.0</t>
  </si>
  <si>
    <t>3277978.0</t>
  </si>
  <si>
    <t>225.74</t>
  </si>
  <si>
    <t>-767.600000000002</t>
  </si>
  <si>
    <t>-148.034179001402</t>
  </si>
  <si>
    <t>11708465.0</t>
  </si>
  <si>
    <t>4296531.0</t>
  </si>
  <si>
    <t>4130796.0</t>
  </si>
  <si>
    <t>3281138.0</t>
  </si>
  <si>
    <t>11712587.0</t>
  </si>
  <si>
    <t>4296570.0</t>
  </si>
  <si>
    <t>4130882.0</t>
  </si>
  <si>
    <t>3285135.0</t>
  </si>
  <si>
    <t>11716687.0</t>
  </si>
  <si>
    <t>4296600.0</t>
  </si>
  <si>
    <t>4130977.0</t>
  </si>
  <si>
    <t>3289110.0</t>
  </si>
  <si>
    <t>11720913.0</t>
  </si>
  <si>
    <t>4296641.0</t>
  </si>
  <si>
    <t>4131058.0</t>
  </si>
  <si>
    <t>3293214.0</t>
  </si>
  <si>
    <t>11724936.0</t>
  </si>
  <si>
    <t>4296680.0</t>
  </si>
  <si>
    <t>4131185.0</t>
  </si>
  <si>
    <t>3297071.0</t>
  </si>
  <si>
    <t>226.12</t>
  </si>
  <si>
    <t>11727379.0</t>
  </si>
  <si>
    <t>4296739.0</t>
  </si>
  <si>
    <t>4131332.0</t>
  </si>
  <si>
    <t>3299308.0</t>
  </si>
  <si>
    <t>226.17</t>
  </si>
  <si>
    <t>11728223.0</t>
  </si>
  <si>
    <t>4296766.0</t>
  </si>
  <si>
    <t>4131411.0</t>
  </si>
  <si>
    <t>3300046.0</t>
  </si>
  <si>
    <t>-743.200000000002</t>
  </si>
  <si>
    <t>-143.328558928924</t>
  </si>
  <si>
    <t>11731619.0</t>
  </si>
  <si>
    <t>4296798.0</t>
  </si>
  <si>
    <t>4131516.0</t>
  </si>
  <si>
    <t>3303305.0</t>
  </si>
  <si>
    <t>11735599.0</t>
  </si>
  <si>
    <t>4296825.0</t>
  </si>
  <si>
    <t>4131574.0</t>
  </si>
  <si>
    <t>3307200.0</t>
  </si>
  <si>
    <t>11739450.0</t>
  </si>
  <si>
    <t>4296849.0</t>
  </si>
  <si>
    <t>4131645.0</t>
  </si>
  <si>
    <t>3310956.0</t>
  </si>
  <si>
    <t>11743142.0</t>
  </si>
  <si>
    <t>4296884.0</t>
  </si>
  <si>
    <t>4131763.0</t>
  </si>
  <si>
    <t>3314495.0</t>
  </si>
  <si>
    <t>11746626.0</t>
  </si>
  <si>
    <t>4296927.0</t>
  </si>
  <si>
    <t>4131851.0</t>
  </si>
  <si>
    <t>3317848.0</t>
  </si>
  <si>
    <t>11748532.0</t>
  </si>
  <si>
    <t>4296980.0</t>
  </si>
  <si>
    <t>4131979.0</t>
  </si>
  <si>
    <t>3319573.0</t>
  </si>
  <si>
    <t>226.57</t>
  </si>
  <si>
    <t>11749145.0</t>
  </si>
  <si>
    <t>4296992.0</t>
  </si>
  <si>
    <t>4132011.0</t>
  </si>
  <si>
    <t>3320142.0</t>
  </si>
  <si>
    <t>226.59</t>
  </si>
  <si>
    <t>-784.800000000002</t>
  </si>
  <si>
    <t>-5.56</t>
  </si>
  <si>
    <t>-151.351255445936</t>
  </si>
  <si>
    <t>11751792.0</t>
  </si>
  <si>
    <t>4297015.0</t>
  </si>
  <si>
    <t>4132068.0</t>
  </si>
  <si>
    <t>3322709.0</t>
  </si>
  <si>
    <t>226.64</t>
  </si>
  <si>
    <t>11754428.0</t>
  </si>
  <si>
    <t>4297045.0</t>
  </si>
  <si>
    <t>4132141.0</t>
  </si>
  <si>
    <t>3325242.0</t>
  </si>
  <si>
    <t>226.69</t>
  </si>
  <si>
    <t>11757535.0</t>
  </si>
  <si>
    <t>4297071.0</t>
  </si>
  <si>
    <t>4132210.0</t>
  </si>
  <si>
    <t>3328254.0</t>
  </si>
  <si>
    <t>226.75</t>
  </si>
  <si>
    <t>11760368.0</t>
  </si>
  <si>
    <t>4297087.0</t>
  </si>
  <si>
    <t>4132266.0</t>
  </si>
  <si>
    <t>3331015.0</t>
  </si>
  <si>
    <t>11763023.0</t>
  </si>
  <si>
    <t>4297121.0</t>
  </si>
  <si>
    <t>4132326.0</t>
  </si>
  <si>
    <t>3333576.0</t>
  </si>
  <si>
    <t>11764565.0</t>
  </si>
  <si>
    <t>4297148.0</t>
  </si>
  <si>
    <t>4132432.0</t>
  </si>
  <si>
    <t>3334985.0</t>
  </si>
  <si>
    <t>11765095.0</t>
  </si>
  <si>
    <t>4297164.0</t>
  </si>
  <si>
    <t>4132483.0</t>
  </si>
  <si>
    <t>3335448.0</t>
  </si>
  <si>
    <t>-771.800000000002</t>
  </si>
  <si>
    <t>-148.84416278437</t>
  </si>
  <si>
    <t>11765279.0</t>
  </si>
  <si>
    <t>4297168.0</t>
  </si>
  <si>
    <t>4132493.0</t>
  </si>
  <si>
    <t>3335618.0</t>
  </si>
  <si>
    <t>11767653.0</t>
  </si>
  <si>
    <t>4297193.0</t>
  </si>
  <si>
    <t>4132550.0</t>
  </si>
  <si>
    <t>3337910.0</t>
  </si>
  <si>
    <t>11770119.0</t>
  </si>
  <si>
    <t>4297225.0</t>
  </si>
  <si>
    <t>4132608.0</t>
  </si>
  <si>
    <t>3340286.0</t>
  </si>
  <si>
    <t>226.99</t>
  </si>
  <si>
    <t>11772530.0</t>
  </si>
  <si>
    <t>4297258.0</t>
  </si>
  <si>
    <t>4132671.0</t>
  </si>
  <si>
    <t>3342601.0</t>
  </si>
  <si>
    <t>227.04</t>
  </si>
  <si>
    <t>11774678.0</t>
  </si>
  <si>
    <t>4297284.0</t>
  </si>
  <si>
    <t>4132726.0</t>
  </si>
  <si>
    <t>3344668.0</t>
  </si>
  <si>
    <t>11775969.0</t>
  </si>
  <si>
    <t>4297326.0</t>
  </si>
  <si>
    <t>4132839.0</t>
  </si>
  <si>
    <t>3345804.0</t>
  </si>
  <si>
    <t>11776312.0</t>
  </si>
  <si>
    <t>4297336.0</t>
  </si>
  <si>
    <t>4132869.0</t>
  </si>
  <si>
    <t>3346107.0</t>
  </si>
  <si>
    <t>227.11</t>
  </si>
  <si>
    <t>-787.200000000002</t>
  </si>
  <si>
    <t>-151.814103321917</t>
  </si>
  <si>
    <t>11778450.0</t>
  </si>
  <si>
    <t>4297380.0</t>
  </si>
  <si>
    <t>4132966.0</t>
  </si>
  <si>
    <t>3348104.0</t>
  </si>
  <si>
    <t>227.15</t>
  </si>
  <si>
    <t>11781034.0</t>
  </si>
  <si>
    <t>4297403.0</t>
  </si>
  <si>
    <t>4133072.0</t>
  </si>
  <si>
    <t>3350559.0</t>
  </si>
  <si>
    <t>227.2</t>
  </si>
  <si>
    <t>11783698.0</t>
  </si>
  <si>
    <t>4297428.0</t>
  </si>
  <si>
    <t>4133146.0</t>
  </si>
  <si>
    <t>3353124.0</t>
  </si>
  <si>
    <t>11786398.0</t>
  </si>
  <si>
    <t>4297478.0</t>
  </si>
  <si>
    <t>4133247.0</t>
  </si>
  <si>
    <t>3355673.0</t>
  </si>
  <si>
    <t>11789043.0</t>
  </si>
  <si>
    <t>4297525.0</t>
  </si>
  <si>
    <t>4133353.0</t>
  </si>
  <si>
    <t>3358165.0</t>
  </si>
  <si>
    <t>227.36</t>
  </si>
  <si>
    <t>11790287.0</t>
  </si>
  <si>
    <t>4297542.0</t>
  </si>
  <si>
    <t>4133431.0</t>
  </si>
  <si>
    <t>3359314.0</t>
  </si>
  <si>
    <t>227.38</t>
  </si>
  <si>
    <t>11790660.0</t>
  </si>
  <si>
    <t>4297547.0</t>
  </si>
  <si>
    <t>4133466.0</t>
  </si>
  <si>
    <t>3359647.0</t>
  </si>
  <si>
    <t>-784.600000000002</t>
  </si>
  <si>
    <t>-151.312684789604</t>
  </si>
  <si>
    <t>11792827.0</t>
  </si>
  <si>
    <t>4297586.0</t>
  </si>
  <si>
    <t>4133548.0</t>
  </si>
  <si>
    <t>3361693.0</t>
  </si>
  <si>
    <t>227.43</t>
  </si>
  <si>
    <t>11795313.0</t>
  </si>
  <si>
    <t>4297628.0</t>
  </si>
  <si>
    <t>4133648.0</t>
  </si>
  <si>
    <t>3364037.0</t>
  </si>
  <si>
    <t>11798194.0</t>
  </si>
  <si>
    <t>4297666.0</t>
  </si>
  <si>
    <t>4133757.0</t>
  </si>
  <si>
    <t>3366771.0</t>
  </si>
  <si>
    <t>11801041.0</t>
  </si>
  <si>
    <t>4297709.0</t>
  </si>
  <si>
    <t>4133872.0</t>
  </si>
  <si>
    <t>3369460.0</t>
  </si>
  <si>
    <t>11804357.0</t>
  </si>
  <si>
    <t>4297756.0</t>
  </si>
  <si>
    <t>4133989.0</t>
  </si>
  <si>
    <t>3372612.0</t>
  </si>
  <si>
    <t>11806419.0</t>
  </si>
  <si>
    <t>4297798.0</t>
  </si>
  <si>
    <t>4134086.0</t>
  </si>
  <si>
    <t>3374535.0</t>
  </si>
  <si>
    <t>227.69</t>
  </si>
  <si>
    <t>11807096.0</t>
  </si>
  <si>
    <t>4297812.0</t>
  </si>
  <si>
    <t>4134117.0</t>
  </si>
  <si>
    <t>3375167.0</t>
  </si>
  <si>
    <t>-808.600000000002</t>
  </si>
  <si>
    <t>-155.941163549419</t>
  </si>
  <si>
    <t>11810011.0</t>
  </si>
  <si>
    <t>4297836.0</t>
  </si>
  <si>
    <t>4134172.0</t>
  </si>
  <si>
    <t>3378003.0</t>
  </si>
  <si>
    <t>11813485.0</t>
  </si>
  <si>
    <t>4297861.0</t>
  </si>
  <si>
    <t>4134233.0</t>
  </si>
  <si>
    <t>3381391.0</t>
  </si>
  <si>
    <t>11816911.0</t>
  </si>
  <si>
    <t>4297885.0</t>
  </si>
  <si>
    <t>4134288.0</t>
  </si>
  <si>
    <t>3384738.0</t>
  </si>
  <si>
    <t>11820105.0</t>
  </si>
  <si>
    <t>4297908.0</t>
  </si>
  <si>
    <t>4134354.0</t>
  </si>
  <si>
    <t>3387843.0</t>
  </si>
  <si>
    <t>227.95</t>
  </si>
  <si>
    <t>11822817.0</t>
  </si>
  <si>
    <t>4297933.0</t>
  </si>
  <si>
    <t>4134419.0</t>
  </si>
  <si>
    <t>3390465.0</t>
  </si>
  <si>
    <t>228.01</t>
  </si>
  <si>
    <t>11824153.0</t>
  </si>
  <si>
    <t>4297953.0</t>
  </si>
  <si>
    <t>4134511.0</t>
  </si>
  <si>
    <t>3391689.0</t>
  </si>
  <si>
    <t>11824495.0</t>
  </si>
  <si>
    <t>4297964.0</t>
  </si>
  <si>
    <t>4134530.0</t>
  </si>
  <si>
    <t>3392001.0</t>
  </si>
  <si>
    <t>228.04</t>
  </si>
  <si>
    <t>-742.000000000002</t>
  </si>
  <si>
    <t>-143.097134990933</t>
  </si>
  <si>
    <t>11824675.0</t>
  </si>
  <si>
    <t>4297966.0</t>
  </si>
  <si>
    <t>4134539.0</t>
  </si>
  <si>
    <t>3392170.0</t>
  </si>
  <si>
    <t>11827131.0</t>
  </si>
  <si>
    <t>4297998.0</t>
  </si>
  <si>
    <t>4134588.0</t>
  </si>
  <si>
    <t>3394545.0</t>
  </si>
  <si>
    <t>11830255.0</t>
  </si>
  <si>
    <t>4298031.0</t>
  </si>
  <si>
    <t>4134644.0</t>
  </si>
  <si>
    <t>3397580.0</t>
  </si>
  <si>
    <t>11833001.0</t>
  </si>
  <si>
    <t>4298055.0</t>
  </si>
  <si>
    <t>4134706.0</t>
  </si>
  <si>
    <t>3400240.0</t>
  </si>
  <si>
    <t>11836118.0</t>
  </si>
  <si>
    <t>4298088.0</t>
  </si>
  <si>
    <t>4134764.0</t>
  </si>
  <si>
    <t>3403266.0</t>
  </si>
  <si>
    <t>11837679.0</t>
  </si>
  <si>
    <t>4298126.0</t>
  </si>
  <si>
    <t>4134860.0</t>
  </si>
  <si>
    <t>3404693.0</t>
  </si>
  <si>
    <t>11838256.0</t>
  </si>
  <si>
    <t>4298137.0</t>
  </si>
  <si>
    <t>4134890.0</t>
  </si>
  <si>
    <t>3405229.0</t>
  </si>
  <si>
    <t>-713.800000000002</t>
  </si>
  <si>
    <t>-137.658672448151</t>
  </si>
  <si>
    <t>11840577.0</t>
  </si>
  <si>
    <t>4298163.0</t>
  </si>
  <si>
    <t>4134940.0</t>
  </si>
  <si>
    <t>3407474.0</t>
  </si>
  <si>
    <t>11843243.0</t>
  </si>
  <si>
    <t>4298183.0</t>
  </si>
  <si>
    <t>4134992.0</t>
  </si>
  <si>
    <t>3410068.0</t>
  </si>
  <si>
    <t>11846242.0</t>
  </si>
  <si>
    <t>4298212.0</t>
  </si>
  <si>
    <t>4135043.0</t>
  </si>
  <si>
    <t>3412987.0</t>
  </si>
  <si>
    <t>11849138.0</t>
  </si>
  <si>
    <t>4298236.0</t>
  </si>
  <si>
    <t>4135080.0</t>
  </si>
  <si>
    <t>3415822.0</t>
  </si>
  <si>
    <t>11852011.0</t>
  </si>
  <si>
    <t>4298265.0</t>
  </si>
  <si>
    <t>4135171.0</t>
  </si>
  <si>
    <t>3418575.0</t>
  </si>
  <si>
    <t>11853455.0</t>
  </si>
  <si>
    <t>4298324.0</t>
  </si>
  <si>
    <t>4135271.0</t>
  </si>
  <si>
    <t>3419860.0</t>
  </si>
  <si>
    <t>228.6</t>
  </si>
  <si>
    <t>11853917.0</t>
  </si>
  <si>
    <t>4298334.0</t>
  </si>
  <si>
    <t>4135317.0</t>
  </si>
  <si>
    <t>3420266.0</t>
  </si>
  <si>
    <t>-686.200000000002</t>
  </si>
  <si>
    <t>-132.335921874365</t>
  </si>
  <si>
    <t>11856053.0</t>
  </si>
  <si>
    <t>4135375.0</t>
  </si>
  <si>
    <t>3422321.0</t>
  </si>
  <si>
    <t>11858473.0</t>
  </si>
  <si>
    <t>4298383.0</t>
  </si>
  <si>
    <t>4135419.0</t>
  </si>
  <si>
    <t>3424671.0</t>
  </si>
  <si>
    <t>11861139.0</t>
  </si>
  <si>
    <t>4298409.0</t>
  </si>
  <si>
    <t>4135469.0</t>
  </si>
  <si>
    <t>3427261.0</t>
  </si>
  <si>
    <t>228.75</t>
  </si>
  <si>
    <t>11863518.0</t>
  </si>
  <si>
    <t>4298445.0</t>
  </si>
  <si>
    <t>4135531.0</t>
  </si>
  <si>
    <t>3429542.0</t>
  </si>
  <si>
    <t>228.79</t>
  </si>
  <si>
    <t>11865686.0</t>
  </si>
  <si>
    <t>4298481.0</t>
  </si>
  <si>
    <t>4135613.0</t>
  </si>
  <si>
    <t>3431592.0</t>
  </si>
  <si>
    <t>11866921.0</t>
  </si>
  <si>
    <t>4298508.0</t>
  </si>
  <si>
    <t>4135703.0</t>
  </si>
  <si>
    <t>3432710.0</t>
  </si>
  <si>
    <t>228.86</t>
  </si>
  <si>
    <t>11867392.0</t>
  </si>
  <si>
    <t>4298521.0</t>
  </si>
  <si>
    <t>4135747.0</t>
  </si>
  <si>
    <t>3433124.0</t>
  </si>
  <si>
    <t>228.87</t>
  </si>
  <si>
    <t>-699.800000000002</t>
  </si>
  <si>
    <t>-134.958726504926</t>
  </si>
  <si>
    <t>11869304.0</t>
  </si>
  <si>
    <t>4298543.0</t>
  </si>
  <si>
    <t>4135815.0</t>
  </si>
  <si>
    <t>3434946.0</t>
  </si>
  <si>
    <t>228.9</t>
  </si>
  <si>
    <t>11871292.0</t>
  </si>
  <si>
    <t>4298566.0</t>
  </si>
  <si>
    <t>4135878.0</t>
  </si>
  <si>
    <t>3436848.0</t>
  </si>
  <si>
    <t>228.94</t>
  </si>
  <si>
    <t>11873747.0</t>
  </si>
  <si>
    <t>4298587.0</t>
  </si>
  <si>
    <t>4135931.0</t>
  </si>
  <si>
    <t>3439229.0</t>
  </si>
  <si>
    <t>228.99</t>
  </si>
  <si>
    <t>11876956.0</t>
  </si>
  <si>
    <t>4298612.0</t>
  </si>
  <si>
    <t>4136009.0</t>
  </si>
  <si>
    <t>3442335.0</t>
  </si>
  <si>
    <t>229.05</t>
  </si>
  <si>
    <t>11880108.0</t>
  </si>
  <si>
    <t>4298641.0</t>
  </si>
  <si>
    <t>4136072.0</t>
  </si>
  <si>
    <t>3445395.0</t>
  </si>
  <si>
    <t>11881971.0</t>
  </si>
  <si>
    <t>4298686.0</t>
  </si>
  <si>
    <t>4136170.0</t>
  </si>
  <si>
    <t>3447115.0</t>
  </si>
  <si>
    <t>11882677.0</t>
  </si>
  <si>
    <t>4298707.0</t>
  </si>
  <si>
    <t>4136204.0</t>
  </si>
  <si>
    <t>3447766.0</t>
  </si>
  <si>
    <t>-697.000000000002</t>
  </si>
  <si>
    <t>-134.418737316281</t>
  </si>
  <si>
    <t>11884830.0</t>
  </si>
  <si>
    <t>4298735.0</t>
  </si>
  <si>
    <t>4136266.0</t>
  </si>
  <si>
    <t>3449829.0</t>
  </si>
  <si>
    <t>11887441.0</t>
  </si>
  <si>
    <t>4298759.0</t>
  </si>
  <si>
    <t>4136323.0</t>
  </si>
  <si>
    <t>3452359.0</t>
  </si>
  <si>
    <t>229.25</t>
  </si>
  <si>
    <t>11889941.0</t>
  </si>
  <si>
    <t>4298785.0</t>
  </si>
  <si>
    <t>4136369.0</t>
  </si>
  <si>
    <t>3454787.0</t>
  </si>
  <si>
    <t>229.3</t>
  </si>
  <si>
    <t>11892156.0</t>
  </si>
  <si>
    <t>4298820.0</t>
  </si>
  <si>
    <t>4136426.0</t>
  </si>
  <si>
    <t>3456910.0</t>
  </si>
  <si>
    <t>11894591.0</t>
  </si>
  <si>
    <t>4298847.0</t>
  </si>
  <si>
    <t>4136503.0</t>
  </si>
  <si>
    <t>3459241.0</t>
  </si>
  <si>
    <t>11896151.0</t>
  </si>
  <si>
    <t>4298882.0</t>
  </si>
  <si>
    <t>4136585.0</t>
  </si>
  <si>
    <t>3460684.0</t>
  </si>
  <si>
    <t>229.42</t>
  </si>
  <si>
    <t>11896632.0</t>
  </si>
  <si>
    <t>4298890.0</t>
  </si>
  <si>
    <t>4136607.0</t>
  </si>
  <si>
    <t>3461135.0</t>
  </si>
  <si>
    <t>229.43</t>
  </si>
  <si>
    <t>-659.800000000002</t>
  </si>
  <si>
    <t>-127.244595238569</t>
  </si>
  <si>
    <t>11898871.0</t>
  </si>
  <si>
    <t>4298910.0</t>
  </si>
  <si>
    <t>4136656.0</t>
  </si>
  <si>
    <t>3463305.0</t>
  </si>
  <si>
    <t>11901379.0</t>
  </si>
  <si>
    <t>4298956.0</t>
  </si>
  <si>
    <t>4136717.0</t>
  </si>
  <si>
    <t>3465706.0</t>
  </si>
  <si>
    <t>11904329.0</t>
  </si>
  <si>
    <t>4298990.0</t>
  </si>
  <si>
    <t>4136775.0</t>
  </si>
  <si>
    <t>3468564.0</t>
  </si>
  <si>
    <t>229.58</t>
  </si>
  <si>
    <t>11906900.0</t>
  </si>
  <si>
    <t>4299022.0</t>
  </si>
  <si>
    <t>4136832.0</t>
  </si>
  <si>
    <t>3471046.0</t>
  </si>
  <si>
    <t>229.63</t>
  </si>
  <si>
    <t>11909107.0</t>
  </si>
  <si>
    <t>4299055.0</t>
  </si>
  <si>
    <t>4136908.0</t>
  </si>
  <si>
    <t>3473144.0</t>
  </si>
  <si>
    <t>229.67</t>
  </si>
  <si>
    <t>11910898.0</t>
  </si>
  <si>
    <t>4299093.0</t>
  </si>
  <si>
    <t>4137029.0</t>
  </si>
  <si>
    <t>3474776.0</t>
  </si>
  <si>
    <t>11911580.0</t>
  </si>
  <si>
    <t>4299101.0</t>
  </si>
  <si>
    <t>4137045.0</t>
  </si>
  <si>
    <t>3475434.0</t>
  </si>
  <si>
    <t>-714.600000000002</t>
  </si>
  <si>
    <t>-137.812955073478</t>
  </si>
  <si>
    <t>11913643.0</t>
  </si>
  <si>
    <t>4299123.0</t>
  </si>
  <si>
    <t>4137105.0</t>
  </si>
  <si>
    <t>3477415.0</t>
  </si>
  <si>
    <t>229.76</t>
  </si>
  <si>
    <t>11916168.0</t>
  </si>
  <si>
    <t>4299152.0</t>
  </si>
  <si>
    <t>4137155.0</t>
  </si>
  <si>
    <t>3479861.0</t>
  </si>
  <si>
    <t>NIC</t>
  </si>
  <si>
    <t>Nicaragua</t>
  </si>
  <si>
    <t>-30.5</t>
  </si>
  <si>
    <t>-4.38950289959048</t>
  </si>
  <si>
    <t>3.85700582652541</t>
  </si>
  <si>
    <t>3562.7</t>
  </si>
  <si>
    <t>512.737114110525</t>
  </si>
  <si>
    <t>1014.19104699718</t>
  </si>
  <si>
    <t>8044.5</t>
  </si>
  <si>
    <t>1157.74937953297</t>
  </si>
  <si>
    <t>8198.6</t>
  </si>
  <si>
    <t>1179.92716303549</t>
  </si>
  <si>
    <t>8064.1</t>
  </si>
  <si>
    <t>1160.57017483894</t>
  </si>
  <si>
    <t>1147.02747900774</t>
  </si>
  <si>
    <t>8034.1</t>
  </si>
  <si>
    <t>1156.25263100327</t>
  </si>
  <si>
    <t>8148.4</t>
  </si>
  <si>
    <t>1172.70247301715</t>
  </si>
  <si>
    <t>135130.0</t>
  </si>
  <si>
    <t>166350.0</t>
  </si>
  <si>
    <t>167500.0</t>
  </si>
  <si>
    <t>415640.0</t>
  </si>
  <si>
    <t>252766.0</t>
  </si>
  <si>
    <t>162874.0</t>
  </si>
  <si>
    <t>580127.0</t>
  </si>
  <si>
    <t>382519.0</t>
  </si>
  <si>
    <t>197608.0</t>
  </si>
  <si>
    <t>612799.0</t>
  </si>
  <si>
    <t>412029.0</t>
  </si>
  <si>
    <t>200770.0</t>
  </si>
  <si>
    <t>645733.0</t>
  </si>
  <si>
    <t>443053.0</t>
  </si>
  <si>
    <t>202680.0</t>
  </si>
  <si>
    <t>669904.0</t>
  </si>
  <si>
    <t>463656.0</t>
  </si>
  <si>
    <t>206248.0</t>
  </si>
  <si>
    <t>735252.0</t>
  </si>
  <si>
    <t>476308.0</t>
  </si>
  <si>
    <t>258944.0</t>
  </si>
  <si>
    <t>769105.0</t>
  </si>
  <si>
    <t>490472.0</t>
  </si>
  <si>
    <t>278633.0</t>
  </si>
  <si>
    <t>788502.0</t>
  </si>
  <si>
    <t>502324.0</t>
  </si>
  <si>
    <t>286178.0</t>
  </si>
  <si>
    <t>861807.0</t>
  </si>
  <si>
    <t>556589.0</t>
  </si>
  <si>
    <t>305218.0</t>
  </si>
  <si>
    <t>999990.0</t>
  </si>
  <si>
    <t>671784.0</t>
  </si>
  <si>
    <t>328206.0</t>
  </si>
  <si>
    <t>21288.0</t>
  </si>
  <si>
    <t>362357.0</t>
  </si>
  <si>
    <t>22535.0</t>
  </si>
  <si>
    <t>24418.0</t>
  </si>
  <si>
    <t>1674896.0</t>
  </si>
  <si>
    <t>1249238.0</t>
  </si>
  <si>
    <t>67015.0</t>
  </si>
  <si>
    <t>107729.0</t>
  </si>
  <si>
    <t>68471.0</t>
  </si>
  <si>
    <t>148444.0</t>
  </si>
  <si>
    <t>21364.0</t>
  </si>
  <si>
    <t>91823.0</t>
  </si>
  <si>
    <t>189158.0</t>
  </si>
  <si>
    <t>115174.0</t>
  </si>
  <si>
    <t>229873.0</t>
  </si>
  <si>
    <t>138525.0</t>
  </si>
  <si>
    <t>161877.0</t>
  </si>
  <si>
    <t>311302.0</t>
  </si>
  <si>
    <t>6033123.0</t>
  </si>
  <si>
    <t>3842428.0</t>
  </si>
  <si>
    <t>2190695.0</t>
  </si>
  <si>
    <t>270914.0</t>
  </si>
  <si>
    <t>230527.0</t>
  </si>
  <si>
    <t>137340.0</t>
  </si>
  <si>
    <t>190139.0</t>
  </si>
  <si>
    <t>113397.0</t>
  </si>
  <si>
    <t>149752.0</t>
  </si>
  <si>
    <t>89453.0</t>
  </si>
  <si>
    <t>109364.0</t>
  </si>
  <si>
    <t>68976.0</t>
  </si>
  <si>
    <t>6376188.0</t>
  </si>
  <si>
    <t>4053890.0</t>
  </si>
  <si>
    <t>2322298.0</t>
  </si>
  <si>
    <t>39157.0</t>
  </si>
  <si>
    <t>49726.0</t>
  </si>
  <si>
    <t>30765.0</t>
  </si>
  <si>
    <t>55010.0</t>
  </si>
  <si>
    <t>34050.0</t>
  </si>
  <si>
    <t>60294.0</t>
  </si>
  <si>
    <t>37336.0</t>
  </si>
  <si>
    <t>6835238.0</t>
  </si>
  <si>
    <t>4338241.0</t>
  </si>
  <si>
    <t>2496997.0</t>
  </si>
  <si>
    <t>65579.0</t>
  </si>
  <si>
    <t>40622.0</t>
  </si>
  <si>
    <t>63890.0</t>
  </si>
  <si>
    <t>39403.0</t>
  </si>
  <si>
    <t>4402422.0</t>
  </si>
  <si>
    <t>2540334.0</t>
  </si>
  <si>
    <t>62202.0</t>
  </si>
  <si>
    <t>38184.0</t>
  </si>
  <si>
    <t>63282.0</t>
  </si>
  <si>
    <t>38852.0</t>
  </si>
  <si>
    <t>65443.0</t>
  </si>
  <si>
    <t>40187.0</t>
  </si>
  <si>
    <t>66524.0</t>
  </si>
  <si>
    <t>7308467.0</t>
  </si>
  <si>
    <t>4628897.0</t>
  </si>
  <si>
    <t>2679570.0</t>
  </si>
  <si>
    <t>64788.0</t>
  </si>
  <si>
    <t>39494.0</t>
  </si>
  <si>
    <t>56388.0</t>
  </si>
  <si>
    <t>33550.0</t>
  </si>
  <si>
    <t>29635.0</t>
  </si>
  <si>
    <t>34048.0</t>
  </si>
  <si>
    <t>7785141.0</t>
  </si>
  <si>
    <t>4879356.0</t>
  </si>
  <si>
    <t>2905785.0</t>
  </si>
  <si>
    <t>7980576.0</t>
  </si>
  <si>
    <t>4941846.0</t>
  </si>
  <si>
    <t>3038730.0</t>
  </si>
  <si>
    <t>8135930.0</t>
  </si>
  <si>
    <t>4995870.0</t>
  </si>
  <si>
    <t>3140060.0</t>
  </si>
  <si>
    <t>28398.0</t>
  </si>
  <si>
    <t>33118.0</t>
  </si>
  <si>
    <t>8403579.0</t>
  </si>
  <si>
    <t>5092750.0</t>
  </si>
  <si>
    <t>3310829.0</t>
  </si>
  <si>
    <t>38236.0</t>
  </si>
  <si>
    <t>37052.0</t>
  </si>
  <si>
    <t>36815.0</t>
  </si>
  <si>
    <t>8659628.0</t>
  </si>
  <si>
    <t>5200392.0</t>
  </si>
  <si>
    <t>3459236.0</t>
  </si>
  <si>
    <t>34485.0</t>
  </si>
  <si>
    <t>33787.0</t>
  </si>
  <si>
    <t>32391.0</t>
  </si>
  <si>
    <t>8881477.0</t>
  </si>
  <si>
    <t>5279733.0</t>
  </si>
  <si>
    <t>3601744.0</t>
  </si>
  <si>
    <t>31693.0</t>
  </si>
  <si>
    <t>25309.0</t>
  </si>
  <si>
    <t>23713.0</t>
  </si>
  <si>
    <t>9066172.0</t>
  </si>
  <si>
    <t>5334996.0</t>
  </si>
  <si>
    <t>3731176.0</t>
  </si>
  <si>
    <t>9193699.0</t>
  </si>
  <si>
    <t>5371365.0</t>
  </si>
  <si>
    <t>3822334.0</t>
  </si>
  <si>
    <t>21150.0</t>
  </si>
  <si>
    <t>22185.0</t>
  </si>
  <si>
    <t>9367505.0</t>
  </si>
  <si>
    <t>5423137.0</t>
  </si>
  <si>
    <t>3944368.0</t>
  </si>
  <si>
    <t>178803.0</t>
  </si>
  <si>
    <t>17514.0</t>
  </si>
  <si>
    <t>9477305.0</t>
  </si>
  <si>
    <t>5459763.0</t>
  </si>
  <si>
    <t>4017542.0</t>
  </si>
  <si>
    <t>20791.0</t>
  </si>
  <si>
    <t>181097.0</t>
  </si>
  <si>
    <t>26.435</t>
  </si>
  <si>
    <t>9611936.0</t>
  </si>
  <si>
    <t>5498389.0</t>
  </si>
  <si>
    <t>4113547.0</t>
  </si>
  <si>
    <t>138.33</t>
  </si>
  <si>
    <t>26.792</t>
  </si>
  <si>
    <t>13403.0</t>
  </si>
  <si>
    <t>185372.0</t>
  </si>
  <si>
    <t>27.059</t>
  </si>
  <si>
    <t>186983.0</t>
  </si>
  <si>
    <t>27.295</t>
  </si>
  <si>
    <t>10003541.0</t>
  </si>
  <si>
    <t>5604596.0</t>
  </si>
  <si>
    <t>4398945.0</t>
  </si>
  <si>
    <t>188495.0</t>
  </si>
  <si>
    <t>189887.0</t>
  </si>
  <si>
    <t>190843.0</t>
  </si>
  <si>
    <t>27.858</t>
  </si>
  <si>
    <t>10377431.0</t>
  </si>
  <si>
    <t>5706494.0</t>
  </si>
  <si>
    <t>4670937.0</t>
  </si>
  <si>
    <t>193508.0</t>
  </si>
  <si>
    <t>28.247</t>
  </si>
  <si>
    <t>10404774.0</t>
  </si>
  <si>
    <t>5714698.0</t>
  </si>
  <si>
    <t>4690076.0</t>
  </si>
  <si>
    <t>10448467.0</t>
  </si>
  <si>
    <t>5730078.0</t>
  </si>
  <si>
    <t>4718389.0</t>
  </si>
  <si>
    <t>10487916.0</t>
  </si>
  <si>
    <t>5735273.0</t>
  </si>
  <si>
    <t>4752643.0</t>
  </si>
  <si>
    <t>10561352.0</t>
  </si>
  <si>
    <t>5762306.0</t>
  </si>
  <si>
    <t>4799046.0</t>
  </si>
  <si>
    <t>10760706.0</t>
  </si>
  <si>
    <t>5788470.0</t>
  </si>
  <si>
    <t>4972236.0</t>
  </si>
  <si>
    <t>154.87</t>
  </si>
  <si>
    <t>30489.0</t>
  </si>
  <si>
    <t>10973441.0</t>
  </si>
  <si>
    <t>5837222.0</t>
  </si>
  <si>
    <t>5136219.0</t>
  </si>
  <si>
    <t>38528.0</t>
  </si>
  <si>
    <t>29062.0</t>
  </si>
  <si>
    <t>11139671.0</t>
  </si>
  <si>
    <t>5866669.0</t>
  </si>
  <si>
    <t>5273002.0</t>
  </si>
  <si>
    <t>11341125.0</t>
  </si>
  <si>
    <t>5917353.0</t>
  </si>
  <si>
    <t>5423772.0</t>
  </si>
  <si>
    <t>25408.0</t>
  </si>
  <si>
    <t>18665.0</t>
  </si>
  <si>
    <t>11441278.0</t>
  </si>
  <si>
    <t>5938231.0</t>
  </si>
  <si>
    <t>5503047.0</t>
  </si>
  <si>
    <t>11512460.0</t>
  </si>
  <si>
    <t>5956466.0</t>
  </si>
  <si>
    <t>5555994.0</t>
  </si>
  <si>
    <t>11545480.0</t>
  </si>
  <si>
    <t>5964917.0</t>
  </si>
  <si>
    <t>5580563.0</t>
  </si>
  <si>
    <t>166.16</t>
  </si>
  <si>
    <t>11571833.0</t>
  </si>
  <si>
    <t>5973858.0</t>
  </si>
  <si>
    <t>5597975.0</t>
  </si>
  <si>
    <t>11602504.0</t>
  </si>
  <si>
    <t>5991284.0</t>
  </si>
  <si>
    <t>5611220.0</t>
  </si>
  <si>
    <t>11639529.0</t>
  </si>
  <si>
    <t>6009617.0</t>
  </si>
  <si>
    <t>5629912.0</t>
  </si>
  <si>
    <t>11660036.0</t>
  </si>
  <si>
    <t>6018721.0</t>
  </si>
  <si>
    <t>5641315.0</t>
  </si>
  <si>
    <t>11685511.0</t>
  </si>
  <si>
    <t>6028522.0</t>
  </si>
  <si>
    <t>5656989.0</t>
  </si>
  <si>
    <t>11707462.0</t>
  </si>
  <si>
    <t>6035513.0</t>
  </si>
  <si>
    <t>5671949.0</t>
  </si>
  <si>
    <t>11736067.0</t>
  </si>
  <si>
    <t>6044224.0</t>
  </si>
  <si>
    <t>5691843.0</t>
  </si>
  <si>
    <t>11754947.0</t>
  </si>
  <si>
    <t>6051704.0</t>
  </si>
  <si>
    <t>5703243.0</t>
  </si>
  <si>
    <t>11780033.0</t>
  </si>
  <si>
    <t>6060697.0</t>
  </si>
  <si>
    <t>5719336.0</t>
  </si>
  <si>
    <t>87.22</t>
  </si>
  <si>
    <t>11792000.0</t>
  </si>
  <si>
    <t>6065189.0</t>
  </si>
  <si>
    <t>5726811.0</t>
  </si>
  <si>
    <t>11829966.0</t>
  </si>
  <si>
    <t>6077838.0</t>
  </si>
  <si>
    <t>5752128.0</t>
  </si>
  <si>
    <t>170.25</t>
  </si>
  <si>
    <t>11846891.0</t>
  </si>
  <si>
    <t>6083967.0</t>
  </si>
  <si>
    <t>5762924.0</t>
  </si>
  <si>
    <t>11867540.0</t>
  </si>
  <si>
    <t>6090477.0</t>
  </si>
  <si>
    <t>5777063.0</t>
  </si>
  <si>
    <t>11890941.0</t>
  </si>
  <si>
    <t>6097152.0</t>
  </si>
  <si>
    <t>5793789.0</t>
  </si>
  <si>
    <t>11910479.0</t>
  </si>
  <si>
    <t>6104149.0</t>
  </si>
  <si>
    <t>5806330.0</t>
  </si>
  <si>
    <t>11930746.0</t>
  </si>
  <si>
    <t>6110984.0</t>
  </si>
  <si>
    <t>5819762.0</t>
  </si>
  <si>
    <t>11939946.0</t>
  </si>
  <si>
    <t>6114751.0</t>
  </si>
  <si>
    <t>5825195.0</t>
  </si>
  <si>
    <t>11959712.0</t>
  </si>
  <si>
    <t>6122101.0</t>
  </si>
  <si>
    <t>5837611.0</t>
  </si>
  <si>
    <t>11992242.0</t>
  </si>
  <si>
    <t>6131927.0</t>
  </si>
  <si>
    <t>5860315.0</t>
  </si>
  <si>
    <t>172.59</t>
  </si>
  <si>
    <t>12020538.0</t>
  </si>
  <si>
    <t>6142306.0</t>
  </si>
  <si>
    <t>5878232.0</t>
  </si>
  <si>
    <t>12058844.0</t>
  </si>
  <si>
    <t>6156550.0</t>
  </si>
  <si>
    <t>5902294.0</t>
  </si>
  <si>
    <t>12078027.0</t>
  </si>
  <si>
    <t>6162718.0</t>
  </si>
  <si>
    <t>5915309.0</t>
  </si>
  <si>
    <t>173.82</t>
  </si>
  <si>
    <t>12098543.0</t>
  </si>
  <si>
    <t>6167575.0</t>
  </si>
  <si>
    <t>5930968.0</t>
  </si>
  <si>
    <t>174.12</t>
  </si>
  <si>
    <t>12118398.0</t>
  </si>
  <si>
    <t>6171763.0</t>
  </si>
  <si>
    <t>5946635.0</t>
  </si>
  <si>
    <t>NER</t>
  </si>
  <si>
    <t>Niger</t>
  </si>
  <si>
    <t>74106.0</t>
  </si>
  <si>
    <t>115112.0</t>
  </si>
  <si>
    <t>159525.0</t>
  </si>
  <si>
    <t>152582.0</t>
  </si>
  <si>
    <t>180987.0</t>
  </si>
  <si>
    <t>170716.0</t>
  </si>
  <si>
    <t>186207.0</t>
  </si>
  <si>
    <t>172812.0</t>
  </si>
  <si>
    <t>255587.0</t>
  </si>
  <si>
    <t>224803.0</t>
  </si>
  <si>
    <t>30784.0</t>
  </si>
  <si>
    <t>425483.0</t>
  </si>
  <si>
    <t>393293.0</t>
  </si>
  <si>
    <t>485954.0</t>
  </si>
  <si>
    <t>401272.0</t>
  </si>
  <si>
    <t>84682.0</t>
  </si>
  <si>
    <t>490549.0</t>
  </si>
  <si>
    <t>404104.0</t>
  </si>
  <si>
    <t>86445.0</t>
  </si>
  <si>
    <t>512294.0</t>
  </si>
  <si>
    <t>405918.0</t>
  </si>
  <si>
    <t>106376.0</t>
  </si>
  <si>
    <t>533899.0</t>
  </si>
  <si>
    <t>405978.0</t>
  </si>
  <si>
    <t>127921.0</t>
  </si>
  <si>
    <t>646086.0</t>
  </si>
  <si>
    <t>429471.0</t>
  </si>
  <si>
    <t>803146.0</t>
  </si>
  <si>
    <t>479613.0</t>
  </si>
  <si>
    <t>323533.0</t>
  </si>
  <si>
    <t>896106.0</t>
  </si>
  <si>
    <t>498894.0</t>
  </si>
  <si>
    <t>397212.0</t>
  </si>
  <si>
    <t>963041.0</t>
  </si>
  <si>
    <t>506083.0</t>
  </si>
  <si>
    <t>456958.0</t>
  </si>
  <si>
    <t>971636.0</t>
  </si>
  <si>
    <t>507223.0</t>
  </si>
  <si>
    <t>464413.0</t>
  </si>
  <si>
    <t>1778173.0</t>
  </si>
  <si>
    <t>1424863.0</t>
  </si>
  <si>
    <t>1010152.0</t>
  </si>
  <si>
    <t>1798575.0</t>
  </si>
  <si>
    <t>1442884.0</t>
  </si>
  <si>
    <t>1025950.0</t>
  </si>
  <si>
    <t>222655.0</t>
  </si>
  <si>
    <t>223204.0</t>
  </si>
  <si>
    <t>1804760.0</t>
  </si>
  <si>
    <t>1447985.0</t>
  </si>
  <si>
    <t>1030514.0</t>
  </si>
  <si>
    <t>224075.0</t>
  </si>
  <si>
    <t>226119.0</t>
  </si>
  <si>
    <t>8.976</t>
  </si>
  <si>
    <t>227005.0</t>
  </si>
  <si>
    <t>178.9</t>
  </si>
  <si>
    <t>1840055.0</t>
  </si>
  <si>
    <t>1474560.0</t>
  </si>
  <si>
    <t>1049867.0</t>
  </si>
  <si>
    <t>228105.0</t>
  </si>
  <si>
    <t>229113.0</t>
  </si>
  <si>
    <t>9.073</t>
  </si>
  <si>
    <t>229436.0</t>
  </si>
  <si>
    <t>60442.0</t>
  </si>
  <si>
    <t>9.103</t>
  </si>
  <si>
    <t>70072.0</t>
  </si>
  <si>
    <t>230448.0</t>
  </si>
  <si>
    <t>230822.0</t>
  </si>
  <si>
    <t>2674381.0</t>
  </si>
  <si>
    <t>2175283.0</t>
  </si>
  <si>
    <t>1541167.0</t>
  </si>
  <si>
    <t>71579.0</t>
  </si>
  <si>
    <t>60113.0</t>
  </si>
  <si>
    <t>232094.0</t>
  </si>
  <si>
    <t>9.191</t>
  </si>
  <si>
    <t>59725.0</t>
  </si>
  <si>
    <t>50153.0</t>
  </si>
  <si>
    <t>40194.0</t>
  </si>
  <si>
    <t>233409.0</t>
  </si>
  <si>
    <t>290.5</t>
  </si>
  <si>
    <t>238395.0</t>
  </si>
  <si>
    <t>2681673.0</t>
  </si>
  <si>
    <t>2180972.0</t>
  </si>
  <si>
    <t>1545630.0</t>
  </si>
  <si>
    <t>284.3</t>
  </si>
  <si>
    <t>239644.0</t>
  </si>
  <si>
    <t>1157.3</t>
  </si>
  <si>
    <t>905.6</t>
  </si>
  <si>
    <t>240394.0</t>
  </si>
  <si>
    <t>842.7</t>
  </si>
  <si>
    <t>243063.0</t>
  </si>
  <si>
    <t>2689995.0</t>
  </si>
  <si>
    <t>2188727.0</t>
  </si>
  <si>
    <t>1547552.0</t>
  </si>
  <si>
    <t>243301.0</t>
  </si>
  <si>
    <t>246945.0</t>
  </si>
  <si>
    <t>249026.0</t>
  </si>
  <si>
    <t>2692524.0</t>
  </si>
  <si>
    <t>2190527.0</t>
  </si>
  <si>
    <t>1549016.0</t>
  </si>
  <si>
    <t>249920.0</t>
  </si>
  <si>
    <t>9.897</t>
  </si>
  <si>
    <t>250347.0</t>
  </si>
  <si>
    <t>2190790.0</t>
  </si>
  <si>
    <t>1549279.0</t>
  </si>
  <si>
    <t>250696.0</t>
  </si>
  <si>
    <t>9.927</t>
  </si>
  <si>
    <t>251631.0</t>
  </si>
  <si>
    <t>9.965</t>
  </si>
  <si>
    <t>252609.0</t>
  </si>
  <si>
    <t>253043.0</t>
  </si>
  <si>
    <t>1549987.0</t>
  </si>
  <si>
    <t>2694418.0</t>
  </si>
  <si>
    <t>2192163.0</t>
  </si>
  <si>
    <t>1550910.0</t>
  </si>
  <si>
    <t>2703493.0</t>
  </si>
  <si>
    <t>2198758.0</t>
  </si>
  <si>
    <t>1556817.0</t>
  </si>
  <si>
    <t>50612.0</t>
  </si>
  <si>
    <t>67483.0</t>
  </si>
  <si>
    <t>92363.0</t>
  </si>
  <si>
    <t>115453.0</t>
  </si>
  <si>
    <t>101224.0</t>
  </si>
  <si>
    <t>138544.0</t>
  </si>
  <si>
    <t>3530154.0</t>
  </si>
  <si>
    <t>3330202.0</t>
  </si>
  <si>
    <t>2603341.0</t>
  </si>
  <si>
    <t>118094.0</t>
  </si>
  <si>
    <t>118241.0</t>
  </si>
  <si>
    <t>144454.0</t>
  </si>
  <si>
    <t>118388.0</t>
  </si>
  <si>
    <t>127274.0</t>
  </si>
  <si>
    <t>118534.0</t>
  </si>
  <si>
    <t>118681.0</t>
  </si>
  <si>
    <t>92913.0</t>
  </si>
  <si>
    <t>118974.0</t>
  </si>
  <si>
    <t>58552.0</t>
  </si>
  <si>
    <t>4364000.0</t>
  </si>
  <si>
    <t>3619801.0</t>
  </si>
  <si>
    <t>2861058.0</t>
  </si>
  <si>
    <t>119121.0</t>
  </si>
  <si>
    <t>85705.0</t>
  </si>
  <si>
    <t>68997.0</t>
  </si>
  <si>
    <t>24495.0</t>
  </si>
  <si>
    <t>52289.0</t>
  </si>
  <si>
    <t>35581.0</t>
  </si>
  <si>
    <t>4394310.0</t>
  </si>
  <si>
    <t>3647695.0</t>
  </si>
  <si>
    <t>2888988.0</t>
  </si>
  <si>
    <t>4531782.0</t>
  </si>
  <si>
    <t>3740079.0</t>
  </si>
  <si>
    <t>2978762.0</t>
  </si>
  <si>
    <t>4534313.0</t>
  </si>
  <si>
    <t>2980972.0</t>
  </si>
  <si>
    <t>4534315.0</t>
  </si>
  <si>
    <t>4544735.0</t>
  </si>
  <si>
    <t>3742019.0</t>
  </si>
  <si>
    <t>2990498.0</t>
  </si>
  <si>
    <t>26122.0</t>
  </si>
  <si>
    <t>127631.0</t>
  </si>
  <si>
    <t>134302.0</t>
  </si>
  <si>
    <t>178386.0</t>
  </si>
  <si>
    <t>7042134.0</t>
  </si>
  <si>
    <t>5935299.0</t>
  </si>
  <si>
    <t>5176311.0</t>
  </si>
  <si>
    <t>134749.0</t>
  </si>
  <si>
    <t>128409.0</t>
  </si>
  <si>
    <t>103420.0</t>
  </si>
  <si>
    <t>78432.0</t>
  </si>
  <si>
    <t>69005.0</t>
  </si>
  <si>
    <t>53443.0</t>
  </si>
  <si>
    <t>47091.0</t>
  </si>
  <si>
    <t>7187711.0</t>
  </si>
  <si>
    <t>6072321.0</t>
  </si>
  <si>
    <t>5308074.0</t>
  </si>
  <si>
    <t>NGA</t>
  </si>
  <si>
    <t>Nigeria</t>
  </si>
  <si>
    <t>23835.0</t>
  </si>
  <si>
    <t>27078.0</t>
  </si>
  <si>
    <t>28418.0</t>
  </si>
  <si>
    <t>33970.0</t>
  </si>
  <si>
    <t>36899.0</t>
  </si>
  <si>
    <t>38231.0</t>
  </si>
  <si>
    <t>43328.0</t>
  </si>
  <si>
    <t>46803.0</t>
  </si>
  <si>
    <t>63882.0</t>
  </si>
  <si>
    <t>65885.0</t>
  </si>
  <si>
    <t>71336.0</t>
  </si>
  <si>
    <t>73064.0</t>
  </si>
  <si>
    <t>76802.0</t>
  </si>
  <si>
    <t>78244.0</t>
  </si>
  <si>
    <t>82935.0</t>
  </si>
  <si>
    <t>85375.0</t>
  </si>
  <si>
    <t>0.2247</t>
  </si>
  <si>
    <t>90464.0</t>
  </si>
  <si>
    <t>92924.0</t>
  </si>
  <si>
    <t>94323.0</t>
  </si>
  <si>
    <t>96402.0</t>
  </si>
  <si>
    <t>106006.0</t>
  </si>
  <si>
    <t>111052.0</t>
  </si>
  <si>
    <t>113575.0</t>
  </si>
  <si>
    <t>115760.0</t>
  </si>
  <si>
    <t>120108.0</t>
  </si>
  <si>
    <t>122155.0</t>
  </si>
  <si>
    <t>127158.0</t>
  </si>
  <si>
    <t>0.2606</t>
  </si>
  <si>
    <t>132304.0</t>
  </si>
  <si>
    <t>134257.0</t>
  </si>
  <si>
    <t>138462.0</t>
  </si>
  <si>
    <t>144833.0</t>
  </si>
  <si>
    <t>151121.0</t>
  </si>
  <si>
    <t>152952.0</t>
  </si>
  <si>
    <t>0.2011</t>
  </si>
  <si>
    <t>171931.0</t>
  </si>
  <si>
    <t>175656.0</t>
  </si>
  <si>
    <t>178265.0</t>
  </si>
  <si>
    <t>181248.0</t>
  </si>
  <si>
    <t>183294.0</t>
  </si>
  <si>
    <t>199016.0</t>
  </si>
  <si>
    <t>202097.0</t>
  </si>
  <si>
    <t>206422.0</t>
  </si>
  <si>
    <t>209446.0</t>
  </si>
  <si>
    <t>212201.0</t>
  </si>
  <si>
    <t>218223.0</t>
  </si>
  <si>
    <t>247825.0</t>
  </si>
  <si>
    <t>29602.0</t>
  </si>
  <si>
    <t>256038.0</t>
  </si>
  <si>
    <t>259516.0</t>
  </si>
  <si>
    <t>262579.0</t>
  </si>
  <si>
    <t>267842.0</t>
  </si>
  <si>
    <t>272748.0</t>
  </si>
  <si>
    <t>279675.0</t>
  </si>
  <si>
    <t>286091.0</t>
  </si>
  <si>
    <t>287532.0</t>
  </si>
  <si>
    <t>306894.0</t>
  </si>
  <si>
    <t>310729.0</t>
  </si>
  <si>
    <t>317496.0</t>
  </si>
  <si>
    <t>319851.0</t>
  </si>
  <si>
    <t>338084.0</t>
  </si>
  <si>
    <t>341421.0</t>
  </si>
  <si>
    <t>344397.0</t>
  </si>
  <si>
    <t>350589.0</t>
  </si>
  <si>
    <t>352625.0</t>
  </si>
  <si>
    <t>355196.0</t>
  </si>
  <si>
    <t>363331.0</t>
  </si>
  <si>
    <t>366244.0</t>
  </si>
  <si>
    <t>369904.0</t>
  </si>
  <si>
    <t>374077.0</t>
  </si>
  <si>
    <t>378023.0</t>
  </si>
  <si>
    <t>379542.0</t>
  </si>
  <si>
    <t>383130.0</t>
  </si>
  <si>
    <t>391502.0</t>
  </si>
  <si>
    <t>394524.0</t>
  </si>
  <si>
    <t>402070.0</t>
  </si>
  <si>
    <t>403347.0</t>
  </si>
  <si>
    <t>411077.0</t>
  </si>
  <si>
    <t>413265.0</t>
  </si>
  <si>
    <t>417398.0</t>
  </si>
  <si>
    <t>420543.0</t>
  </si>
  <si>
    <t>424186.0</t>
  </si>
  <si>
    <t>426803.0</t>
  </si>
  <si>
    <t>430712.0</t>
  </si>
  <si>
    <t>433206.0</t>
  </si>
  <si>
    <t>436231.0</t>
  </si>
  <si>
    <t>438135.0</t>
  </si>
  <si>
    <t>440248.0</t>
  </si>
  <si>
    <t>442075.0</t>
  </si>
  <si>
    <t>443987.0</t>
  </si>
  <si>
    <t>472191.0</t>
  </si>
  <si>
    <t>480874.0</t>
  </si>
  <si>
    <t>484051.0</t>
  </si>
  <si>
    <t>494577.0</t>
  </si>
  <si>
    <t>502545.0</t>
  </si>
  <si>
    <t>507006.0</t>
  </si>
  <si>
    <t>509555.0</t>
  </si>
  <si>
    <t>520797.0</t>
  </si>
  <si>
    <t>532765.0</t>
  </si>
  <si>
    <t>536695.0</t>
  </si>
  <si>
    <t>543415.0</t>
  </si>
  <si>
    <t>545364.0</t>
  </si>
  <si>
    <t>551362.0</t>
  </si>
  <si>
    <t>553037.0</t>
  </si>
  <si>
    <t>558313.0</t>
  </si>
  <si>
    <t>564936.0</t>
  </si>
  <si>
    <t>567857.0</t>
  </si>
  <si>
    <t>572705.0</t>
  </si>
  <si>
    <t>576184.0</t>
  </si>
  <si>
    <t>578841.0</t>
  </si>
  <si>
    <t>590635.0</t>
  </si>
  <si>
    <t>595283.0</t>
  </si>
  <si>
    <t>602239.0</t>
  </si>
  <si>
    <t>603611.0</t>
  </si>
  <si>
    <t>612154.0</t>
  </si>
  <si>
    <t>614480.0</t>
  </si>
  <si>
    <t>617750.0</t>
  </si>
  <si>
    <t>620758.0</t>
  </si>
  <si>
    <t>625510.0</t>
  </si>
  <si>
    <t>627600.0</t>
  </si>
  <si>
    <t>668729.0</t>
  </si>
  <si>
    <t>673183.0</t>
  </si>
  <si>
    <t>681599.0</t>
  </si>
  <si>
    <t>686395.0</t>
  </si>
  <si>
    <t>687952.0</t>
  </si>
  <si>
    <t>697544.0</t>
  </si>
  <si>
    <t>705809.0</t>
  </si>
  <si>
    <t>721516.0</t>
  </si>
  <si>
    <t>724794.0</t>
  </si>
  <si>
    <t>728128.0</t>
  </si>
  <si>
    <t>739216.0</t>
  </si>
  <si>
    <t>743298.0</t>
  </si>
  <si>
    <t>749136.0</t>
  </si>
  <si>
    <t>756237.0</t>
  </si>
  <si>
    <t>779708.0</t>
  </si>
  <si>
    <t>791539.0</t>
  </si>
  <si>
    <t>803621.0</t>
  </si>
  <si>
    <t>817913.0</t>
  </si>
  <si>
    <t>822231.0</t>
  </si>
  <si>
    <t>829743.0</t>
  </si>
  <si>
    <t>833755.0</t>
  </si>
  <si>
    <t>838333.0</t>
  </si>
  <si>
    <t>845458.0</t>
  </si>
  <si>
    <t>848194.0</t>
  </si>
  <si>
    <t>859357.0</t>
  </si>
  <si>
    <t>864104.0</t>
  </si>
  <si>
    <t>869362.0</t>
  </si>
  <si>
    <t>874617.0</t>
  </si>
  <si>
    <t>893590.0</t>
  </si>
  <si>
    <t>903800.0</t>
  </si>
  <si>
    <t>912114.0</t>
  </si>
  <si>
    <t>925215.0</t>
  </si>
  <si>
    <t>932327.0</t>
  </si>
  <si>
    <t>937712.0</t>
  </si>
  <si>
    <t>938602.0</t>
  </si>
  <si>
    <t>948048.0</t>
  </si>
  <si>
    <t>952975.0</t>
  </si>
  <si>
    <t>955429.0</t>
  </si>
  <si>
    <t>958911.0</t>
  </si>
  <si>
    <t>980046.0</t>
  </si>
  <si>
    <t>1004915.0</t>
  </si>
  <si>
    <t>1011584.0</t>
  </si>
  <si>
    <t>1018061.0</t>
  </si>
  <si>
    <t>1025560.0</t>
  </si>
  <si>
    <t>1033858.0</t>
  </si>
  <si>
    <t>1135535.0</t>
  </si>
  <si>
    <t>1141147.0</t>
  </si>
  <si>
    <t>1147523.0</t>
  </si>
  <si>
    <t>1154138.0</t>
  </si>
  <si>
    <t>1172234.0</t>
  </si>
  <si>
    <t>18096.0</t>
  </si>
  <si>
    <t>1191866.0</t>
  </si>
  <si>
    <t>17731.0</t>
  </si>
  <si>
    <t>1198758.0</t>
  </si>
  <si>
    <t>1203113.0</t>
  </si>
  <si>
    <t>1225179.0</t>
  </si>
  <si>
    <t>1241230.0</t>
  </si>
  <si>
    <t>1258534.0</t>
  </si>
  <si>
    <t>1270523.0</t>
  </si>
  <si>
    <t>1302410.0</t>
  </si>
  <si>
    <t>1398630.0</t>
  </si>
  <si>
    <t>1441013.0</t>
  </si>
  <si>
    <t>1489103.0</t>
  </si>
  <si>
    <t>1544008.0</t>
  </si>
  <si>
    <t>1601396.0</t>
  </si>
  <si>
    <t>1684305.0</t>
  </si>
  <si>
    <t>17420.0</t>
  </si>
  <si>
    <t>1727467.0</t>
  </si>
  <si>
    <t>8.095</t>
  </si>
  <si>
    <t>277458.0</t>
  </si>
  <si>
    <t>34097.0</t>
  </si>
  <si>
    <t>513626.0</t>
  </si>
  <si>
    <t>1767694.0</t>
  </si>
  <si>
    <t>57519.0</t>
  </si>
  <si>
    <t>718412.0</t>
  </si>
  <si>
    <t>818865.0</t>
  </si>
  <si>
    <t>100453.0</t>
  </si>
  <si>
    <t>68909.0</t>
  </si>
  <si>
    <t>1803177.0</t>
  </si>
  <si>
    <t>964387.0</t>
  </si>
  <si>
    <t>44891.0</t>
  </si>
  <si>
    <t>1838174.0</t>
  </si>
  <si>
    <t>1043737.0</t>
  </si>
  <si>
    <t>1081548.0</t>
  </si>
  <si>
    <t>1096727.0</t>
  </si>
  <si>
    <t>1870915.0</t>
  </si>
  <si>
    <t>1101827.0</t>
  </si>
  <si>
    <t>1114408.0</t>
  </si>
  <si>
    <t>1133325.0</t>
  </si>
  <si>
    <t>1148168.0</t>
  </si>
  <si>
    <t>1158582.0</t>
  </si>
  <si>
    <t>1167837.0</t>
  </si>
  <si>
    <t>1171515.0</t>
  </si>
  <si>
    <t>1912628.0</t>
  </si>
  <si>
    <t>1175285.0</t>
  </si>
  <si>
    <t>1181941.0</t>
  </si>
  <si>
    <t>1191563.0</t>
  </si>
  <si>
    <t>1222109.0</t>
  </si>
  <si>
    <t>1229733.0</t>
  </si>
  <si>
    <t>1939165.0</t>
  </si>
  <si>
    <t>9.087</t>
  </si>
  <si>
    <t>1236815.0</t>
  </si>
  <si>
    <t>1246845.0</t>
  </si>
  <si>
    <t>1266742.0</t>
  </si>
  <si>
    <t>1289773.0</t>
  </si>
  <si>
    <t>1615787.0</t>
  </si>
  <si>
    <t>326014.0</t>
  </si>
  <si>
    <t>57694.0</t>
  </si>
  <si>
    <t>1653292.0</t>
  </si>
  <si>
    <t>61598.0</t>
  </si>
  <si>
    <t>1665698.0</t>
  </si>
  <si>
    <t>1977479.0</t>
  </si>
  <si>
    <t>1697243.0</t>
  </si>
  <si>
    <t>65775.0</t>
  </si>
  <si>
    <t>1713306.0</t>
  </si>
  <si>
    <t>1748242.0</t>
  </si>
  <si>
    <t>1763552.0</t>
  </si>
  <si>
    <t>67683.0</t>
  </si>
  <si>
    <t>1767488.0</t>
  </si>
  <si>
    <t>1794552.0</t>
  </si>
  <si>
    <t>27064.0</t>
  </si>
  <si>
    <t>1811795.0</t>
  </si>
  <si>
    <t>17243.0</t>
  </si>
  <si>
    <t>2002653.0</t>
  </si>
  <si>
    <t>1823095.0</t>
  </si>
  <si>
    <t>1842437.0</t>
  </si>
  <si>
    <t>1880788.0</t>
  </si>
  <si>
    <t>1894794.0</t>
  </si>
  <si>
    <t>1911254.0</t>
  </si>
  <si>
    <t>1927141.0</t>
  </si>
  <si>
    <t>18941.0</t>
  </si>
  <si>
    <t>1929237.0</t>
  </si>
  <si>
    <t>2093243.0</t>
  </si>
  <si>
    <t>320.1</t>
  </si>
  <si>
    <t>1939737.0</t>
  </si>
  <si>
    <t>1930922.0</t>
  </si>
  <si>
    <t>1953870.0</t>
  </si>
  <si>
    <t>1938611.0</t>
  </si>
  <si>
    <t>1967435.0</t>
  </si>
  <si>
    <t>1945273.0</t>
  </si>
  <si>
    <t>1984242.0</t>
  </si>
  <si>
    <t>1950298.0</t>
  </si>
  <si>
    <t>1996914.0</t>
  </si>
  <si>
    <t>1952694.0</t>
  </si>
  <si>
    <t>44220.0</t>
  </si>
  <si>
    <t>2014590.0</t>
  </si>
  <si>
    <t>1955652.0</t>
  </si>
  <si>
    <t>58938.0</t>
  </si>
  <si>
    <t>2133061.0</t>
  </si>
  <si>
    <t>2030063.0</t>
  </si>
  <si>
    <t>1956598.0</t>
  </si>
  <si>
    <t>2051228.0</t>
  </si>
  <si>
    <t>1960493.0</t>
  </si>
  <si>
    <t>2110141.0</t>
  </si>
  <si>
    <t>1961883.0</t>
  </si>
  <si>
    <t>148258.0</t>
  </si>
  <si>
    <t>58913.0</t>
  </si>
  <si>
    <t>28645.0</t>
  </si>
  <si>
    <t>2225765.0</t>
  </si>
  <si>
    <t>1964095.0</t>
  </si>
  <si>
    <t>261670.0</t>
  </si>
  <si>
    <t>41425.0</t>
  </si>
  <si>
    <t>2180444.0</t>
  </si>
  <si>
    <t>44660.0</t>
  </si>
  <si>
    <t>2231409.0</t>
  </si>
  <si>
    <t>10.456</t>
  </si>
  <si>
    <t>2659153.0</t>
  </si>
  <si>
    <t>1978808.0</t>
  </si>
  <si>
    <t>680345.0</t>
  </si>
  <si>
    <t>403.3</t>
  </si>
  <si>
    <t>43735.0</t>
  </si>
  <si>
    <t>46626.0</t>
  </si>
  <si>
    <t>2266591.0</t>
  </si>
  <si>
    <t>148.2</t>
  </si>
  <si>
    <t>3104802.0</t>
  </si>
  <si>
    <t>2099568.0</t>
  </si>
  <si>
    <t>1005234.0</t>
  </si>
  <si>
    <t>52895.0</t>
  </si>
  <si>
    <t>56274.0</t>
  </si>
  <si>
    <t>59653.0</t>
  </si>
  <si>
    <t>2300266.0</t>
  </si>
  <si>
    <t>3397472.0</t>
  </si>
  <si>
    <t>2241662.0</t>
  </si>
  <si>
    <t>1155810.0</t>
  </si>
  <si>
    <t>31807.0</t>
  </si>
  <si>
    <t>34685.0</t>
  </si>
  <si>
    <t>66867.0</t>
  </si>
  <si>
    <t>65291.0</t>
  </si>
  <si>
    <t>63716.0</t>
  </si>
  <si>
    <t>33847.0</t>
  </si>
  <si>
    <t>2331734.0</t>
  </si>
  <si>
    <t>3832459.0</t>
  </si>
  <si>
    <t>2476637.0</t>
  </si>
  <si>
    <t>1355822.0</t>
  </si>
  <si>
    <t>48733.0</t>
  </si>
  <si>
    <t>22706.0</t>
  </si>
  <si>
    <t>2362757.0</t>
  </si>
  <si>
    <t>3938945.0</t>
  </si>
  <si>
    <t>2534205.0</t>
  </si>
  <si>
    <t>1404740.0</t>
  </si>
  <si>
    <t>2401894.0</t>
  </si>
  <si>
    <t>2439850.0</t>
  </si>
  <si>
    <t>2542261.0</t>
  </si>
  <si>
    <t>2589130.0</t>
  </si>
  <si>
    <t>3967013.0</t>
  </si>
  <si>
    <t>2550390.0</t>
  </si>
  <si>
    <t>1416623.0</t>
  </si>
  <si>
    <t>2648684.0</t>
  </si>
  <si>
    <t>2727834.0</t>
  </si>
  <si>
    <t>4182515.0</t>
  </si>
  <si>
    <t>2756203.0</t>
  </si>
  <si>
    <t>1426312.0</t>
  </si>
  <si>
    <t>2779725.0</t>
  </si>
  <si>
    <t>4432282.0</t>
  </si>
  <si>
    <t>2994933.0</t>
  </si>
  <si>
    <t>1437349.0</t>
  </si>
  <si>
    <t>40294.0</t>
  </si>
  <si>
    <t>56815.0</t>
  </si>
  <si>
    <t>63872.0</t>
  </si>
  <si>
    <t>75661.0</t>
  </si>
  <si>
    <t>87451.0</t>
  </si>
  <si>
    <t>5001836.0</t>
  </si>
  <si>
    <t>3461713.0</t>
  </si>
  <si>
    <t>1540123.0</t>
  </si>
  <si>
    <t>105152.0</t>
  </si>
  <si>
    <t>89419.0</t>
  </si>
  <si>
    <t>2884034.0</t>
  </si>
  <si>
    <t>13.515</t>
  </si>
  <si>
    <t>5176869.0</t>
  </si>
  <si>
    <t>3600858.0</t>
  </si>
  <si>
    <t>1576011.0</t>
  </si>
  <si>
    <t>175033.0</t>
  </si>
  <si>
    <t>97929.0</t>
  </si>
  <si>
    <t>119111.0</t>
  </si>
  <si>
    <t>96652.0</t>
  </si>
  <si>
    <t>115580.0</t>
  </si>
  <si>
    <t>112049.0</t>
  </si>
  <si>
    <t>90162.0</t>
  </si>
  <si>
    <t>86917.0</t>
  </si>
  <si>
    <t>2942578.0</t>
  </si>
  <si>
    <t>5712019.0</t>
  </si>
  <si>
    <t>4024704.0</t>
  </si>
  <si>
    <t>1687315.0</t>
  </si>
  <si>
    <t>101455.0</t>
  </si>
  <si>
    <t>80427.0</t>
  </si>
  <si>
    <t>83437.0</t>
  </si>
  <si>
    <t>62013.0</t>
  </si>
  <si>
    <t>5858737.0</t>
  </si>
  <si>
    <t>4146028.0</t>
  </si>
  <si>
    <t>1712709.0</t>
  </si>
  <si>
    <t>57698.0</t>
  </si>
  <si>
    <t>68835.0</t>
  </si>
  <si>
    <t>2997060.0</t>
  </si>
  <si>
    <t>6186647.0</t>
  </si>
  <si>
    <t>4415507.0</t>
  </si>
  <si>
    <t>1771140.0</t>
  </si>
  <si>
    <t>64074.0</t>
  </si>
  <si>
    <t>52845.0</t>
  </si>
  <si>
    <t>60343.0</t>
  </si>
  <si>
    <t>49861.0</t>
  </si>
  <si>
    <t>6255025.0</t>
  </si>
  <si>
    <t>4474172.0</t>
  </si>
  <si>
    <t>1780853.0</t>
  </si>
  <si>
    <t>56613.0</t>
  </si>
  <si>
    <t>47318.0</t>
  </si>
  <si>
    <t>47758.0</t>
  </si>
  <si>
    <t>6552979.0</t>
  </si>
  <si>
    <t>4685526.0</t>
  </si>
  <si>
    <t>1867453.0</t>
  </si>
  <si>
    <t>64044.0</t>
  </si>
  <si>
    <t>48198.0</t>
  </si>
  <si>
    <t>57527.0</t>
  </si>
  <si>
    <t>41804.0</t>
  </si>
  <si>
    <t>42023.0</t>
  </si>
  <si>
    <t>3043321.0</t>
  </si>
  <si>
    <t>6734764.0</t>
  </si>
  <si>
    <t>1943821.0</t>
  </si>
  <si>
    <t>54346.0</t>
  </si>
  <si>
    <t>28656.0</t>
  </si>
  <si>
    <t>42108.0</t>
  </si>
  <si>
    <t>3090114.0</t>
  </si>
  <si>
    <t>44984.0</t>
  </si>
  <si>
    <t>7130171.0</t>
  </si>
  <si>
    <t>4963985.0</t>
  </si>
  <si>
    <t>2166186.0</t>
  </si>
  <si>
    <t>24720.0</t>
  </si>
  <si>
    <t>55520.0</t>
  </si>
  <si>
    <t>23961.0</t>
  </si>
  <si>
    <t>3142971.0</t>
  </si>
  <si>
    <t>14.728</t>
  </si>
  <si>
    <t>53586.0</t>
  </si>
  <si>
    <t>52619.0</t>
  </si>
  <si>
    <t>51653.0</t>
  </si>
  <si>
    <t>7478203.0</t>
  </si>
  <si>
    <t>5118422.0</t>
  </si>
  <si>
    <t>2359781.0</t>
  </si>
  <si>
    <t>49719.0</t>
  </si>
  <si>
    <t>22062.0</t>
  </si>
  <si>
    <t>62313.0</t>
  </si>
  <si>
    <t>87500.0</t>
  </si>
  <si>
    <t>37266.0</t>
  </si>
  <si>
    <t>8029702.0</t>
  </si>
  <si>
    <t>5348573.0</t>
  </si>
  <si>
    <t>2681129.0</t>
  </si>
  <si>
    <t>100094.0</t>
  </si>
  <si>
    <t>42334.0</t>
  </si>
  <si>
    <t>3207523.0</t>
  </si>
  <si>
    <t>100569.0</t>
  </si>
  <si>
    <t>42961.0</t>
  </si>
  <si>
    <t>101044.0</t>
  </si>
  <si>
    <t>43587.0</t>
  </si>
  <si>
    <t>8188833.0</t>
  </si>
  <si>
    <t>5427920.0</t>
  </si>
  <si>
    <t>2760913.0</t>
  </si>
  <si>
    <t>44214.0</t>
  </si>
  <si>
    <t>8402127.0</t>
  </si>
  <si>
    <t>5526303.0</t>
  </si>
  <si>
    <t>2875824.0</t>
  </si>
  <si>
    <t>92596.0</t>
  </si>
  <si>
    <t>41829.0</t>
  </si>
  <si>
    <t>3298966.0</t>
  </si>
  <si>
    <t>15.459</t>
  </si>
  <si>
    <t>78018.0</t>
  </si>
  <si>
    <t>63441.0</t>
  </si>
  <si>
    <t>30048.0</t>
  </si>
  <si>
    <t>60981.0</t>
  </si>
  <si>
    <t>8581274.0</t>
  </si>
  <si>
    <t>5607813.0</t>
  </si>
  <si>
    <t>2973461.0</t>
  </si>
  <si>
    <t>56063.0</t>
  </si>
  <si>
    <t>3340313.0</t>
  </si>
  <si>
    <t>15.653</t>
  </si>
  <si>
    <t>8772539.0</t>
  </si>
  <si>
    <t>5693300.0</t>
  </si>
  <si>
    <t>3079239.0</t>
  </si>
  <si>
    <t>47798.0</t>
  </si>
  <si>
    <t>45883.0</t>
  </si>
  <si>
    <t>20912.0</t>
  </si>
  <si>
    <t>42053.0</t>
  </si>
  <si>
    <t>8862242.0</t>
  </si>
  <si>
    <t>5741264.0</t>
  </si>
  <si>
    <t>3392457.0</t>
  </si>
  <si>
    <t>8929327.0</t>
  </si>
  <si>
    <t>5776679.0</t>
  </si>
  <si>
    <t>3152648.0</t>
  </si>
  <si>
    <t>9017951.0</t>
  </si>
  <si>
    <t>5823013.0</t>
  </si>
  <si>
    <t>3194938.0</t>
  </si>
  <si>
    <t>88624.0</t>
  </si>
  <si>
    <t>16760.0</t>
  </si>
  <si>
    <t>3440172.0</t>
  </si>
  <si>
    <t>9253702.0</t>
  </si>
  <si>
    <t>5947322.0</t>
  </si>
  <si>
    <t>3306380.0</t>
  </si>
  <si>
    <t>9483387.0</t>
  </si>
  <si>
    <t>6079895.0</t>
  </si>
  <si>
    <t>3403492.0</t>
  </si>
  <si>
    <t>52057.0</t>
  </si>
  <si>
    <t>3479682.0</t>
  </si>
  <si>
    <t>16.306</t>
  </si>
  <si>
    <t>54706.0</t>
  </si>
  <si>
    <t>31500.0</t>
  </si>
  <si>
    <t>9640048.0</t>
  </si>
  <si>
    <t>6183844.0</t>
  </si>
  <si>
    <t>3456204.0</t>
  </si>
  <si>
    <t>60004.0</t>
  </si>
  <si>
    <t>36326.0</t>
  </si>
  <si>
    <t>9846182.0</t>
  </si>
  <si>
    <t>6329967.0</t>
  </si>
  <si>
    <t>3516215.0</t>
  </si>
  <si>
    <t>206134.0</t>
  </si>
  <si>
    <t>52322.0</t>
  </si>
  <si>
    <t>73941.0</t>
  </si>
  <si>
    <t>47640.0</t>
  </si>
  <si>
    <t>3580510.0</t>
  </si>
  <si>
    <t>16.778</t>
  </si>
  <si>
    <t>66719.0</t>
  </si>
  <si>
    <t>46662.0</t>
  </si>
  <si>
    <t>174.8</t>
  </si>
  <si>
    <t>64847.0</t>
  </si>
  <si>
    <t>62974.0</t>
  </si>
  <si>
    <t>10119982.0</t>
  </si>
  <si>
    <t>6524582.0</t>
  </si>
  <si>
    <t>3595400.0</t>
  </si>
  <si>
    <t>27802.0</t>
  </si>
  <si>
    <t>10917191.0</t>
  </si>
  <si>
    <t>7131832.0</t>
  </si>
  <si>
    <t>3785359.0</t>
  </si>
  <si>
    <t>797209.0</t>
  </si>
  <si>
    <t>110580.0</t>
  </si>
  <si>
    <t>148411.0</t>
  </si>
  <si>
    <t>111814.0</t>
  </si>
  <si>
    <t>3629527.0</t>
  </si>
  <si>
    <t>17.008</t>
  </si>
  <si>
    <t>149409.0</t>
  </si>
  <si>
    <t>113047.0</t>
  </si>
  <si>
    <t>151404.0</t>
  </si>
  <si>
    <t>115514.0</t>
  </si>
  <si>
    <t>116747.0</t>
  </si>
  <si>
    <t>11193780.0</t>
  </si>
  <si>
    <t>7350443.0</t>
  </si>
  <si>
    <t>3843337.0</t>
  </si>
  <si>
    <t>153400.0</t>
  </si>
  <si>
    <t>117980.0</t>
  </si>
  <si>
    <t>71423.0</t>
  </si>
  <si>
    <t>57117.0</t>
  </si>
  <si>
    <t>96747.0</t>
  </si>
  <si>
    <t>3686403.0</t>
  </si>
  <si>
    <t>11863889.0</t>
  </si>
  <si>
    <t>7894068.0</t>
  </si>
  <si>
    <t>3969325.0</t>
  </si>
  <si>
    <t>122072.0</t>
  </si>
  <si>
    <t>98481.0</t>
  </si>
  <si>
    <t>132184.0</t>
  </si>
  <si>
    <t>106945.0</t>
  </si>
  <si>
    <t>142296.0</t>
  </si>
  <si>
    <t>115408.0</t>
  </si>
  <si>
    <t>12214538.0</t>
  </si>
  <si>
    <t>8181113.0</t>
  </si>
  <si>
    <t>4031004.0</t>
  </si>
  <si>
    <t>152408.0</t>
  </si>
  <si>
    <t>123872.0</t>
  </si>
  <si>
    <t>167457.0</t>
  </si>
  <si>
    <t>136665.0</t>
  </si>
  <si>
    <t>157181.0</t>
  </si>
  <si>
    <t>128777.0</t>
  </si>
  <si>
    <t>146905.0</t>
  </si>
  <si>
    <t>120888.0</t>
  </si>
  <si>
    <t>3751696.0</t>
  </si>
  <si>
    <t>136629.0</t>
  </si>
  <si>
    <t>12971729.0</t>
  </si>
  <si>
    <t>8811055.0</t>
  </si>
  <si>
    <t>4153915.0</t>
  </si>
  <si>
    <t>141565.0</t>
  </si>
  <si>
    <t>117329.0</t>
  </si>
  <si>
    <t>162526.0</t>
  </si>
  <si>
    <t>13498938.0</t>
  </si>
  <si>
    <t>9242736.0</t>
  </si>
  <si>
    <t>4244751.0</t>
  </si>
  <si>
    <t>183486.0</t>
  </si>
  <si>
    <t>180444.0</t>
  </si>
  <si>
    <t>148605.0</t>
  </si>
  <si>
    <t>177403.0</t>
  </si>
  <si>
    <t>145549.0</t>
  </si>
  <si>
    <t>174362.0</t>
  </si>
  <si>
    <t>142493.0</t>
  </si>
  <si>
    <t>3823309.0</t>
  </si>
  <si>
    <t>171320.0</t>
  </si>
  <si>
    <t>139438.0</t>
  </si>
  <si>
    <t>14149682.0</t>
  </si>
  <si>
    <t>9765729.0</t>
  </si>
  <si>
    <t>4363620.0</t>
  </si>
  <si>
    <t>168279.0</t>
  </si>
  <si>
    <t>134996.0</t>
  </si>
  <si>
    <t>110099.0</t>
  </si>
  <si>
    <t>14241550.0</t>
  </si>
  <si>
    <t>9861311.0</t>
  </si>
  <si>
    <t>4380239.0</t>
  </si>
  <si>
    <t>87495.0</t>
  </si>
  <si>
    <t>73425.0</t>
  </si>
  <si>
    <t>14838199.0</t>
  </si>
  <si>
    <t>10310476.0</t>
  </si>
  <si>
    <t>4482899.0</t>
  </si>
  <si>
    <t>596649.0</t>
  </si>
  <si>
    <t>154138.0</t>
  </si>
  <si>
    <t>122649.0</t>
  </si>
  <si>
    <t>145416.0</t>
  </si>
  <si>
    <t>116742.0</t>
  </si>
  <si>
    <t>136694.0</t>
  </si>
  <si>
    <t>110835.0</t>
  </si>
  <si>
    <t>127972.0</t>
  </si>
  <si>
    <t>104927.0</t>
  </si>
  <si>
    <t>109411.0</t>
  </si>
  <si>
    <t>138965.0</t>
  </si>
  <si>
    <t>15252779.0</t>
  </si>
  <si>
    <t>10689964.0</t>
  </si>
  <si>
    <t>4562815.0</t>
  </si>
  <si>
    <t>144461.0</t>
  </si>
  <si>
    <t>118379.0</t>
  </si>
  <si>
    <t>3863081.0</t>
  </si>
  <si>
    <t>127885.0</t>
  </si>
  <si>
    <t>104156.0</t>
  </si>
  <si>
    <t>145064.0</t>
  </si>
  <si>
    <t>3933209.0</t>
  </si>
  <si>
    <t>16694633.0</t>
  </si>
  <si>
    <t>11738772.0</t>
  </si>
  <si>
    <t>4785226.0</t>
  </si>
  <si>
    <t>245463.0</t>
  </si>
  <si>
    <t>185971.0</t>
  </si>
  <si>
    <t>247034.0</t>
  </si>
  <si>
    <t>192652.0</t>
  </si>
  <si>
    <t>248604.0</t>
  </si>
  <si>
    <t>199332.0</t>
  </si>
  <si>
    <t>16934906.0</t>
  </si>
  <si>
    <t>12068803.0</t>
  </si>
  <si>
    <t>4866103.0</t>
  </si>
  <si>
    <t>250175.0</t>
  </si>
  <si>
    <t>206012.0</t>
  </si>
  <si>
    <t>286036.0</t>
  </si>
  <si>
    <t>220018.0</t>
  </si>
  <si>
    <t>16104.0</t>
  </si>
  <si>
    <t>17575151.0</t>
  </si>
  <si>
    <t>12391384.0</t>
  </si>
  <si>
    <t>4934418.0</t>
  </si>
  <si>
    <t>193117.0</t>
  </si>
  <si>
    <t>225639.0</t>
  </si>
  <si>
    <t>166810.0</t>
  </si>
  <si>
    <t>3992846.0</t>
  </si>
  <si>
    <t>18.711</t>
  </si>
  <si>
    <t>18011821.0</t>
  </si>
  <si>
    <t>12722289.0</t>
  </si>
  <si>
    <t>5006267.0</t>
  </si>
  <si>
    <t>140502.0</t>
  </si>
  <si>
    <t>216419.0</t>
  </si>
  <si>
    <t>18567498.0</t>
  </si>
  <si>
    <t>13163729.0</t>
  </si>
  <si>
    <t>5076453.0</t>
  </si>
  <si>
    <t>244669.0</t>
  </si>
  <si>
    <t>172134.0</t>
  </si>
  <si>
    <t>261549.0</t>
  </si>
  <si>
    <t>178158.0</t>
  </si>
  <si>
    <t>244139.0</t>
  </si>
  <si>
    <t>176857.0</t>
  </si>
  <si>
    <t>226730.0</t>
  </si>
  <si>
    <t>175556.0</t>
  </si>
  <si>
    <t>19360511.0</t>
  </si>
  <si>
    <t>13772458.0</t>
  </si>
  <si>
    <t>5199824.0</t>
  </si>
  <si>
    <t>223861.0</t>
  </si>
  <si>
    <t>173660.0</t>
  </si>
  <si>
    <t>4055877.0</t>
  </si>
  <si>
    <t>19546558.0</t>
  </si>
  <si>
    <t>13921810.0</t>
  </si>
  <si>
    <t>5225083.0</t>
  </si>
  <si>
    <t>186047.0</t>
  </si>
  <si>
    <t>219248.0</t>
  </si>
  <si>
    <t>171360.0</t>
  </si>
  <si>
    <t>205058.0</t>
  </si>
  <si>
    <t>161561.0</t>
  </si>
  <si>
    <t>190867.0</t>
  </si>
  <si>
    <t>151762.0</t>
  </si>
  <si>
    <t>151753.0</t>
  </si>
  <si>
    <t>185225.0</t>
  </si>
  <si>
    <t>182404.0</t>
  </si>
  <si>
    <t>151737.0</t>
  </si>
  <si>
    <t>20617588.0</t>
  </si>
  <si>
    <t>14834559.0</t>
  </si>
  <si>
    <t>5446849.0</t>
  </si>
  <si>
    <t>179582.0</t>
  </si>
  <si>
    <t>151729.0</t>
  </si>
  <si>
    <t>4116369.0</t>
  </si>
  <si>
    <t>19.289</t>
  </si>
  <si>
    <t>182588.0</t>
  </si>
  <si>
    <t>186670.0</t>
  </si>
  <si>
    <t>137217.0</t>
  </si>
  <si>
    <t>190753.0</t>
  </si>
  <si>
    <t>129764.0</t>
  </si>
  <si>
    <t>194835.0</t>
  </si>
  <si>
    <t>198918.0</t>
  </si>
  <si>
    <t>114856.0</t>
  </si>
  <si>
    <t>203000.0</t>
  </si>
  <si>
    <t>107402.0</t>
  </si>
  <si>
    <t>207083.0</t>
  </si>
  <si>
    <t>99949.0</t>
  </si>
  <si>
    <t>4177940.0</t>
  </si>
  <si>
    <t>19.578</t>
  </si>
  <si>
    <t>4233363.0</t>
  </si>
  <si>
    <t>19.838</t>
  </si>
  <si>
    <t>249.2</t>
  </si>
  <si>
    <t>25380488.0</t>
  </si>
  <si>
    <t>17133379.0</t>
  </si>
  <si>
    <t>7596737.0</t>
  </si>
  <si>
    <t>204548.0</t>
  </si>
  <si>
    <t>100018.0</t>
  </si>
  <si>
    <t>4317621.0</t>
  </si>
  <si>
    <t>202013.0</t>
  </si>
  <si>
    <t>100087.0</t>
  </si>
  <si>
    <t>199478.0</t>
  </si>
  <si>
    <t>580.1</t>
  </si>
  <si>
    <t>196944.0</t>
  </si>
  <si>
    <t>100226.0</t>
  </si>
  <si>
    <t>469.5</t>
  </si>
  <si>
    <t>194409.0</t>
  </si>
  <si>
    <t>17454.0</t>
  </si>
  <si>
    <t>26516526.0</t>
  </si>
  <si>
    <t>17735985.0</t>
  </si>
  <si>
    <t>8091251.0</t>
  </si>
  <si>
    <t>191874.0</t>
  </si>
  <si>
    <t>100365.0</t>
  </si>
  <si>
    <t>184061.0</t>
  </si>
  <si>
    <t>99731.0</t>
  </si>
  <si>
    <t>178783.0</t>
  </si>
  <si>
    <t>99029.0</t>
  </si>
  <si>
    <t>4442964.0</t>
  </si>
  <si>
    <t>509.5</t>
  </si>
  <si>
    <t>173505.0</t>
  </si>
  <si>
    <t>98326.0</t>
  </si>
  <si>
    <t>97623.0</t>
  </si>
  <si>
    <t>575.6</t>
  </si>
  <si>
    <t>162948.0</t>
  </si>
  <si>
    <t>96920.0</t>
  </si>
  <si>
    <t>866.1</t>
  </si>
  <si>
    <t>157670.0</t>
  </si>
  <si>
    <t>1002.3</t>
  </si>
  <si>
    <t>27583270.0</t>
  </si>
  <si>
    <t>18404584.0</t>
  </si>
  <si>
    <t>8464214.0</t>
  </si>
  <si>
    <t>152392.0</t>
  </si>
  <si>
    <t>95514.0</t>
  </si>
  <si>
    <t>4519905.0</t>
  </si>
  <si>
    <t>1138.9</t>
  </si>
  <si>
    <t>153087.0</t>
  </si>
  <si>
    <t>98026.0</t>
  </si>
  <si>
    <t>14317.0</t>
  </si>
  <si>
    <t>484.2</t>
  </si>
  <si>
    <t>100537.0</t>
  </si>
  <si>
    <t>489.9</t>
  </si>
  <si>
    <t>154477.0</t>
  </si>
  <si>
    <t>304.6</t>
  </si>
  <si>
    <t>155172.0</t>
  </si>
  <si>
    <t>155867.0</t>
  </si>
  <si>
    <t>156562.0</t>
  </si>
  <si>
    <t>110583.0</t>
  </si>
  <si>
    <t>28684071.0</t>
  </si>
  <si>
    <t>19196245.0</t>
  </si>
  <si>
    <t>8763392.0</t>
  </si>
  <si>
    <t>157257.0</t>
  </si>
  <si>
    <t>113094.0</t>
  </si>
  <si>
    <t>116611.0</t>
  </si>
  <si>
    <t>165413.0</t>
  </si>
  <si>
    <t>120127.0</t>
  </si>
  <si>
    <t>169490.0</t>
  </si>
  <si>
    <t>123643.0</t>
  </si>
  <si>
    <t>173568.0</t>
  </si>
  <si>
    <t>127159.0</t>
  </si>
  <si>
    <t>29613077.0</t>
  </si>
  <si>
    <t>19884781.0</t>
  </si>
  <si>
    <t>9002791.0</t>
  </si>
  <si>
    <t>177646.0</t>
  </si>
  <si>
    <t>130675.0</t>
  </si>
  <si>
    <t>250.6</t>
  </si>
  <si>
    <t>183413.0</t>
  </si>
  <si>
    <t>133010.0</t>
  </si>
  <si>
    <t>4589725.0</t>
  </si>
  <si>
    <t>189180.0</t>
  </si>
  <si>
    <t>135346.0</t>
  </si>
  <si>
    <t>581.7</t>
  </si>
  <si>
    <t>190870.0</t>
  </si>
  <si>
    <t>134165.0</t>
  </si>
  <si>
    <t>502.9</t>
  </si>
  <si>
    <t>192560.0</t>
  </si>
  <si>
    <t>132984.0</t>
  </si>
  <si>
    <t>509.3</t>
  </si>
  <si>
    <t>194249.0</t>
  </si>
  <si>
    <t>131803.0</t>
  </si>
  <si>
    <t>4726096.0</t>
  </si>
  <si>
    <t>22.147</t>
  </si>
  <si>
    <t>1003.2</t>
  </si>
  <si>
    <t>195939.0</t>
  </si>
  <si>
    <t>130622.0</t>
  </si>
  <si>
    <t>1145.9</t>
  </si>
  <si>
    <t>197628.0</t>
  </si>
  <si>
    <t>129441.0</t>
  </si>
  <si>
    <t>884.3</t>
  </si>
  <si>
    <t>931.3</t>
  </si>
  <si>
    <t>31391732.0</t>
  </si>
  <si>
    <t>21049754.0</t>
  </si>
  <si>
    <t>9565143.0</t>
  </si>
  <si>
    <t>776835.0</t>
  </si>
  <si>
    <t>672.7</t>
  </si>
  <si>
    <t>202388.0</t>
  </si>
  <si>
    <t>130763.0</t>
  </si>
  <si>
    <t>930.3</t>
  </si>
  <si>
    <t>207148.0</t>
  </si>
  <si>
    <t>132085.0</t>
  </si>
  <si>
    <t>706.7</t>
  </si>
  <si>
    <t>211908.0</t>
  </si>
  <si>
    <t>133407.0</t>
  </si>
  <si>
    <t>591.8</t>
  </si>
  <si>
    <t>216668.0</t>
  </si>
  <si>
    <t>134729.0</t>
  </si>
  <si>
    <t>4841764.0</t>
  </si>
  <si>
    <t>451.8</t>
  </si>
  <si>
    <t>136051.0</t>
  </si>
  <si>
    <t>226188.0</t>
  </si>
  <si>
    <t>230948.0</t>
  </si>
  <si>
    <t>138695.0</t>
  </si>
  <si>
    <t>710.4</t>
  </si>
  <si>
    <t>4906535.0</t>
  </si>
  <si>
    <t>22.992</t>
  </si>
  <si>
    <t>495.2</t>
  </si>
  <si>
    <t>33932163.0</t>
  </si>
  <si>
    <t>22575395.0</t>
  </si>
  <si>
    <t>13313220.0</t>
  </si>
  <si>
    <t>829646.0</t>
  </si>
  <si>
    <t>137537.0</t>
  </si>
  <si>
    <t>485.1</t>
  </si>
  <si>
    <t>136380.0</t>
  </si>
  <si>
    <t>453.8</t>
  </si>
  <si>
    <t>213230.0</t>
  </si>
  <si>
    <t>135223.0</t>
  </si>
  <si>
    <t>207323.0</t>
  </si>
  <si>
    <t>134065.0</t>
  </si>
  <si>
    <t>367.4</t>
  </si>
  <si>
    <t>201417.0</t>
  </si>
  <si>
    <t>132908.0</t>
  </si>
  <si>
    <t>195511.0</t>
  </si>
  <si>
    <t>131750.0</t>
  </si>
  <si>
    <t>189605.0</t>
  </si>
  <si>
    <t>4977858.0</t>
  </si>
  <si>
    <t>1316.9</t>
  </si>
  <si>
    <t>1679.3</t>
  </si>
  <si>
    <t>1506.7</t>
  </si>
  <si>
    <t>1678.2</t>
  </si>
  <si>
    <t>5036813.0</t>
  </si>
  <si>
    <t>1768.4</t>
  </si>
  <si>
    <t>1856.8</t>
  </si>
  <si>
    <t>4575.4</t>
  </si>
  <si>
    <t>37534649.0</t>
  </si>
  <si>
    <t>25056663.0</t>
  </si>
  <si>
    <t>14624418.0</t>
  </si>
  <si>
    <t>914984.0</t>
  </si>
  <si>
    <t>4570.2</t>
  </si>
  <si>
    <t>187216.0</t>
  </si>
  <si>
    <t>129032.0</t>
  </si>
  <si>
    <t>5075820.0</t>
  </si>
  <si>
    <t>23.785</t>
  </si>
  <si>
    <t>1850.9</t>
  </si>
  <si>
    <t>184827.0</t>
  </si>
  <si>
    <t>127471.0</t>
  </si>
  <si>
    <t>2017.4</t>
  </si>
  <si>
    <t>182438.0</t>
  </si>
  <si>
    <t>125910.0</t>
  </si>
  <si>
    <t>1825.9</t>
  </si>
  <si>
    <t>180050.0</t>
  </si>
  <si>
    <t>124348.0</t>
  </si>
  <si>
    <t>745.2</t>
  </si>
  <si>
    <t>38399067.0</t>
  </si>
  <si>
    <t>25654988.0</t>
  </si>
  <si>
    <t>14905142.0</t>
  </si>
  <si>
    <t>942369.0</t>
  </si>
  <si>
    <t>177661.0</t>
  </si>
  <si>
    <t>122787.0</t>
  </si>
  <si>
    <t>658.9</t>
  </si>
  <si>
    <t>205519.0</t>
  </si>
  <si>
    <t>139777.0</t>
  </si>
  <si>
    <t>233378.0</t>
  </si>
  <si>
    <t>263625.0</t>
  </si>
  <si>
    <t>175317.0</t>
  </si>
  <si>
    <t>544.3</t>
  </si>
  <si>
    <t>293872.0</t>
  </si>
  <si>
    <t>193867.0</t>
  </si>
  <si>
    <t>324118.0</t>
  </si>
  <si>
    <t>212418.0</t>
  </si>
  <si>
    <t>354365.0</t>
  </si>
  <si>
    <t>230968.0</t>
  </si>
  <si>
    <t>5114703.0</t>
  </si>
  <si>
    <t>23.968</t>
  </si>
  <si>
    <t>2093.7</t>
  </si>
  <si>
    <t>41091354.0</t>
  </si>
  <si>
    <t>27401621.0</t>
  </si>
  <si>
    <t>15931011.0</t>
  </si>
  <si>
    <t>384612.0</t>
  </si>
  <si>
    <t>249519.0</t>
  </si>
  <si>
    <t>2055.5</t>
  </si>
  <si>
    <t>329668.0</t>
  </si>
  <si>
    <t>213873.0</t>
  </si>
  <si>
    <t>728.4</t>
  </si>
  <si>
    <t>274723.0</t>
  </si>
  <si>
    <t>178228.0</t>
  </si>
  <si>
    <t>714.6</t>
  </si>
  <si>
    <t>219779.0</t>
  </si>
  <si>
    <t>142582.0</t>
  </si>
  <si>
    <t>164834.0</t>
  </si>
  <si>
    <t>106937.0</t>
  </si>
  <si>
    <t>109889.0</t>
  </si>
  <si>
    <t>260.7</t>
  </si>
  <si>
    <t>54945.0</t>
  </si>
  <si>
    <t>16817979.0</t>
  </si>
  <si>
    <t>59249.0</t>
  </si>
  <si>
    <t>416.6</t>
  </si>
  <si>
    <t>118498.0</t>
  </si>
  <si>
    <t>177747.0</t>
  </si>
  <si>
    <t>5152011.0</t>
  </si>
  <si>
    <t>24.142</t>
  </si>
  <si>
    <t>236996.0</t>
  </si>
  <si>
    <t>296245.0</t>
  </si>
  <si>
    <t>238.6</t>
  </si>
  <si>
    <t>355494.0</t>
  </si>
  <si>
    <t>43994555.0</t>
  </si>
  <si>
    <t>414743.0</t>
  </si>
  <si>
    <t>379954.0</t>
  </si>
  <si>
    <t>345164.0</t>
  </si>
  <si>
    <t>310375.0</t>
  </si>
  <si>
    <t>275585.0</t>
  </si>
  <si>
    <t>240796.0</t>
  </si>
  <si>
    <t>206006.0</t>
  </si>
  <si>
    <t>5160280.0</t>
  </si>
  <si>
    <t>24.181</t>
  </si>
  <si>
    <t>171217.0</t>
  </si>
  <si>
    <t>5188353.0</t>
  </si>
  <si>
    <t>24.313</t>
  </si>
  <si>
    <t>280.3</t>
  </si>
  <si>
    <t>276.5</t>
  </si>
  <si>
    <t>46391592.0</t>
  </si>
  <si>
    <t>189897.0</t>
  </si>
  <si>
    <t>208576.0</t>
  </si>
  <si>
    <t>5198572.0</t>
  </si>
  <si>
    <t>245936.0</t>
  </si>
  <si>
    <t>264615.0</t>
  </si>
  <si>
    <t>283295.0</t>
  </si>
  <si>
    <t>57499.0</t>
  </si>
  <si>
    <t>301975.0</t>
  </si>
  <si>
    <t>5219585.0</t>
  </si>
  <si>
    <t>50619238.0</t>
  </si>
  <si>
    <t>28340766.0</t>
  </si>
  <si>
    <t>20986761.0</t>
  </si>
  <si>
    <t>1171892.0</t>
  </si>
  <si>
    <t>291824.0</t>
  </si>
  <si>
    <t>111736.0</t>
  </si>
  <si>
    <t>281673.0</t>
  </si>
  <si>
    <t>156389.0</t>
  </si>
  <si>
    <t>5279608.0</t>
  </si>
  <si>
    <t>201043.0</t>
  </si>
  <si>
    <t>261370.0</t>
  </si>
  <si>
    <t>245697.0</t>
  </si>
  <si>
    <t>251219.0</t>
  </si>
  <si>
    <t>290351.0</t>
  </si>
  <si>
    <t>241068.0</t>
  </si>
  <si>
    <t>230917.0</t>
  </si>
  <si>
    <t>379658.0</t>
  </si>
  <si>
    <t>55468500.0</t>
  </si>
  <si>
    <t>36313593.0</t>
  </si>
  <si>
    <t>24281618.0</t>
  </si>
  <si>
    <t>1369282.0</t>
  </si>
  <si>
    <t>211358.0</t>
  </si>
  <si>
    <t>330236.0</t>
  </si>
  <si>
    <t>191798.0</t>
  </si>
  <si>
    <t>280814.0</t>
  </si>
  <si>
    <t>172238.0</t>
  </si>
  <si>
    <t>231391.0</t>
  </si>
  <si>
    <t>152678.0</t>
  </si>
  <si>
    <t>181969.0</t>
  </si>
  <si>
    <t>133119.0</t>
  </si>
  <si>
    <t>132547.0</t>
  </si>
  <si>
    <t>113559.0</t>
  </si>
  <si>
    <t>83124.0</t>
  </si>
  <si>
    <t>56126494.0</t>
  </si>
  <si>
    <t>36549506.0</t>
  </si>
  <si>
    <t>24675659.0</t>
  </si>
  <si>
    <t>1389661.0</t>
  </si>
  <si>
    <t>93999.0</t>
  </si>
  <si>
    <t>108340.0</t>
  </si>
  <si>
    <t>72400.0</t>
  </si>
  <si>
    <t>151361.0</t>
  </si>
  <si>
    <t>165702.0</t>
  </si>
  <si>
    <t>180042.0</t>
  </si>
  <si>
    <t>111099.0</t>
  </si>
  <si>
    <t>194383.0</t>
  </si>
  <si>
    <t>123998.0</t>
  </si>
  <si>
    <t>61569219.0</t>
  </si>
  <si>
    <t>40021449.0</t>
  </si>
  <si>
    <t>28163471.0</t>
  </si>
  <si>
    <t>2527536.0</t>
  </si>
  <si>
    <t>128372.0</t>
  </si>
  <si>
    <t>132746.0</t>
  </si>
  <si>
    <t>219902.0</t>
  </si>
  <si>
    <t>137120.0</t>
  </si>
  <si>
    <t>228409.0</t>
  </si>
  <si>
    <t>141495.0</t>
  </si>
  <si>
    <t>236915.0</t>
  </si>
  <si>
    <t>145869.0</t>
  </si>
  <si>
    <t>245421.0</t>
  </si>
  <si>
    <t>150243.0</t>
  </si>
  <si>
    <t>63346714.0</t>
  </si>
  <si>
    <t>41103768.0</t>
  </si>
  <si>
    <t>28987008.0</t>
  </si>
  <si>
    <t>2748913.0</t>
  </si>
  <si>
    <t>253928.0</t>
  </si>
  <si>
    <t>154617.0</t>
  </si>
  <si>
    <t>257138.0</t>
  </si>
  <si>
    <t>160220.0</t>
  </si>
  <si>
    <t>260349.0</t>
  </si>
  <si>
    <t>165823.0</t>
  </si>
  <si>
    <t>263559.0</t>
  </si>
  <si>
    <t>171426.0</t>
  </si>
  <si>
    <t>266770.0</t>
  </si>
  <si>
    <t>177029.0</t>
  </si>
  <si>
    <t>269980.0</t>
  </si>
  <si>
    <t>182632.0</t>
  </si>
  <si>
    <t>188235.0</t>
  </si>
  <si>
    <t>276401.0</t>
  </si>
  <si>
    <t>193838.0</t>
  </si>
  <si>
    <t>67216328.0</t>
  </si>
  <si>
    <t>43817495.0</t>
  </si>
  <si>
    <t>31134717.0</t>
  </si>
  <si>
    <t>3205061.0</t>
  </si>
  <si>
    <t>274470.0</t>
  </si>
  <si>
    <t>195665.0</t>
  </si>
  <si>
    <t>272540.0</t>
  </si>
  <si>
    <t>197493.0</t>
  </si>
  <si>
    <t>270609.0</t>
  </si>
  <si>
    <t>199321.0</t>
  </si>
  <si>
    <t>268679.0</t>
  </si>
  <si>
    <t>201149.0</t>
  </si>
  <si>
    <t>266748.0</t>
  </si>
  <si>
    <t>202977.0</t>
  </si>
  <si>
    <t>264817.0</t>
  </si>
  <si>
    <t>204804.0</t>
  </si>
  <si>
    <t>262887.0</t>
  </si>
  <si>
    <t>206632.0</t>
  </si>
  <si>
    <t>70896744.0</t>
  </si>
  <si>
    <t>46710345.0</t>
  </si>
  <si>
    <t>33808662.0</t>
  </si>
  <si>
    <t>282833.0</t>
  </si>
  <si>
    <t>225408.0</t>
  </si>
  <si>
    <t>302778.0</t>
  </si>
  <si>
    <t>244184.0</t>
  </si>
  <si>
    <t>322724.0</t>
  </si>
  <si>
    <t>262959.0</t>
  </si>
  <si>
    <t>342669.0</t>
  </si>
  <si>
    <t>281735.0</t>
  </si>
  <si>
    <t>362615.0</t>
  </si>
  <si>
    <t>300511.0</t>
  </si>
  <si>
    <t>382561.0</t>
  </si>
  <si>
    <t>319286.0</t>
  </si>
  <si>
    <t>73714289.0</t>
  </si>
  <si>
    <t>49076780.0</t>
  </si>
  <si>
    <t>36133196.0</t>
  </si>
  <si>
    <t>3911078.0</t>
  </si>
  <si>
    <t>402506.0</t>
  </si>
  <si>
    <t>338062.0</t>
  </si>
  <si>
    <t>415291.0</t>
  </si>
  <si>
    <t>349380.0</t>
  </si>
  <si>
    <t>428075.0</t>
  </si>
  <si>
    <t>360699.0</t>
  </si>
  <si>
    <t>440859.0</t>
  </si>
  <si>
    <t>372017.0</t>
  </si>
  <si>
    <t>453643.0</t>
  </si>
  <si>
    <t>383335.0</t>
  </si>
  <si>
    <t>466428.0</t>
  </si>
  <si>
    <t>394654.0</t>
  </si>
  <si>
    <t>479212.0</t>
  </si>
  <si>
    <t>405972.0</t>
  </si>
  <si>
    <t>417290.0</t>
  </si>
  <si>
    <t>80602232.0</t>
  </si>
  <si>
    <t>54918846.0</t>
  </si>
  <si>
    <t>42076663.0</t>
  </si>
  <si>
    <t>4699837.0</t>
  </si>
  <si>
    <t>473255.0</t>
  </si>
  <si>
    <t>400424.0</t>
  </si>
  <si>
    <t>454513.0</t>
  </si>
  <si>
    <t>383558.0</t>
  </si>
  <si>
    <t>366692.0</t>
  </si>
  <si>
    <t>417031.0</t>
  </si>
  <si>
    <t>349826.0</t>
  </si>
  <si>
    <t>398290.0</t>
  </si>
  <si>
    <t>332960.0</t>
  </si>
  <si>
    <t>379549.0</t>
  </si>
  <si>
    <t>316094.0</t>
  </si>
  <si>
    <t>83127883.0</t>
  </si>
  <si>
    <t>57013442.0</t>
  </si>
  <si>
    <t>44261782.0</t>
  </si>
  <si>
    <t>4999691.0</t>
  </si>
  <si>
    <t>360807.0</t>
  </si>
  <si>
    <t>299228.0</t>
  </si>
  <si>
    <t>357674.0</t>
  </si>
  <si>
    <t>296616.0</t>
  </si>
  <si>
    <t>354541.0</t>
  </si>
  <si>
    <t>294003.0</t>
  </si>
  <si>
    <t>291391.0</t>
  </si>
  <si>
    <t>345142.0</t>
  </si>
  <si>
    <t>286167.0</t>
  </si>
  <si>
    <t>342009.0</t>
  </si>
  <si>
    <t>283554.0</t>
  </si>
  <si>
    <t>338876.0</t>
  </si>
  <si>
    <t>280942.0</t>
  </si>
  <si>
    <t>87872150.0</t>
  </si>
  <si>
    <t>60946631.0</t>
  </si>
  <si>
    <t>48312871.0</t>
  </si>
  <si>
    <t>5626364.0</t>
  </si>
  <si>
    <t>328016.0</t>
  </si>
  <si>
    <t>271782.0</t>
  </si>
  <si>
    <t>317155.0</t>
  </si>
  <si>
    <t>262623.0</t>
  </si>
  <si>
    <t>306295.0</t>
  </si>
  <si>
    <t>253463.0</t>
  </si>
  <si>
    <t>295434.0</t>
  </si>
  <si>
    <t>244303.0</t>
  </si>
  <si>
    <t>284574.0</t>
  </si>
  <si>
    <t>235143.0</t>
  </si>
  <si>
    <t>273713.0</t>
  </si>
  <si>
    <t>262853.0</t>
  </si>
  <si>
    <t>216824.0</t>
  </si>
  <si>
    <t>91552088.0</t>
  </si>
  <si>
    <t>63982167.0</t>
  </si>
  <si>
    <t>51397212.0</t>
  </si>
  <si>
    <t>6179229.0</t>
  </si>
  <si>
    <t>280101.0</t>
  </si>
  <si>
    <t>297349.0</t>
  </si>
  <si>
    <t>240305.0</t>
  </si>
  <si>
    <t>314598.0</t>
  </si>
  <si>
    <t>252046.0</t>
  </si>
  <si>
    <t>331846.0</t>
  </si>
  <si>
    <t>349094.0</t>
  </si>
  <si>
    <t>275527.0</t>
  </si>
  <si>
    <t>366343.0</t>
  </si>
  <si>
    <t>287268.0</t>
  </si>
  <si>
    <t>383591.0</t>
  </si>
  <si>
    <t>299009.0</t>
  </si>
  <si>
    <t>102292641.0</t>
  </si>
  <si>
    <t>72354408.0</t>
  </si>
  <si>
    <t>59867077.0</t>
  </si>
  <si>
    <t>8311272.0</t>
  </si>
  <si>
    <t>NIU</t>
  </si>
  <si>
    <t>Niue</t>
  </si>
  <si>
    <t>43545.0</t>
  </si>
  <si>
    <t>40984.0</t>
  </si>
  <si>
    <t>37910.0</t>
  </si>
  <si>
    <t>28689.0</t>
  </si>
  <si>
    <t>18443.0</t>
  </si>
  <si>
    <t>25102.0</t>
  </si>
  <si>
    <t>29713.0</t>
  </si>
  <si>
    <t>OWID_NAM</t>
  </si>
  <si>
    <t>95396.0</t>
  </si>
  <si>
    <t>85827.0</t>
  </si>
  <si>
    <t>257582.0</t>
  </si>
  <si>
    <t>243483.0</t>
  </si>
  <si>
    <t>72330.0</t>
  </si>
  <si>
    <t>536551.0</t>
  </si>
  <si>
    <t>515789.0</t>
  </si>
  <si>
    <t>278969.0</t>
  </si>
  <si>
    <t>124219.0</t>
  </si>
  <si>
    <t>960742.0</t>
  </si>
  <si>
    <t>930912.0</t>
  </si>
  <si>
    <t>424191.0</t>
  </si>
  <si>
    <t>184292.0</t>
  </si>
  <si>
    <t>179914.0</t>
  </si>
  <si>
    <t>1145573.0</t>
  </si>
  <si>
    <t>1111537.0</t>
  </si>
  <si>
    <t>184831.0</t>
  </si>
  <si>
    <t>179974.0</t>
  </si>
  <si>
    <t>1253323.0</t>
  </si>
  <si>
    <t>1217067.0</t>
  </si>
  <si>
    <t>107750.0</t>
  </si>
  <si>
    <t>173346.0</t>
  </si>
  <si>
    <t>169301.0</t>
  </si>
  <si>
    <t>1647432.0</t>
  </si>
  <si>
    <t>1603728.0</t>
  </si>
  <si>
    <t>394109.0</t>
  </si>
  <si>
    <t>228647.0</t>
  </si>
  <si>
    <t>223564.0</t>
  </si>
  <si>
    <t>2103796.0</t>
  </si>
  <si>
    <t>2050807.0</t>
  </si>
  <si>
    <t>456364.0</t>
  </si>
  <si>
    <t>286914.0</t>
  </si>
  <si>
    <t>280712.0</t>
  </si>
  <si>
    <t>2689701.0</t>
  </si>
  <si>
    <t>2624870.0</t>
  </si>
  <si>
    <t>585905.0</t>
  </si>
  <si>
    <t>347446.0</t>
  </si>
  <si>
    <t>340198.0</t>
  </si>
  <si>
    <t>2900522.0</t>
  </si>
  <si>
    <t>2830702.0</t>
  </si>
  <si>
    <t>23028.0</t>
  </si>
  <si>
    <t>207842.0</t>
  </si>
  <si>
    <t>337285.0</t>
  </si>
  <si>
    <t>2916345.0</t>
  </si>
  <si>
    <t>2846344.0</t>
  </si>
  <si>
    <t>23154.0</t>
  </si>
  <si>
    <t>3059708.0</t>
  </si>
  <si>
    <t>2986130.0</t>
  </si>
  <si>
    <t>144903.0</t>
  </si>
  <si>
    <t>274563.0</t>
  </si>
  <si>
    <t>268913.0</t>
  </si>
  <si>
    <t>3163931.0</t>
  </si>
  <si>
    <t>3087445.0</t>
  </si>
  <si>
    <t>102138.0</t>
  </si>
  <si>
    <t>273776.0</t>
  </si>
  <si>
    <t>267949.0</t>
  </si>
  <si>
    <t>3769697.0</t>
  </si>
  <si>
    <t>3678317.0</t>
  </si>
  <si>
    <t>606281.0</t>
  </si>
  <si>
    <t>303984.0</t>
  </si>
  <si>
    <t>4519747.0</t>
  </si>
  <si>
    <t>4408732.0</t>
  </si>
  <si>
    <t>750565.0</t>
  </si>
  <si>
    <t>346117.0</t>
  </si>
  <si>
    <t>337747.0</t>
  </si>
  <si>
    <t>5382400.0</t>
  </si>
  <si>
    <t>5251105.0</t>
  </si>
  <si>
    <t>863168.0</t>
  </si>
  <si>
    <t>385287.0</t>
  </si>
  <si>
    <t>375712.0</t>
  </si>
  <si>
    <t>5823488.0</t>
  </si>
  <si>
    <t>5681565.0</t>
  </si>
  <si>
    <t>445395.0</t>
  </si>
  <si>
    <t>418624.0</t>
  </si>
  <si>
    <t>408242.0</t>
  </si>
  <si>
    <t>5962516.0</t>
  </si>
  <si>
    <t>5807885.0</t>
  </si>
  <si>
    <t>54719.0</t>
  </si>
  <si>
    <t>143335.0</t>
  </si>
  <si>
    <t>436580.0</t>
  </si>
  <si>
    <t>424409.0</t>
  </si>
  <si>
    <t>6235124.0</t>
  </si>
  <si>
    <t>6071562.0</t>
  </si>
  <si>
    <t>276915.0</t>
  </si>
  <si>
    <t>455400.0</t>
  </si>
  <si>
    <t>442465.0</t>
  </si>
  <si>
    <t>6383620.0</t>
  </si>
  <si>
    <t>6212754.0</t>
  </si>
  <si>
    <t>60345.0</t>
  </si>
  <si>
    <t>150403.0</t>
  </si>
  <si>
    <t>462295.0</t>
  </si>
  <si>
    <t>448731.0</t>
  </si>
  <si>
    <t>7090534.0</t>
  </si>
  <si>
    <t>6859967.0</t>
  </si>
  <si>
    <t>105988.0</t>
  </si>
  <si>
    <t>693478.0</t>
  </si>
  <si>
    <t>474751.0</t>
  </si>
  <si>
    <t>454788.0</t>
  </si>
  <si>
    <t>7951822.0</t>
  </si>
  <si>
    <t>7619494.0</t>
  </si>
  <si>
    <t>194499.0</t>
  </si>
  <si>
    <t>863022.0</t>
  </si>
  <si>
    <t>490817.0</t>
  </si>
  <si>
    <t>459121.0</t>
  </si>
  <si>
    <t>9013194.0</t>
  </si>
  <si>
    <t>8487128.0</t>
  </si>
  <si>
    <t>369542.0</t>
  </si>
  <si>
    <t>1063106.0</t>
  </si>
  <si>
    <t>519380.0</t>
  </si>
  <si>
    <t>462905.0</t>
  </si>
  <si>
    <t>10231625.0</t>
  </si>
  <si>
    <t>9398095.0</t>
  </si>
  <si>
    <t>654357.0</t>
  </si>
  <si>
    <t>1220165.0</t>
  </si>
  <si>
    <t>630061.0</t>
  </si>
  <si>
    <t>531180.0</t>
  </si>
  <si>
    <t>11532878.0</t>
  </si>
  <si>
    <t>10304842.0</t>
  </si>
  <si>
    <t>1023090.0</t>
  </si>
  <si>
    <t>1295691.0</t>
  </si>
  <si>
    <t>794684.0</t>
  </si>
  <si>
    <t>641260.0</t>
  </si>
  <si>
    <t>12087818.0</t>
  </si>
  <si>
    <t>10718836.0</t>
  </si>
  <si>
    <t>1154156.0</t>
  </si>
  <si>
    <t>557373.0</t>
  </si>
  <si>
    <t>834749.0</t>
  </si>
  <si>
    <t>662464.0</t>
  </si>
  <si>
    <t>12370138.0</t>
  </si>
  <si>
    <t>10926019.0</t>
  </si>
  <si>
    <t>1223941.0</t>
  </si>
  <si>
    <t>284753.0</t>
  </si>
  <si>
    <t>853941.0</t>
  </si>
  <si>
    <t>671966.0</t>
  </si>
  <si>
    <t>13491314.0</t>
  </si>
  <si>
    <t>11695742.0</t>
  </si>
  <si>
    <t>1550454.0</t>
  </si>
  <si>
    <t>1124199.0</t>
  </si>
  <si>
    <t>915979.0</t>
  </si>
  <si>
    <t>692233.0</t>
  </si>
  <si>
    <t>14792078.0</t>
  </si>
  <si>
    <t>12652163.0</t>
  </si>
  <si>
    <t>1868948.0</t>
  </si>
  <si>
    <t>1303787.0</t>
  </si>
  <si>
    <t>978862.0</t>
  </si>
  <si>
    <t>720459.0</t>
  </si>
  <si>
    <t>16254994.0</t>
  </si>
  <si>
    <t>13809477.0</t>
  </si>
  <si>
    <t>2149593.0</t>
  </si>
  <si>
    <t>1465939.0</t>
  </si>
  <si>
    <t>1036325.0</t>
  </si>
  <si>
    <t>761941.0</t>
  </si>
  <si>
    <t>17758929.0</t>
  </si>
  <si>
    <t>15147695.0</t>
  </si>
  <si>
    <t>2290082.0</t>
  </si>
  <si>
    <t>1506958.0</t>
  </si>
  <si>
    <t>1077210.0</t>
  </si>
  <si>
    <t>823076.0</t>
  </si>
  <si>
    <t>19177178.0</t>
  </si>
  <si>
    <t>16417287.0</t>
  </si>
  <si>
    <t>2417436.0</t>
  </si>
  <si>
    <t>1406164.0</t>
  </si>
  <si>
    <t>1092908.0</t>
  </si>
  <si>
    <t>873901.0</t>
  </si>
  <si>
    <t>19912945.0</t>
  </si>
  <si>
    <t>17068824.0</t>
  </si>
  <si>
    <t>2491916.0</t>
  </si>
  <si>
    <t>736477.0</t>
  </si>
  <si>
    <t>1118410.0</t>
  </si>
  <si>
    <t>907503.0</t>
  </si>
  <si>
    <t>20252284.0</t>
  </si>
  <si>
    <t>17359801.0</t>
  </si>
  <si>
    <t>2536579.0</t>
  </si>
  <si>
    <t>341617.0</t>
  </si>
  <si>
    <t>1126449.0</t>
  </si>
  <si>
    <t>919364.0</t>
  </si>
  <si>
    <t>21208695.0</t>
  </si>
  <si>
    <t>18066272.0</t>
  </si>
  <si>
    <t>2769652.0</t>
  </si>
  <si>
    <t>954159.0</t>
  </si>
  <si>
    <t>1102156.0</t>
  </si>
  <si>
    <t>909583.0</t>
  </si>
  <si>
    <t>22605090.0</t>
  </si>
  <si>
    <t>19073915.0</t>
  </si>
  <si>
    <t>3135225.0</t>
  </si>
  <si>
    <t>1115880.0</t>
  </si>
  <si>
    <t>916914.0</t>
  </si>
  <si>
    <t>24264558.0</t>
  </si>
  <si>
    <t>20266594.0</t>
  </si>
  <si>
    <t>3574349.0</t>
  </si>
  <si>
    <t>1662272.0</t>
  </si>
  <si>
    <t>1143927.0</t>
  </si>
  <si>
    <t>921890.0</t>
  </si>
  <si>
    <t>26005247.0</t>
  </si>
  <si>
    <t>21688505.0</t>
  </si>
  <si>
    <t>3865031.0</t>
  </si>
  <si>
    <t>1744134.0</t>
  </si>
  <si>
    <t>1179599.0</t>
  </si>
  <si>
    <t>935651.0</t>
  </si>
  <si>
    <t>27752842.0</t>
  </si>
  <si>
    <t>23188139.0</t>
  </si>
  <si>
    <t>4086015.0</t>
  </si>
  <si>
    <t>1751040.0</t>
  </si>
  <si>
    <t>1228664.0</t>
  </si>
  <si>
    <t>970475.0</t>
  </si>
  <si>
    <t>28697723.0</t>
  </si>
  <si>
    <t>23958686.0</t>
  </si>
  <si>
    <t>4245794.0</t>
  </si>
  <si>
    <t>947059.0</t>
  </si>
  <si>
    <t>1258103.0</t>
  </si>
  <si>
    <t>987001.0</t>
  </si>
  <si>
    <t>29127204.0</t>
  </si>
  <si>
    <t>24286913.0</t>
  </si>
  <si>
    <t>4340504.0</t>
  </si>
  <si>
    <t>433026.0</t>
  </si>
  <si>
    <t>1270838.0</t>
  </si>
  <si>
    <t>992136.0</t>
  </si>
  <si>
    <t>30567677.0</t>
  </si>
  <si>
    <t>25195608.0</t>
  </si>
  <si>
    <t>4847911.0</t>
  </si>
  <si>
    <t>1425279.0</t>
  </si>
  <si>
    <t>1337861.0</t>
  </si>
  <si>
    <t>1019171.0</t>
  </si>
  <si>
    <t>32274051.0</t>
  </si>
  <si>
    <t>26277502.0</t>
  </si>
  <si>
    <t>5444225.0</t>
  </si>
  <si>
    <t>1708610.0</t>
  </si>
  <si>
    <t>1381795.0</t>
  </si>
  <si>
    <t>1029282.0</t>
  </si>
  <si>
    <t>34240098.0</t>
  </si>
  <si>
    <t>27548188.0</t>
  </si>
  <si>
    <t>6105599.0</t>
  </si>
  <si>
    <t>1424978.0</t>
  </si>
  <si>
    <t>1039667.0</t>
  </si>
  <si>
    <t>36234572.0</t>
  </si>
  <si>
    <t>28935086.0</t>
  </si>
  <si>
    <t>6677721.0</t>
  </si>
  <si>
    <t>1996787.0</t>
  </si>
  <si>
    <t>1461136.0</t>
  </si>
  <si>
    <t>1034387.0</t>
  </si>
  <si>
    <t>38183215.0</t>
  </si>
  <si>
    <t>30327741.0</t>
  </si>
  <si>
    <t>7186585.0</t>
  </si>
  <si>
    <t>1950956.0</t>
  </si>
  <si>
    <t>1489685.0</t>
  </si>
  <si>
    <t>1018786.0</t>
  </si>
  <si>
    <t>39228600.0</t>
  </si>
  <si>
    <t>31093325.0</t>
  </si>
  <si>
    <t>7447758.0</t>
  </si>
  <si>
    <t>1046325.0</t>
  </si>
  <si>
    <t>1503857.0</t>
  </si>
  <si>
    <t>1017745.0</t>
  </si>
  <si>
    <t>39699644.0</t>
  </si>
  <si>
    <t>31418687.0</t>
  </si>
  <si>
    <t>7582484.0</t>
  </si>
  <si>
    <t>474268.0</t>
  </si>
  <si>
    <t>1509736.0</t>
  </si>
  <si>
    <t>1017100.0</t>
  </si>
  <si>
    <t>41142185.0</t>
  </si>
  <si>
    <t>32215803.0</t>
  </si>
  <si>
    <t>8182190.0</t>
  </si>
  <si>
    <t>1434415.0</t>
  </si>
  <si>
    <t>1511031.0</t>
  </si>
  <si>
    <t>1003001.0</t>
  </si>
  <si>
    <t>42867194.0</t>
  </si>
  <si>
    <t>33192012.0</t>
  </si>
  <si>
    <t>8894632.0</t>
  </si>
  <si>
    <t>1728760.0</t>
  </si>
  <si>
    <t>1513898.0</t>
  </si>
  <si>
    <t>987930.0</t>
  </si>
  <si>
    <t>45040482.0</t>
  </si>
  <si>
    <t>34460429.0</t>
  </si>
  <si>
    <t>9753005.0</t>
  </si>
  <si>
    <t>2177039.0</t>
  </si>
  <si>
    <t>1544078.0</t>
  </si>
  <si>
    <t>47432901.0</t>
  </si>
  <si>
    <t>35864479.0</t>
  </si>
  <si>
    <t>10694663.0</t>
  </si>
  <si>
    <t>2385162.0</t>
  </si>
  <si>
    <t>1599561.0</t>
  </si>
  <si>
    <t>989365.0</t>
  </si>
  <si>
    <t>49826468.0</t>
  </si>
  <si>
    <t>37233037.0</t>
  </si>
  <si>
    <t>11678510.0</t>
  </si>
  <si>
    <t>2397712.0</t>
  </si>
  <si>
    <t>1663510.0</t>
  </si>
  <si>
    <t>986102.0</t>
  </si>
  <si>
    <t>51167031.0</t>
  </si>
  <si>
    <t>38097724.0</t>
  </si>
  <si>
    <t>12127376.0</t>
  </si>
  <si>
    <t>1340601.0</t>
  </si>
  <si>
    <t>1705529.0</t>
  </si>
  <si>
    <t>1000126.0</t>
  </si>
  <si>
    <t>51626761.0</t>
  </si>
  <si>
    <t>38379344.0</t>
  </si>
  <si>
    <t>12295778.0</t>
  </si>
  <si>
    <t>463668.0</t>
  </si>
  <si>
    <t>1703992.0</t>
  </si>
  <si>
    <t>993812.0</t>
  </si>
  <si>
    <t>53254345.0</t>
  </si>
  <si>
    <t>39236026.0</t>
  </si>
  <si>
    <t>13036619.0</t>
  </si>
  <si>
    <t>1614110.0</t>
  </si>
  <si>
    <t>1729642.0</t>
  </si>
  <si>
    <t>1001485.0</t>
  </si>
  <si>
    <t>55264322.0</t>
  </si>
  <si>
    <t>40283339.0</t>
  </si>
  <si>
    <t>13958117.0</t>
  </si>
  <si>
    <t>2014163.0</t>
  </si>
  <si>
    <t>1770430.0</t>
  </si>
  <si>
    <t>1011613.0</t>
  </si>
  <si>
    <t>57616640.0</t>
  </si>
  <si>
    <t>41525002.0</t>
  </si>
  <si>
    <t>15028169.0</t>
  </si>
  <si>
    <t>2355098.0</t>
  </si>
  <si>
    <t>1795840.0</t>
  </si>
  <si>
    <t>1008006.0</t>
  </si>
  <si>
    <t>60069434.0</t>
  </si>
  <si>
    <t>42814082.0</t>
  </si>
  <si>
    <t>16149538.0</t>
  </si>
  <si>
    <t>2459745.0</t>
  </si>
  <si>
    <t>1806467.0</t>
  </si>
  <si>
    <t>993054.0</t>
  </si>
  <si>
    <t>62710593.0</t>
  </si>
  <si>
    <t>44214925.0</t>
  </si>
  <si>
    <t>17339958.0</t>
  </si>
  <si>
    <t>2646887.0</t>
  </si>
  <si>
    <t>1842257.0</t>
  </si>
  <si>
    <t>998219.0</t>
  </si>
  <si>
    <t>64222843.0</t>
  </si>
  <si>
    <t>45101677.0</t>
  </si>
  <si>
    <t>17935224.0</t>
  </si>
  <si>
    <t>1517602.0</t>
  </si>
  <si>
    <t>1867504.0</t>
  </si>
  <si>
    <t>1001892.0</t>
  </si>
  <si>
    <t>64830862.0</t>
  </si>
  <si>
    <t>45449091.0</t>
  </si>
  <si>
    <t>18180493.0</t>
  </si>
  <si>
    <t>626247.0</t>
  </si>
  <si>
    <t>1890690.0</t>
  </si>
  <si>
    <t>1013292.0</t>
  </si>
  <si>
    <t>66090738.0</t>
  </si>
  <si>
    <t>46103148.0</t>
  </si>
  <si>
    <t>18748404.0</t>
  </si>
  <si>
    <t>1225352.0</t>
  </si>
  <si>
    <t>1835114.0</t>
  </si>
  <si>
    <t>982332.0</t>
  </si>
  <si>
    <t>67908782.0</t>
  </si>
  <si>
    <t>47076831.0</t>
  </si>
  <si>
    <t>19557707.0</t>
  </si>
  <si>
    <t>1809910.0</t>
  </si>
  <si>
    <t>974388.0</t>
  </si>
  <si>
    <t>70048815.0</t>
  </si>
  <si>
    <t>48150704.0</t>
  </si>
  <si>
    <t>20583536.0</t>
  </si>
  <si>
    <t>2144223.0</t>
  </si>
  <si>
    <t>1780560.0</t>
  </si>
  <si>
    <t>951345.0</t>
  </si>
  <si>
    <t>72221377.0</t>
  </si>
  <si>
    <t>49013744.0</t>
  </si>
  <si>
    <t>21585381.0</t>
  </si>
  <si>
    <t>2161208.0</t>
  </si>
  <si>
    <t>1738952.0</t>
  </si>
  <si>
    <t>903616.0</t>
  </si>
  <si>
    <t>74515309.0</t>
  </si>
  <si>
    <t>50073154.0</t>
  </si>
  <si>
    <t>23032013.0</t>
  </si>
  <si>
    <t>2297991.0</t>
  </si>
  <si>
    <t>1688590.0</t>
  </si>
  <si>
    <t>840236.0</t>
  </si>
  <si>
    <t>75968315.0</t>
  </si>
  <si>
    <t>50767748.0</t>
  </si>
  <si>
    <t>23761668.0</t>
  </si>
  <si>
    <t>1457345.0</t>
  </si>
  <si>
    <t>1678894.0</t>
  </si>
  <si>
    <t>811860.0</t>
  </si>
  <si>
    <t>76646816.0</t>
  </si>
  <si>
    <t>51080452.0</t>
  </si>
  <si>
    <t>24108703.0</t>
  </si>
  <si>
    <t>683433.0</t>
  </si>
  <si>
    <t>1685967.0</t>
  </si>
  <si>
    <t>804211.0</t>
  </si>
  <si>
    <t>78251213.0</t>
  </si>
  <si>
    <t>51795091.0</t>
  </si>
  <si>
    <t>24957772.0</t>
  </si>
  <si>
    <t>1598781.0</t>
  </si>
  <si>
    <t>1738361.0</t>
  </si>
  <si>
    <t>814079.0</t>
  </si>
  <si>
    <t>80325240.0</t>
  </si>
  <si>
    <t>52761306.0</t>
  </si>
  <si>
    <t>26018988.0</t>
  </si>
  <si>
    <t>2086056.0</t>
  </si>
  <si>
    <t>1776070.0</t>
  </si>
  <si>
    <t>814165.0</t>
  </si>
  <si>
    <t>83036011.0</t>
  </si>
  <si>
    <t>54154555.0</t>
  </si>
  <si>
    <t>27288493.0</t>
  </si>
  <si>
    <t>2717414.0</t>
  </si>
  <si>
    <t>1857687.0</t>
  </si>
  <si>
    <t>859804.0</t>
  </si>
  <si>
    <t>86252622.0</t>
  </si>
  <si>
    <t>55893236.0</t>
  </si>
  <si>
    <t>28707706.0</t>
  </si>
  <si>
    <t>3225719.0</t>
  </si>
  <si>
    <t>2009713.0</t>
  </si>
  <si>
    <t>973479.0</t>
  </si>
  <si>
    <t>89647717.0</t>
  </si>
  <si>
    <t>57788934.0</t>
  </si>
  <si>
    <t>30150362.0</t>
  </si>
  <si>
    <t>3411201.0</t>
  </si>
  <si>
    <t>2169651.0</t>
  </si>
  <si>
    <t>1109598.0</t>
  </si>
  <si>
    <t>91833896.0</t>
  </si>
  <si>
    <t>59104103.0</t>
  </si>
  <si>
    <t>30986834.0</t>
  </si>
  <si>
    <t>2198983.0</t>
  </si>
  <si>
    <t>2275396.0</t>
  </si>
  <si>
    <t>1199549.0</t>
  </si>
  <si>
    <t>92816162.0</t>
  </si>
  <si>
    <t>59756152.0</t>
  </si>
  <si>
    <t>31291934.0</t>
  </si>
  <si>
    <t>997383.0</t>
  </si>
  <si>
    <t>2319853.0</t>
  </si>
  <si>
    <t>1249133.0</t>
  </si>
  <si>
    <t>95127391.0</t>
  </si>
  <si>
    <t>61175784.0</t>
  </si>
  <si>
    <t>32120861.0</t>
  </si>
  <si>
    <t>2412009.0</t>
  </si>
  <si>
    <t>1341433.0</t>
  </si>
  <si>
    <t>97790219.0</t>
  </si>
  <si>
    <t>62815909.0</t>
  </si>
  <si>
    <t>33104495.0</t>
  </si>
  <si>
    <t>2681490.0</t>
  </si>
  <si>
    <t>2498182.0</t>
  </si>
  <si>
    <t>1439563.0</t>
  </si>
  <si>
    <t>100897688.0</t>
  </si>
  <si>
    <t>64721311.0</t>
  </si>
  <si>
    <t>34267779.0</t>
  </si>
  <si>
    <t>3120886.0</t>
  </si>
  <si>
    <t>2555462.0</t>
  </si>
  <si>
    <t>1513687.0</t>
  </si>
  <si>
    <t>104311603.0</t>
  </si>
  <si>
    <t>66834958.0</t>
  </si>
  <si>
    <t>35526087.0</t>
  </si>
  <si>
    <t>3430759.0</t>
  </si>
  <si>
    <t>2584331.0</t>
  </si>
  <si>
    <t>1573697.0</t>
  </si>
  <si>
    <t>107834272.0</t>
  </si>
  <si>
    <t>69146403.0</t>
  </si>
  <si>
    <t>36869534.0</t>
  </si>
  <si>
    <t>3497355.0</t>
  </si>
  <si>
    <t>2596368.0</t>
  </si>
  <si>
    <t>110108394.0</t>
  </si>
  <si>
    <t>70703760.0</t>
  </si>
  <si>
    <t>37744665.0</t>
  </si>
  <si>
    <t>2287652.0</t>
  </si>
  <si>
    <t>2608767.0</t>
  </si>
  <si>
    <t>1655066.0</t>
  </si>
  <si>
    <t>111139633.0</t>
  </si>
  <si>
    <t>71448326.0</t>
  </si>
  <si>
    <t>38097884.0</t>
  </si>
  <si>
    <t>1057157.0</t>
  </si>
  <si>
    <t>2617040.0</t>
  </si>
  <si>
    <t>1675367.0</t>
  </si>
  <si>
    <t>113494960.0</t>
  </si>
  <si>
    <t>73127615.0</t>
  </si>
  <si>
    <t>38973593.0</t>
  </si>
  <si>
    <t>2344249.0</t>
  </si>
  <si>
    <t>2631365.0</t>
  </si>
  <si>
    <t>1714096.0</t>
  </si>
  <si>
    <t>116622249.0</t>
  </si>
  <si>
    <t>75339884.0</t>
  </si>
  <si>
    <t>40074626.0</t>
  </si>
  <si>
    <t>3145219.0</t>
  </si>
  <si>
    <t>2697611.0</t>
  </si>
  <si>
    <t>1795921.0</t>
  </si>
  <si>
    <t>120313890.0</t>
  </si>
  <si>
    <t>77953371.0</t>
  </si>
  <si>
    <t>41364215.0</t>
  </si>
  <si>
    <t>3708191.0</t>
  </si>
  <si>
    <t>2783585.0</t>
  </si>
  <si>
    <t>1899494.0</t>
  </si>
  <si>
    <t>124278392.0</t>
  </si>
  <si>
    <t>80429219.0</t>
  </si>
  <si>
    <t>42781898.0</t>
  </si>
  <si>
    <t>3968074.0</t>
  </si>
  <si>
    <t>2860000.0</t>
  </si>
  <si>
    <t>1979841.0</t>
  </si>
  <si>
    <t>128114916.0</t>
  </si>
  <si>
    <t>83252223.0</t>
  </si>
  <si>
    <t>44332859.0</t>
  </si>
  <si>
    <t>3823111.0</t>
  </si>
  <si>
    <t>2906191.0</t>
  </si>
  <si>
    <t>2022884.0</t>
  </si>
  <si>
    <t>130633785.0</t>
  </si>
  <si>
    <t>84954068.0</t>
  </si>
  <si>
    <t>45367510.0</t>
  </si>
  <si>
    <t>2555264.0</t>
  </si>
  <si>
    <t>2944076.0</t>
  </si>
  <si>
    <t>2045360.0</t>
  </si>
  <si>
    <t>131868143.0</t>
  </si>
  <si>
    <t>85852627.0</t>
  </si>
  <si>
    <t>45801625.0</t>
  </si>
  <si>
    <t>1244513.0</t>
  </si>
  <si>
    <t>2970590.0</t>
  </si>
  <si>
    <t>2057140.0</t>
  </si>
  <si>
    <t>134450778.0</t>
  </si>
  <si>
    <t>87640131.0</t>
  </si>
  <si>
    <t>46691693.0</t>
  </si>
  <si>
    <t>2517478.0</t>
  </si>
  <si>
    <t>2994998.0</t>
  </si>
  <si>
    <t>2069950.0</t>
  </si>
  <si>
    <t>137617493.0</t>
  </si>
  <si>
    <t>89716675.0</t>
  </si>
  <si>
    <t>47760062.0</t>
  </si>
  <si>
    <t>3190984.0</t>
  </si>
  <si>
    <t>3001185.0</t>
  </si>
  <si>
    <t>2072016.0</t>
  </si>
  <si>
    <t>141189981.0</t>
  </si>
  <si>
    <t>92349031.0</t>
  </si>
  <si>
    <t>48927364.0</t>
  </si>
  <si>
    <t>3595426.0</t>
  </si>
  <si>
    <t>2985052.0</t>
  </si>
  <si>
    <t>2050921.0</t>
  </si>
  <si>
    <t>145026347.0</t>
  </si>
  <si>
    <t>95005541.0</t>
  </si>
  <si>
    <t>50216239.0</t>
  </si>
  <si>
    <t>3824476.0</t>
  </si>
  <si>
    <t>2964704.0</t>
  </si>
  <si>
    <t>2042739.0</t>
  </si>
  <si>
    <t>148773280.0</t>
  </si>
  <si>
    <t>97392363.0</t>
  </si>
  <si>
    <t>51455421.0</t>
  </si>
  <si>
    <t>3776277.0</t>
  </si>
  <si>
    <t>2957954.0</t>
  </si>
  <si>
    <t>2055088.0</t>
  </si>
  <si>
    <t>151344785.0</t>
  </si>
  <si>
    <t>99403313.0</t>
  </si>
  <si>
    <t>52374924.0</t>
  </si>
  <si>
    <t>2614279.0</t>
  </si>
  <si>
    <t>2966319.0</t>
  </si>
  <si>
    <t>2066410.0</t>
  </si>
  <si>
    <t>152630652.0</t>
  </si>
  <si>
    <t>100323017.0</t>
  </si>
  <si>
    <t>52779400.0</t>
  </si>
  <si>
    <t>1314007.0</t>
  </si>
  <si>
    <t>2976215.0</t>
  </si>
  <si>
    <t>2071787.0</t>
  </si>
  <si>
    <t>155376688.0</t>
  </si>
  <si>
    <t>102241836.0</t>
  </si>
  <si>
    <t>53665345.0</t>
  </si>
  <si>
    <t>2714758.0</t>
  </si>
  <si>
    <t>3004368.0</t>
  </si>
  <si>
    <t>2101115.0</t>
  </si>
  <si>
    <t>158838313.0</t>
  </si>
  <si>
    <t>104472912.0</t>
  </si>
  <si>
    <t>54830609.0</t>
  </si>
  <si>
    <t>3387115.0</t>
  </si>
  <si>
    <t>3032358.0</t>
  </si>
  <si>
    <t>2106993.0</t>
  </si>
  <si>
    <t>162797178.0</t>
  </si>
  <si>
    <t>107161878.0</t>
  </si>
  <si>
    <t>56331891.0</t>
  </si>
  <si>
    <t>3970891.0</t>
  </si>
  <si>
    <t>3085970.0</t>
  </si>
  <si>
    <t>2116408.0</t>
  </si>
  <si>
    <t>167001310.0</t>
  </si>
  <si>
    <t>109736130.0</t>
  </si>
  <si>
    <t>58054230.0</t>
  </si>
  <si>
    <t>4183231.0</t>
  </si>
  <si>
    <t>3137223.0</t>
  </si>
  <si>
    <t>2101731.0</t>
  </si>
  <si>
    <t>171291789.0</t>
  </si>
  <si>
    <t>112261178.0</t>
  </si>
  <si>
    <t>59910184.0</t>
  </si>
  <si>
    <t>4321510.0</t>
  </si>
  <si>
    <t>3215114.0</t>
  </si>
  <si>
    <t>2088491.0</t>
  </si>
  <si>
    <t>174178962.0</t>
  </si>
  <si>
    <t>114024034.0</t>
  </si>
  <si>
    <t>61100529.0</t>
  </si>
  <si>
    <t>2917796.0</t>
  </si>
  <si>
    <t>3258476.0</t>
  </si>
  <si>
    <t>2084353.0</t>
  </si>
  <si>
    <t>175694354.0</t>
  </si>
  <si>
    <t>114866631.0</t>
  </si>
  <si>
    <t>61657570.0</t>
  </si>
  <si>
    <t>1522558.0</t>
  </si>
  <si>
    <t>3288266.0</t>
  </si>
  <si>
    <t>2089332.0</t>
  </si>
  <si>
    <t>178994533.0</t>
  </si>
  <si>
    <t>116966778.0</t>
  </si>
  <si>
    <t>63027138.0</t>
  </si>
  <si>
    <t>3231858.0</t>
  </si>
  <si>
    <t>3362139.0</t>
  </si>
  <si>
    <t>2092966.0</t>
  </si>
  <si>
    <t>183260883.0</t>
  </si>
  <si>
    <t>119203930.0</t>
  </si>
  <si>
    <t>64760937.0</t>
  </si>
  <si>
    <t>4205386.0</t>
  </si>
  <si>
    <t>3480881.0</t>
  </si>
  <si>
    <t>2136460.0</t>
  </si>
  <si>
    <t>188139216.0</t>
  </si>
  <si>
    <t>122601362.0</t>
  </si>
  <si>
    <t>66817044.0</t>
  </si>
  <si>
    <t>4917787.0</t>
  </si>
  <si>
    <t>3615861.0</t>
  </si>
  <si>
    <t>2203986.0</t>
  </si>
  <si>
    <t>192953101.0</t>
  </si>
  <si>
    <t>125357479.0</t>
  </si>
  <si>
    <t>69096196.0</t>
  </si>
  <si>
    <t>5263746.0</t>
  </si>
  <si>
    <t>3769911.0</t>
  </si>
  <si>
    <t>2279712.0</t>
  </si>
  <si>
    <t>197573844.0</t>
  </si>
  <si>
    <t>128259863.0</t>
  </si>
  <si>
    <t>71043664.0</t>
  </si>
  <si>
    <t>4288154.0</t>
  </si>
  <si>
    <t>3764894.0</t>
  </si>
  <si>
    <t>2285091.0</t>
  </si>
  <si>
    <t>200427541.0</t>
  </si>
  <si>
    <t>130103348.0</t>
  </si>
  <si>
    <t>72236110.0</t>
  </si>
  <si>
    <t>2912957.0</t>
  </si>
  <si>
    <t>3763893.0</t>
  </si>
  <si>
    <t>2295888.0</t>
  </si>
  <si>
    <t>201382153.0</t>
  </si>
  <si>
    <t>130688037.0</t>
  </si>
  <si>
    <t>72651786.0</t>
  </si>
  <si>
    <t>1006039.0</t>
  </si>
  <si>
    <t>3689768.0</t>
  </si>
  <si>
    <t>2243600.0</t>
  </si>
  <si>
    <t>204924259.0</t>
  </si>
  <si>
    <t>132785350.0</t>
  </si>
  <si>
    <t>74335803.0</t>
  </si>
  <si>
    <t>3618769.0</t>
  </si>
  <si>
    <t>3744691.0</t>
  </si>
  <si>
    <t>2267671.0</t>
  </si>
  <si>
    <t>209613503.0</t>
  </si>
  <si>
    <t>135590267.0</t>
  </si>
  <si>
    <t>76619877.0</t>
  </si>
  <si>
    <t>4647637.0</t>
  </si>
  <si>
    <t>3807870.0</t>
  </si>
  <si>
    <t>2293179.0</t>
  </si>
  <si>
    <t>214663038.0</t>
  </si>
  <si>
    <t>138650834.0</t>
  </si>
  <si>
    <t>79124172.0</t>
  </si>
  <si>
    <t>5094144.0</t>
  </si>
  <si>
    <t>3833064.0</t>
  </si>
  <si>
    <t>2297824.0</t>
  </si>
  <si>
    <t>219988579.0</t>
  </si>
  <si>
    <t>142076615.0</t>
  </si>
  <si>
    <t>81870073.0</t>
  </si>
  <si>
    <t>5421752.0</t>
  </si>
  <si>
    <t>3855636.0</t>
  </si>
  <si>
    <t>2350007.0</t>
  </si>
  <si>
    <t>224997589.0</t>
  </si>
  <si>
    <t>145025998.0</t>
  </si>
  <si>
    <t>84541142.0</t>
  </si>
  <si>
    <t>5070296.0</t>
  </si>
  <si>
    <t>3967367.0</t>
  </si>
  <si>
    <t>2405208.0</t>
  </si>
  <si>
    <t>228378981.0</t>
  </si>
  <si>
    <t>147124809.0</t>
  </si>
  <si>
    <t>86348850.0</t>
  </si>
  <si>
    <t>3459668.0</t>
  </si>
  <si>
    <t>4045638.0</t>
  </si>
  <si>
    <t>2444279.0</t>
  </si>
  <si>
    <t>230280163.0</t>
  </si>
  <si>
    <t>148308301.0</t>
  </si>
  <si>
    <t>87325871.0</t>
  </si>
  <si>
    <t>1880281.0</t>
  </si>
  <si>
    <t>4170503.0</t>
  </si>
  <si>
    <t>2527354.0</t>
  </si>
  <si>
    <t>234103455.0</t>
  </si>
  <si>
    <t>150536004.0</t>
  </si>
  <si>
    <t>89247159.0</t>
  </si>
  <si>
    <t>3831023.0</t>
  </si>
  <si>
    <t>4200799.0</t>
  </si>
  <si>
    <t>2547810.0</t>
  </si>
  <si>
    <t>238717978.0</t>
  </si>
  <si>
    <t>153192079.0</t>
  </si>
  <si>
    <t>91397393.0</t>
  </si>
  <si>
    <t>4608987.0</t>
  </si>
  <si>
    <t>4195250.0</t>
  </si>
  <si>
    <t>2518296.0</t>
  </si>
  <si>
    <t>243950077.0</t>
  </si>
  <si>
    <t>155659114.0</t>
  </si>
  <si>
    <t>94213033.0</t>
  </si>
  <si>
    <t>4648682.0</t>
  </si>
  <si>
    <t>4131582.0</t>
  </si>
  <si>
    <t>2422491.0</t>
  </si>
  <si>
    <t>248598529.0</t>
  </si>
  <si>
    <t>158037376.0</t>
  </si>
  <si>
    <t>96519559.0</t>
  </si>
  <si>
    <t>4702610.0</t>
  </si>
  <si>
    <t>4028822.0</t>
  </si>
  <si>
    <t>2271096.0</t>
  </si>
  <si>
    <t>253155118.0</t>
  </si>
  <si>
    <t>160291416.0</t>
  </si>
  <si>
    <t>98851320.0</t>
  </si>
  <si>
    <t>4618501.0</t>
  </si>
  <si>
    <t>3964252.0</t>
  </si>
  <si>
    <t>2175062.0</t>
  </si>
  <si>
    <t>256091298.0</t>
  </si>
  <si>
    <t>161860176.0</t>
  </si>
  <si>
    <t>100227709.0</t>
  </si>
  <si>
    <t>2999652.0</t>
  </si>
  <si>
    <t>3898533.0</t>
  </si>
  <si>
    <t>2100815.0</t>
  </si>
  <si>
    <t>257650335.0</t>
  </si>
  <si>
    <t>162716927.0</t>
  </si>
  <si>
    <t>100930117.0</t>
  </si>
  <si>
    <t>1554458.0</t>
  </si>
  <si>
    <t>3851990.0</t>
  </si>
  <si>
    <t>2055424.0</t>
  </si>
  <si>
    <t>260879641.0</t>
  </si>
  <si>
    <t>164195367.0</t>
  </si>
  <si>
    <t>102619366.0</t>
  </si>
  <si>
    <t>3142419.0</t>
  </si>
  <si>
    <t>3753616.0</t>
  </si>
  <si>
    <t>1938165.0</t>
  </si>
  <si>
    <t>264885683.0</t>
  </si>
  <si>
    <t>165965469.0</t>
  </si>
  <si>
    <t>104875754.0</t>
  </si>
  <si>
    <t>4050945.0</t>
  </si>
  <si>
    <t>3673895.0</t>
  </si>
  <si>
    <t>1834100.0</t>
  </si>
  <si>
    <t>269176894.0</t>
  </si>
  <si>
    <t>167844614.0</t>
  </si>
  <si>
    <t>107413180.0</t>
  </si>
  <si>
    <t>4365138.0</t>
  </si>
  <si>
    <t>3633389.0</t>
  </si>
  <si>
    <t>1771053.0</t>
  </si>
  <si>
    <t>273496562.0</t>
  </si>
  <si>
    <t>169951608.0</t>
  </si>
  <si>
    <t>109866476.0</t>
  </si>
  <si>
    <t>4355152.0</t>
  </si>
  <si>
    <t>3583753.0</t>
  </si>
  <si>
    <t>1715425.0</t>
  </si>
  <si>
    <t>277565914.0</t>
  </si>
  <si>
    <t>171873499.0</t>
  </si>
  <si>
    <t>112093318.0</t>
  </si>
  <si>
    <t>4126532.0</t>
  </si>
  <si>
    <t>3513471.0</t>
  </si>
  <si>
    <t>1667238.0</t>
  </si>
  <si>
    <t>280347472.0</t>
  </si>
  <si>
    <t>173309420.0</t>
  </si>
  <si>
    <t>113488093.0</t>
  </si>
  <si>
    <t>2780929.0</t>
  </si>
  <si>
    <t>3482226.0</t>
  </si>
  <si>
    <t>1638935.0</t>
  </si>
  <si>
    <t>281954904.0</t>
  </si>
  <si>
    <t>174161586.0</t>
  </si>
  <si>
    <t>114247558.0</t>
  </si>
  <si>
    <t>1397589.0</t>
  </si>
  <si>
    <t>3459815.0</t>
  </si>
  <si>
    <t>1626943.0</t>
  </si>
  <si>
    <t>285033907.0</t>
  </si>
  <si>
    <t>175578990.0</t>
  </si>
  <si>
    <t>115925680.0</t>
  </si>
  <si>
    <t>2957959.0</t>
  </si>
  <si>
    <t>3433465.0</t>
  </si>
  <si>
    <t>288304432.0</t>
  </si>
  <si>
    <t>177012992.0</t>
  </si>
  <si>
    <t>117766924.0</t>
  </si>
  <si>
    <t>3636598.0</t>
  </si>
  <si>
    <t>3374274.0</t>
  </si>
  <si>
    <t>1566763.0</t>
  </si>
  <si>
    <t>292441668.0</t>
  </si>
  <si>
    <t>178624164.0</t>
  </si>
  <si>
    <t>120441217.0</t>
  </si>
  <si>
    <t>3833089.0</t>
  </si>
  <si>
    <t>3298266.0</t>
  </si>
  <si>
    <t>1512669.0</t>
  </si>
  <si>
    <t>296260267.0</t>
  </si>
  <si>
    <t>180223657.0</t>
  </si>
  <si>
    <t>122813509.0</t>
  </si>
  <si>
    <t>3854774.0</t>
  </si>
  <si>
    <t>3226782.0</t>
  </si>
  <si>
    <t>1455912.0</t>
  </si>
  <si>
    <t>299907143.0</t>
  </si>
  <si>
    <t>181802676.0</t>
  </si>
  <si>
    <t>125036747.0</t>
  </si>
  <si>
    <t>3681419.0</t>
  </si>
  <si>
    <t>3163194.0</t>
  </si>
  <si>
    <t>1405254.0</t>
  </si>
  <si>
    <t>302286927.0</t>
  </si>
  <si>
    <t>182839339.0</t>
  </si>
  <si>
    <t>126458665.0</t>
  </si>
  <si>
    <t>2436922.0</t>
  </si>
  <si>
    <t>3114050.0</t>
  </si>
  <si>
    <t>1357102.0</t>
  </si>
  <si>
    <t>303567969.0</t>
  </si>
  <si>
    <t>183451853.0</t>
  </si>
  <si>
    <t>127209358.0</t>
  </si>
  <si>
    <t>1268031.0</t>
  </si>
  <si>
    <t>3095541.0</t>
  </si>
  <si>
    <t>1329138.0</t>
  </si>
  <si>
    <t>306327648.0</t>
  </si>
  <si>
    <t>184561333.0</t>
  </si>
  <si>
    <t>128694628.0</t>
  </si>
  <si>
    <t>2681464.0</t>
  </si>
  <si>
    <t>3056043.0</t>
  </si>
  <si>
    <t>1293085.0</t>
  </si>
  <si>
    <t>309747448.0</t>
  </si>
  <si>
    <t>185971049.0</t>
  </si>
  <si>
    <t>131133711.0</t>
  </si>
  <si>
    <t>3402973.0</t>
  </si>
  <si>
    <t>3022665.0</t>
  </si>
  <si>
    <t>1274210.0</t>
  </si>
  <si>
    <t>313341930.0</t>
  </si>
  <si>
    <t>187516371.0</t>
  </si>
  <si>
    <t>133359019.0</t>
  </si>
  <si>
    <t>3630287.0</t>
  </si>
  <si>
    <t>2993697.0</t>
  </si>
  <si>
    <t>1273769.0</t>
  </si>
  <si>
    <t>316949353.0</t>
  </si>
  <si>
    <t>189127231.0</t>
  </si>
  <si>
    <t>135529126.0</t>
  </si>
  <si>
    <t>3645587.0</t>
  </si>
  <si>
    <t>2963812.0</t>
  </si>
  <si>
    <t>1274494.0</t>
  </si>
  <si>
    <t>320525392.0</t>
  </si>
  <si>
    <t>190747903.0</t>
  </si>
  <si>
    <t>137632599.0</t>
  </si>
  <si>
    <t>3555025.0</t>
  </si>
  <si>
    <t>2945755.0</t>
  </si>
  <si>
    <t>1272936.0</t>
  </si>
  <si>
    <t>322644785.0</t>
  </si>
  <si>
    <t>191714899.0</t>
  </si>
  <si>
    <t>138865338.0</t>
  </si>
  <si>
    <t>2170722.0</t>
  </si>
  <si>
    <t>2907908.0</t>
  </si>
  <si>
    <t>1260414.0</t>
  </si>
  <si>
    <t>323699062.0</t>
  </si>
  <si>
    <t>192269322.0</t>
  </si>
  <si>
    <t>139395113.0</t>
  </si>
  <si>
    <t>1030864.0</t>
  </si>
  <si>
    <t>2873996.0</t>
  </si>
  <si>
    <t>1252553.0</t>
  </si>
  <si>
    <t>325935271.0</t>
  </si>
  <si>
    <t>193263476.0</t>
  </si>
  <si>
    <t>140689568.0</t>
  </si>
  <si>
    <t>2280946.0</t>
  </si>
  <si>
    <t>2816750.0</t>
  </si>
  <si>
    <t>1249130.0</t>
  </si>
  <si>
    <t>328819919.0</t>
  </si>
  <si>
    <t>194584394.0</t>
  </si>
  <si>
    <t>142230663.0</t>
  </si>
  <si>
    <t>2734727.0</t>
  </si>
  <si>
    <t>2721253.0</t>
  </si>
  <si>
    <t>1226089.0</t>
  </si>
  <si>
    <t>331785854.0</t>
  </si>
  <si>
    <t>196110038.0</t>
  </si>
  <si>
    <t>144074755.0</t>
  </si>
  <si>
    <t>3039556.0</t>
  </si>
  <si>
    <t>2636835.0</t>
  </si>
  <si>
    <t>1214416.0</t>
  </si>
  <si>
    <t>335153432.0</t>
  </si>
  <si>
    <t>197911961.0</t>
  </si>
  <si>
    <t>145841853.0</t>
  </si>
  <si>
    <t>3358161.0</t>
  </si>
  <si>
    <t>2595743.0</t>
  </si>
  <si>
    <t>1335745.0</t>
  </si>
  <si>
    <t>338274456.0</t>
  </si>
  <si>
    <t>199583011.0</t>
  </si>
  <si>
    <t>147369566.0</t>
  </si>
  <si>
    <t>3390108.0</t>
  </si>
  <si>
    <t>2572155.0</t>
  </si>
  <si>
    <t>1369109.0</t>
  </si>
  <si>
    <t>340632611.0</t>
  </si>
  <si>
    <t>200937027.0</t>
  </si>
  <si>
    <t>148426349.0</t>
  </si>
  <si>
    <t>2593472.0</t>
  </si>
  <si>
    <t>2632552.0</t>
  </si>
  <si>
    <t>1437921.0</t>
  </si>
  <si>
    <t>342726838.0</t>
  </si>
  <si>
    <t>202599259.0</t>
  </si>
  <si>
    <t>149472917.0</t>
  </si>
  <si>
    <t>1603644.0</t>
  </si>
  <si>
    <t>2714373.0</t>
  </si>
  <si>
    <t>1501489.0</t>
  </si>
  <si>
    <t>345327845.0</t>
  </si>
  <si>
    <t>204136324.0</t>
  </si>
  <si>
    <t>150700865.0</t>
  </si>
  <si>
    <t>2579719.0</t>
  </si>
  <si>
    <t>2757056.0</t>
  </si>
  <si>
    <t>1567248.0</t>
  </si>
  <si>
    <t>348038084.0</t>
  </si>
  <si>
    <t>205743194.0</t>
  </si>
  <si>
    <t>151959203.0</t>
  </si>
  <si>
    <t>3099660.0</t>
  </si>
  <si>
    <t>2809189.0</t>
  </si>
  <si>
    <t>1639705.0</t>
  </si>
  <si>
    <t>351627005.0</t>
  </si>
  <si>
    <t>207840647.0</t>
  </si>
  <si>
    <t>153720736.0</t>
  </si>
  <si>
    <t>3166531.0</t>
  </si>
  <si>
    <t>2827328.0</t>
  </si>
  <si>
    <t>1681742.0</t>
  </si>
  <si>
    <t>354994497.0</t>
  </si>
  <si>
    <t>209990257.0</t>
  </si>
  <si>
    <t>155257211.0</t>
  </si>
  <si>
    <t>3428817.0</t>
  </si>
  <si>
    <t>2837423.0</t>
  </si>
  <si>
    <t>1715450.0</t>
  </si>
  <si>
    <t>358474650.0</t>
  </si>
  <si>
    <t>212077189.0</t>
  </si>
  <si>
    <t>156858726.0</t>
  </si>
  <si>
    <t>3433770.0</t>
  </si>
  <si>
    <t>2843657.0</t>
  </si>
  <si>
    <t>1739979.0</t>
  </si>
  <si>
    <t>360932539.0</t>
  </si>
  <si>
    <t>213722652.0</t>
  </si>
  <si>
    <t>157865520.0</t>
  </si>
  <si>
    <t>2520764.0</t>
  </si>
  <si>
    <t>2833429.0</t>
  </si>
  <si>
    <t>1753692.0</t>
  </si>
  <si>
    <t>362351078.0</t>
  </si>
  <si>
    <t>214747848.0</t>
  </si>
  <si>
    <t>158341404.0</t>
  </si>
  <si>
    <t>1414843.0</t>
  </si>
  <si>
    <t>2806431.0</t>
  </si>
  <si>
    <t>1744124.0</t>
  </si>
  <si>
    <t>364593976.0</t>
  </si>
  <si>
    <t>216140218.0</t>
  </si>
  <si>
    <t>159269677.0</t>
  </si>
  <si>
    <t>2072652.0</t>
  </si>
  <si>
    <t>2733968.0</t>
  </si>
  <si>
    <t>1698202.0</t>
  </si>
  <si>
    <t>366852894.0</t>
  </si>
  <si>
    <t>217424243.0</t>
  </si>
  <si>
    <t>160287845.0</t>
  </si>
  <si>
    <t>2265280.0</t>
  </si>
  <si>
    <t>2614744.0</t>
  </si>
  <si>
    <t>1625151.0</t>
  </si>
  <si>
    <t>369550057.0</t>
  </si>
  <si>
    <t>219163638.0</t>
  </si>
  <si>
    <t>161363124.0</t>
  </si>
  <si>
    <t>2756022.0</t>
  </si>
  <si>
    <t>2556075.0</t>
  </si>
  <si>
    <t>1613199.0</t>
  </si>
  <si>
    <t>371462267.0</t>
  </si>
  <si>
    <t>220192824.0</t>
  </si>
  <si>
    <t>162317740.0</t>
  </si>
  <si>
    <t>2734066.0</t>
  </si>
  <si>
    <t>2456799.0</t>
  </si>
  <si>
    <t>1560092.0</t>
  </si>
  <si>
    <t>374970547.0</t>
  </si>
  <si>
    <t>222736193.0</t>
  </si>
  <si>
    <t>163526334.0</t>
  </si>
  <si>
    <t>2758340.0</t>
  </si>
  <si>
    <t>2360282.0</t>
  </si>
  <si>
    <t>1519864.0</t>
  </si>
  <si>
    <t>376755334.0</t>
  </si>
  <si>
    <t>223964456.0</t>
  </si>
  <si>
    <t>164151750.0</t>
  </si>
  <si>
    <t>1866759.0</t>
  </si>
  <si>
    <t>2266855.0</t>
  </si>
  <si>
    <t>1483778.0</t>
  </si>
  <si>
    <t>377982963.0</t>
  </si>
  <si>
    <t>224868668.0</t>
  </si>
  <si>
    <t>164509201.0</t>
  </si>
  <si>
    <t>2241944.0</t>
  </si>
  <si>
    <t>1485778.0</t>
  </si>
  <si>
    <t>381088671.0</t>
  </si>
  <si>
    <t>225911008.0</t>
  </si>
  <si>
    <t>165000176.0</t>
  </si>
  <si>
    <t>999467.0</t>
  </si>
  <si>
    <t>2088630.0</t>
  </si>
  <si>
    <t>1419963.0</t>
  </si>
  <si>
    <t>383852694.0</t>
  </si>
  <si>
    <t>227312011.0</t>
  </si>
  <si>
    <t>166226011.0</t>
  </si>
  <si>
    <t>2607118.0</t>
  </si>
  <si>
    <t>2296958.0</t>
  </si>
  <si>
    <t>1417448.0</t>
  </si>
  <si>
    <t>386603208.0</t>
  </si>
  <si>
    <t>229031173.0</t>
  </si>
  <si>
    <t>167459750.0</t>
  </si>
  <si>
    <t>2811211.0</t>
  </si>
  <si>
    <t>2277630.0</t>
  </si>
  <si>
    <t>1402161.0</t>
  </si>
  <si>
    <t>389686780.0</t>
  </si>
  <si>
    <t>230589536.0</t>
  </si>
  <si>
    <t>168987238.0</t>
  </si>
  <si>
    <t>3182928.0</t>
  </si>
  <si>
    <t>2315157.0</t>
  </si>
  <si>
    <t>1383313.0</t>
  </si>
  <si>
    <t>392866528.0</t>
  </si>
  <si>
    <t>232197653.0</t>
  </si>
  <si>
    <t>170595331.0</t>
  </si>
  <si>
    <t>3275883.0</t>
  </si>
  <si>
    <t>2358094.0</t>
  </si>
  <si>
    <t>1364225.0</t>
  </si>
  <si>
    <t>395256879.0</t>
  </si>
  <si>
    <t>233340973.0</t>
  </si>
  <si>
    <t>171852666.0</t>
  </si>
  <si>
    <t>2482765.0</t>
  </si>
  <si>
    <t>2417516.0</t>
  </si>
  <si>
    <t>1336351.0</t>
  </si>
  <si>
    <t>396370678.0</t>
  </si>
  <si>
    <t>233913839.0</t>
  </si>
  <si>
    <t>172406824.0</t>
  </si>
  <si>
    <t>1176710.0</t>
  </si>
  <si>
    <t>2382414.0</t>
  </si>
  <si>
    <t>1276847.0</t>
  </si>
  <si>
    <t>398745594.0</t>
  </si>
  <si>
    <t>235125519.0</t>
  </si>
  <si>
    <t>173602568.0</t>
  </si>
  <si>
    <t>1998675.0</t>
  </si>
  <si>
    <t>2505042.0</t>
  </si>
  <si>
    <t>1292491.0</t>
  </si>
  <si>
    <t>401122719.0</t>
  </si>
  <si>
    <t>236198448.0</t>
  </si>
  <si>
    <t>174949754.0</t>
  </si>
  <si>
    <t>2489840.0</t>
  </si>
  <si>
    <t>2488286.0</t>
  </si>
  <si>
    <t>1270385.0</t>
  </si>
  <si>
    <t>404167279.0</t>
  </si>
  <si>
    <t>237698270.0</t>
  </si>
  <si>
    <t>176553304.0</t>
  </si>
  <si>
    <t>3073373.0</t>
  </si>
  <si>
    <t>2525739.0</t>
  </si>
  <si>
    <t>1248690.0</t>
  </si>
  <si>
    <t>406438793.0</t>
  </si>
  <si>
    <t>238532509.0</t>
  </si>
  <si>
    <t>178029858.0</t>
  </si>
  <si>
    <t>2353827.0</t>
  </si>
  <si>
    <t>2407295.0</t>
  </si>
  <si>
    <t>1142168.0</t>
  </si>
  <si>
    <t>409159449.0</t>
  </si>
  <si>
    <t>239672863.0</t>
  </si>
  <si>
    <t>179659130.0</t>
  </si>
  <si>
    <t>2708443.0</t>
  </si>
  <si>
    <t>2326235.0</t>
  </si>
  <si>
    <t>1066294.0</t>
  </si>
  <si>
    <t>411010332.0</t>
  </si>
  <si>
    <t>240364910.0</t>
  </si>
  <si>
    <t>180803180.0</t>
  </si>
  <si>
    <t>1947025.0</t>
  </si>
  <si>
    <t>2249698.0</t>
  </si>
  <si>
    <t>1001119.0</t>
  </si>
  <si>
    <t>412254785.0</t>
  </si>
  <si>
    <t>240943946.0</t>
  </si>
  <si>
    <t>181486806.0</t>
  </si>
  <si>
    <t>2251308.0</t>
  </si>
  <si>
    <t>989739.0</t>
  </si>
  <si>
    <t>414515351.0</t>
  </si>
  <si>
    <t>241851515.0</t>
  </si>
  <si>
    <t>182785146.0</t>
  </si>
  <si>
    <t>2108937.0</t>
  </si>
  <si>
    <t>2267058.0</t>
  </si>
  <si>
    <t>965837.0</t>
  </si>
  <si>
    <t>416853695.0</t>
  </si>
  <si>
    <t>242702352.0</t>
  </si>
  <si>
    <t>184195935.0</t>
  </si>
  <si>
    <t>2336960.0</t>
  </si>
  <si>
    <t>2245221.0</t>
  </si>
  <si>
    <t>923371.0</t>
  </si>
  <si>
    <t>419071321.0</t>
  </si>
  <si>
    <t>243512394.0</t>
  </si>
  <si>
    <t>185519059.0</t>
  </si>
  <si>
    <t>2272532.0</t>
  </si>
  <si>
    <t>2130815.0</t>
  </si>
  <si>
    <t>825081.0</t>
  </si>
  <si>
    <t>421385208.0</t>
  </si>
  <si>
    <t>244460396.0</t>
  </si>
  <si>
    <t>186929693.0</t>
  </si>
  <si>
    <t>2390939.0</t>
  </si>
  <si>
    <t>2136119.0</t>
  </si>
  <si>
    <t>839471.0</t>
  </si>
  <si>
    <t>423795114.0</t>
  </si>
  <si>
    <t>245428575.0</t>
  </si>
  <si>
    <t>188476210.0</t>
  </si>
  <si>
    <t>2445789.0</t>
  </si>
  <si>
    <t>2098594.0</t>
  </si>
  <si>
    <t>816532.0</t>
  </si>
  <si>
    <t>425465695.0</t>
  </si>
  <si>
    <t>246038420.0</t>
  </si>
  <si>
    <t>189633533.0</t>
  </si>
  <si>
    <t>1747898.0</t>
  </si>
  <si>
    <t>2070150.0</t>
  </si>
  <si>
    <t>802160.0</t>
  </si>
  <si>
    <t>426585028.0</t>
  </si>
  <si>
    <t>246490634.0</t>
  </si>
  <si>
    <t>190298099.0</t>
  </si>
  <si>
    <t>1029170.0</t>
  </si>
  <si>
    <t>2047462.0</t>
  </si>
  <si>
    <t>787337.0</t>
  </si>
  <si>
    <t>428350980.0</t>
  </si>
  <si>
    <t>247335841.0</t>
  </si>
  <si>
    <t>191390595.0</t>
  </si>
  <si>
    <t>1791453.0</t>
  </si>
  <si>
    <t>2002106.0</t>
  </si>
  <si>
    <t>802057.0</t>
  </si>
  <si>
    <t>430817059.0</t>
  </si>
  <si>
    <t>248504511.0</t>
  </si>
  <si>
    <t>192840808.0</t>
  </si>
  <si>
    <t>2293310.0</t>
  </si>
  <si>
    <t>1995870.0</t>
  </si>
  <si>
    <t>828037.0</t>
  </si>
  <si>
    <t>433161339.0</t>
  </si>
  <si>
    <t>249616045.0</t>
  </si>
  <si>
    <t>194359796.0</t>
  </si>
  <si>
    <t>2423725.0</t>
  </si>
  <si>
    <t>2017469.0</t>
  </si>
  <si>
    <t>877896.0</t>
  </si>
  <si>
    <t>435396957.0</t>
  </si>
  <si>
    <t>250669776.0</t>
  </si>
  <si>
    <t>195701320.0</t>
  </si>
  <si>
    <t>2275282.0</t>
  </si>
  <si>
    <t>2000948.0</t>
  </si>
  <si>
    <t>890639.0</t>
  </si>
  <si>
    <t>437681092.0</t>
  </si>
  <si>
    <t>251634423.0</t>
  </si>
  <si>
    <t>197013956.0</t>
  </si>
  <si>
    <t>2234472.0</t>
  </si>
  <si>
    <t>1970759.0</t>
  </si>
  <si>
    <t>887080.0</t>
  </si>
  <si>
    <t>439160506.0</t>
  </si>
  <si>
    <t>252147142.0</t>
  </si>
  <si>
    <t>197963662.0</t>
  </si>
  <si>
    <t>1554319.0</t>
  </si>
  <si>
    <t>1943103.0</t>
  </si>
  <si>
    <t>875569.0</t>
  </si>
  <si>
    <t>440123176.0</t>
  </si>
  <si>
    <t>252484250.0</t>
  </si>
  <si>
    <t>198665194.0</t>
  </si>
  <si>
    <t>984078.0</t>
  </si>
  <si>
    <t>1936665.0</t>
  </si>
  <si>
    <t>862401.0</t>
  </si>
  <si>
    <t>442225271.0</t>
  </si>
  <si>
    <t>253332297.0</t>
  </si>
  <si>
    <t>199910184.0</t>
  </si>
  <si>
    <t>2082126.0</t>
  </si>
  <si>
    <t>1978187.0</t>
  </si>
  <si>
    <t>854474.0</t>
  </si>
  <si>
    <t>444435775.0</t>
  </si>
  <si>
    <t>254271060.0</t>
  </si>
  <si>
    <t>201185138.0</t>
  </si>
  <si>
    <t>2288897.0</t>
  </si>
  <si>
    <t>1977558.0</t>
  </si>
  <si>
    <t>849035.0</t>
  </si>
  <si>
    <t>446729599.0</t>
  </si>
  <si>
    <t>255302943.0</t>
  </si>
  <si>
    <t>202457965.0</t>
  </si>
  <si>
    <t>2377444.0</t>
  </si>
  <si>
    <t>1970946.0</t>
  </si>
  <si>
    <t>835760.0</t>
  </si>
  <si>
    <t>448829541.0</t>
  </si>
  <si>
    <t>256247979.0</t>
  </si>
  <si>
    <t>203607713.0</t>
  </si>
  <si>
    <t>2077607.0</t>
  </si>
  <si>
    <t>1942708.0</t>
  </si>
  <si>
    <t>810756.0</t>
  </si>
  <si>
    <t>450909254.0</t>
  </si>
  <si>
    <t>257253320.0</t>
  </si>
  <si>
    <t>204683775.0</t>
  </si>
  <si>
    <t>2059962.0</t>
  </si>
  <si>
    <t>1917774.0</t>
  </si>
  <si>
    <t>806381.0</t>
  </si>
  <si>
    <t>452067638.0</t>
  </si>
  <si>
    <t>257668955.0</t>
  </si>
  <si>
    <t>205424677.0</t>
  </si>
  <si>
    <t>1181138.0</t>
  </si>
  <si>
    <t>1864462.0</t>
  </si>
  <si>
    <t>793873.0</t>
  </si>
  <si>
    <t>452887205.0</t>
  </si>
  <si>
    <t>258003437.0</t>
  </si>
  <si>
    <t>205914270.0</t>
  </si>
  <si>
    <t>671186.0</t>
  </si>
  <si>
    <t>1819764.0</t>
  </si>
  <si>
    <t>780944.0</t>
  </si>
  <si>
    <t>454708799.0</t>
  </si>
  <si>
    <t>258835218.0</t>
  </si>
  <si>
    <t>206908436.0</t>
  </si>
  <si>
    <t>16978.0</t>
  </si>
  <si>
    <t>1781624.0</t>
  </si>
  <si>
    <t>779126.0</t>
  </si>
  <si>
    <t>456872348.0</t>
  </si>
  <si>
    <t>259975312.0</t>
  </si>
  <si>
    <t>207986681.0</t>
  </si>
  <si>
    <t>2145668.0</t>
  </si>
  <si>
    <t>1761162.0</t>
  </si>
  <si>
    <t>799980.0</t>
  </si>
  <si>
    <t>459102781.0</t>
  </si>
  <si>
    <t>260913848.0</t>
  </si>
  <si>
    <t>209247044.0</t>
  </si>
  <si>
    <t>2283564.0</t>
  </si>
  <si>
    <t>1747750.0</t>
  </si>
  <si>
    <t>782404.0</t>
  </si>
  <si>
    <t>461398686.0</t>
  </si>
  <si>
    <t>261919921.0</t>
  </si>
  <si>
    <t>210471812.0</t>
  </si>
  <si>
    <t>2311979.0</t>
  </si>
  <si>
    <t>1781234.0</t>
  </si>
  <si>
    <t>799879.0</t>
  </si>
  <si>
    <t>463547644.0</t>
  </si>
  <si>
    <t>262959927.0</t>
  </si>
  <si>
    <t>211516222.0</t>
  </si>
  <si>
    <t>73914.0</t>
  </si>
  <si>
    <t>2085086.0</t>
  </si>
  <si>
    <t>1784826.0</t>
  </si>
  <si>
    <t>810167.0</t>
  </si>
  <si>
    <t>464900790.0</t>
  </si>
  <si>
    <t>263455797.0</t>
  </si>
  <si>
    <t>212305387.0</t>
  </si>
  <si>
    <t>83716.0</t>
  </si>
  <si>
    <t>1438529.0</t>
  </si>
  <si>
    <t>1821597.0</t>
  </si>
  <si>
    <t>821047.0</t>
  </si>
  <si>
    <t>465703470.0</t>
  </si>
  <si>
    <t>263774082.0</t>
  </si>
  <si>
    <t>212788326.0</t>
  </si>
  <si>
    <t>776082.0</t>
  </si>
  <si>
    <t>1836581.0</t>
  </si>
  <si>
    <t>832018.0</t>
  </si>
  <si>
    <t>467588108.0</t>
  </si>
  <si>
    <t>264640597.0</t>
  </si>
  <si>
    <t>213780226.0</t>
  </si>
  <si>
    <t>106593.0</t>
  </si>
  <si>
    <t>1826768.0</t>
  </si>
  <si>
    <t>1838241.0</t>
  </si>
  <si>
    <t>830939.0</t>
  </si>
  <si>
    <t>469623229.0</t>
  </si>
  <si>
    <t>265733450.0</t>
  </si>
  <si>
    <t>214709465.0</t>
  </si>
  <si>
    <t>126865.0</t>
  </si>
  <si>
    <t>1994788.0</t>
  </si>
  <si>
    <t>1816687.0</t>
  </si>
  <si>
    <t>815872.0</t>
  </si>
  <si>
    <t>471630575.0</t>
  </si>
  <si>
    <t>266805723.0</t>
  </si>
  <si>
    <t>215636839.0</t>
  </si>
  <si>
    <t>145244.0</t>
  </si>
  <si>
    <t>2090972.0</t>
  </si>
  <si>
    <t>1789172.0</t>
  </si>
  <si>
    <t>838637.0</t>
  </si>
  <si>
    <t>473514202.0</t>
  </si>
  <si>
    <t>267801749.0</t>
  </si>
  <si>
    <t>216509996.0</t>
  </si>
  <si>
    <t>162297.0</t>
  </si>
  <si>
    <t>2032621.0</t>
  </si>
  <si>
    <t>1749265.0</t>
  </si>
  <si>
    <t>850657.0</t>
  </si>
  <si>
    <t>475866158.0</t>
  </si>
  <si>
    <t>269022008.0</t>
  </si>
  <si>
    <t>217615334.0</t>
  </si>
  <si>
    <t>177009.0</t>
  </si>
  <si>
    <t>2039357.0</t>
  </si>
  <si>
    <t>1742732.0</t>
  </si>
  <si>
    <t>861432.0</t>
  </si>
  <si>
    <t>477097069.0</t>
  </si>
  <si>
    <t>269612994.0</t>
  </si>
  <si>
    <t>218224701.0</t>
  </si>
  <si>
    <t>190776.0</t>
  </si>
  <si>
    <t>1400335.0</t>
  </si>
  <si>
    <t>1737618.0</t>
  </si>
  <si>
    <t>885331.0</t>
  </si>
  <si>
    <t>478057168.0</t>
  </si>
  <si>
    <t>270039734.0</t>
  </si>
  <si>
    <t>218625330.0</t>
  </si>
  <si>
    <t>194259.0</t>
  </si>
  <si>
    <t>968106.0</t>
  </si>
  <si>
    <t>1764994.0</t>
  </si>
  <si>
    <t>479736429.0</t>
  </si>
  <si>
    <t>270942434.0</t>
  </si>
  <si>
    <t>219395069.0</t>
  </si>
  <si>
    <t>209867.0</t>
  </si>
  <si>
    <t>1665257.0</t>
  </si>
  <si>
    <t>1741864.0</t>
  </si>
  <si>
    <t>910560.0</t>
  </si>
  <si>
    <t>481602137.0</t>
  </si>
  <si>
    <t>271834289.0</t>
  </si>
  <si>
    <t>220361981.0</t>
  </si>
  <si>
    <t>225658.0</t>
  </si>
  <si>
    <t>1674472.0</t>
  </si>
  <si>
    <t>1696047.0</t>
  </si>
  <si>
    <t>881626.0</t>
  </si>
  <si>
    <t>483842442.0</t>
  </si>
  <si>
    <t>272978544.0</t>
  </si>
  <si>
    <t>221450107.0</t>
  </si>
  <si>
    <t>2386661.0</t>
  </si>
  <si>
    <t>1738230.0</t>
  </si>
  <si>
    <t>486235812.0</t>
  </si>
  <si>
    <t>274299827.0</t>
  </si>
  <si>
    <t>222544856.0</t>
  </si>
  <si>
    <t>2536577.0</t>
  </si>
  <si>
    <t>1810160.0</t>
  </si>
  <si>
    <t>489260397.0</t>
  </si>
  <si>
    <t>276027841.0</t>
  </si>
  <si>
    <t>223873961.0</t>
  </si>
  <si>
    <t>284055.0</t>
  </si>
  <si>
    <t>3055978.0</t>
  </si>
  <si>
    <t>1955340.0</t>
  </si>
  <si>
    <t>1055525.0</t>
  </si>
  <si>
    <t>491486816.0</t>
  </si>
  <si>
    <t>277339207.0</t>
  </si>
  <si>
    <t>224840051.0</t>
  </si>
  <si>
    <t>291171.0</t>
  </si>
  <si>
    <t>2418968.0</t>
  </si>
  <si>
    <t>2100858.0</t>
  </si>
  <si>
    <t>493151688.0</t>
  </si>
  <si>
    <t>278458915.0</t>
  </si>
  <si>
    <t>225519767.0</t>
  </si>
  <si>
    <t>293014.0</t>
  </si>
  <si>
    <t>1686540.0</t>
  </si>
  <si>
    <t>2203494.0</t>
  </si>
  <si>
    <t>1246675.0</t>
  </si>
  <si>
    <t>495530365.0</t>
  </si>
  <si>
    <t>280063066.0</t>
  </si>
  <si>
    <t>226293516.0</t>
  </si>
  <si>
    <t>309332.0</t>
  </si>
  <si>
    <t>1768528.0</t>
  </si>
  <si>
    <t>2218246.0</t>
  </si>
  <si>
    <t>1282388.0</t>
  </si>
  <si>
    <t>497887180.0</t>
  </si>
  <si>
    <t>281407244.0</t>
  </si>
  <si>
    <t>227314342.0</t>
  </si>
  <si>
    <t>329490.0</t>
  </si>
  <si>
    <t>2481610.0</t>
  </si>
  <si>
    <t>2333550.0</t>
  </si>
  <si>
    <t>1368623.0</t>
  </si>
  <si>
    <t>500672253.0</t>
  </si>
  <si>
    <t>283193024.0</t>
  </si>
  <si>
    <t>228339684.0</t>
  </si>
  <si>
    <t>349994.0</t>
  </si>
  <si>
    <t>2910058.0</t>
  </si>
  <si>
    <t>2408324.0</t>
  </si>
  <si>
    <t>1455070.0</t>
  </si>
  <si>
    <t>503079733.0</t>
  </si>
  <si>
    <t>284764933.0</t>
  </si>
  <si>
    <t>229236972.0</t>
  </si>
  <si>
    <t>367642.0</t>
  </si>
  <si>
    <t>2773269.0</t>
  </si>
  <si>
    <t>2442134.0</t>
  </si>
  <si>
    <t>1509385.0</t>
  </si>
  <si>
    <t>506242699.0</t>
  </si>
  <si>
    <t>286753632.0</t>
  </si>
  <si>
    <t>230179071.0</t>
  </si>
  <si>
    <t>382346.0</t>
  </si>
  <si>
    <t>2835460.0</t>
  </si>
  <si>
    <t>2410634.0</t>
  </si>
  <si>
    <t>1525341.0</t>
  </si>
  <si>
    <t>508354160.0</t>
  </si>
  <si>
    <t>288291703.0</t>
  </si>
  <si>
    <t>230787492.0</t>
  </si>
  <si>
    <t>387962.0</t>
  </si>
  <si>
    <t>2273421.0</t>
  </si>
  <si>
    <t>2389841.0</t>
  </si>
  <si>
    <t>1549050.0</t>
  </si>
  <si>
    <t>510035614.0</t>
  </si>
  <si>
    <t>289564577.0</t>
  </si>
  <si>
    <t>231199780.0</t>
  </si>
  <si>
    <t>390377.0</t>
  </si>
  <si>
    <t>1516789.0</t>
  </si>
  <si>
    <t>2365594.0</t>
  </si>
  <si>
    <t>1558177.0</t>
  </si>
  <si>
    <t>511526984.0</t>
  </si>
  <si>
    <t>290650370.0</t>
  </si>
  <si>
    <t>231589855.0</t>
  </si>
  <si>
    <t>403887.0</t>
  </si>
  <si>
    <t>1588142.0</t>
  </si>
  <si>
    <t>2339822.0</t>
  </si>
  <si>
    <t>1578235.0</t>
  </si>
  <si>
    <t>513759964.0</t>
  </si>
  <si>
    <t>292205190.0</t>
  </si>
  <si>
    <t>232479444.0</t>
  </si>
  <si>
    <t>419491.0</t>
  </si>
  <si>
    <t>2151291.0</t>
  </si>
  <si>
    <t>2292635.0</t>
  </si>
  <si>
    <t>1569764.0</t>
  </si>
  <si>
    <t>515854461.0</t>
  </si>
  <si>
    <t>293542327.0</t>
  </si>
  <si>
    <t>233251764.0</t>
  </si>
  <si>
    <t>436009.0</t>
  </si>
  <si>
    <t>2264835.0</t>
  </si>
  <si>
    <t>2200459.0</t>
  </si>
  <si>
    <t>1510709.0</t>
  </si>
  <si>
    <t>518171246.0</t>
  </si>
  <si>
    <t>295046399.0</t>
  </si>
  <si>
    <t>234100063.0</t>
  </si>
  <si>
    <t>451772.0</t>
  </si>
  <si>
    <t>2486948.0</t>
  </si>
  <si>
    <t>2159555.0</t>
  </si>
  <si>
    <t>1482548.0</t>
  </si>
  <si>
    <t>520535647.0</t>
  </si>
  <si>
    <t>296593636.0</t>
  </si>
  <si>
    <t>234955571.0</t>
  </si>
  <si>
    <t>464622.0</t>
  </si>
  <si>
    <t>2485571.0</t>
  </si>
  <si>
    <t>2109572.0</t>
  </si>
  <si>
    <t>1440621.0</t>
  </si>
  <si>
    <t>521345084.0</t>
  </si>
  <si>
    <t>297074628.0</t>
  </si>
  <si>
    <t>235280995.0</t>
  </si>
  <si>
    <t>470582.0</t>
  </si>
  <si>
    <t>1427830.0</t>
  </si>
  <si>
    <t>1988773.0</t>
  </si>
  <si>
    <t>1333110.0</t>
  </si>
  <si>
    <t>523194174.0</t>
  </si>
  <si>
    <t>298410614.0</t>
  </si>
  <si>
    <t>235815401.0</t>
  </si>
  <si>
    <t>473154.0</t>
  </si>
  <si>
    <t>1134732.0</t>
  </si>
  <si>
    <t>1934191.0</t>
  </si>
  <si>
    <t>1270417.0</t>
  </si>
  <si>
    <t>525174882.0</t>
  </si>
  <si>
    <t>299570382.0</t>
  </si>
  <si>
    <t>236634500.0</t>
  </si>
  <si>
    <t>486661.0</t>
  </si>
  <si>
    <t>1835591.0</t>
  </si>
  <si>
    <t>1969542.0</t>
  </si>
  <si>
    <t>1252725.0</t>
  </si>
  <si>
    <t>526820159.0</t>
  </si>
  <si>
    <t>300506804.0</t>
  </si>
  <si>
    <t>237352726.0</t>
  </si>
  <si>
    <t>501655.0</t>
  </si>
  <si>
    <t>1813202.0</t>
  </si>
  <si>
    <t>1921243.0</t>
  </si>
  <si>
    <t>1206631.0</t>
  </si>
  <si>
    <t>528436193.0</t>
  </si>
  <si>
    <t>301450520.0</t>
  </si>
  <si>
    <t>238061743.0</t>
  </si>
  <si>
    <t>1884376.0</t>
  </si>
  <si>
    <t>1866891.0</t>
  </si>
  <si>
    <t>1158768.0</t>
  </si>
  <si>
    <t>530699367.0</t>
  </si>
  <si>
    <t>302721501.0</t>
  </si>
  <si>
    <t>239028238.0</t>
  </si>
  <si>
    <t>516444.0</t>
  </si>
  <si>
    <t>2333646.0</t>
  </si>
  <si>
    <t>1844994.0</t>
  </si>
  <si>
    <t>1114660.0</t>
  </si>
  <si>
    <t>533305478.0</t>
  </si>
  <si>
    <t>304235338.0</t>
  </si>
  <si>
    <t>240068650.0</t>
  </si>
  <si>
    <t>542770.0</t>
  </si>
  <si>
    <t>2749168.0</t>
  </si>
  <si>
    <t>1882649.0</t>
  </si>
  <si>
    <t>1113235.0</t>
  </si>
  <si>
    <t>535326057.0</t>
  </si>
  <si>
    <t>305368526.0</t>
  </si>
  <si>
    <t>240817540.0</t>
  </si>
  <si>
    <t>585744.0</t>
  </si>
  <si>
    <t>2221831.0</t>
  </si>
  <si>
    <t>1996074.0</t>
  </si>
  <si>
    <t>1164516.0</t>
  </si>
  <si>
    <t>537512187.0</t>
  </si>
  <si>
    <t>306525138.0</t>
  </si>
  <si>
    <t>241427327.0</t>
  </si>
  <si>
    <t>623017.0</t>
  </si>
  <si>
    <t>1999220.0</t>
  </si>
  <si>
    <t>2119576.0</t>
  </si>
  <si>
    <t>1196688.0</t>
  </si>
  <si>
    <t>539728886.0</t>
  </si>
  <si>
    <t>307747477.0</t>
  </si>
  <si>
    <t>242265275.0</t>
  </si>
  <si>
    <t>707682.0</t>
  </si>
  <si>
    <t>2127809.0</t>
  </si>
  <si>
    <t>2161322.0</t>
  </si>
  <si>
    <t>1212042.0</t>
  </si>
  <si>
    <t>541626955.0</t>
  </si>
  <si>
    <t>308755034.0</t>
  </si>
  <si>
    <t>243091753.0</t>
  </si>
  <si>
    <t>822267.0</t>
  </si>
  <si>
    <t>1911555.0</t>
  </si>
  <si>
    <t>2175372.0</t>
  </si>
  <si>
    <t>1200853.0</t>
  </si>
  <si>
    <t>544196910.0</t>
  </si>
  <si>
    <t>310166885.0</t>
  </si>
  <si>
    <t>244231514.0</t>
  </si>
  <si>
    <t>957260.0</t>
  </si>
  <si>
    <t>2751662.0</t>
  </si>
  <si>
    <t>2299268.0</t>
  </si>
  <si>
    <t>1255796.0</t>
  </si>
  <si>
    <t>546213225.0</t>
  </si>
  <si>
    <t>311119901.0</t>
  </si>
  <si>
    <t>245202142.0</t>
  </si>
  <si>
    <t>1090340.0</t>
  </si>
  <si>
    <t>2199555.0</t>
  </si>
  <si>
    <t>2280112.0</t>
  </si>
  <si>
    <t>1217767.0</t>
  </si>
  <si>
    <t>548411168.0</t>
  </si>
  <si>
    <t>312139948.0</t>
  </si>
  <si>
    <t>246251227.0</t>
  </si>
  <si>
    <t>1230122.0</t>
  </si>
  <si>
    <t>2304808.0</t>
  </si>
  <si>
    <t>2216635.0</t>
  </si>
  <si>
    <t>1138952.0</t>
  </si>
  <si>
    <t>549810483.0</t>
  </si>
  <si>
    <t>312805074.0</t>
  </si>
  <si>
    <t>246927686.0</t>
  </si>
  <si>
    <t>1622455.0</t>
  </si>
  <si>
    <t>2131009.0</t>
  </si>
  <si>
    <t>1070176.0</t>
  </si>
  <si>
    <t>551160045.0</t>
  </si>
  <si>
    <t>313497136.0</t>
  </si>
  <si>
    <t>247548530.0</t>
  </si>
  <si>
    <t>1335370.0</t>
  </si>
  <si>
    <t>1104440.0</t>
  </si>
  <si>
    <t>2003182.0</t>
  </si>
  <si>
    <t>1010631.0</t>
  </si>
  <si>
    <t>552949386.0</t>
  </si>
  <si>
    <t>314347661.0</t>
  </si>
  <si>
    <t>248378427.0</t>
  </si>
  <si>
    <t>1449408.0</t>
  </si>
  <si>
    <t>1729941.0</t>
  </si>
  <si>
    <t>967229.0</t>
  </si>
  <si>
    <t>554867120.0</t>
  </si>
  <si>
    <t>315254952.0</t>
  </si>
  <si>
    <t>249285374.0</t>
  </si>
  <si>
    <t>1567356.0</t>
  </si>
  <si>
    <t>2070423.0</t>
  </si>
  <si>
    <t>1969042.0</t>
  </si>
  <si>
    <t>961742.0</t>
  </si>
  <si>
    <t>558613864.0</t>
  </si>
  <si>
    <t>317013139.0</t>
  </si>
  <si>
    <t>251167095.0</t>
  </si>
  <si>
    <t>1689378.0</t>
  </si>
  <si>
    <t>2307113.0</t>
  </si>
  <si>
    <t>1905533.0</t>
  </si>
  <si>
    <t>879923.0</t>
  </si>
  <si>
    <t>560860241.0</t>
  </si>
  <si>
    <t>317850220.0</t>
  </si>
  <si>
    <t>252450331.0</t>
  </si>
  <si>
    <t>1819264.0</t>
  </si>
  <si>
    <t>2543004.0</t>
  </si>
  <si>
    <t>1954597.0</t>
  </si>
  <si>
    <t>859922.0</t>
  </si>
  <si>
    <t>563515194.0</t>
  </si>
  <si>
    <t>318882736.0</t>
  </si>
  <si>
    <t>253935272.0</t>
  </si>
  <si>
    <t>1964391.0</t>
  </si>
  <si>
    <t>2700521.0</t>
  </si>
  <si>
    <t>2011128.0</t>
  </si>
  <si>
    <t>852175.0</t>
  </si>
  <si>
    <t>565216940.0</t>
  </si>
  <si>
    <t>319497410.0</t>
  </si>
  <si>
    <t>254943532.0</t>
  </si>
  <si>
    <t>2036692.0</t>
  </si>
  <si>
    <t>1908290.0</t>
  </si>
  <si>
    <t>2051961.0</t>
  </si>
  <si>
    <t>832839.0</t>
  </si>
  <si>
    <t>567049213.0</t>
  </si>
  <si>
    <t>320024449.0</t>
  </si>
  <si>
    <t>256212254.0</t>
  </si>
  <si>
    <t>2076326.0</t>
  </si>
  <si>
    <t>1274531.0</t>
  </si>
  <si>
    <t>2076261.0</t>
  </si>
  <si>
    <t>815999.0</t>
  </si>
  <si>
    <t>568967312.0</t>
  </si>
  <si>
    <t>320746318.0</t>
  </si>
  <si>
    <t>257364573.0</t>
  </si>
  <si>
    <t>2192840.0</t>
  </si>
  <si>
    <t>1769657.0</t>
  </si>
  <si>
    <t>2081931.0</t>
  </si>
  <si>
    <t>797311.0</t>
  </si>
  <si>
    <t>570854679.0</t>
  </si>
  <si>
    <t>321628693.0</t>
  </si>
  <si>
    <t>258404519.0</t>
  </si>
  <si>
    <t>2322034.0</t>
  </si>
  <si>
    <t>2041460.0</t>
  </si>
  <si>
    <t>2077794.0</t>
  </si>
  <si>
    <t>791351.0</t>
  </si>
  <si>
    <t>572717612.0</t>
  </si>
  <si>
    <t>322493585.0</t>
  </si>
  <si>
    <t>259405540.0</t>
  </si>
  <si>
    <t>2472402.0</t>
  </si>
  <si>
    <t>2092869.0</t>
  </si>
  <si>
    <t>2047189.0</t>
  </si>
  <si>
    <t>786580.0</t>
  </si>
  <si>
    <t>574489187.0</t>
  </si>
  <si>
    <t>323270439.0</t>
  </si>
  <si>
    <t>260426089.0</t>
  </si>
  <si>
    <t>2606201.0</t>
  </si>
  <si>
    <t>1986340.0</t>
  </si>
  <si>
    <t>1967497.0</t>
  </si>
  <si>
    <t>776611.0</t>
  </si>
  <si>
    <t>576140186.0</t>
  </si>
  <si>
    <t>324038110.0</t>
  </si>
  <si>
    <t>261173939.0</t>
  </si>
  <si>
    <t>2744083.0</t>
  </si>
  <si>
    <t>2122465.0</t>
  </si>
  <si>
    <t>1884948.0</t>
  </si>
  <si>
    <t>769273.0</t>
  </si>
  <si>
    <t>577913507.0</t>
  </si>
  <si>
    <t>324909848.0</t>
  </si>
  <si>
    <t>262328907.0</t>
  </si>
  <si>
    <t>2797109.0</t>
  </si>
  <si>
    <t>1492068.0</t>
  </si>
  <si>
    <t>1825517.0</t>
  </si>
  <si>
    <t>769860.0</t>
  </si>
  <si>
    <t>579110043.0</t>
  </si>
  <si>
    <t>325333384.0</t>
  </si>
  <si>
    <t>263208869.0</t>
  </si>
  <si>
    <t>2829090.0</t>
  </si>
  <si>
    <t>1091580.0</t>
  </si>
  <si>
    <t>1799408.0</t>
  </si>
  <si>
    <t>784234.0</t>
  </si>
  <si>
    <t>580116985.0</t>
  </si>
  <si>
    <t>325786074.0</t>
  </si>
  <si>
    <t>263876036.0</t>
  </si>
  <si>
    <t>2854372.0</t>
  </si>
  <si>
    <t>942963.0</t>
  </si>
  <si>
    <t>1681333.0</t>
  </si>
  <si>
    <t>96.63</t>
  </si>
  <si>
    <t>746812.0</t>
  </si>
  <si>
    <t>582352377.0</t>
  </si>
  <si>
    <t>326782278.0</t>
  </si>
  <si>
    <t>264907249.0</t>
  </si>
  <si>
    <t>2964589.0</t>
  </si>
  <si>
    <t>2099584.0</t>
  </si>
  <si>
    <t>1689667.0</t>
  </si>
  <si>
    <t>747356.0</t>
  </si>
  <si>
    <t>583944593.0</t>
  </si>
  <si>
    <t>327431198.0</t>
  </si>
  <si>
    <t>265695538.0</t>
  </si>
  <si>
    <t>3079838.0</t>
  </si>
  <si>
    <t>2011163.0</t>
  </si>
  <si>
    <t>1678024.0</t>
  </si>
  <si>
    <t>741951.0</t>
  </si>
  <si>
    <t>586738675.0</t>
  </si>
  <si>
    <t>328635040.0</t>
  </si>
  <si>
    <t>267235245.0</t>
  </si>
  <si>
    <t>3194730.0</t>
  </si>
  <si>
    <t>2055687.0</t>
  </si>
  <si>
    <t>1687929.0</t>
  </si>
  <si>
    <t>749103.0</t>
  </si>
  <si>
    <t>590343541.0</t>
  </si>
  <si>
    <t>330109544.0</t>
  </si>
  <si>
    <t>269308386.0</t>
  </si>
  <si>
    <t>3319456.0</t>
  </si>
  <si>
    <t>3684953.0</t>
  </si>
  <si>
    <t>1911141.0</t>
  </si>
  <si>
    <t>827368.0</t>
  </si>
  <si>
    <t>592171466.0</t>
  </si>
  <si>
    <t>330911551.0</t>
  </si>
  <si>
    <t>270344484.0</t>
  </si>
  <si>
    <t>3376717.0</t>
  </si>
  <si>
    <t>2019422.0</t>
  </si>
  <si>
    <t>1986479.0</t>
  </si>
  <si>
    <t>857572.0</t>
  </si>
  <si>
    <t>593678579.0</t>
  </si>
  <si>
    <t>331584541.0</t>
  </si>
  <si>
    <t>271190834.0</t>
  </si>
  <si>
    <t>3404099.0</t>
  </si>
  <si>
    <t>1307523.0</t>
  </si>
  <si>
    <t>2017325.0</t>
  </si>
  <si>
    <t>878036.0</t>
  </si>
  <si>
    <t>595627380.0</t>
  </si>
  <si>
    <t>332430690.0</t>
  </si>
  <si>
    <t>272238628.0</t>
  </si>
  <si>
    <t>3494697.0</t>
  </si>
  <si>
    <t>1729129.0</t>
  </si>
  <si>
    <t>2129636.0</t>
  </si>
  <si>
    <t>925998.0</t>
  </si>
  <si>
    <t>597586297.0</t>
  </si>
  <si>
    <t>333271965.0</t>
  </si>
  <si>
    <t>273360716.0</t>
  </si>
  <si>
    <t>3584892.0</t>
  </si>
  <si>
    <t>2118337.0</t>
  </si>
  <si>
    <t>2132312.0</t>
  </si>
  <si>
    <t>924582.0</t>
  </si>
  <si>
    <t>599698870.0</t>
  </si>
  <si>
    <t>334099329.0</t>
  </si>
  <si>
    <t>274610074.0</t>
  </si>
  <si>
    <t>3680150.0</t>
  </si>
  <si>
    <t>2255043.0</t>
  </si>
  <si>
    <t>2167155.0</t>
  </si>
  <si>
    <t>924116.0</t>
  </si>
  <si>
    <t>601616838.0</t>
  </si>
  <si>
    <t>334961277.0</t>
  </si>
  <si>
    <t>275655900.0</t>
  </si>
  <si>
    <t>3773355.0</t>
  </si>
  <si>
    <t>2019769.0</t>
  </si>
  <si>
    <t>2162021.0</t>
  </si>
  <si>
    <t>923895.0</t>
  </si>
  <si>
    <t>603305602.0</t>
  </si>
  <si>
    <t>335705269.0</t>
  </si>
  <si>
    <t>276420634.0</t>
  </si>
  <si>
    <t>3924389.0</t>
  </si>
  <si>
    <t>1812605.0</t>
  </si>
  <si>
    <t>1894548.0</t>
  </si>
  <si>
    <t>820444.0</t>
  </si>
  <si>
    <t>604897976.0</t>
  </si>
  <si>
    <t>336537849.0</t>
  </si>
  <si>
    <t>277154478.0</t>
  </si>
  <si>
    <t>3981608.0</t>
  </si>
  <si>
    <t>1747867.0</t>
  </si>
  <si>
    <t>1855756.0</t>
  </si>
  <si>
    <t>823975.0</t>
  </si>
  <si>
    <t>606316734.0</t>
  </si>
  <si>
    <t>337150874.0</t>
  </si>
  <si>
    <t>277922964.0</t>
  </si>
  <si>
    <t>4009655.0</t>
  </si>
  <si>
    <t>1262945.0</t>
  </si>
  <si>
    <t>1849388.0</t>
  </si>
  <si>
    <t>816735.0</t>
  </si>
  <si>
    <t>608825891.0</t>
  </si>
  <si>
    <t>338013007.0</t>
  </si>
  <si>
    <t>278997875.0</t>
  </si>
  <si>
    <t>4119381.0</t>
  </si>
  <si>
    <t>1827868.0</t>
  </si>
  <si>
    <t>1863490.0</t>
  </si>
  <si>
    <t>817041.0</t>
  </si>
  <si>
    <t>610549914.0</t>
  </si>
  <si>
    <t>338727363.0</t>
  </si>
  <si>
    <t>279821342.0</t>
  </si>
  <si>
    <t>4230396.0</t>
  </si>
  <si>
    <t>1808684.0</t>
  </si>
  <si>
    <t>1819250.0</t>
  </si>
  <si>
    <t>795008.0</t>
  </si>
  <si>
    <t>612558791.0</t>
  </si>
  <si>
    <t>339446777.0</t>
  </si>
  <si>
    <t>280870319.0</t>
  </si>
  <si>
    <t>4336125.0</t>
  </si>
  <si>
    <t>2115331.0</t>
  </si>
  <si>
    <t>1799297.0</t>
  </si>
  <si>
    <t>779951.0</t>
  </si>
  <si>
    <t>614615366.0</t>
  </si>
  <si>
    <t>340153570.0</t>
  </si>
  <si>
    <t>281947274.0</t>
  </si>
  <si>
    <t>4460651.0</t>
  </si>
  <si>
    <t>2166077.0</t>
  </si>
  <si>
    <t>1820198.0</t>
  </si>
  <si>
    <t>759124.0</t>
  </si>
  <si>
    <t>617065180.0</t>
  </si>
  <si>
    <t>341135212.0</t>
  </si>
  <si>
    <t>283425216.0</t>
  </si>
  <si>
    <t>4782815.0</t>
  </si>
  <si>
    <t>2398091.0</t>
  </si>
  <si>
    <t>1903841.0</t>
  </si>
  <si>
    <t>755968.0</t>
  </si>
  <si>
    <t>618682953.0</t>
  </si>
  <si>
    <t>341686816.0</t>
  </si>
  <si>
    <t>284226239.0</t>
  </si>
  <si>
    <t>5038498.0</t>
  </si>
  <si>
    <t>1781600.0</t>
  </si>
  <si>
    <t>1908660.0</t>
  </si>
  <si>
    <t>714631.0</t>
  </si>
  <si>
    <t>619794762.0</t>
  </si>
  <si>
    <t>342068005.0</t>
  </si>
  <si>
    <t>284783409.0</t>
  </si>
  <si>
    <t>5194616.0</t>
  </si>
  <si>
    <t>1129189.0</t>
  </si>
  <si>
    <t>1889550.0</t>
  </si>
  <si>
    <t>683227.0</t>
  </si>
  <si>
    <t>621868476.0</t>
  </si>
  <si>
    <t>342803673.0</t>
  </si>
  <si>
    <t>285498529.0</t>
  </si>
  <si>
    <t>5747758.0</t>
  </si>
  <si>
    <t>1903080.0</t>
  </si>
  <si>
    <t>1900293.0</t>
  </si>
  <si>
    <t>663925.0</t>
  </si>
  <si>
    <t>623986293.0</t>
  </si>
  <si>
    <t>343370105.0</t>
  </si>
  <si>
    <t>286242575.0</t>
  </si>
  <si>
    <t>6320653.0</t>
  </si>
  <si>
    <t>2311660.0</t>
  </si>
  <si>
    <t>1972146.0</t>
  </si>
  <si>
    <t>647248.0</t>
  </si>
  <si>
    <t>626342328.0</t>
  </si>
  <si>
    <t>344017999.0</t>
  </si>
  <si>
    <t>287157033.0</t>
  </si>
  <si>
    <t>6924637.0</t>
  </si>
  <si>
    <t>2440314.0</t>
  </si>
  <si>
    <t>2018575.0</t>
  </si>
  <si>
    <t>634790.0</t>
  </si>
  <si>
    <t>628749607.0</t>
  </si>
  <si>
    <t>344707121.0</t>
  </si>
  <si>
    <t>287976384.0</t>
  </si>
  <si>
    <t>7536887.0</t>
  </si>
  <si>
    <t>2562817.0</t>
  </si>
  <si>
    <t>2075249.0</t>
  </si>
  <si>
    <t>104.74</t>
  </si>
  <si>
    <t>632471.0</t>
  </si>
  <si>
    <t>631145078.0</t>
  </si>
  <si>
    <t>345340940.0</t>
  </si>
  <si>
    <t>289030017.0</t>
  </si>
  <si>
    <t>8216285.0</t>
  </si>
  <si>
    <t>2183174.0</t>
  </si>
  <si>
    <t>2044545.0</t>
  </si>
  <si>
    <t>603780.0</t>
  </si>
  <si>
    <t>632608723.0</t>
  </si>
  <si>
    <t>345728419.0</t>
  </si>
  <si>
    <t>289589639.0</t>
  </si>
  <si>
    <t>8480960.0</t>
  </si>
  <si>
    <t>1238207.0</t>
  </si>
  <si>
    <t>1966918.0</t>
  </si>
  <si>
    <t>568029.0</t>
  </si>
  <si>
    <t>633302813.0</t>
  </si>
  <si>
    <t>345926225.0</t>
  </si>
  <si>
    <t>289917851.0</t>
  </si>
  <si>
    <t>8636135.0</t>
  </si>
  <si>
    <t>1027613.0</t>
  </si>
  <si>
    <t>1952406.0</t>
  </si>
  <si>
    <t>560095.0</t>
  </si>
  <si>
    <t>635731728.0</t>
  </si>
  <si>
    <t>346636311.0</t>
  </si>
  <si>
    <t>290760138.0</t>
  </si>
  <si>
    <t>9165289.0</t>
  </si>
  <si>
    <t>1904982.0</t>
  </si>
  <si>
    <t>1952683.0</t>
  </si>
  <si>
    <t>544588.0</t>
  </si>
  <si>
    <t>637224378.0</t>
  </si>
  <si>
    <t>347004850.0</t>
  </si>
  <si>
    <t>291279625.0</t>
  </si>
  <si>
    <t>9739669.0</t>
  </si>
  <si>
    <t>2525924.0</t>
  </si>
  <si>
    <t>1983287.0</t>
  </si>
  <si>
    <t>611162.0</t>
  </si>
  <si>
    <t>640743781.0</t>
  </si>
  <si>
    <t>348754393.0</t>
  </si>
  <si>
    <t>292096728.0</t>
  </si>
  <si>
    <t>10364983.0</t>
  </si>
  <si>
    <t>2620318.0</t>
  </si>
  <si>
    <t>2009006.0</t>
  </si>
  <si>
    <t>670588.0</t>
  </si>
  <si>
    <t>643074510.0</t>
  </si>
  <si>
    <t>349327035.0</t>
  </si>
  <si>
    <t>293328437.0</t>
  </si>
  <si>
    <t>10954330.0</t>
  </si>
  <si>
    <t>2390837.0</t>
  </si>
  <si>
    <t>1984436.0</t>
  </si>
  <si>
    <t>650576.0</t>
  </si>
  <si>
    <t>645814148.0</t>
  </si>
  <si>
    <t>350020451.0</t>
  </si>
  <si>
    <t>294913264.0</t>
  </si>
  <si>
    <t>11559369.0</t>
  </si>
  <si>
    <t>2612054.0</t>
  </si>
  <si>
    <t>2045703.0</t>
  </si>
  <si>
    <t>657037.0</t>
  </si>
  <si>
    <t>647309552.0</t>
  </si>
  <si>
    <t>350409914.0</t>
  </si>
  <si>
    <t>295698891.0</t>
  </si>
  <si>
    <t>11797490.0</t>
  </si>
  <si>
    <t>1623924.0</t>
  </si>
  <si>
    <t>2100807.0</t>
  </si>
  <si>
    <t>672657.0</t>
  </si>
  <si>
    <t>648434042.0</t>
  </si>
  <si>
    <t>350703083.0</t>
  </si>
  <si>
    <t>296007061.0</t>
  </si>
  <si>
    <t>11954830.0</t>
  </si>
  <si>
    <t>1074606.0</t>
  </si>
  <si>
    <t>2107522.0</t>
  </si>
  <si>
    <t>669864.0</t>
  </si>
  <si>
    <t>650051079.0</t>
  </si>
  <si>
    <t>351427074.0</t>
  </si>
  <si>
    <t>296856842.0</t>
  </si>
  <si>
    <t>12413230.0</t>
  </si>
  <si>
    <t>1549677.0</t>
  </si>
  <si>
    <t>2056765.0</t>
  </si>
  <si>
    <t>696119.0</t>
  </si>
  <si>
    <t>652075148.0</t>
  </si>
  <si>
    <t>352018724.0</t>
  </si>
  <si>
    <t>297754223.0</t>
  </si>
  <si>
    <t>12950514.0</t>
  </si>
  <si>
    <t>2117917.0</t>
  </si>
  <si>
    <t>1998477.0</t>
  </si>
  <si>
    <t>633722.0</t>
  </si>
  <si>
    <t>653490770.0</t>
  </si>
  <si>
    <t>352357965.0</t>
  </si>
  <si>
    <t>298210900.0</t>
  </si>
  <si>
    <t>13484349.0</t>
  </si>
  <si>
    <t>2023773.0</t>
  </si>
  <si>
    <t>1913257.0</t>
  </si>
  <si>
    <t>566004.0</t>
  </si>
  <si>
    <t>656009841.0</t>
  </si>
  <si>
    <t>353152408.0</t>
  </si>
  <si>
    <t>299353298.0</t>
  </si>
  <si>
    <t>14015338.0</t>
  </si>
  <si>
    <t>2103479.0</t>
  </si>
  <si>
    <t>1872205.0</t>
  </si>
  <si>
    <t>109.28</t>
  </si>
  <si>
    <t>571396.0</t>
  </si>
  <si>
    <t>657837145.0</t>
  </si>
  <si>
    <t>353731038.0</t>
  </si>
  <si>
    <t>299881236.0</t>
  </si>
  <si>
    <t>14585530.0</t>
  </si>
  <si>
    <t>2213065.0</t>
  </si>
  <si>
    <t>1815205.0</t>
  </si>
  <si>
    <t>579104.0</t>
  </si>
  <si>
    <t>658758185.0</t>
  </si>
  <si>
    <t>353933724.0</t>
  </si>
  <si>
    <t>300118087.0</t>
  </si>
  <si>
    <t>14812125.0</t>
  </si>
  <si>
    <t>1615642.0</t>
  </si>
  <si>
    <t>1814020.0</t>
  </si>
  <si>
    <t>584269.0</t>
  </si>
  <si>
    <t>661010719.0</t>
  </si>
  <si>
    <t>354700645.0</t>
  </si>
  <si>
    <t>301482129.0</t>
  </si>
  <si>
    <t>14944634.0</t>
  </si>
  <si>
    <t>1241265.0</t>
  </si>
  <si>
    <t>1837833.0</t>
  </si>
  <si>
    <t>110.11</t>
  </si>
  <si>
    <t>600649.0</t>
  </si>
  <si>
    <t>664199490.0</t>
  </si>
  <si>
    <t>356296763.0</t>
  </si>
  <si>
    <t>302511502.0</t>
  </si>
  <si>
    <t>15415839.0</t>
  </si>
  <si>
    <t>3125466.0</t>
  </si>
  <si>
    <t>2062945.0</t>
  </si>
  <si>
    <t>725548.0</t>
  </si>
  <si>
    <t>666132377.0</t>
  </si>
  <si>
    <t>356846202.0</t>
  </si>
  <si>
    <t>303092240.0</t>
  </si>
  <si>
    <t>15896721.0</t>
  </si>
  <si>
    <t>1814269.0</t>
  </si>
  <si>
    <t>2019565.0</t>
  </si>
  <si>
    <t>722272.0</t>
  </si>
  <si>
    <t>667707320.0</t>
  </si>
  <si>
    <t>357343278.0</t>
  </si>
  <si>
    <t>303664306.0</t>
  </si>
  <si>
    <t>16387723.0</t>
  </si>
  <si>
    <t>1774089.0</t>
  </si>
  <si>
    <t>1983895.0</t>
  </si>
  <si>
    <t>111.22</t>
  </si>
  <si>
    <t>717365.0</t>
  </si>
  <si>
    <t>669394715.0</t>
  </si>
  <si>
    <t>357807441.0</t>
  </si>
  <si>
    <t>304365634.0</t>
  </si>
  <si>
    <t>16896463.0</t>
  </si>
  <si>
    <t>1883371.0</t>
  </si>
  <si>
    <t>1952454.0</t>
  </si>
  <si>
    <t>705368.0</t>
  </si>
  <si>
    <t>672176659.0</t>
  </si>
  <si>
    <t>358911610.0</t>
  </si>
  <si>
    <t>305412983.0</t>
  </si>
  <si>
    <t>17793572.0</t>
  </si>
  <si>
    <t>2390608.0</t>
  </si>
  <si>
    <t>1977816.0</t>
  </si>
  <si>
    <t>696551.0</t>
  </si>
  <si>
    <t>673773763.0</t>
  </si>
  <si>
    <t>359290755.0</t>
  </si>
  <si>
    <t>306085562.0</t>
  </si>
  <si>
    <t>18334895.0</t>
  </si>
  <si>
    <t>1743095.0</t>
  </si>
  <si>
    <t>1996023.0</t>
  </si>
  <si>
    <t>675080148.0</t>
  </si>
  <si>
    <t>359533682.0</t>
  </si>
  <si>
    <t>306797556.0</t>
  </si>
  <si>
    <t>18686578.0</t>
  </si>
  <si>
    <t>1345917.0</t>
  </si>
  <si>
    <t>2010973.0</t>
  </si>
  <si>
    <t>664945.0</t>
  </si>
  <si>
    <t>677575984.0</t>
  </si>
  <si>
    <t>360039718.0</t>
  </si>
  <si>
    <t>307635102.0</t>
  </si>
  <si>
    <t>19826853.0</t>
  </si>
  <si>
    <t>2403717.0</t>
  </si>
  <si>
    <t>1907869.0</t>
  </si>
  <si>
    <t>508548.0</t>
  </si>
  <si>
    <t>681032201.0</t>
  </si>
  <si>
    <t>361365272.0</t>
  </si>
  <si>
    <t>308794357.0</t>
  </si>
  <si>
    <t>20952353.0</t>
  </si>
  <si>
    <t>3598650.0</t>
  </si>
  <si>
    <t>2162778.0</t>
  </si>
  <si>
    <t>614685.0</t>
  </si>
  <si>
    <t>682897203.0</t>
  </si>
  <si>
    <t>361742324.0</t>
  </si>
  <si>
    <t>309117150.0</t>
  </si>
  <si>
    <t>22115208.0</t>
  </si>
  <si>
    <t>2544640.0</t>
  </si>
  <si>
    <t>2272857.0</t>
  </si>
  <si>
    <t>113.75</t>
  </si>
  <si>
    <t>609143.0</t>
  </si>
  <si>
    <t>684856283.0</t>
  </si>
  <si>
    <t>362137231.0</t>
  </si>
  <si>
    <t>309489011.0</t>
  </si>
  <si>
    <t>23308971.0</t>
  </si>
  <si>
    <t>2533969.0</t>
  </si>
  <si>
    <t>2365802.0</t>
  </si>
  <si>
    <t>607326.0</t>
  </si>
  <si>
    <t>688836598.0</t>
  </si>
  <si>
    <t>362965455.0</t>
  </si>
  <si>
    <t>311337284.0</t>
  </si>
  <si>
    <t>24582760.0</t>
  </si>
  <si>
    <t>2712972.0</t>
  </si>
  <si>
    <t>2411852.0</t>
  </si>
  <si>
    <t>605854.0</t>
  </si>
  <si>
    <t>697046565.0</t>
  </si>
  <si>
    <t>366388093.0</t>
  </si>
  <si>
    <t>315967651.0</t>
  </si>
  <si>
    <t>25141829.0</t>
  </si>
  <si>
    <t>8370557.0</t>
  </si>
  <si>
    <t>3358634.0</t>
  </si>
  <si>
    <t>116.11</t>
  </si>
  <si>
    <t>1040797.0</t>
  </si>
  <si>
    <t>697885181.0</t>
  </si>
  <si>
    <t>366588979.0</t>
  </si>
  <si>
    <t>316318646.0</t>
  </si>
  <si>
    <t>25450684.0</t>
  </si>
  <si>
    <t>932114.0</t>
  </si>
  <si>
    <t>3299518.0</t>
  </si>
  <si>
    <t>1034616.0</t>
  </si>
  <si>
    <t>700112446.0</t>
  </si>
  <si>
    <t>367106226.0</t>
  </si>
  <si>
    <t>316956846.0</t>
  </si>
  <si>
    <t>26537228.0</t>
  </si>
  <si>
    <t>1938691.0</t>
  </si>
  <si>
    <t>3233085.0</t>
  </si>
  <si>
    <t>1019779.0</t>
  </si>
  <si>
    <t>701835666.0</t>
  </si>
  <si>
    <t>367447272.0</t>
  </si>
  <si>
    <t>317256662.0</t>
  </si>
  <si>
    <t>27634226.0</t>
  </si>
  <si>
    <t>1915073.0</t>
  </si>
  <si>
    <t>2992576.0</t>
  </si>
  <si>
    <t>878078.0</t>
  </si>
  <si>
    <t>703891612.0</t>
  </si>
  <si>
    <t>367861569.0</t>
  </si>
  <si>
    <t>317756596.0</t>
  </si>
  <si>
    <t>28791235.0</t>
  </si>
  <si>
    <t>2026041.0</t>
  </si>
  <si>
    <t>2918489.0</t>
  </si>
  <si>
    <t>860200.0</t>
  </si>
  <si>
    <t>706160855.0</t>
  </si>
  <si>
    <t>368324162.0</t>
  </si>
  <si>
    <t>318411670.0</t>
  </si>
  <si>
    <t>29959919.0</t>
  </si>
  <si>
    <t>2401310.0</t>
  </si>
  <si>
    <t>2899539.0</t>
  </si>
  <si>
    <t>854093.0</t>
  </si>
  <si>
    <t>709301122.0</t>
  </si>
  <si>
    <t>369166768.0</t>
  </si>
  <si>
    <t>319597662.0</t>
  </si>
  <si>
    <t>31262753.0</t>
  </si>
  <si>
    <t>2886865.0</t>
  </si>
  <si>
    <t>2924382.0</t>
  </si>
  <si>
    <t>860958.0</t>
  </si>
  <si>
    <t>710551598.0</t>
  </si>
  <si>
    <t>369580467.0</t>
  </si>
  <si>
    <t>319877798.0</t>
  </si>
  <si>
    <t>31817905.0</t>
  </si>
  <si>
    <t>2107929.0</t>
  </si>
  <si>
    <t>2029722.0</t>
  </si>
  <si>
    <t>118.36</t>
  </si>
  <si>
    <t>467111.0</t>
  </si>
  <si>
    <t>712614432.0</t>
  </si>
  <si>
    <t>370077021.0</t>
  </si>
  <si>
    <t>321173994.0</t>
  </si>
  <si>
    <t>32105291.0</t>
  </si>
  <si>
    <t>1520052.0</t>
  </si>
  <si>
    <t>2113710.0</t>
  </si>
  <si>
    <t>511962.0</t>
  </si>
  <si>
    <t>714686005.0</t>
  </si>
  <si>
    <t>370674345.0</t>
  </si>
  <si>
    <t>321753546.0</t>
  </si>
  <si>
    <t>33020313.0</t>
  </si>
  <si>
    <t>2220464.0</t>
  </si>
  <si>
    <t>2153963.0</t>
  </si>
  <si>
    <t>561827.0</t>
  </si>
  <si>
    <t>716657157.0</t>
  </si>
  <si>
    <t>371258339.0</t>
  </si>
  <si>
    <t>322092036.0</t>
  </si>
  <si>
    <t>34054829.0</t>
  </si>
  <si>
    <t>2641309.0</t>
  </si>
  <si>
    <t>2257710.0</t>
  </si>
  <si>
    <t>636235.0</t>
  </si>
  <si>
    <t>719349020.0</t>
  </si>
  <si>
    <t>372127104.0</t>
  </si>
  <si>
    <t>322875324.0</t>
  </si>
  <si>
    <t>35157191.0</t>
  </si>
  <si>
    <t>2778795.0</t>
  </si>
  <si>
    <t>2365247.0</t>
  </si>
  <si>
    <t>714340.0</t>
  </si>
  <si>
    <t>721585879.0</t>
  </si>
  <si>
    <t>372828160.0</t>
  </si>
  <si>
    <t>323488623.0</t>
  </si>
  <si>
    <t>36109629.0</t>
  </si>
  <si>
    <t>2612815.0</t>
  </si>
  <si>
    <t>2395460.0</t>
  </si>
  <si>
    <t>773184.0</t>
  </si>
  <si>
    <t>724282411.0</t>
  </si>
  <si>
    <t>373650573.0</t>
  </si>
  <si>
    <t>324176217.0</t>
  </si>
  <si>
    <t>37333604.0</t>
  </si>
  <si>
    <t>2992966.0</t>
  </si>
  <si>
    <t>2410619.0</t>
  </si>
  <si>
    <t>822531.0</t>
  </si>
  <si>
    <t>725797548.0</t>
  </si>
  <si>
    <t>374221186.0</t>
  </si>
  <si>
    <t>324559652.0</t>
  </si>
  <si>
    <t>37895940.0</t>
  </si>
  <si>
    <t>2116462.0</t>
  </si>
  <si>
    <t>2411835.0</t>
  </si>
  <si>
    <t>839595.0</t>
  </si>
  <si>
    <t>727241284.0</t>
  </si>
  <si>
    <t>374676357.0</t>
  </si>
  <si>
    <t>325287619.0</t>
  </si>
  <si>
    <t>38213681.0</t>
  </si>
  <si>
    <t>1387308.0</t>
  </si>
  <si>
    <t>2392874.0</t>
  </si>
  <si>
    <t>729345929.0</t>
  </si>
  <si>
    <t>375243897.0</t>
  </si>
  <si>
    <t>325832798.0</t>
  </si>
  <si>
    <t>39215053.0</t>
  </si>
  <si>
    <t>2374944.0</t>
  </si>
  <si>
    <t>2414943.0</t>
  </si>
  <si>
    <t>834240.0</t>
  </si>
  <si>
    <t>731379933.0</t>
  </si>
  <si>
    <t>375796923.0</t>
  </si>
  <si>
    <t>326199221.0</t>
  </si>
  <si>
    <t>40337659.0</t>
  </si>
  <si>
    <t>2403673.0</t>
  </si>
  <si>
    <t>2380996.0</t>
  </si>
  <si>
    <t>812529.0</t>
  </si>
  <si>
    <t>733520180.0</t>
  </si>
  <si>
    <t>376402854.0</t>
  </si>
  <si>
    <t>326605191.0</t>
  </si>
  <si>
    <t>41481664.0</t>
  </si>
  <si>
    <t>2557007.0</t>
  </si>
  <si>
    <t>2349312.0</t>
  </si>
  <si>
    <t>789949.0</t>
  </si>
  <si>
    <t>735766867.0</t>
  </si>
  <si>
    <t>377035686.0</t>
  </si>
  <si>
    <t>327078619.0</t>
  </si>
  <si>
    <t>42652936.0</t>
  </si>
  <si>
    <t>2679724.0</t>
  </si>
  <si>
    <t>2358869.0</t>
  </si>
  <si>
    <t>780189.0</t>
  </si>
  <si>
    <t>742824746.0</t>
  </si>
  <si>
    <t>380311614.0</t>
  </si>
  <si>
    <t>329057816.0</t>
  </si>
  <si>
    <t>44022511.0</t>
  </si>
  <si>
    <t>2995575.0</t>
  </si>
  <si>
    <t>2359241.0</t>
  </si>
  <si>
    <t>774551.0</t>
  </si>
  <si>
    <t>744726761.0</t>
  </si>
  <si>
    <t>381019168.0</t>
  </si>
  <si>
    <t>329661405.0</t>
  </si>
  <si>
    <t>44722720.0</t>
  </si>
  <si>
    <t>1713909.0</t>
  </si>
  <si>
    <t>2301732.0</t>
  </si>
  <si>
    <t>124.05</t>
  </si>
  <si>
    <t>752212.0</t>
  </si>
  <si>
    <t>745803981.0</t>
  </si>
  <si>
    <t>381370014.0</t>
  </si>
  <si>
    <t>329927512.0</t>
  </si>
  <si>
    <t>45195619.0</t>
  </si>
  <si>
    <t>1003417.0</t>
  </si>
  <si>
    <t>2246893.0</t>
  </si>
  <si>
    <t>733131.0</t>
  </si>
  <si>
    <t>748149190.0</t>
  </si>
  <si>
    <t>381994564.0</t>
  </si>
  <si>
    <t>330401753.0</t>
  </si>
  <si>
    <t>46450098.0</t>
  </si>
  <si>
    <t>2253288.0</t>
  </si>
  <si>
    <t>2229512.0</t>
  </si>
  <si>
    <t>721506.0</t>
  </si>
  <si>
    <t>750152580.0</t>
  </si>
  <si>
    <t>382542683.0</t>
  </si>
  <si>
    <t>330667667.0</t>
  </si>
  <si>
    <t>47647820.0</t>
  </si>
  <si>
    <t>2209797.0</t>
  </si>
  <si>
    <t>2201820.0</t>
  </si>
  <si>
    <t>712878.0</t>
  </si>
  <si>
    <t>752057455.0</t>
  </si>
  <si>
    <t>383148248.0</t>
  </si>
  <si>
    <t>331079943.0</t>
  </si>
  <si>
    <t>48577079.0</t>
  </si>
  <si>
    <t>1945786.0</t>
  </si>
  <si>
    <t>2114503.0</t>
  </si>
  <si>
    <t>683318.0</t>
  </si>
  <si>
    <t>752476023.0</t>
  </si>
  <si>
    <t>383339368.0</t>
  </si>
  <si>
    <t>331272051.0</t>
  </si>
  <si>
    <t>48626330.0</t>
  </si>
  <si>
    <t>617442.0</t>
  </si>
  <si>
    <t>1819887.0</t>
  </si>
  <si>
    <t>601253.0</t>
  </si>
  <si>
    <t>754256968.0</t>
  </si>
  <si>
    <t>383729865.0</t>
  </si>
  <si>
    <t>331578169.0</t>
  </si>
  <si>
    <t>49396777.0</t>
  </si>
  <si>
    <t>1815006.0</t>
  </si>
  <si>
    <t>1651235.0</t>
  </si>
  <si>
    <t>553229.0</t>
  </si>
  <si>
    <t>755789319.0</t>
  </si>
  <si>
    <t>384332712.0</t>
  </si>
  <si>
    <t>332034601.0</t>
  </si>
  <si>
    <t>49893874.0</t>
  </si>
  <si>
    <t>1346337.0</t>
  </si>
  <si>
    <t>1598725.0</t>
  </si>
  <si>
    <t>530176.0</t>
  </si>
  <si>
    <t>756770067.0</t>
  </si>
  <si>
    <t>384698544.0</t>
  </si>
  <si>
    <t>332318885.0</t>
  </si>
  <si>
    <t>50232803.0</t>
  </si>
  <si>
    <t>981288.0</t>
  </si>
  <si>
    <t>1595563.0</t>
  </si>
  <si>
    <t>533269.0</t>
  </si>
  <si>
    <t>758991343.0</t>
  </si>
  <si>
    <t>385680539.0</t>
  </si>
  <si>
    <t>332903358.0</t>
  </si>
  <si>
    <t>51264658.0</t>
  </si>
  <si>
    <t>2131222.0</t>
  </si>
  <si>
    <t>1578127.0</t>
  </si>
  <si>
    <t>526927.0</t>
  </si>
  <si>
    <t>761448741.0</t>
  </si>
  <si>
    <t>386367763.0</t>
  </si>
  <si>
    <t>333459281.0</t>
  </si>
  <si>
    <t>52479791.0</t>
  </si>
  <si>
    <t>2760138.0</t>
  </si>
  <si>
    <t>1656745.0</t>
  </si>
  <si>
    <t>126.84</t>
  </si>
  <si>
    <t>531947.0</t>
  </si>
  <si>
    <t>764458666.0</t>
  </si>
  <si>
    <t>387300832.0</t>
  </si>
  <si>
    <t>334141473.0</t>
  </si>
  <si>
    <t>53865903.0</t>
  </si>
  <si>
    <t>2999189.0</t>
  </si>
  <si>
    <t>1807233.0</t>
  </si>
  <si>
    <t>554864.0</t>
  </si>
  <si>
    <t>767322012.0</t>
  </si>
  <si>
    <t>388210789.0</t>
  </si>
  <si>
    <t>334687686.0</t>
  </si>
  <si>
    <t>55272888.0</t>
  </si>
  <si>
    <t>3232143.0</t>
  </si>
  <si>
    <t>2180762.0</t>
  </si>
  <si>
    <t>656379.0</t>
  </si>
  <si>
    <t>771869838.0</t>
  </si>
  <si>
    <t>388805481.0</t>
  </si>
  <si>
    <t>335525248.0</t>
  </si>
  <si>
    <t>57788483.0</t>
  </si>
  <si>
    <t>4211622.0</t>
  </si>
  <si>
    <t>2523131.0</t>
  </si>
  <si>
    <t>707303.0</t>
  </si>
  <si>
    <t>773552508.0</t>
  </si>
  <si>
    <t>389178051.0</t>
  </si>
  <si>
    <t>336023673.0</t>
  </si>
  <si>
    <t>58592849.0</t>
  </si>
  <si>
    <t>2164176.0</t>
  </si>
  <si>
    <t>2639969.0</t>
  </si>
  <si>
    <t>739659.0</t>
  </si>
  <si>
    <t>775669486.0</t>
  </si>
  <si>
    <t>390339778.0</t>
  </si>
  <si>
    <t>336538350.0</t>
  </si>
  <si>
    <t>59074741.0</t>
  </si>
  <si>
    <t>1357915.0</t>
  </si>
  <si>
    <t>2693772.0</t>
  </si>
  <si>
    <t>767164.0</t>
  </si>
  <si>
    <t>777905562.0</t>
  </si>
  <si>
    <t>390870009.0</t>
  </si>
  <si>
    <t>337012495.0</t>
  </si>
  <si>
    <t>60310940.0</t>
  </si>
  <si>
    <t>2464038.0</t>
  </si>
  <si>
    <t>2741316.0</t>
  </si>
  <si>
    <t>788364.0</t>
  </si>
  <si>
    <t>780187722.0</t>
  </si>
  <si>
    <t>391369720.0</t>
  </si>
  <si>
    <t>337432513.0</t>
  </si>
  <si>
    <t>61635746.0</t>
  </si>
  <si>
    <t>2599537.0</t>
  </si>
  <si>
    <t>2718372.0</t>
  </si>
  <si>
    <t>129.96</t>
  </si>
  <si>
    <t>791418.0</t>
  </si>
  <si>
    <t>783605950.0</t>
  </si>
  <si>
    <t>392703030.0</t>
  </si>
  <si>
    <t>338158438.0</t>
  </si>
  <si>
    <t>62958335.0</t>
  </si>
  <si>
    <t>2624089.0</t>
  </si>
  <si>
    <t>2664789.0</t>
  </si>
  <si>
    <t>788904.0</t>
  </si>
  <si>
    <t>786317300.0</t>
  </si>
  <si>
    <t>393579970.0</t>
  </si>
  <si>
    <t>338643442.0</t>
  </si>
  <si>
    <t>64276662.0</t>
  </si>
  <si>
    <t>2828699.0</t>
  </si>
  <si>
    <t>2607151.0</t>
  </si>
  <si>
    <t>783416.0</t>
  </si>
  <si>
    <t>788983259.0</t>
  </si>
  <si>
    <t>394156286.0</t>
  </si>
  <si>
    <t>339170382.0</t>
  </si>
  <si>
    <t>65800149.0</t>
  </si>
  <si>
    <t>3298757.0</t>
  </si>
  <si>
    <t>2476744.0</t>
  </si>
  <si>
    <t>796775.0</t>
  </si>
  <si>
    <t>791810145.0</t>
  </si>
  <si>
    <t>395463631.0</t>
  </si>
  <si>
    <t>339913650.0</t>
  </si>
  <si>
    <t>66555051.0</t>
  </si>
  <si>
    <t>2278093.0</t>
  </si>
  <si>
    <t>2493016.0</t>
  </si>
  <si>
    <t>817232.0</t>
  </si>
  <si>
    <t>793037420.0</t>
  </si>
  <si>
    <t>395874603.0</t>
  </si>
  <si>
    <t>340235121.0</t>
  </si>
  <si>
    <t>67031481.0</t>
  </si>
  <si>
    <t>1251630.0</t>
  </si>
  <si>
    <t>2477833.0</t>
  </si>
  <si>
    <t>797637.0</t>
  </si>
  <si>
    <t>795301053.0</t>
  </si>
  <si>
    <t>396453932.0</t>
  </si>
  <si>
    <t>340751211.0</t>
  </si>
  <si>
    <t>68203600.0</t>
  </si>
  <si>
    <t>2249438.0</t>
  </si>
  <si>
    <t>2447179.0</t>
  </si>
  <si>
    <t>779310.0</t>
  </si>
  <si>
    <t>797401248.0</t>
  </si>
  <si>
    <t>396883652.0</t>
  </si>
  <si>
    <t>341098192.0</t>
  </si>
  <si>
    <t>69517189.0</t>
  </si>
  <si>
    <t>2996951.0</t>
  </si>
  <si>
    <t>2503951.0</t>
  </si>
  <si>
    <t>834932.0</t>
  </si>
  <si>
    <t>801376608.0</t>
  </si>
  <si>
    <t>398837225.0</t>
  </si>
  <si>
    <t>341804432.0</t>
  </si>
  <si>
    <t>70831725.0</t>
  </si>
  <si>
    <t>3001088.0</t>
  </si>
  <si>
    <t>2557806.0</t>
  </si>
  <si>
    <t>894353.0</t>
  </si>
  <si>
    <t>804594977.0</t>
  </si>
  <si>
    <t>399358669.0</t>
  </si>
  <si>
    <t>342201389.0</t>
  </si>
  <si>
    <t>72284166.0</t>
  </si>
  <si>
    <t>3246799.0</t>
  </si>
  <si>
    <t>2617539.0</t>
  </si>
  <si>
    <t>839478.0</t>
  </si>
  <si>
    <t>807032156.0</t>
  </si>
  <si>
    <t>399894954.0</t>
  </si>
  <si>
    <t>342547861.0</t>
  </si>
  <si>
    <t>73841157.0</t>
  </si>
  <si>
    <t>3152010.0</t>
  </si>
  <si>
    <t>2596572.0</t>
  </si>
  <si>
    <t>772389.0</t>
  </si>
  <si>
    <t>808496331.0</t>
  </si>
  <si>
    <t>400235256.0</t>
  </si>
  <si>
    <t>342753482.0</t>
  </si>
  <si>
    <t>74752803.0</t>
  </si>
  <si>
    <t>2190598.0</t>
  </si>
  <si>
    <t>2584075.0</t>
  </si>
  <si>
    <t>702003.0</t>
  </si>
  <si>
    <t>811388734.0</t>
  </si>
  <si>
    <t>400484137.0</t>
  </si>
  <si>
    <t>343037753.0</t>
  </si>
  <si>
    <t>75355032.0</t>
  </si>
  <si>
    <t>1648675.0</t>
  </si>
  <si>
    <t>2640797.0</t>
  </si>
  <si>
    <t>672539.0</t>
  </si>
  <si>
    <t>820521104.0</t>
  </si>
  <si>
    <t>401127037.0</t>
  </si>
  <si>
    <t>349307109.0</t>
  </si>
  <si>
    <t>77785366.0</t>
  </si>
  <si>
    <t>9182294.0</t>
  </si>
  <si>
    <t>3631203.0</t>
  </si>
  <si>
    <t>679537.0</t>
  </si>
  <si>
    <t>823334075.0</t>
  </si>
  <si>
    <t>401689964.0</t>
  </si>
  <si>
    <t>349693125.0</t>
  </si>
  <si>
    <t>79661058.0</t>
  </si>
  <si>
    <t>2683501.0</t>
  </si>
  <si>
    <t>3586426.0</t>
  </si>
  <si>
    <t>602293.0</t>
  </si>
  <si>
    <t>825989349.0</t>
  </si>
  <si>
    <t>402219760.0</t>
  </si>
  <si>
    <t>350076985.0</t>
  </si>
  <si>
    <t>81401724.0</t>
  </si>
  <si>
    <t>2570995.0</t>
  </si>
  <si>
    <t>3524981.0</t>
  </si>
  <si>
    <t>516760.0</t>
  </si>
  <si>
    <t>828080494.0</t>
  </si>
  <si>
    <t>402646381.0</t>
  </si>
  <si>
    <t>350309280.0</t>
  </si>
  <si>
    <t>82848245.0</t>
  </si>
  <si>
    <t>2230135.0</t>
  </si>
  <si>
    <t>3379746.0</t>
  </si>
  <si>
    <t>504340.0</t>
  </si>
  <si>
    <t>829001742.0</t>
  </si>
  <si>
    <t>402769460.0</t>
  </si>
  <si>
    <t>350404969.0</t>
  </si>
  <si>
    <t>83500464.0</t>
  </si>
  <si>
    <t>1029585.0</t>
  </si>
  <si>
    <t>3076541.0</t>
  </si>
  <si>
    <t>446128.0</t>
  </si>
  <si>
    <t>829296213.0</t>
  </si>
  <si>
    <t>402803962.0</t>
  </si>
  <si>
    <t>350417133.0</t>
  </si>
  <si>
    <t>83786796.0</t>
  </si>
  <si>
    <t>480742.0</t>
  </si>
  <si>
    <t>2832277.0</t>
  </si>
  <si>
    <t>399248.0</t>
  </si>
  <si>
    <t>829926199.0</t>
  </si>
  <si>
    <t>402944887.0</t>
  </si>
  <si>
    <t>350519355.0</t>
  </si>
  <si>
    <t>84172736.0</t>
  </si>
  <si>
    <t>778207.0</t>
  </si>
  <si>
    <t>2707922.0</t>
  </si>
  <si>
    <t>387044.0</t>
  </si>
  <si>
    <t>831831503.0</t>
  </si>
  <si>
    <t>403387365.0</t>
  </si>
  <si>
    <t>350867221.0</t>
  </si>
  <si>
    <t>85300898.0</t>
  </si>
  <si>
    <t>1910690.0</t>
  </si>
  <si>
    <t>1669119.0</t>
  </si>
  <si>
    <t>357412.0</t>
  </si>
  <si>
    <t>834264920.0</t>
  </si>
  <si>
    <t>403867347.0</t>
  </si>
  <si>
    <t>351226814.0</t>
  </si>
  <si>
    <t>86772434.0</t>
  </si>
  <si>
    <t>2422442.0</t>
  </si>
  <si>
    <t>1631828.0</t>
  </si>
  <si>
    <t>346663.0</t>
  </si>
  <si>
    <t>837418288.0</t>
  </si>
  <si>
    <t>405128023.0</t>
  </si>
  <si>
    <t>352082134.0</t>
  </si>
  <si>
    <t>88357959.0</t>
  </si>
  <si>
    <t>2683882.0</t>
  </si>
  <si>
    <t>1647952.0</t>
  </si>
  <si>
    <t>139.49</t>
  </si>
  <si>
    <t>342997.0</t>
  </si>
  <si>
    <t>839989711.0</t>
  </si>
  <si>
    <t>405586730.0</t>
  </si>
  <si>
    <t>352394910.0</t>
  </si>
  <si>
    <t>90091083.0</t>
  </si>
  <si>
    <t>2303146.0</t>
  </si>
  <si>
    <t>1658384.0</t>
  </si>
  <si>
    <t>342606.0</t>
  </si>
  <si>
    <t>841103617.0</t>
  </si>
  <si>
    <t>405772658.0</t>
  </si>
  <si>
    <t>352505995.0</t>
  </si>
  <si>
    <t>90910702.0</t>
  </si>
  <si>
    <t>1263234.0</t>
  </si>
  <si>
    <t>1691764.0</t>
  </si>
  <si>
    <t>347138.0</t>
  </si>
  <si>
    <t>841497061.0</t>
  </si>
  <si>
    <t>405817915.0</t>
  </si>
  <si>
    <t>352598107.0</t>
  </si>
  <si>
    <t>91108378.0</t>
  </si>
  <si>
    <t>416841.0</t>
  </si>
  <si>
    <t>1682634.0</t>
  </si>
  <si>
    <t>347824.0</t>
  </si>
  <si>
    <t>842086092.0</t>
  </si>
  <si>
    <t>405958961.0</t>
  </si>
  <si>
    <t>352700915.0</t>
  </si>
  <si>
    <t>91452412.0</t>
  </si>
  <si>
    <t>626586.0</t>
  </si>
  <si>
    <t>1660976.0</t>
  </si>
  <si>
    <t>345757.0</t>
  </si>
  <si>
    <t>843634464.0</t>
  </si>
  <si>
    <t>406328464.0</t>
  </si>
  <si>
    <t>352972369.0</t>
  </si>
  <si>
    <t>92364055.0</t>
  </si>
  <si>
    <t>1531492.0</t>
  </si>
  <si>
    <t>1606804.0</t>
  </si>
  <si>
    <t>333330.0</t>
  </si>
  <si>
    <t>846175779.0</t>
  </si>
  <si>
    <t>406939650.0</t>
  </si>
  <si>
    <t>353299469.0</t>
  </si>
  <si>
    <t>93741976.0</t>
  </si>
  <si>
    <t>2607835.0</t>
  </si>
  <si>
    <t>1633287.0</t>
  </si>
  <si>
    <t>140.95</t>
  </si>
  <si>
    <t>848406584.0</t>
  </si>
  <si>
    <t>407390083.0</t>
  </si>
  <si>
    <t>353676614.0</t>
  </si>
  <si>
    <t>95085319.0</t>
  </si>
  <si>
    <t>2332338.0</t>
  </si>
  <si>
    <t>1583068.0</t>
  </si>
  <si>
    <t>339665.0</t>
  </si>
  <si>
    <t>851155977.0</t>
  </si>
  <si>
    <t>407843363.0</t>
  </si>
  <si>
    <t>354324102.0</t>
  </si>
  <si>
    <t>96540156.0</t>
  </si>
  <si>
    <t>2869367.0</t>
  </si>
  <si>
    <t>1663956.0</t>
  </si>
  <si>
    <t>342048.0</t>
  </si>
  <si>
    <t>854050118.0</t>
  </si>
  <si>
    <t>408469143.0</t>
  </si>
  <si>
    <t>354825479.0</t>
  </si>
  <si>
    <t>98306915.0</t>
  </si>
  <si>
    <t>3153631.0</t>
  </si>
  <si>
    <t>1934014.0</t>
  </si>
  <si>
    <t>856956507.0</t>
  </si>
  <si>
    <t>408974293.0</t>
  </si>
  <si>
    <t>355534341.0</t>
  </si>
  <si>
    <t>99409034.0</t>
  </si>
  <si>
    <t>2364933.0</t>
  </si>
  <si>
    <t>2212312.0</t>
  </si>
  <si>
    <t>446855.0</t>
  </si>
  <si>
    <t>858563998.0</t>
  </si>
  <si>
    <t>409206502.0</t>
  </si>
  <si>
    <t>355866825.0</t>
  </si>
  <si>
    <t>100242446.0</t>
  </si>
  <si>
    <t>1543735.0</t>
  </si>
  <si>
    <t>2343334.0</t>
  </si>
  <si>
    <t>458917.0</t>
  </si>
  <si>
    <t>860701732.0</t>
  </si>
  <si>
    <t>409619123.0</t>
  </si>
  <si>
    <t>356218640.0</t>
  </si>
  <si>
    <t>101585071.0</t>
  </si>
  <si>
    <t>2100501.0</t>
  </si>
  <si>
    <t>2424621.0</t>
  </si>
  <si>
    <t>464139.0</t>
  </si>
  <si>
    <t>863018071.0</t>
  </si>
  <si>
    <t>410063364.0</t>
  </si>
  <si>
    <t>356614976.0</t>
  </si>
  <si>
    <t>102988036.0</t>
  </si>
  <si>
    <t>2410782.0</t>
  </si>
  <si>
    <t>2396470.0</t>
  </si>
  <si>
    <t>441031.0</t>
  </si>
  <si>
    <t>865243716.0</t>
  </si>
  <si>
    <t>410511285.0</t>
  </si>
  <si>
    <t>356988875.0</t>
  </si>
  <si>
    <t>104395084.0</t>
  </si>
  <si>
    <t>2841032.0</t>
  </si>
  <si>
    <t>2469143.0</t>
  </si>
  <si>
    <t>443361.0</t>
  </si>
  <si>
    <t>868683101.0</t>
  </si>
  <si>
    <t>411043069.0</t>
  </si>
  <si>
    <t>357766067.0</t>
  </si>
  <si>
    <t>105837449.0</t>
  </si>
  <si>
    <t>2865802.0</t>
  </si>
  <si>
    <t>2468632.0</t>
  </si>
  <si>
    <t>444241.0</t>
  </si>
  <si>
    <t>871933905.0</t>
  </si>
  <si>
    <t>411594823.0</t>
  </si>
  <si>
    <t>358340422.0</t>
  </si>
  <si>
    <t>107407122.0</t>
  </si>
  <si>
    <t>3283748.0</t>
  </si>
  <si>
    <t>2487220.0</t>
  </si>
  <si>
    <t>145.24</t>
  </si>
  <si>
    <t>440619.0</t>
  </si>
  <si>
    <t>874091580.0</t>
  </si>
  <si>
    <t>411941526.0</t>
  </si>
  <si>
    <t>358779400.0</t>
  </si>
  <si>
    <t>108370715.0</t>
  </si>
  <si>
    <t>2303238.0</t>
  </si>
  <si>
    <t>2478406.0</t>
  </si>
  <si>
    <t>432664.0</t>
  </si>
  <si>
    <t>875513576.0</t>
  </si>
  <si>
    <t>412170181.0</t>
  </si>
  <si>
    <t>359122809.0</t>
  </si>
  <si>
    <t>109081253.0</t>
  </si>
  <si>
    <t>2460606.0</t>
  </si>
  <si>
    <t>432105.0</t>
  </si>
  <si>
    <t>877106978.0</t>
  </si>
  <si>
    <t>412474829.0</t>
  </si>
  <si>
    <t>359360357.0</t>
  </si>
  <si>
    <t>110129120.0</t>
  </si>
  <si>
    <t>1900585.0</t>
  </si>
  <si>
    <t>2432045.0</t>
  </si>
  <si>
    <t>418839.0</t>
  </si>
  <si>
    <t>879199418.0</t>
  </si>
  <si>
    <t>412825611.0</t>
  </si>
  <si>
    <t>359795723.0</t>
  </si>
  <si>
    <t>111141601.0</t>
  </si>
  <si>
    <t>1983621.0</t>
  </si>
  <si>
    <t>2371021.0</t>
  </si>
  <si>
    <t>402281.0</t>
  </si>
  <si>
    <t>881769163.0</t>
  </si>
  <si>
    <t>413274024.0</t>
  </si>
  <si>
    <t>360403613.0</t>
  </si>
  <si>
    <t>112173880.0</t>
  </si>
  <si>
    <t>2492716.0</t>
  </si>
  <si>
    <t>2321264.0</t>
  </si>
  <si>
    <t>884311615.0</t>
  </si>
  <si>
    <t>413629482.0</t>
  </si>
  <si>
    <t>360846680.0</t>
  </si>
  <si>
    <t>113401654.0</t>
  </si>
  <si>
    <t>2426516.0</t>
  </si>
  <si>
    <t>2258509.0</t>
  </si>
  <si>
    <t>147.31</t>
  </si>
  <si>
    <t>367537.0</t>
  </si>
  <si>
    <t>887099993.0</t>
  </si>
  <si>
    <t>414059659.0</t>
  </si>
  <si>
    <t>361253306.0</t>
  </si>
  <si>
    <t>114841609.0</t>
  </si>
  <si>
    <t>2575456.0</t>
  </si>
  <si>
    <t>2157323.0</t>
  </si>
  <si>
    <t>352600.0</t>
  </si>
  <si>
    <t>888104980.0</t>
  </si>
  <si>
    <t>414255891.0</t>
  </si>
  <si>
    <t>361381445.0</t>
  </si>
  <si>
    <t>115515868.0</t>
  </si>
  <si>
    <t>2042083.0</t>
  </si>
  <si>
    <t>2120017.0</t>
  </si>
  <si>
    <t>344838.0</t>
  </si>
  <si>
    <t>890847255.0</t>
  </si>
  <si>
    <t>414575937.0</t>
  </si>
  <si>
    <t>361684674.0</t>
  </si>
  <si>
    <t>116148677.0</t>
  </si>
  <si>
    <t>1651018.0</t>
  </si>
  <si>
    <t>2153146.0</t>
  </si>
  <si>
    <t>148.39</t>
  </si>
  <si>
    <t>343363.0</t>
  </si>
  <si>
    <t>892461543.0</t>
  </si>
  <si>
    <t>414834552.0</t>
  </si>
  <si>
    <t>361944963.0</t>
  </si>
  <si>
    <t>116951454.0</t>
  </si>
  <si>
    <t>1696511.0</t>
  </si>
  <si>
    <t>2123991.0</t>
  </si>
  <si>
    <t>337865.0</t>
  </si>
  <si>
    <t>894565991.0</t>
  </si>
  <si>
    <t>415138760.0</t>
  </si>
  <si>
    <t>362288306.0</t>
  </si>
  <si>
    <t>117745093.0</t>
  </si>
  <si>
    <t>2110342.0</t>
  </si>
  <si>
    <t>2142091.0</t>
  </si>
  <si>
    <t>331358.0</t>
  </si>
  <si>
    <t>896633350.0</t>
  </si>
  <si>
    <t>415521135.0</t>
  </si>
  <si>
    <t>362768180.0</t>
  </si>
  <si>
    <t>118618649.0</t>
  </si>
  <si>
    <t>1922703.0</t>
  </si>
  <si>
    <t>2060659.0</t>
  </si>
  <si>
    <t>321231.0</t>
  </si>
  <si>
    <t>900784266.0</t>
  </si>
  <si>
    <t>415884632.0</t>
  </si>
  <si>
    <t>363260056.0</t>
  </si>
  <si>
    <t>119424230.0</t>
  </si>
  <si>
    <t>4227835.0</t>
  </si>
  <si>
    <t>2317992.0</t>
  </si>
  <si>
    <t>327041.0</t>
  </si>
  <si>
    <t>902224096.0</t>
  </si>
  <si>
    <t>416150383.0</t>
  </si>
  <si>
    <t>363544866.0</t>
  </si>
  <si>
    <t>120298860.0</t>
  </si>
  <si>
    <t>1760255.0</t>
  </si>
  <si>
    <t>2201536.0</t>
  </si>
  <si>
    <t>309629.0</t>
  </si>
  <si>
    <t>903016341.0</t>
  </si>
  <si>
    <t>416289307.0</t>
  </si>
  <si>
    <t>363705499.0</t>
  </si>
  <si>
    <t>120785074.0</t>
  </si>
  <si>
    <t>1127676.0</t>
  </si>
  <si>
    <t>2070905.0</t>
  </si>
  <si>
    <t>293825.0</t>
  </si>
  <si>
    <t>904439988.0</t>
  </si>
  <si>
    <t>416523952.0</t>
  </si>
  <si>
    <t>364046698.0</t>
  </si>
  <si>
    <t>121229824.0</t>
  </si>
  <si>
    <t>846057.0</t>
  </si>
  <si>
    <t>1955912.0</t>
  </si>
  <si>
    <t>150.66</t>
  </si>
  <si>
    <t>283148.0</t>
  </si>
  <si>
    <t>905835245.0</t>
  </si>
  <si>
    <t>416771629.0</t>
  </si>
  <si>
    <t>364345027.0</t>
  </si>
  <si>
    <t>121905714.0</t>
  </si>
  <si>
    <t>1915881.0</t>
  </si>
  <si>
    <t>277444.0</t>
  </si>
  <si>
    <t>907098240.0</t>
  </si>
  <si>
    <t>416986367.0</t>
  </si>
  <si>
    <t>364646591.0</t>
  </si>
  <si>
    <t>122408982.0</t>
  </si>
  <si>
    <t>1412483.0</t>
  </si>
  <si>
    <t>1816188.0</t>
  </si>
  <si>
    <t>269566.0</t>
  </si>
  <si>
    <t>908945248.0</t>
  </si>
  <si>
    <t>417272026.0</t>
  </si>
  <si>
    <t>365077036.0</t>
  </si>
  <si>
    <t>122953901.0</t>
  </si>
  <si>
    <t>1736084.0</t>
  </si>
  <si>
    <t>1789526.0</t>
  </si>
  <si>
    <t>259036.0</t>
  </si>
  <si>
    <t>910656685.0</t>
  </si>
  <si>
    <t>417475975.0</t>
  </si>
  <si>
    <t>365358553.0</t>
  </si>
  <si>
    <t>123389301.0</t>
  </si>
  <si>
    <t>1856504.0</t>
  </si>
  <si>
    <t>1450766.0</t>
  </si>
  <si>
    <t>236536.0</t>
  </si>
  <si>
    <t>912898847.0</t>
  </si>
  <si>
    <t>417860395.0</t>
  </si>
  <si>
    <t>365717742.0</t>
  </si>
  <si>
    <t>124208595.0</t>
  </si>
  <si>
    <t>1911198.0</t>
  </si>
  <si>
    <t>1472332.0</t>
  </si>
  <si>
    <t>231330.0</t>
  </si>
  <si>
    <t>913544484.0</t>
  </si>
  <si>
    <t>417984761.0</t>
  </si>
  <si>
    <t>365892909.0</t>
  </si>
  <si>
    <t>124549038.0</t>
  </si>
  <si>
    <t>1278001.0</t>
  </si>
  <si>
    <t>1493805.0</t>
  </si>
  <si>
    <t>229216.0</t>
  </si>
  <si>
    <t>915171933.0</t>
  </si>
  <si>
    <t>418176063.0</t>
  </si>
  <si>
    <t>366147146.0</t>
  </si>
  <si>
    <t>124841137.0</t>
  </si>
  <si>
    <t>997384.0</t>
  </si>
  <si>
    <t>1515423.0</t>
  </si>
  <si>
    <t>152.45</t>
  </si>
  <si>
    <t>226412.0</t>
  </si>
  <si>
    <t>916104639.0</t>
  </si>
  <si>
    <t>418368035.0</t>
  </si>
  <si>
    <t>366411626.0</t>
  </si>
  <si>
    <t>125280538.0</t>
  </si>
  <si>
    <t>910698.0</t>
  </si>
  <si>
    <t>1443193.0</t>
  </si>
  <si>
    <t>217269.0</t>
  </si>
  <si>
    <t>916984632.0</t>
  </si>
  <si>
    <t>418543157.0</t>
  </si>
  <si>
    <t>366623718.0</t>
  </si>
  <si>
    <t>125666676.0</t>
  </si>
  <si>
    <t>961168.0</t>
  </si>
  <si>
    <t>1378719.0</t>
  </si>
  <si>
    <t>209740.0</t>
  </si>
  <si>
    <t>918157266.0</t>
  </si>
  <si>
    <t>418733862.0</t>
  </si>
  <si>
    <t>366867303.0</t>
  </si>
  <si>
    <t>126057861.0</t>
  </si>
  <si>
    <t>1252516.0</t>
  </si>
  <si>
    <t>1309639.0</t>
  </si>
  <si>
    <t>206276.0</t>
  </si>
  <si>
    <t>919507235.0</t>
  </si>
  <si>
    <t>418939601.0</t>
  </si>
  <si>
    <t>367133841.0</t>
  </si>
  <si>
    <t>126497401.0</t>
  </si>
  <si>
    <t>1328549.0</t>
  </si>
  <si>
    <t>1234217.0</t>
  </si>
  <si>
    <t>203363.0</t>
  </si>
  <si>
    <t>921426352.0</t>
  </si>
  <si>
    <t>419259478.0</t>
  </si>
  <si>
    <t>367625778.0</t>
  </si>
  <si>
    <t>126997359.0</t>
  </si>
  <si>
    <t>1702135.0</t>
  </si>
  <si>
    <t>1204351.0</t>
  </si>
  <si>
    <t>922511324.0</t>
  </si>
  <si>
    <t>419411830.0</t>
  </si>
  <si>
    <t>367838492.0</t>
  </si>
  <si>
    <t>127244144.0</t>
  </si>
  <si>
    <t>1199820.0</t>
  </si>
  <si>
    <t>1193184.0</t>
  </si>
  <si>
    <t>193213.0</t>
  </si>
  <si>
    <t>923328587.0</t>
  </si>
  <si>
    <t>419521876.0</t>
  </si>
  <si>
    <t>367965141.0</t>
  </si>
  <si>
    <t>127460078.0</t>
  </si>
  <si>
    <t>806922.0</t>
  </si>
  <si>
    <t>1165972.0</t>
  </si>
  <si>
    <t>924152918.0</t>
  </si>
  <si>
    <t>419683185.0</t>
  </si>
  <si>
    <t>368166869.0</t>
  </si>
  <si>
    <t>127768858.0</t>
  </si>
  <si>
    <t>801317.0</t>
  </si>
  <si>
    <t>1150345.0</t>
  </si>
  <si>
    <t>183492.0</t>
  </si>
  <si>
    <t>925192760.0</t>
  </si>
  <si>
    <t>420463682.0</t>
  </si>
  <si>
    <t>368888675.0</t>
  </si>
  <si>
    <t>128120836.0</t>
  </si>
  <si>
    <t>1184133.0</t>
  </si>
  <si>
    <t>1182201.0</t>
  </si>
  <si>
    <t>270736.0</t>
  </si>
  <si>
    <t>926680837.0</t>
  </si>
  <si>
    <t>420660541.0</t>
  </si>
  <si>
    <t>369173546.0</t>
  </si>
  <si>
    <t>128408288.0</t>
  </si>
  <si>
    <t>1527034.0</t>
  </si>
  <si>
    <t>1221416.0</t>
  </si>
  <si>
    <t>264607.0</t>
  </si>
  <si>
    <t>928378785.0</t>
  </si>
  <si>
    <t>420921311.0</t>
  </si>
  <si>
    <t>369348910.0</t>
  </si>
  <si>
    <t>128689886.0</t>
  </si>
  <si>
    <t>1848694.0</t>
  </si>
  <si>
    <t>1295721.0</t>
  </si>
  <si>
    <t>274039.0</t>
  </si>
  <si>
    <t>930634272.0</t>
  </si>
  <si>
    <t>421117152.0</t>
  </si>
  <si>
    <t>369714622.0</t>
  </si>
  <si>
    <t>129048525.0</t>
  </si>
  <si>
    <t>2020456.0</t>
  </si>
  <si>
    <t>267509.0</t>
  </si>
  <si>
    <t>931007507.0</t>
  </si>
  <si>
    <t>421197503.0</t>
  </si>
  <si>
    <t>369808977.0</t>
  </si>
  <si>
    <t>129243875.0</t>
  </si>
  <si>
    <t>1486628.0</t>
  </si>
  <si>
    <t>1382168.0</t>
  </si>
  <si>
    <t>265284.0</t>
  </si>
  <si>
    <t>933115531.0</t>
  </si>
  <si>
    <t>421366366.0</t>
  </si>
  <si>
    <t>369987735.0</t>
  </si>
  <si>
    <t>129436885.0</t>
  </si>
  <si>
    <t>1333118.0</t>
  </si>
  <si>
    <t>1457339.0</t>
  </si>
  <si>
    <t>267678.0</t>
  </si>
  <si>
    <t>934101298.0</t>
  </si>
  <si>
    <t>421499659.0</t>
  </si>
  <si>
    <t>370143665.0</t>
  </si>
  <si>
    <t>129941855.0</t>
  </si>
  <si>
    <t>813474.0</t>
  </si>
  <si>
    <t>1459077.0</t>
  </si>
  <si>
    <t>264579.0</t>
  </si>
  <si>
    <t>934636906.0</t>
  </si>
  <si>
    <t>421603944.0</t>
  </si>
  <si>
    <t>370278762.0</t>
  </si>
  <si>
    <t>130218136.0</t>
  </si>
  <si>
    <t>1334440.0</t>
  </si>
  <si>
    <t>1480547.0</t>
  </si>
  <si>
    <t>172006.0</t>
  </si>
  <si>
    <t>936608734.0</t>
  </si>
  <si>
    <t>421848502.0</t>
  </si>
  <si>
    <t>370655188.0</t>
  </si>
  <si>
    <t>130540686.0</t>
  </si>
  <si>
    <t>1251498.0</t>
  </si>
  <si>
    <t>1441188.0</t>
  </si>
  <si>
    <t>169845.0</t>
  </si>
  <si>
    <t>937832932.0</t>
  </si>
  <si>
    <t>421971126.0</t>
  </si>
  <si>
    <t>370805082.0</t>
  </si>
  <si>
    <t>130763299.0</t>
  </si>
  <si>
    <t>1441794.0</t>
  </si>
  <si>
    <t>1383058.0</t>
  </si>
  <si>
    <t>939023719.0</t>
  </si>
  <si>
    <t>422118400.0</t>
  </si>
  <si>
    <t>370981051.0</t>
  </si>
  <si>
    <t>131083344.0</t>
  </si>
  <si>
    <t>1239970.0</t>
  </si>
  <si>
    <t>1271561.0</t>
  </si>
  <si>
    <t>939337377.0</t>
  </si>
  <si>
    <t>422189141.0</t>
  </si>
  <si>
    <t>371059320.0</t>
  </si>
  <si>
    <t>131243427.0</t>
  </si>
  <si>
    <t>993158.0</t>
  </si>
  <si>
    <t>1201065.0</t>
  </si>
  <si>
    <t>142176.0</t>
  </si>
  <si>
    <t>941254308.0</t>
  </si>
  <si>
    <t>422325118.0</t>
  </si>
  <si>
    <t>371215979.0</t>
  </si>
  <si>
    <t>131449963.0</t>
  </si>
  <si>
    <t>858840.0</t>
  </si>
  <si>
    <t>1133312.0</t>
  </si>
  <si>
    <t>156.79</t>
  </si>
  <si>
    <t>137759.0</t>
  </si>
  <si>
    <t>942648100.0</t>
  </si>
  <si>
    <t>422472886.0</t>
  </si>
  <si>
    <t>371397790.0</t>
  </si>
  <si>
    <t>132240530.0</t>
  </si>
  <si>
    <t>1165770.0</t>
  </si>
  <si>
    <t>1183638.0</t>
  </si>
  <si>
    <t>157.02</t>
  </si>
  <si>
    <t>943229912.0</t>
  </si>
  <si>
    <t>422588011.0</t>
  </si>
  <si>
    <t>371506423.0</t>
  </si>
  <si>
    <t>132418512.0</t>
  </si>
  <si>
    <t>727731.0</t>
  </si>
  <si>
    <t>1096967.0</t>
  </si>
  <si>
    <t>944156180.0</t>
  </si>
  <si>
    <t>422773479.0</t>
  </si>
  <si>
    <t>371780337.0</t>
  </si>
  <si>
    <t>132671961.0</t>
  </si>
  <si>
    <t>744516.0</t>
  </si>
  <si>
    <t>1024538.0</t>
  </si>
  <si>
    <t>133862.0</t>
  </si>
  <si>
    <t>944788350.0</t>
  </si>
  <si>
    <t>422884748.0</t>
  </si>
  <si>
    <t>371885045.0</t>
  </si>
  <si>
    <t>132829720.0</t>
  </si>
  <si>
    <t>788908.0</t>
  </si>
  <si>
    <t>157.38</t>
  </si>
  <si>
    <t>945632022.0</t>
  </si>
  <si>
    <t>423043805.0</t>
  </si>
  <si>
    <t>372080588.0</t>
  </si>
  <si>
    <t>133115697.0</t>
  </si>
  <si>
    <t>836044.0</t>
  </si>
  <si>
    <t>873566.0</t>
  </si>
  <si>
    <t>130783.0</t>
  </si>
  <si>
    <t>945861504.0</t>
  </si>
  <si>
    <t>423096699.0</t>
  </si>
  <si>
    <t>372142052.0</t>
  </si>
  <si>
    <t>133227841.0</t>
  </si>
  <si>
    <t>577198.0</t>
  </si>
  <si>
    <t>814143.0</t>
  </si>
  <si>
    <t>946544638.0</t>
  </si>
  <si>
    <t>423176610.0</t>
  </si>
  <si>
    <t>372252258.0</t>
  </si>
  <si>
    <t>133337576.0</t>
  </si>
  <si>
    <t>472290.0</t>
  </si>
  <si>
    <t>758924.0</t>
  </si>
  <si>
    <t>947055294.0</t>
  </si>
  <si>
    <t>423282745.0</t>
  </si>
  <si>
    <t>372359563.0</t>
  </si>
  <si>
    <t>133629622.0</t>
  </si>
  <si>
    <t>116897.0</t>
  </si>
  <si>
    <t>947718860.0</t>
  </si>
  <si>
    <t>423355613.0</t>
  </si>
  <si>
    <t>372475271.0</t>
  </si>
  <si>
    <t>133760795.0</t>
  </si>
  <si>
    <t>581858.0</t>
  </si>
  <si>
    <t>655179.0</t>
  </si>
  <si>
    <t>108210.0</t>
  </si>
  <si>
    <t>948611356.0</t>
  </si>
  <si>
    <t>423495748.0</t>
  </si>
  <si>
    <t>372720313.0</t>
  </si>
  <si>
    <t>133949042.0</t>
  </si>
  <si>
    <t>755145.0</t>
  </si>
  <si>
    <t>656698.0</t>
  </si>
  <si>
    <t>103703.0</t>
  </si>
  <si>
    <t>949541104.0</t>
  </si>
  <si>
    <t>423604262.0</t>
  </si>
  <si>
    <t>372853423.0</t>
  </si>
  <si>
    <t>134135353.0</t>
  </si>
  <si>
    <t>973809.0</t>
  </si>
  <si>
    <t>683114.0</t>
  </si>
  <si>
    <t>99173.0</t>
  </si>
  <si>
    <t>950227862.0</t>
  </si>
  <si>
    <t>423704349.0</t>
  </si>
  <si>
    <t>372977961.0</t>
  </si>
  <si>
    <t>134357013.0</t>
  </si>
  <si>
    <t>1106235.0</t>
  </si>
  <si>
    <t>721713.0</t>
  </si>
  <si>
    <t>158.29</t>
  </si>
  <si>
    <t>94030.0</t>
  </si>
  <si>
    <t>951751740.0</t>
  </si>
  <si>
    <t>423784166.0</t>
  </si>
  <si>
    <t>373140244.0</t>
  </si>
  <si>
    <t>134452085.0</t>
  </si>
  <si>
    <t>944830.0</t>
  </si>
  <si>
    <t>774229.0</t>
  </si>
  <si>
    <t>158.54</t>
  </si>
  <si>
    <t>92994.0</t>
  </si>
  <si>
    <t>951862942.0</t>
  </si>
  <si>
    <t>423807001.0</t>
  </si>
  <si>
    <t>373171128.0</t>
  </si>
  <si>
    <t>134505940.0</t>
  </si>
  <si>
    <t>397169.0</t>
  </si>
  <si>
    <t>763499.0</t>
  </si>
  <si>
    <t>91838.0</t>
  </si>
  <si>
    <t>952770479.0</t>
  </si>
  <si>
    <t>423931152.0</t>
  </si>
  <si>
    <t>373325198.0</t>
  </si>
  <si>
    <t>134794633.0</t>
  </si>
  <si>
    <t>540489.0</t>
  </si>
  <si>
    <t>757074.0</t>
  </si>
  <si>
    <t>953282930.0</t>
  </si>
  <si>
    <t>424000751.0</t>
  </si>
  <si>
    <t>373418865.0</t>
  </si>
  <si>
    <t>134919861.0</t>
  </si>
  <si>
    <t>609579.0</t>
  </si>
  <si>
    <t>761032.0</t>
  </si>
  <si>
    <t>954101528.0</t>
  </si>
  <si>
    <t>424117616.0</t>
  </si>
  <si>
    <t>373555412.0</t>
  </si>
  <si>
    <t>135129672.0</t>
  </si>
  <si>
    <t>736698.0</t>
  </si>
  <si>
    <t>758397.0</t>
  </si>
  <si>
    <t>90353.0</t>
  </si>
  <si>
    <t>954852778.0</t>
  </si>
  <si>
    <t>424186926.0</t>
  </si>
  <si>
    <t>373651387.0</t>
  </si>
  <si>
    <t>135275367.0</t>
  </si>
  <si>
    <t>856114.0</t>
  </si>
  <si>
    <t>741588.0</t>
  </si>
  <si>
    <t>89441.0</t>
  </si>
  <si>
    <t>955818911.0</t>
  </si>
  <si>
    <t>424333636.0</t>
  </si>
  <si>
    <t>373799985.0</t>
  </si>
  <si>
    <t>136233477.0</t>
  </si>
  <si>
    <t>950490.0</t>
  </si>
  <si>
    <t>719335.0</t>
  </si>
  <si>
    <t>92499.0</t>
  </si>
  <si>
    <t>956015324.0</t>
  </si>
  <si>
    <t>424376028.0</t>
  </si>
  <si>
    <t>373848599.0</t>
  </si>
  <si>
    <t>136332643.0</t>
  </si>
  <si>
    <t>626561.0</t>
  </si>
  <si>
    <t>673872.0</t>
  </si>
  <si>
    <t>94236.0</t>
  </si>
  <si>
    <t>956737773.0</t>
  </si>
  <si>
    <t>424432469.0</t>
  </si>
  <si>
    <t>373917513.0</t>
  </si>
  <si>
    <t>136422036.0</t>
  </si>
  <si>
    <t>549490.0</t>
  </si>
  <si>
    <t>159.37</t>
  </si>
  <si>
    <t>96878.0</t>
  </si>
  <si>
    <t>957050436.0</t>
  </si>
  <si>
    <t>424489869.0</t>
  </si>
  <si>
    <t>373984313.0</t>
  </si>
  <si>
    <t>136528657.0</t>
  </si>
  <si>
    <t>446965.0</t>
  </si>
  <si>
    <t>682271.0</t>
  </si>
  <si>
    <t>97682.0</t>
  </si>
  <si>
    <t>957544429.0</t>
  </si>
  <si>
    <t>424584858.0</t>
  </si>
  <si>
    <t>374088976.0</t>
  </si>
  <si>
    <t>136789029.0</t>
  </si>
  <si>
    <t>385919.0</t>
  </si>
  <si>
    <t>650318.0</t>
  </si>
  <si>
    <t>97789.0</t>
  </si>
  <si>
    <t>958392751.0</t>
  </si>
  <si>
    <t>424782686.0</t>
  </si>
  <si>
    <t>374255063.0</t>
  </si>
  <si>
    <t>137093733.0</t>
  </si>
  <si>
    <t>591487.0</t>
  </si>
  <si>
    <t>629574.0</t>
  </si>
  <si>
    <t>958669370.0</t>
  </si>
  <si>
    <t>424841164.0</t>
  </si>
  <si>
    <t>374309612.0</t>
  </si>
  <si>
    <t>137254441.0</t>
  </si>
  <si>
    <t>814395.0</t>
  </si>
  <si>
    <t>623614.0</t>
  </si>
  <si>
    <t>159.69</t>
  </si>
  <si>
    <t>104217.0</t>
  </si>
  <si>
    <t>959938037.0</t>
  </si>
  <si>
    <t>425052751.0</t>
  </si>
  <si>
    <t>374491571.0</t>
  </si>
  <si>
    <t>137557343.0</t>
  </si>
  <si>
    <t>829842.0</t>
  </si>
  <si>
    <t>606379.0</t>
  </si>
  <si>
    <t>106511.0</t>
  </si>
  <si>
    <t>960504320.0</t>
  </si>
  <si>
    <t>425102451.0</t>
  </si>
  <si>
    <t>374567489.0</t>
  </si>
  <si>
    <t>137648317.0</t>
  </si>
  <si>
    <t>691020.0</t>
  </si>
  <si>
    <t>615584.0</t>
  </si>
  <si>
    <t>960739614.0</t>
  </si>
  <si>
    <t>425127183.0</t>
  </si>
  <si>
    <t>374613836.0</t>
  </si>
  <si>
    <t>137699348.0</t>
  </si>
  <si>
    <t>360954.0</t>
  </si>
  <si>
    <t>588653.0</t>
  </si>
  <si>
    <t>961197031.0</t>
  </si>
  <si>
    <t>425204474.0</t>
  </si>
  <si>
    <t>374703814.0</t>
  </si>
  <si>
    <t>137890344.0</t>
  </si>
  <si>
    <t>433415.0</t>
  </si>
  <si>
    <t>586720.0</t>
  </si>
  <si>
    <t>160.11</t>
  </si>
  <si>
    <t>105686.0</t>
  </si>
  <si>
    <t>962904652.0</t>
  </si>
  <si>
    <t>425258522.0</t>
  </si>
  <si>
    <t>374771610.0</t>
  </si>
  <si>
    <t>138027443.0</t>
  </si>
  <si>
    <t>792798.0</t>
  </si>
  <si>
    <t>106143.0</t>
  </si>
  <si>
    <t>963692781.0</t>
  </si>
  <si>
    <t>425484990.0</t>
  </si>
  <si>
    <t>374916398.0</t>
  </si>
  <si>
    <t>138439730.0</t>
  </si>
  <si>
    <t>780055.0</t>
  </si>
  <si>
    <t>819734.0</t>
  </si>
  <si>
    <t>108032.0</t>
  </si>
  <si>
    <t>964302542.0</t>
  </si>
  <si>
    <t>425569613.0</t>
  </si>
  <si>
    <t>375000415.0</t>
  </si>
  <si>
    <t>138869286.0</t>
  </si>
  <si>
    <t>942725.0</t>
  </si>
  <si>
    <t>838068.0</t>
  </si>
  <si>
    <t>108522.0</t>
  </si>
  <si>
    <t>965709617.0</t>
  </si>
  <si>
    <t>425846374.0</t>
  </si>
  <si>
    <t>375411492.0</t>
  </si>
  <si>
    <t>139571665.0</t>
  </si>
  <si>
    <t>1033407.0</t>
  </si>
  <si>
    <t>867150.0</t>
  </si>
  <si>
    <t>107431.0</t>
  </si>
  <si>
    <t>966086787.0</t>
  </si>
  <si>
    <t>425893392.0</t>
  </si>
  <si>
    <t>375460019.0</t>
  </si>
  <si>
    <t>139844244.0</t>
  </si>
  <si>
    <t>655011.0</t>
  </si>
  <si>
    <t>862003.0</t>
  </si>
  <si>
    <t>160.93</t>
  </si>
  <si>
    <t>106294.0</t>
  </si>
  <si>
    <t>966343165.0</t>
  </si>
  <si>
    <t>425927233.0</t>
  </si>
  <si>
    <t>375497179.0</t>
  </si>
  <si>
    <t>140022859.0</t>
  </si>
  <si>
    <t>518138.0</t>
  </si>
  <si>
    <t>884461.0</t>
  </si>
  <si>
    <t>106249.0</t>
  </si>
  <si>
    <t>967117532.0</t>
  </si>
  <si>
    <t>426023018.0</t>
  </si>
  <si>
    <t>375601946.0</t>
  </si>
  <si>
    <t>140585338.0</t>
  </si>
  <si>
    <t>851699.0</t>
  </si>
  <si>
    <t>944214.0</t>
  </si>
  <si>
    <t>107755.0</t>
  </si>
  <si>
    <t>967726209.0</t>
  </si>
  <si>
    <t>426091057.0</t>
  </si>
  <si>
    <t>375672940.0</t>
  </si>
  <si>
    <t>141042644.0</t>
  </si>
  <si>
    <t>869323.0</t>
  </si>
  <si>
    <t>807192.0</t>
  </si>
  <si>
    <t>108829.0</t>
  </si>
  <si>
    <t>968368741.0</t>
  </si>
  <si>
    <t>426160458.0</t>
  </si>
  <si>
    <t>375746976.0</t>
  </si>
  <si>
    <t>141530229.0</t>
  </si>
  <si>
    <t>906370.0</t>
  </si>
  <si>
    <t>825239.0</t>
  </si>
  <si>
    <t>107516.0</t>
  </si>
  <si>
    <t>969030611.0</t>
  </si>
  <si>
    <t>426229615.0</t>
  </si>
  <si>
    <t>375820204.0</t>
  </si>
  <si>
    <t>142037075.0</t>
  </si>
  <si>
    <t>919442.0</t>
  </si>
  <si>
    <t>821913.0</t>
  </si>
  <si>
    <t>101819.0</t>
  </si>
  <si>
    <t>970207148.0</t>
  </si>
  <si>
    <t>426450082.0</t>
  </si>
  <si>
    <t>375976222.0</t>
  </si>
  <si>
    <t>142909793.0</t>
  </si>
  <si>
    <t>1024227.0</t>
  </si>
  <si>
    <t>820603.0</t>
  </si>
  <si>
    <t>97772.0</t>
  </si>
  <si>
    <t>970632203.0</t>
  </si>
  <si>
    <t>426496905.0</t>
  </si>
  <si>
    <t>376024006.0</t>
  </si>
  <si>
    <t>143230785.0</t>
  </si>
  <si>
    <t>695099.0</t>
  </si>
  <si>
    <t>826330.0</t>
  </si>
  <si>
    <t>96044.0</t>
  </si>
  <si>
    <t>970895095.0</t>
  </si>
  <si>
    <t>426526779.0</t>
  </si>
  <si>
    <t>376054080.0</t>
  </si>
  <si>
    <t>143428125.0</t>
  </si>
  <si>
    <t>532095.0</t>
  </si>
  <si>
    <t>828321.0</t>
  </si>
  <si>
    <t>94262.0</t>
  </si>
  <si>
    <t>971643129.0</t>
  </si>
  <si>
    <t>426615059.0</t>
  </si>
  <si>
    <t>376155987.0</t>
  </si>
  <si>
    <t>143973370.0</t>
  </si>
  <si>
    <t>890914.0</t>
  </si>
  <si>
    <t>833925.0</t>
  </si>
  <si>
    <t>972332876.0</t>
  </si>
  <si>
    <t>426683061.0</t>
  </si>
  <si>
    <t>376224423.0</t>
  </si>
  <si>
    <t>144514016.0</t>
  </si>
  <si>
    <t>955601.0</t>
  </si>
  <si>
    <t>846252.0</t>
  </si>
  <si>
    <t>975656515.0</t>
  </si>
  <si>
    <t>426863014.0</t>
  </si>
  <si>
    <t>376502939.0</t>
  </si>
  <si>
    <t>145051441.0</t>
  </si>
  <si>
    <t>965896.0</t>
  </si>
  <si>
    <t>854756.0</t>
  </si>
  <si>
    <t>88853.0</t>
  </si>
  <si>
    <t>976338861.0</t>
  </si>
  <si>
    <t>426931928.0</t>
  </si>
  <si>
    <t>376569264.0</t>
  </si>
  <si>
    <t>145584441.0</t>
  </si>
  <si>
    <t>1031812.0</t>
  </si>
  <si>
    <t>870807.0</t>
  </si>
  <si>
    <t>86939.0</t>
  </si>
  <si>
    <t>977444644.0</t>
  </si>
  <si>
    <t>427121408.0</t>
  </si>
  <si>
    <t>376934253.0</t>
  </si>
  <si>
    <t>146233084.0</t>
  </si>
  <si>
    <t>1013168.0</t>
  </si>
  <si>
    <t>869227.0</t>
  </si>
  <si>
    <t>83884.0</t>
  </si>
  <si>
    <t>977750506.0</t>
  </si>
  <si>
    <t>427159169.0</t>
  </si>
  <si>
    <t>376969387.0</t>
  </si>
  <si>
    <t>146458688.0</t>
  </si>
  <si>
    <t>616861.0</t>
  </si>
  <si>
    <t>858050.0</t>
  </si>
  <si>
    <t>978853727.0</t>
  </si>
  <si>
    <t>427192641.0</t>
  </si>
  <si>
    <t>377004180.0</t>
  </si>
  <si>
    <t>146543987.0</t>
  </si>
  <si>
    <t>422172.0</t>
  </si>
  <si>
    <t>842349.0</t>
  </si>
  <si>
    <t>78133.0</t>
  </si>
  <si>
    <t>979540672.0</t>
  </si>
  <si>
    <t>427265010.0</t>
  </si>
  <si>
    <t>377082171.0</t>
  </si>
  <si>
    <t>147067611.0</t>
  </si>
  <si>
    <t>893768.0</t>
  </si>
  <si>
    <t>842754.0</t>
  </si>
  <si>
    <t>76037.0</t>
  </si>
  <si>
    <t>980140678.0</t>
  </si>
  <si>
    <t>427329888.0</t>
  </si>
  <si>
    <t>377142465.0</t>
  </si>
  <si>
    <t>147527565.0</t>
  </si>
  <si>
    <t>972040.0</t>
  </si>
  <si>
    <t>845104.0</t>
  </si>
  <si>
    <t>981713772.0</t>
  </si>
  <si>
    <t>427416366.0</t>
  </si>
  <si>
    <t>377205962.0</t>
  </si>
  <si>
    <t>191295272.0</t>
  </si>
  <si>
    <t>1048376.0</t>
  </si>
  <si>
    <t>856887.0</t>
  </si>
  <si>
    <t>74450.0</t>
  </si>
  <si>
    <t>983030484.0</t>
  </si>
  <si>
    <t>427537804.0</t>
  </si>
  <si>
    <t>377303989.0</t>
  </si>
  <si>
    <t>192354142.0</t>
  </si>
  <si>
    <t>1375757.0</t>
  </si>
  <si>
    <t>906022.0</t>
  </si>
  <si>
    <t>80772.0</t>
  </si>
  <si>
    <t>984358137.0</t>
  </si>
  <si>
    <t>427670306.0</t>
  </si>
  <si>
    <t>377384408.0</t>
  </si>
  <si>
    <t>193341080.0</t>
  </si>
  <si>
    <t>1162443.0</t>
  </si>
  <si>
    <t>927347.0</t>
  </si>
  <si>
    <t>163.97</t>
  </si>
  <si>
    <t>81530.0</t>
  </si>
  <si>
    <t>984708134.0</t>
  </si>
  <si>
    <t>427709836.0</t>
  </si>
  <si>
    <t>377421483.0</t>
  </si>
  <si>
    <t>193605947.0</t>
  </si>
  <si>
    <t>874344.0</t>
  </si>
  <si>
    <t>964129.0</t>
  </si>
  <si>
    <t>985755139.0</t>
  </si>
  <si>
    <t>427758553.0</t>
  </si>
  <si>
    <t>377443199.0</t>
  </si>
  <si>
    <t>194520417.0</t>
  </si>
  <si>
    <t>714562.0</t>
  </si>
  <si>
    <t>1005897.0</t>
  </si>
  <si>
    <t>986480475.0</t>
  </si>
  <si>
    <t>427830716.0</t>
  </si>
  <si>
    <t>377525515.0</t>
  </si>
  <si>
    <t>195074605.0</t>
  </si>
  <si>
    <t>711913.0</t>
  </si>
  <si>
    <t>979923.0</t>
  </si>
  <si>
    <t>164.32</t>
  </si>
  <si>
    <t>987067241.0</t>
  </si>
  <si>
    <t>427891419.0</t>
  </si>
  <si>
    <t>377585501.0</t>
  </si>
  <si>
    <t>195528666.0</t>
  </si>
  <si>
    <t>922961.0</t>
  </si>
  <si>
    <t>972910.0</t>
  </si>
  <si>
    <t>87385.0</t>
  </si>
  <si>
    <t>987659795.0</t>
  </si>
  <si>
    <t>427950949.0</t>
  </si>
  <si>
    <t>377645566.0</t>
  </si>
  <si>
    <t>195989493.0</t>
  </si>
  <si>
    <t>985843.0</t>
  </si>
  <si>
    <t>963975.0</t>
  </si>
  <si>
    <t>164.52</t>
  </si>
  <si>
    <t>86828.0</t>
  </si>
  <si>
    <t>988274849.0</t>
  </si>
  <si>
    <t>428014335.0</t>
  </si>
  <si>
    <t>377706925.0</t>
  </si>
  <si>
    <t>196465270.0</t>
  </si>
  <si>
    <t>1008285.0</t>
  </si>
  <si>
    <t>911480.0</t>
  </si>
  <si>
    <t>164.62</t>
  </si>
  <si>
    <t>80670.0</t>
  </si>
  <si>
    <t>989659035.0</t>
  </si>
  <si>
    <t>428272667.0</t>
  </si>
  <si>
    <t>378172080.0</t>
  </si>
  <si>
    <t>197203118.0</t>
  </si>
  <si>
    <t>989345.0</t>
  </si>
  <si>
    <t>886750.0</t>
  </si>
  <si>
    <t>79826.0</t>
  </si>
  <si>
    <t>989965931.0</t>
  </si>
  <si>
    <t>428308610.0</t>
  </si>
  <si>
    <t>378206546.0</t>
  </si>
  <si>
    <t>197428974.0</t>
  </si>
  <si>
    <t>831384.0</t>
  </si>
  <si>
    <t>880614.0</t>
  </si>
  <si>
    <t>990141010.0</t>
  </si>
  <si>
    <t>428330586.0</t>
  </si>
  <si>
    <t>378226670.0</t>
  </si>
  <si>
    <t>197554257.0</t>
  </si>
  <si>
    <t>699631.0</t>
  </si>
  <si>
    <t>878484.0</t>
  </si>
  <si>
    <t>102448.0</t>
  </si>
  <si>
    <t>990645218.0</t>
  </si>
  <si>
    <t>428393182.0</t>
  </si>
  <si>
    <t>378295436.0</t>
  </si>
  <si>
    <t>197916367.0</t>
  </si>
  <si>
    <t>934123.0</t>
  </si>
  <si>
    <t>114778.0</t>
  </si>
  <si>
    <t>991238885.0</t>
  </si>
  <si>
    <t>428447287.0</t>
  </si>
  <si>
    <t>378346936.0</t>
  </si>
  <si>
    <t>198387358.0</t>
  </si>
  <si>
    <t>1113409.0</t>
  </si>
  <si>
    <t>937432.0</t>
  </si>
  <si>
    <t>991921220.0</t>
  </si>
  <si>
    <t>428502779.0</t>
  </si>
  <si>
    <t>378401827.0</t>
  </si>
  <si>
    <t>198945622.0</t>
  </si>
  <si>
    <t>1202902.0</t>
  </si>
  <si>
    <t>968441.0</t>
  </si>
  <si>
    <t>992548270.0</t>
  </si>
  <si>
    <t>428559011.0</t>
  </si>
  <si>
    <t>378458907.0</t>
  </si>
  <si>
    <t>199446146.0</t>
  </si>
  <si>
    <t>1145966.0</t>
  </si>
  <si>
    <t>988110.0</t>
  </si>
  <si>
    <t>997876971.0</t>
  </si>
  <si>
    <t>429433111.0</t>
  </si>
  <si>
    <t>378569805.0</t>
  </si>
  <si>
    <t>203208313.0</t>
  </si>
  <si>
    <t>1102821.0</t>
  </si>
  <si>
    <t>1004318.0</t>
  </si>
  <si>
    <t>160240.0</t>
  </si>
  <si>
    <t>998140323.0</t>
  </si>
  <si>
    <t>429465098.0</t>
  </si>
  <si>
    <t>378599852.0</t>
  </si>
  <si>
    <t>203399999.0</t>
  </si>
  <si>
    <t>873171.0</t>
  </si>
  <si>
    <t>1010291.0</t>
  </si>
  <si>
    <t>145262.0</t>
  </si>
  <si>
    <t>998298420.0</t>
  </si>
  <si>
    <t>429483594.0</t>
  </si>
  <si>
    <t>378614957.0</t>
  </si>
  <si>
    <t>203514591.0</t>
  </si>
  <si>
    <t>739412.0</t>
  </si>
  <si>
    <t>1015974.0</t>
  </si>
  <si>
    <t>166.29</t>
  </si>
  <si>
    <t>130212.0</t>
  </si>
  <si>
    <t>998726487.0</t>
  </si>
  <si>
    <t>429537437.0</t>
  </si>
  <si>
    <t>378662528.0</t>
  </si>
  <si>
    <t>203827383.0</t>
  </si>
  <si>
    <t>1023712.0</t>
  </si>
  <si>
    <t>1028772.0</t>
  </si>
  <si>
    <t>116478.0</t>
  </si>
  <si>
    <t>999310691.0</t>
  </si>
  <si>
    <t>429618919.0</t>
  </si>
  <si>
    <t>378726741.0</t>
  </si>
  <si>
    <t>204224619.0</t>
  </si>
  <si>
    <t>1089653.0</t>
  </si>
  <si>
    <t>1025378.0</t>
  </si>
  <si>
    <t>104695.0</t>
  </si>
  <si>
    <t>999854742.0</t>
  </si>
  <si>
    <t>429672428.0</t>
  </si>
  <si>
    <t>378781564.0</t>
  </si>
  <si>
    <t>204613815.0</t>
  </si>
  <si>
    <t>1144414.0</t>
  </si>
  <si>
    <t>1017021.0</t>
  </si>
  <si>
    <t>90012.0</t>
  </si>
  <si>
    <t>1000396164.0</t>
  </si>
  <si>
    <t>429724705.0</t>
  </si>
  <si>
    <t>378833841.0</t>
  </si>
  <si>
    <t>205005155.0</t>
  </si>
  <si>
    <t>1143985.0</t>
  </si>
  <si>
    <t>1016738.0</t>
  </si>
  <si>
    <t>75337.0</t>
  </si>
  <si>
    <t>1004979702.0</t>
  </si>
  <si>
    <t>429860014.0</t>
  </si>
  <si>
    <t>378949828.0</t>
  </si>
  <si>
    <t>210236855.0</t>
  </si>
  <si>
    <t>1127080.0</t>
  </si>
  <si>
    <t>1020205.0</t>
  </si>
  <si>
    <t>1005279489.0</t>
  </si>
  <si>
    <t>429894121.0</t>
  </si>
  <si>
    <t>378982461.0</t>
  </si>
  <si>
    <t>210431816.0</t>
  </si>
  <si>
    <t>817007.0</t>
  </si>
  <si>
    <t>1012182.0</t>
  </si>
  <si>
    <t>1005458676.0</t>
  </si>
  <si>
    <t>429914617.0</t>
  </si>
  <si>
    <t>379002161.0</t>
  </si>
  <si>
    <t>210538627.0</t>
  </si>
  <si>
    <t>696976.0</t>
  </si>
  <si>
    <t>1006118.0</t>
  </si>
  <si>
    <t>1007176471.0</t>
  </si>
  <si>
    <t>430901971.0</t>
  </si>
  <si>
    <t>379048470.0</t>
  </si>
  <si>
    <t>210891817.0</t>
  </si>
  <si>
    <t>922085.0</t>
  </si>
  <si>
    <t>991598.0</t>
  </si>
  <si>
    <t>196816.0</t>
  </si>
  <si>
    <t>1007782658.0</t>
  </si>
  <si>
    <t>430963620.0</t>
  </si>
  <si>
    <t>379110879.0</t>
  </si>
  <si>
    <t>211259731.0</t>
  </si>
  <si>
    <t>565539.0</t>
  </si>
  <si>
    <t>916725.0</t>
  </si>
  <si>
    <t>194768.0</t>
  </si>
  <si>
    <t>1008291078.0</t>
  </si>
  <si>
    <t>431018184.0</t>
  </si>
  <si>
    <t>379164102.0</t>
  </si>
  <si>
    <t>211616940.0</t>
  </si>
  <si>
    <t>589960.0</t>
  </si>
  <si>
    <t>837519.0</t>
  </si>
  <si>
    <t>195426.0</t>
  </si>
  <si>
    <t>1008896071.0</t>
  </si>
  <si>
    <t>431073796.0</t>
  </si>
  <si>
    <t>379222757.0</t>
  </si>
  <si>
    <t>212055689.0</t>
  </si>
  <si>
    <t>684876.0</t>
  </si>
  <si>
    <t>771933.0</t>
  </si>
  <si>
    <t>196250.0</t>
  </si>
  <si>
    <t>1010057755.0</t>
  </si>
  <si>
    <t>431241031.0</t>
  </si>
  <si>
    <t>379357141.0</t>
  </si>
  <si>
    <t>212709805.0</t>
  </si>
  <si>
    <t>728193.0</t>
  </si>
  <si>
    <t>714947.0</t>
  </si>
  <si>
    <t>197155.0</t>
  </si>
  <si>
    <t>1010392791.0</t>
  </si>
  <si>
    <t>431276401.0</t>
  </si>
  <si>
    <t>379391079.0</t>
  </si>
  <si>
    <t>212921831.0</t>
  </si>
  <si>
    <t>526780.0</t>
  </si>
  <si>
    <t>673487.0</t>
  </si>
  <si>
    <t>165977.0</t>
  </si>
  <si>
    <t>1010604353.0</t>
  </si>
  <si>
    <t>431298791.0</t>
  </si>
  <si>
    <t>379412366.0</t>
  </si>
  <si>
    <t>213040395.0</t>
  </si>
  <si>
    <t>402258.0</t>
  </si>
  <si>
    <t>631384.0</t>
  </si>
  <si>
    <t>134799.0</t>
  </si>
  <si>
    <t>1011170787.0</t>
  </si>
  <si>
    <t>431359783.0</t>
  </si>
  <si>
    <t>379472750.0</t>
  </si>
  <si>
    <t>213403178.0</t>
  </si>
  <si>
    <t>650133.0</t>
  </si>
  <si>
    <t>592534.0</t>
  </si>
  <si>
    <t>1011678671.0</t>
  </si>
  <si>
    <t>431413385.0</t>
  </si>
  <si>
    <t>379520642.0</t>
  </si>
  <si>
    <t>213739768.0</t>
  </si>
  <si>
    <t>686210.0</t>
  </si>
  <si>
    <t>609771.0</t>
  </si>
  <si>
    <t>116915.0</t>
  </si>
  <si>
    <t>1012252623.0</t>
  </si>
  <si>
    <t>431466881.0</t>
  </si>
  <si>
    <t>379580411.0</t>
  </si>
  <si>
    <t>214083922.0</t>
  </si>
  <si>
    <t>752916.0</t>
  </si>
  <si>
    <t>633053.0</t>
  </si>
  <si>
    <t>129806.0</t>
  </si>
  <si>
    <t>1012871024.0</t>
  </si>
  <si>
    <t>431520227.0</t>
  </si>
  <si>
    <t>379632315.0</t>
  </si>
  <si>
    <t>214476609.0</t>
  </si>
  <si>
    <t>775997.0</t>
  </si>
  <si>
    <t>142331.0</t>
  </si>
  <si>
    <t>1013626259.0</t>
  </si>
  <si>
    <t>431633973.0</t>
  </si>
  <si>
    <t>379770918.0</t>
  </si>
  <si>
    <t>214937892.0</t>
  </si>
  <si>
    <t>758090.0</t>
  </si>
  <si>
    <t>650342.0</t>
  </si>
  <si>
    <t>1014047404.0</t>
  </si>
  <si>
    <t>431662882.0</t>
  </si>
  <si>
    <t>379798125.0</t>
  </si>
  <si>
    <t>215104808.0</t>
  </si>
  <si>
    <t>518219.0</t>
  </si>
  <si>
    <t>649118.0</t>
  </si>
  <si>
    <t>153296.0</t>
  </si>
  <si>
    <t>1014220628.0</t>
  </si>
  <si>
    <t>431681949.0</t>
  </si>
  <si>
    <t>379815562.0</t>
  </si>
  <si>
    <t>215190781.0</t>
  </si>
  <si>
    <t>361654.0</t>
  </si>
  <si>
    <t>643316.0</t>
  </si>
  <si>
    <t>168.95</t>
  </si>
  <si>
    <t>152410.0</t>
  </si>
  <si>
    <t>1014293397.0</t>
  </si>
  <si>
    <t>431690290.0</t>
  </si>
  <si>
    <t>379823603.0</t>
  </si>
  <si>
    <t>215226975.0</t>
  </si>
  <si>
    <t>250754.0</t>
  </si>
  <si>
    <t>586263.0</t>
  </si>
  <si>
    <t>145338.0</t>
  </si>
  <si>
    <t>1014797224.0</t>
  </si>
  <si>
    <t>431742438.0</t>
  </si>
  <si>
    <t>379872624.0</t>
  </si>
  <si>
    <t>215506208.0</t>
  </si>
  <si>
    <t>696378.0</t>
  </si>
  <si>
    <t>587715.0</t>
  </si>
  <si>
    <t>145215.0</t>
  </si>
  <si>
    <t>1015317956.0</t>
  </si>
  <si>
    <t>431796109.0</t>
  </si>
  <si>
    <t>379920898.0</t>
  </si>
  <si>
    <t>215808191.0</t>
  </si>
  <si>
    <t>708760.0</t>
  </si>
  <si>
    <t>144844.0</t>
  </si>
  <si>
    <t>1015867097.0</t>
  </si>
  <si>
    <t>431860023.0</t>
  </si>
  <si>
    <t>379966751.0</t>
  </si>
  <si>
    <t>216495473.0</t>
  </si>
  <si>
    <t>740063.0</t>
  </si>
  <si>
    <t>576272.0</t>
  </si>
  <si>
    <t>144200.0</t>
  </si>
  <si>
    <t>1018543641.0</t>
  </si>
  <si>
    <t>433337020.0</t>
  </si>
  <si>
    <t>380632806.0</t>
  </si>
  <si>
    <t>217062161.0</t>
  </si>
  <si>
    <t>671824.0</t>
  </si>
  <si>
    <t>563950.0</t>
  </si>
  <si>
    <t>143586.0</t>
  </si>
  <si>
    <t>1018799221.0</t>
  </si>
  <si>
    <t>433366552.0</t>
  </si>
  <si>
    <t>380656765.0</t>
  </si>
  <si>
    <t>217216756.0</t>
  </si>
  <si>
    <t>364737.0</t>
  </si>
  <si>
    <t>542023.0</t>
  </si>
  <si>
    <t>133579.0</t>
  </si>
  <si>
    <t>1018929988.0</t>
  </si>
  <si>
    <t>433388327.0</t>
  </si>
  <si>
    <t>380670351.0</t>
  </si>
  <si>
    <t>217299263.0</t>
  </si>
  <si>
    <t>242914.0</t>
  </si>
  <si>
    <t>124088.0</t>
  </si>
  <si>
    <t>1019268689.0</t>
  </si>
  <si>
    <t>433435930.0</t>
  </si>
  <si>
    <t>380710162.0</t>
  </si>
  <si>
    <t>217529733.0</t>
  </si>
  <si>
    <t>119698.0</t>
  </si>
  <si>
    <t>1019666968.0</t>
  </si>
  <si>
    <t>433483852.0</t>
  </si>
  <si>
    <t>380748862.0</t>
  </si>
  <si>
    <t>217781999.0</t>
  </si>
  <si>
    <t>501458.0</t>
  </si>
  <si>
    <t>525635.0</t>
  </si>
  <si>
    <t>1020398496.0</t>
  </si>
  <si>
    <t>433600772.0</t>
  </si>
  <si>
    <t>380971092.0</t>
  </si>
  <si>
    <t>218110928.0</t>
  </si>
  <si>
    <t>532897.0</t>
  </si>
  <si>
    <t>500512.0</t>
  </si>
  <si>
    <t>1020805664.0</t>
  </si>
  <si>
    <t>433648637.0</t>
  </si>
  <si>
    <t>381011801.0</t>
  </si>
  <si>
    <t>218413244.0</t>
  </si>
  <si>
    <t>552969.0</t>
  </si>
  <si>
    <t>473784.0</t>
  </si>
  <si>
    <t>88053.0</t>
  </si>
  <si>
    <t>1021660562.0</t>
  </si>
  <si>
    <t>433868572.0</t>
  </si>
  <si>
    <t>381074403.0</t>
  </si>
  <si>
    <t>218833231.0</t>
  </si>
  <si>
    <t>521105.0</t>
  </si>
  <si>
    <t>452252.0</t>
  </si>
  <si>
    <t>76274.0</t>
  </si>
  <si>
    <t>1021930014.0</t>
  </si>
  <si>
    <t>433895571.0</t>
  </si>
  <si>
    <t>381097630.0</t>
  </si>
  <si>
    <t>218966146.0</t>
  </si>
  <si>
    <t>398457.0</t>
  </si>
  <si>
    <t>457072.0</t>
  </si>
  <si>
    <t>74871.0</t>
  </si>
  <si>
    <t>1022074750.0</t>
  </si>
  <si>
    <t>433912442.0</t>
  </si>
  <si>
    <t>381112268.0</t>
  </si>
  <si>
    <t>219033742.0</t>
  </si>
  <si>
    <t>273741.0</t>
  </si>
  <si>
    <t>461475.0</t>
  </si>
  <si>
    <t>1022362448.0</t>
  </si>
  <si>
    <t>433955252.0</t>
  </si>
  <si>
    <t>381148591.0</t>
  </si>
  <si>
    <t>219226310.0</t>
  </si>
  <si>
    <t>415328.0</t>
  </si>
  <si>
    <t>456565.0</t>
  </si>
  <si>
    <t>71235.0</t>
  </si>
  <si>
    <t>1022736072.0</t>
  </si>
  <si>
    <t>434000223.0</t>
  </si>
  <si>
    <t>381184981.0</t>
  </si>
  <si>
    <t>219448372.0</t>
  </si>
  <si>
    <t>502711.0</t>
  </si>
  <si>
    <t>456745.0</t>
  </si>
  <si>
    <t>1023405051.0</t>
  </si>
  <si>
    <t>434087067.0</t>
  </si>
  <si>
    <t>381380488.0</t>
  </si>
  <si>
    <t>219747636.0</t>
  </si>
  <si>
    <t>530782.0</t>
  </si>
  <si>
    <t>456442.0</t>
  </si>
  <si>
    <t>1023888998.0</t>
  </si>
  <si>
    <t>434135205.0</t>
  </si>
  <si>
    <t>381421643.0</t>
  </si>
  <si>
    <t>220046649.0</t>
  </si>
  <si>
    <t>545962.0</t>
  </si>
  <si>
    <t>455438.0</t>
  </si>
  <si>
    <t>65902.0</t>
  </si>
  <si>
    <t>1024880104.0</t>
  </si>
  <si>
    <t>434319776.0</t>
  </si>
  <si>
    <t>381521994.0</t>
  </si>
  <si>
    <t>220411097.0</t>
  </si>
  <si>
    <t>585315.0</t>
  </si>
  <si>
    <t>464616.0</t>
  </si>
  <si>
    <t>170.72</t>
  </si>
  <si>
    <t>64624.0</t>
  </si>
  <si>
    <t>1025058557.0</t>
  </si>
  <si>
    <t>434344003.0</t>
  </si>
  <si>
    <t>381541767.0</t>
  </si>
  <si>
    <t>220513736.0</t>
  </si>
  <si>
    <t>267247.0</t>
  </si>
  <si>
    <t>445869.0</t>
  </si>
  <si>
    <t>170.75</t>
  </si>
  <si>
    <t>1025136528.0</t>
  </si>
  <si>
    <t>434356820.0</t>
  </si>
  <si>
    <t>381552782.0</t>
  </si>
  <si>
    <t>220561582.0</t>
  </si>
  <si>
    <t>430640.0</t>
  </si>
  <si>
    <t>61531.0</t>
  </si>
  <si>
    <t>1025441230.0</t>
  </si>
  <si>
    <t>434396210.0</t>
  </si>
  <si>
    <t>381582101.0</t>
  </si>
  <si>
    <t>220731451.0</t>
  </si>
  <si>
    <t>392653.0</t>
  </si>
  <si>
    <t>427399.0</t>
  </si>
  <si>
    <t>1025815239.0</t>
  </si>
  <si>
    <t>434451478.0</t>
  </si>
  <si>
    <t>381618702.0</t>
  </si>
  <si>
    <t>220938859.0</t>
  </si>
  <si>
    <t>445589.0</t>
  </si>
  <si>
    <t>419238.0</t>
  </si>
  <si>
    <t>60190.0</t>
  </si>
  <si>
    <t>1026430279.0</t>
  </si>
  <si>
    <t>434576515.0</t>
  </si>
  <si>
    <t>381819453.0</t>
  </si>
  <si>
    <t>221177122.0</t>
  </si>
  <si>
    <t>461570.0</t>
  </si>
  <si>
    <t>409351.0</t>
  </si>
  <si>
    <t>1026843647.0</t>
  </si>
  <si>
    <t>434652130.0</t>
  </si>
  <si>
    <t>381856308.0</t>
  </si>
  <si>
    <t>221427848.0</t>
  </si>
  <si>
    <t>501817.0</t>
  </si>
  <si>
    <t>403045.0</t>
  </si>
  <si>
    <t>171.05</t>
  </si>
  <si>
    <t>65318.0</t>
  </si>
  <si>
    <t>1027522608.0</t>
  </si>
  <si>
    <t>434799437.0</t>
  </si>
  <si>
    <t>381936174.0</t>
  </si>
  <si>
    <t>221766168.0</t>
  </si>
  <si>
    <t>468917.0</t>
  </si>
  <si>
    <t>386416.0</t>
  </si>
  <si>
    <t>69018.0</t>
  </si>
  <si>
    <t>1027724221.0</t>
  </si>
  <si>
    <t>434862691.0</t>
  </si>
  <si>
    <t>381955087.0</t>
  </si>
  <si>
    <t>221859132.0</t>
  </si>
  <si>
    <t>285574.0</t>
  </si>
  <si>
    <t>389034.0</t>
  </si>
  <si>
    <t>92796.0</t>
  </si>
  <si>
    <t>1027821335.0</t>
  </si>
  <si>
    <t>434888567.0</t>
  </si>
  <si>
    <t>381966623.0</t>
  </si>
  <si>
    <t>221909181.0</t>
  </si>
  <si>
    <t>181334.0</t>
  </si>
  <si>
    <t>391065.0</t>
  </si>
  <si>
    <t>171.21</t>
  </si>
  <si>
    <t>112875.0</t>
  </si>
  <si>
    <t>1028113963.0</t>
  </si>
  <si>
    <t>434957166.0</t>
  </si>
  <si>
    <t>381997781.0</t>
  </si>
  <si>
    <t>222062243.0</t>
  </si>
  <si>
    <t>376623.0</t>
  </si>
  <si>
    <t>388773.0</t>
  </si>
  <si>
    <t>135361.0</t>
  </si>
  <si>
    <t>1028436311.0</t>
  </si>
  <si>
    <t>435030293.0</t>
  </si>
  <si>
    <t>382030436.0</t>
  </si>
  <si>
    <t>222233395.0</t>
  </si>
  <si>
    <t>406024.0</t>
  </si>
  <si>
    <t>383123.0</t>
  </si>
  <si>
    <t>1028836747.0</t>
  </si>
  <si>
    <t>435111588.0</t>
  </si>
  <si>
    <t>382068110.0</t>
  </si>
  <si>
    <t>222468271.0</t>
  </si>
  <si>
    <t>376955.0</t>
  </si>
  <si>
    <t>175882.0</t>
  </si>
  <si>
    <t>1029348820.0</t>
  </si>
  <si>
    <t>435220501.0</t>
  </si>
  <si>
    <t>382196528.0</t>
  </si>
  <si>
    <t>222692635.0</t>
  </si>
  <si>
    <t>430748.0</t>
  </si>
  <si>
    <t>366802.0</t>
  </si>
  <si>
    <t>195698.0</t>
  </si>
  <si>
    <t>1029782785.0</t>
  </si>
  <si>
    <t>435302551.0</t>
  </si>
  <si>
    <t>382251445.0</t>
  </si>
  <si>
    <t>222926690.0</t>
  </si>
  <si>
    <t>450189.0</t>
  </si>
  <si>
    <t>364124.0</t>
  </si>
  <si>
    <t>171.54</t>
  </si>
  <si>
    <t>214510.0</t>
  </si>
  <si>
    <t>1029915046.0</t>
  </si>
  <si>
    <t>435334534.0</t>
  </si>
  <si>
    <t>382266262.0</t>
  </si>
  <si>
    <t>222992781.0</t>
  </si>
  <si>
    <t>214561.0</t>
  </si>
  <si>
    <t>353980.0</t>
  </si>
  <si>
    <t>209802.0</t>
  </si>
  <si>
    <t>1029990543.0</t>
  </si>
  <si>
    <t>435350195.0</t>
  </si>
  <si>
    <t>382275626.0</t>
  </si>
  <si>
    <t>223035658.0</t>
  </si>
  <si>
    <t>157816.0</t>
  </si>
  <si>
    <t>350619.0</t>
  </si>
  <si>
    <t>208080.0</t>
  </si>
  <si>
    <t>1030037865.0</t>
  </si>
  <si>
    <t>435355689.0</t>
  </si>
  <si>
    <t>382279304.0</t>
  </si>
  <si>
    <t>223050342.0</t>
  </si>
  <si>
    <t>129063.0</t>
  </si>
  <si>
    <t>198794.0</t>
  </si>
  <si>
    <t>1030340007.0</t>
  </si>
  <si>
    <t>435422651.0</t>
  </si>
  <si>
    <t>382314608.0</t>
  </si>
  <si>
    <t>223211374.0</t>
  </si>
  <si>
    <t>384324.0</t>
  </si>
  <si>
    <t>312152.0</t>
  </si>
  <si>
    <t>171.63</t>
  </si>
  <si>
    <t>197660.0</t>
  </si>
  <si>
    <t>1030657157.0</t>
  </si>
  <si>
    <t>435495555.0</t>
  </si>
  <si>
    <t>382351518.0</t>
  </si>
  <si>
    <t>223405394.0</t>
  </si>
  <si>
    <t>428486.0</t>
  </si>
  <si>
    <t>313597.0</t>
  </si>
  <si>
    <t>1031227579.0</t>
  </si>
  <si>
    <t>435591426.0</t>
  </si>
  <si>
    <t>382448727.0</t>
  </si>
  <si>
    <t>223714834.0</t>
  </si>
  <si>
    <t>494674.0</t>
  </si>
  <si>
    <t>322730.0</t>
  </si>
  <si>
    <t>195675.0</t>
  </si>
  <si>
    <t>1032313342.0</t>
  </si>
  <si>
    <t>437667278.0</t>
  </si>
  <si>
    <t>382543122.0</t>
  </si>
  <si>
    <t>227515197.0</t>
  </si>
  <si>
    <t>490518.0</t>
  </si>
  <si>
    <t>328492.0</t>
  </si>
  <si>
    <t>195512.0</t>
  </si>
  <si>
    <t>1032517295.0</t>
  </si>
  <si>
    <t>437709200.0</t>
  </si>
  <si>
    <t>382562957.0</t>
  </si>
  <si>
    <t>227636858.0</t>
  </si>
  <si>
    <t>264758.0</t>
  </si>
  <si>
    <t>335653.0</t>
  </si>
  <si>
    <t>197312.0</t>
  </si>
  <si>
    <t>1032619704.0</t>
  </si>
  <si>
    <t>437731612.0</t>
  </si>
  <si>
    <t>382573749.0</t>
  </si>
  <si>
    <t>227697919.0</t>
  </si>
  <si>
    <t>163310.0</t>
  </si>
  <si>
    <t>336441.0</t>
  </si>
  <si>
    <t>1032928774.0</t>
  </si>
  <si>
    <t>437793503.0</t>
  </si>
  <si>
    <t>382606885.0</t>
  </si>
  <si>
    <t>227875304.0</t>
  </si>
  <si>
    <t>369994.0</t>
  </si>
  <si>
    <t>370859.0</t>
  </si>
  <si>
    <t>207011.0</t>
  </si>
  <si>
    <t>1033275144.0</t>
  </si>
  <si>
    <t>437862900.0</t>
  </si>
  <si>
    <t>382641241.0</t>
  </si>
  <si>
    <t>228083561.0</t>
  </si>
  <si>
    <t>407172.0</t>
  </si>
  <si>
    <t>374127.0</t>
  </si>
  <si>
    <t>207709.0</t>
  </si>
  <si>
    <t>1033842239.0</t>
  </si>
  <si>
    <t>437954626.0</t>
  </si>
  <si>
    <t>382723966.0</t>
  </si>
  <si>
    <t>228434753.0</t>
  </si>
  <si>
    <t>519634.0</t>
  </si>
  <si>
    <t>387149.0</t>
  </si>
  <si>
    <t>208320.0</t>
  </si>
  <si>
    <t>1034244397.0</t>
  </si>
  <si>
    <t>438029297.0</t>
  </si>
  <si>
    <t>382762711.0</t>
  </si>
  <si>
    <t>228697333.0</t>
  </si>
  <si>
    <t>513929.0</t>
  </si>
  <si>
    <t>209266.0</t>
  </si>
  <si>
    <t>1035347447.0</t>
  </si>
  <si>
    <t>438127446.0</t>
  </si>
  <si>
    <t>382883946.0</t>
  </si>
  <si>
    <t>229308366.0</t>
  </si>
  <si>
    <t>576837.0</t>
  </si>
  <si>
    <t>402233.0</t>
  </si>
  <si>
    <t>172.46</t>
  </si>
  <si>
    <t>210530.0</t>
  </si>
  <si>
    <t>1035613891.0</t>
  </si>
  <si>
    <t>438171713.0</t>
  </si>
  <si>
    <t>382907581.0</t>
  </si>
  <si>
    <t>229475197.0</t>
  </si>
  <si>
    <t>307928.0</t>
  </si>
  <si>
    <t>408401.0</t>
  </si>
  <si>
    <t>211110.0</t>
  </si>
  <si>
    <t>1035769601.0</t>
  </si>
  <si>
    <t>438194997.0</t>
  </si>
  <si>
    <t>382921765.0</t>
  </si>
  <si>
    <t>229578473.0</t>
  </si>
  <si>
    <t>197194.0</t>
  </si>
  <si>
    <t>413240.0</t>
  </si>
  <si>
    <t>211536.0</t>
  </si>
  <si>
    <t>1036168864.0</t>
  </si>
  <si>
    <t>438263755.0</t>
  </si>
  <si>
    <t>382960914.0</t>
  </si>
  <si>
    <t>229823459.0</t>
  </si>
  <si>
    <t>440749.0</t>
  </si>
  <si>
    <t>423350.0</t>
  </si>
  <si>
    <t>212952.0</t>
  </si>
  <si>
    <t>1036626142.0</t>
  </si>
  <si>
    <t>438346254.0</t>
  </si>
  <si>
    <t>383020887.0</t>
  </si>
  <si>
    <t>230082406.0</t>
  </si>
  <si>
    <t>432491.0</t>
  </si>
  <si>
    <t>213888.0</t>
  </si>
  <si>
    <t>1037083559.0</t>
  </si>
  <si>
    <t>438416814.0</t>
  </si>
  <si>
    <t>383066382.0</t>
  </si>
  <si>
    <t>230355143.0</t>
  </si>
  <si>
    <t>492186.0</t>
  </si>
  <si>
    <t>428569.0</t>
  </si>
  <si>
    <t>213318.0</t>
  </si>
  <si>
    <t>1037588635.0</t>
  </si>
  <si>
    <t>438487191.0</t>
  </si>
  <si>
    <t>383113744.0</t>
  </si>
  <si>
    <t>230667543.0</t>
  </si>
  <si>
    <t>540372.0</t>
  </si>
  <si>
    <t>432347.0</t>
  </si>
  <si>
    <t>172.84</t>
  </si>
  <si>
    <t>212443.0</t>
  </si>
  <si>
    <t>1038271179.0</t>
  </si>
  <si>
    <t>440603371.0</t>
  </si>
  <si>
    <t>383183846.0</t>
  </si>
  <si>
    <t>231093529.0</t>
  </si>
  <si>
    <t>563842.0</t>
  </si>
  <si>
    <t>430490.0</t>
  </si>
  <si>
    <t>211145.0</t>
  </si>
  <si>
    <t>1038548518.0</t>
  </si>
  <si>
    <t>440643601.0</t>
  </si>
  <si>
    <t>383215727.0</t>
  </si>
  <si>
    <t>231257074.0</t>
  </si>
  <si>
    <t>325089.0</t>
  </si>
  <si>
    <t>207801.0</t>
  </si>
  <si>
    <t>1038681916.0</t>
  </si>
  <si>
    <t>440663312.0</t>
  </si>
  <si>
    <t>383230210.0</t>
  </si>
  <si>
    <t>231344867.0</t>
  </si>
  <si>
    <t>196433.0</t>
  </si>
  <si>
    <t>432832.0</t>
  </si>
  <si>
    <t>1039038476.0</t>
  </si>
  <si>
    <t>440726456.0</t>
  </si>
  <si>
    <t>383268424.0</t>
  </si>
  <si>
    <t>231554402.0</t>
  </si>
  <si>
    <t>392899.0</t>
  </si>
  <si>
    <t>425997.0</t>
  </si>
  <si>
    <t>200875.0</t>
  </si>
  <si>
    <t>1039529867.0</t>
  </si>
  <si>
    <t>440802754.0</t>
  </si>
  <si>
    <t>383319675.0</t>
  </si>
  <si>
    <t>231886169.0</t>
  </si>
  <si>
    <t>417587.0</t>
  </si>
  <si>
    <t>196921.0</t>
  </si>
  <si>
    <t>1040192634.0</t>
  </si>
  <si>
    <t>440905578.0</t>
  </si>
  <si>
    <t>383406419.0</t>
  </si>
  <si>
    <t>232344334.0</t>
  </si>
  <si>
    <t>581863.0</t>
  </si>
  <si>
    <t>430400.0</t>
  </si>
  <si>
    <t>173.27</t>
  </si>
  <si>
    <t>193380.0</t>
  </si>
  <si>
    <t>1040609492.0</t>
  </si>
  <si>
    <t>440971139.0</t>
  </si>
  <si>
    <t>383453507.0</t>
  </si>
  <si>
    <t>232599276.0</t>
  </si>
  <si>
    <t>478624.0</t>
  </si>
  <si>
    <t>421580.0</t>
  </si>
  <si>
    <t>1041233981.0</t>
  </si>
  <si>
    <t>441080563.0</t>
  </si>
  <si>
    <t>383568204.0</t>
  </si>
  <si>
    <t>233009432.0</t>
  </si>
  <si>
    <t>448279.0</t>
  </si>
  <si>
    <t>405069.0</t>
  </si>
  <si>
    <t>173.45</t>
  </si>
  <si>
    <t>188615.0</t>
  </si>
  <si>
    <t>1041402188.0</t>
  </si>
  <si>
    <t>441111906.0</t>
  </si>
  <si>
    <t>383590425.0</t>
  </si>
  <si>
    <t>233100219.0</t>
  </si>
  <si>
    <t>244304.0</t>
  </si>
  <si>
    <t>393527.0</t>
  </si>
  <si>
    <t>190504.0</t>
  </si>
  <si>
    <t>1041497738.0</t>
  </si>
  <si>
    <t>441128628.0</t>
  </si>
  <si>
    <t>383602239.0</t>
  </si>
  <si>
    <t>233163150.0</t>
  </si>
  <si>
    <t>389991.0</t>
  </si>
  <si>
    <t>193145.0</t>
  </si>
  <si>
    <t>1041880062.0</t>
  </si>
  <si>
    <t>441231818.0</t>
  </si>
  <si>
    <t>383637149.0</t>
  </si>
  <si>
    <t>233322051.0</t>
  </si>
  <si>
    <t>442714.0</t>
  </si>
  <si>
    <t>397105.0</t>
  </si>
  <si>
    <t>195080.0</t>
  </si>
  <si>
    <t>1042206166.0</t>
  </si>
  <si>
    <t>441295778.0</t>
  </si>
  <si>
    <t>383675073.0</t>
  </si>
  <si>
    <t>233476790.0</t>
  </si>
  <si>
    <t>399653.0</t>
  </si>
  <si>
    <t>395299.0</t>
  </si>
  <si>
    <t>173.61</t>
  </si>
  <si>
    <t>196323.0</t>
  </si>
  <si>
    <t>1042742048.0</t>
  </si>
  <si>
    <t>441417628.0</t>
  </si>
  <si>
    <t>383794534.0</t>
  </si>
  <si>
    <t>233702604.0</t>
  </si>
  <si>
    <t>422752.0</t>
  </si>
  <si>
    <t>197467.0</t>
  </si>
  <si>
    <t>1043164176.0</t>
  </si>
  <si>
    <t>441475967.0</t>
  </si>
  <si>
    <t>383835400.0</t>
  </si>
  <si>
    <t>233929884.0</t>
  </si>
  <si>
    <t>574028.0</t>
  </si>
  <si>
    <t>386196.0</t>
  </si>
  <si>
    <t>173.77</t>
  </si>
  <si>
    <t>200750.0</t>
  </si>
  <si>
    <t>1044006777.0</t>
  </si>
  <si>
    <t>443365583.0</t>
  </si>
  <si>
    <t>384025973.0</t>
  </si>
  <si>
    <t>234351357.0</t>
  </si>
  <si>
    <t>530878.0</t>
  </si>
  <si>
    <t>397998.0</t>
  </si>
  <si>
    <t>202922.0</t>
  </si>
  <si>
    <t>1044193430.0</t>
  </si>
  <si>
    <t>443397297.0</t>
  </si>
  <si>
    <t>384050483.0</t>
  </si>
  <si>
    <t>234442730.0</t>
  </si>
  <si>
    <t>223741.0</t>
  </si>
  <si>
    <t>395059.0</t>
  </si>
  <si>
    <t>1044288103.0</t>
  </si>
  <si>
    <t>443412429.0</t>
  </si>
  <si>
    <t>384064044.0</t>
  </si>
  <si>
    <t>234491086.0</t>
  </si>
  <si>
    <t>134102.0</t>
  </si>
  <si>
    <t>389696.0</t>
  </si>
  <si>
    <t>189749.0</t>
  </si>
  <si>
    <t>1044615464.0</t>
  </si>
  <si>
    <t>443464252.0</t>
  </si>
  <si>
    <t>384098178.0</t>
  </si>
  <si>
    <t>234655679.0</t>
  </si>
  <si>
    <t>366014.0</t>
  </si>
  <si>
    <t>378738.0</t>
  </si>
  <si>
    <t>182887.0</t>
  </si>
  <si>
    <t>1045005753.0</t>
  </si>
  <si>
    <t>443518066.0</t>
  </si>
  <si>
    <t>384135058.0</t>
  </si>
  <si>
    <t>234886016.0</t>
  </si>
  <si>
    <t>429346.0</t>
  </si>
  <si>
    <t>382980.0</t>
  </si>
  <si>
    <t>174.07</t>
  </si>
  <si>
    <t>176630.0</t>
  </si>
  <si>
    <t>1045314371.0</t>
  </si>
  <si>
    <t>443578113.0</t>
  </si>
  <si>
    <t>384182552.0</t>
  </si>
  <si>
    <t>235056658.0</t>
  </si>
  <si>
    <t>439917.0</t>
  </si>
  <si>
    <t>385434.0</t>
  </si>
  <si>
    <t>170478.0</t>
  </si>
  <si>
    <t>1045760571.0</t>
  </si>
  <si>
    <t>443632118.0</t>
  </si>
  <si>
    <t>384220260.0</t>
  </si>
  <si>
    <t>235356250.0</t>
  </si>
  <si>
    <t>359037.0</t>
  </si>
  <si>
    <t>161423.0</t>
  </si>
  <si>
    <t>1046376472.0</t>
  </si>
  <si>
    <t>444431138.0</t>
  </si>
  <si>
    <t>384317952.0</t>
  </si>
  <si>
    <t>235672431.0</t>
  </si>
  <si>
    <t>409172.0</t>
  </si>
  <si>
    <t>341650.0</t>
  </si>
  <si>
    <t>152509.0</t>
  </si>
  <si>
    <t>1046562462.0</t>
  </si>
  <si>
    <t>444462054.0</t>
  </si>
  <si>
    <t>384338781.0</t>
  </si>
  <si>
    <t>235777796.0</t>
  </si>
  <si>
    <t>240302.0</t>
  </si>
  <si>
    <t>343951.0</t>
  </si>
  <si>
    <t>174.33</t>
  </si>
  <si>
    <t>146730.0</t>
  </si>
  <si>
    <t>1046640708.0</t>
  </si>
  <si>
    <t>444479708.0</t>
  </si>
  <si>
    <t>384348847.0</t>
  </si>
  <si>
    <t>235820637.0</t>
  </si>
  <si>
    <t>132562.0</t>
  </si>
  <si>
    <t>343741.0</t>
  </si>
  <si>
    <t>141337.0</t>
  </si>
  <si>
    <t>1046924187.0</t>
  </si>
  <si>
    <t>444528114.0</t>
  </si>
  <si>
    <t>384380943.0</t>
  </si>
  <si>
    <t>235971324.0</t>
  </si>
  <si>
    <t>337764.0</t>
  </si>
  <si>
    <t>339718.0</t>
  </si>
  <si>
    <t>174.39</t>
  </si>
  <si>
    <t>135162.0</t>
  </si>
  <si>
    <t>1047235953.0</t>
  </si>
  <si>
    <t>444582850.0</t>
  </si>
  <si>
    <t>384414380.0</t>
  </si>
  <si>
    <t>236147062.0</t>
  </si>
  <si>
    <t>330679.0</t>
  </si>
  <si>
    <t>129571.0</t>
  </si>
  <si>
    <t>1047680976.0</t>
  </si>
  <si>
    <t>444684408.0</t>
  </si>
  <si>
    <t>384500612.0</t>
  </si>
  <si>
    <t>236386562.0</t>
  </si>
  <si>
    <t>459804.0</t>
  </si>
  <si>
    <t>333531.0</t>
  </si>
  <si>
    <t>125020.0</t>
  </si>
  <si>
    <t>1048111934.0</t>
  </si>
  <si>
    <t>444749419.0</t>
  </si>
  <si>
    <t>384536549.0</t>
  </si>
  <si>
    <t>236628430.0</t>
  </si>
  <si>
    <t>438897.0</t>
  </si>
  <si>
    <t>340633.0</t>
  </si>
  <si>
    <t>122942.0</t>
  </si>
  <si>
    <t>1048756502.0</t>
  </si>
  <si>
    <t>445272478.0</t>
  </si>
  <si>
    <t>384647257.0</t>
  </si>
  <si>
    <t>237041851.0</t>
  </si>
  <si>
    <t>412786.0</t>
  </si>
  <si>
    <t>341160.0</t>
  </si>
  <si>
    <t>1048910311.0</t>
  </si>
  <si>
    <t>445304630.0</t>
  </si>
  <si>
    <t>384665096.0</t>
  </si>
  <si>
    <t>237093310.0</t>
  </si>
  <si>
    <t>337483.0</t>
  </si>
  <si>
    <t>131757.0</t>
  </si>
  <si>
    <t>1048980167.0</t>
  </si>
  <si>
    <t>445320922.0</t>
  </si>
  <si>
    <t>384673656.0</t>
  </si>
  <si>
    <t>237117361.0</t>
  </si>
  <si>
    <t>130602.0</t>
  </si>
  <si>
    <t>142722.0</t>
  </si>
  <si>
    <t>1049217841.0</t>
  </si>
  <si>
    <t>445365984.0</t>
  </si>
  <si>
    <t>384702526.0</t>
  </si>
  <si>
    <t>237226840.0</t>
  </si>
  <si>
    <t>298818.0</t>
  </si>
  <si>
    <t>331639.0</t>
  </si>
  <si>
    <t>153434.0</t>
  </si>
  <si>
    <t>1049479187.0</t>
  </si>
  <si>
    <t>445420009.0</t>
  </si>
  <si>
    <t>384733790.0</t>
  </si>
  <si>
    <t>237335168.0</t>
  </si>
  <si>
    <t>322388.0</t>
  </si>
  <si>
    <t>325409.0</t>
  </si>
  <si>
    <t>174.82</t>
  </si>
  <si>
    <t>164522.0</t>
  </si>
  <si>
    <t>1049892143.0</t>
  </si>
  <si>
    <t>445513591.0</t>
  </si>
  <si>
    <t>384805757.0</t>
  </si>
  <si>
    <t>237468228.0</t>
  </si>
  <si>
    <t>380899.0</t>
  </si>
  <si>
    <t>314136.0</t>
  </si>
  <si>
    <t>175746.0</t>
  </si>
  <si>
    <t>1050108748.0</t>
  </si>
  <si>
    <t>445559033.0</t>
  </si>
  <si>
    <t>384838550.0</t>
  </si>
  <si>
    <t>237570591.0</t>
  </si>
  <si>
    <t>357457.0</t>
  </si>
  <si>
    <t>185617.0</t>
  </si>
  <si>
    <t>1050695846.0</t>
  </si>
  <si>
    <t>446584631.0</t>
  </si>
  <si>
    <t>384934364.0</t>
  </si>
  <si>
    <t>238010625.0</t>
  </si>
  <si>
    <t>365483.0</t>
  </si>
  <si>
    <t>295742.0</t>
  </si>
  <si>
    <t>195570.0</t>
  </si>
  <si>
    <t>1050787577.0</t>
  </si>
  <si>
    <t>446607012.0</t>
  </si>
  <si>
    <t>384950946.0</t>
  </si>
  <si>
    <t>238055268.0</t>
  </si>
  <si>
    <t>152806.0</t>
  </si>
  <si>
    <t>286923.0</t>
  </si>
  <si>
    <t>175.04</t>
  </si>
  <si>
    <t>182874.0</t>
  </si>
  <si>
    <t>1050857092.0</t>
  </si>
  <si>
    <t>446619366.0</t>
  </si>
  <si>
    <t>384959121.0</t>
  </si>
  <si>
    <t>238085727.0</t>
  </si>
  <si>
    <t>108088.0</t>
  </si>
  <si>
    <t>283707.0</t>
  </si>
  <si>
    <t>175.05</t>
  </si>
  <si>
    <t>170953.0</t>
  </si>
  <si>
    <t>1051112869.0</t>
  </si>
  <si>
    <t>446671764.0</t>
  </si>
  <si>
    <t>384986434.0</t>
  </si>
  <si>
    <t>238206587.0</t>
  </si>
  <si>
    <t>304561.0</t>
  </si>
  <si>
    <t>284526.0</t>
  </si>
  <si>
    <t>175.09</t>
  </si>
  <si>
    <t>160557.0</t>
  </si>
  <si>
    <t>1051340808.0</t>
  </si>
  <si>
    <t>446719599.0</t>
  </si>
  <si>
    <t>385014126.0</t>
  </si>
  <si>
    <t>238307310.0</t>
  </si>
  <si>
    <t>277431.0</t>
  </si>
  <si>
    <t>278104.0</t>
  </si>
  <si>
    <t>148292.0</t>
  </si>
  <si>
    <t>1051595130.0</t>
  </si>
  <si>
    <t>446772483.0</t>
  </si>
  <si>
    <t>385043393.0</t>
  </si>
  <si>
    <t>238427109.0</t>
  </si>
  <si>
    <t>303874.0</t>
  </si>
  <si>
    <t>267101.0</t>
  </si>
  <si>
    <t>135873.0</t>
  </si>
  <si>
    <t>1051769852.0</t>
  </si>
  <si>
    <t>446825742.0</t>
  </si>
  <si>
    <t>385069094.0</t>
  </si>
  <si>
    <t>238510111.0</t>
  </si>
  <si>
    <t>282913.0</t>
  </si>
  <si>
    <t>122465.0</t>
  </si>
  <si>
    <t>1052232772.0</t>
  </si>
  <si>
    <t>447382711.0</t>
  </si>
  <si>
    <t>385218659.0</t>
  </si>
  <si>
    <t>238660490.0</t>
  </si>
  <si>
    <t>233975.0</t>
  </si>
  <si>
    <t>237664.0</t>
  </si>
  <si>
    <t>175.28</t>
  </si>
  <si>
    <t>107179.0</t>
  </si>
  <si>
    <t>1052481055.0</t>
  </si>
  <si>
    <t>447398722.0</t>
  </si>
  <si>
    <t>385231151.0</t>
  </si>
  <si>
    <t>238742758.0</t>
  </si>
  <si>
    <t>192636.0</t>
  </si>
  <si>
    <t>243355.0</t>
  </si>
  <si>
    <t>104108.0</t>
  </si>
  <si>
    <t>1052549844.0</t>
  </si>
  <si>
    <t>447409102.0</t>
  </si>
  <si>
    <t>385238356.0</t>
  </si>
  <si>
    <t>238756307.0</t>
  </si>
  <si>
    <t>130284.0</t>
  </si>
  <si>
    <t>175.33</t>
  </si>
  <si>
    <t>1052631013.0</t>
  </si>
  <si>
    <t>447425261.0</t>
  </si>
  <si>
    <t>385241955.0</t>
  </si>
  <si>
    <t>238788630.0</t>
  </si>
  <si>
    <t>223392.0</t>
  </si>
  <si>
    <t>94673.0</t>
  </si>
  <si>
    <t>1052854004.0</t>
  </si>
  <si>
    <t>447464609.0</t>
  </si>
  <si>
    <t>385272711.0</t>
  </si>
  <si>
    <t>238806443.0</t>
  </si>
  <si>
    <t>283009.0</t>
  </si>
  <si>
    <t>224187.0</t>
  </si>
  <si>
    <t>91352.0</t>
  </si>
  <si>
    <t>1053352298.0</t>
  </si>
  <si>
    <t>447532258.0</t>
  </si>
  <si>
    <t>385317301.0</t>
  </si>
  <si>
    <t>238862841.0</t>
  </si>
  <si>
    <t>559592.0</t>
  </si>
  <si>
    <t>260719.0</t>
  </si>
  <si>
    <t>91450.0</t>
  </si>
  <si>
    <t>1053874541.0</t>
  </si>
  <si>
    <t>447603409.0</t>
  </si>
  <si>
    <t>385364372.0</t>
  </si>
  <si>
    <t>238913904.0</t>
  </si>
  <si>
    <t>583242.0</t>
  </si>
  <si>
    <t>303624.0</t>
  </si>
  <si>
    <t>91880.0</t>
  </si>
  <si>
    <t>1054849358.0</t>
  </si>
  <si>
    <t>447718581.0</t>
  </si>
  <si>
    <t>385482472.0</t>
  </si>
  <si>
    <t>238992489.0</t>
  </si>
  <si>
    <t>680549.0</t>
  </si>
  <si>
    <t>367422.0</t>
  </si>
  <si>
    <t>175.71</t>
  </si>
  <si>
    <t>94893.0</t>
  </si>
  <si>
    <t>1055191712.0</t>
  </si>
  <si>
    <t>447756474.0</t>
  </si>
  <si>
    <t>385517809.0</t>
  </si>
  <si>
    <t>239007848.0</t>
  </si>
  <si>
    <t>376535.0</t>
  </si>
  <si>
    <t>393691.0</t>
  </si>
  <si>
    <t>97974.0</t>
  </si>
  <si>
    <t>1055412304.0</t>
  </si>
  <si>
    <t>447780459.0</t>
  </si>
  <si>
    <t>385537270.0</t>
  </si>
  <si>
    <t>239018341.0</t>
  </si>
  <si>
    <t>255159.0</t>
  </si>
  <si>
    <t>411529.0</t>
  </si>
  <si>
    <t>175.81</t>
  </si>
  <si>
    <t>99825.0</t>
  </si>
  <si>
    <t>1056031016.0</t>
  </si>
  <si>
    <t>447862707.0</t>
  </si>
  <si>
    <t>385587363.0</t>
  </si>
  <si>
    <t>239049939.0</t>
  </si>
  <si>
    <t>653642.0</t>
  </si>
  <si>
    <t>484532.0</t>
  </si>
  <si>
    <t>175.91</t>
  </si>
  <si>
    <t>109175.0</t>
  </si>
  <si>
    <t>1056610565.0</t>
  </si>
  <si>
    <t>447931913.0</t>
  </si>
  <si>
    <t>385636409.0</t>
  </si>
  <si>
    <t>239069738.0</t>
  </si>
  <si>
    <t>613639.0</t>
  </si>
  <si>
    <t>531766.0</t>
  </si>
  <si>
    <t>113432.0</t>
  </si>
  <si>
    <t>1057265864.0</t>
  </si>
  <si>
    <t>448010923.0</t>
  </si>
  <si>
    <t>385689603.0</t>
  </si>
  <si>
    <t>239115757.0</t>
  </si>
  <si>
    <t>690365.0</t>
  </si>
  <si>
    <t>550449.0</t>
  </si>
  <si>
    <t>176.12</t>
  </si>
  <si>
    <t>114999.0</t>
  </si>
  <si>
    <t>1057942379.0</t>
  </si>
  <si>
    <t>448091748.0</t>
  </si>
  <si>
    <t>385743907.0</t>
  </si>
  <si>
    <t>239171903.0</t>
  </si>
  <si>
    <t>712883.0</t>
  </si>
  <si>
    <t>568966.0</t>
  </si>
  <si>
    <t>116353.0</t>
  </si>
  <si>
    <t>1059104214.0</t>
  </si>
  <si>
    <t>448873697.0</t>
  </si>
  <si>
    <t>385864566.0</t>
  </si>
  <si>
    <t>239370692.0</t>
  </si>
  <si>
    <t>808104.0</t>
  </si>
  <si>
    <t>587188.0</t>
  </si>
  <si>
    <t>176.42</t>
  </si>
  <si>
    <t>1059506681.0</t>
  </si>
  <si>
    <t>448913004.0</t>
  </si>
  <si>
    <t>385897926.0</t>
  </si>
  <si>
    <t>239419192.0</t>
  </si>
  <si>
    <t>1060579.0</t>
  </si>
  <si>
    <t>684732.0</t>
  </si>
  <si>
    <t>176.49</t>
  </si>
  <si>
    <t>1059727498.0</t>
  </si>
  <si>
    <t>448936232.0</t>
  </si>
  <si>
    <t>385915386.0</t>
  </si>
  <si>
    <t>239431912.0</t>
  </si>
  <si>
    <t>884055.0</t>
  </si>
  <si>
    <t>774606.0</t>
  </si>
  <si>
    <t>106950.0</t>
  </si>
  <si>
    <t>1060410354.0</t>
  </si>
  <si>
    <t>449022353.0</t>
  </si>
  <si>
    <t>385967391.0</t>
  </si>
  <si>
    <t>239463806.0</t>
  </si>
  <si>
    <t>1346853.0</t>
  </si>
  <si>
    <t>873665.0</t>
  </si>
  <si>
    <t>101913.0</t>
  </si>
  <si>
    <t>1061092742.0</t>
  </si>
  <si>
    <t>449096057.0</t>
  </si>
  <si>
    <t>386021104.0</t>
  </si>
  <si>
    <t>239489027.0</t>
  </si>
  <si>
    <t>1344551.0</t>
  </si>
  <si>
    <t>978109.0</t>
  </si>
  <si>
    <t>176.75</t>
  </si>
  <si>
    <t>96925.0</t>
  </si>
  <si>
    <t>1061862507.0</t>
  </si>
  <si>
    <t>449180199.0</t>
  </si>
  <si>
    <t>386080558.0</t>
  </si>
  <si>
    <t>239536914.0</t>
  </si>
  <si>
    <t>1432921.0</t>
  </si>
  <si>
    <t>1084218.0</t>
  </si>
  <si>
    <t>92002.0</t>
  </si>
  <si>
    <t>1062643526.0</t>
  </si>
  <si>
    <t>449264796.0</t>
  </si>
  <si>
    <t>386139886.0</t>
  </si>
  <si>
    <t>239618240.0</t>
  </si>
  <si>
    <t>1468843.0</t>
  </si>
  <si>
    <t>1192202.0</t>
  </si>
  <si>
    <t>1063618253.0</t>
  </si>
  <si>
    <t>449388181.0</t>
  </si>
  <si>
    <t>386245063.0</t>
  </si>
  <si>
    <t>239686168.0</t>
  </si>
  <si>
    <t>1549735.0</t>
  </si>
  <si>
    <t>1298186.0</t>
  </si>
  <si>
    <t>1064021342.0</t>
  </si>
  <si>
    <t>449428268.0</t>
  </si>
  <si>
    <t>386279888.0</t>
  </si>
  <si>
    <t>239706656.0</t>
  </si>
  <si>
    <t>1124169.0</t>
  </si>
  <si>
    <t>1307274.0</t>
  </si>
  <si>
    <t>82742.0</t>
  </si>
  <si>
    <t>1064352885.0</t>
  </si>
  <si>
    <t>449452515.0</t>
  </si>
  <si>
    <t>386298263.0</t>
  </si>
  <si>
    <t>239784500.0</t>
  </si>
  <si>
    <t>949334.0</t>
  </si>
  <si>
    <t>1316604.0</t>
  </si>
  <si>
    <t>1065137354.0</t>
  </si>
  <si>
    <t>449545639.0</t>
  </si>
  <si>
    <t>386353737.0</t>
  </si>
  <si>
    <t>239817807.0</t>
  </si>
  <si>
    <t>1453831.0</t>
  </si>
  <si>
    <t>1331886.0</t>
  </si>
  <si>
    <t>177.43</t>
  </si>
  <si>
    <t>1065904105.0</t>
  </si>
  <si>
    <t>449621338.0</t>
  </si>
  <si>
    <t>386409040.0</t>
  </si>
  <si>
    <t>239863378.0</t>
  </si>
  <si>
    <t>1442049.0</t>
  </si>
  <si>
    <t>1345830.0</t>
  </si>
  <si>
    <t>1066750473.0</t>
  </si>
  <si>
    <t>449706044.0</t>
  </si>
  <si>
    <t>386469194.0</t>
  </si>
  <si>
    <t>239961580.0</t>
  </si>
  <si>
    <t>1535876.0</t>
  </si>
  <si>
    <t>1360549.0</t>
  </si>
  <si>
    <t>86167.0</t>
  </si>
  <si>
    <t>1067693239.0</t>
  </si>
  <si>
    <t>449791608.0</t>
  </si>
  <si>
    <t>386529532.0</t>
  </si>
  <si>
    <t>240142363.0</t>
  </si>
  <si>
    <t>1602995.0</t>
  </si>
  <si>
    <t>1379714.0</t>
  </si>
  <si>
    <t>1068734171.0</t>
  </si>
  <si>
    <t>449936326.0</t>
  </si>
  <si>
    <t>386646726.0</t>
  </si>
  <si>
    <t>240249940.0</t>
  </si>
  <si>
    <t>1582169.0</t>
  </si>
  <si>
    <t>1384347.0</t>
  </si>
  <si>
    <t>178.03</t>
  </si>
  <si>
    <t>86467.0</t>
  </si>
  <si>
    <t>1069144603.0</t>
  </si>
  <si>
    <t>449972491.0</t>
  </si>
  <si>
    <t>386676761.0</t>
  </si>
  <si>
    <t>240284253.0</t>
  </si>
  <si>
    <t>1080462.0</t>
  </si>
  <si>
    <t>1378102.0</t>
  </si>
  <si>
    <t>1069541775.0</t>
  </si>
  <si>
    <t>450017693.0</t>
  </si>
  <si>
    <t>386708180.0</t>
  </si>
  <si>
    <t>240432649.0</t>
  </si>
  <si>
    <t>906009.0</t>
  </si>
  <si>
    <t>1371912.0</t>
  </si>
  <si>
    <t>1070332572.0</t>
  </si>
  <si>
    <t>450107614.0</t>
  </si>
  <si>
    <t>386763390.0</t>
  </si>
  <si>
    <t>240472151.0</t>
  </si>
  <si>
    <t>1370497.0</t>
  </si>
  <si>
    <t>178.29</t>
  </si>
  <si>
    <t>83334.0</t>
  </si>
  <si>
    <t>1071111262.0</t>
  </si>
  <si>
    <t>450179815.0</t>
  </si>
  <si>
    <t>386819054.0</t>
  </si>
  <si>
    <t>240511870.0</t>
  </si>
  <si>
    <t>1446488.0</t>
  </si>
  <si>
    <t>1371470.0</t>
  </si>
  <si>
    <t>178.42</t>
  </si>
  <si>
    <t>82314.0</t>
  </si>
  <si>
    <t>1071979613.0</t>
  </si>
  <si>
    <t>450263274.0</t>
  </si>
  <si>
    <t>386878969.0</t>
  </si>
  <si>
    <t>240563148.0</t>
  </si>
  <si>
    <t>1536152.0</t>
  </si>
  <si>
    <t>1371848.0</t>
  </si>
  <si>
    <t>81642.0</t>
  </si>
  <si>
    <t>1072964601.0</t>
  </si>
  <si>
    <t>450350515.0</t>
  </si>
  <si>
    <t>386939468.0</t>
  </si>
  <si>
    <t>240743615.0</t>
  </si>
  <si>
    <t>1652783.0</t>
  </si>
  <si>
    <t>1379298.0</t>
  </si>
  <si>
    <t>1087655340.0</t>
  </si>
  <si>
    <t>450631197.0</t>
  </si>
  <si>
    <t>388948517.0</t>
  </si>
  <si>
    <t>240922260.0</t>
  </si>
  <si>
    <t>1617250.0</t>
  </si>
  <si>
    <t>1384649.0</t>
  </si>
  <si>
    <t>1088202838.0</t>
  </si>
  <si>
    <t>450680233.0</t>
  </si>
  <si>
    <t>388984528.0</t>
  </si>
  <si>
    <t>241043722.0</t>
  </si>
  <si>
    <t>606098.0</t>
  </si>
  <si>
    <t>1317218.0</t>
  </si>
  <si>
    <t>88253.0</t>
  </si>
  <si>
    <t>1088443949.0</t>
  </si>
  <si>
    <t>450704203.0</t>
  </si>
  <si>
    <t>389002734.0</t>
  </si>
  <si>
    <t>241061929.0</t>
  </si>
  <si>
    <t>299711.0</t>
  </si>
  <si>
    <t>1230945.0</t>
  </si>
  <si>
    <t>93613.0</t>
  </si>
  <si>
    <t>1089231805.0</t>
  </si>
  <si>
    <t>450791953.0</t>
  </si>
  <si>
    <t>389059281.0</t>
  </si>
  <si>
    <t>241090065.0</t>
  </si>
  <si>
    <t>855418.0</t>
  </si>
  <si>
    <t>1144839.0</t>
  </si>
  <si>
    <t>98416.0</t>
  </si>
  <si>
    <t>1090022112.0</t>
  </si>
  <si>
    <t>450863483.0</t>
  </si>
  <si>
    <t>389115501.0</t>
  </si>
  <si>
    <t>241101794.0</t>
  </si>
  <si>
    <t>838009.0</t>
  </si>
  <si>
    <t>1057916.0</t>
  </si>
  <si>
    <t>103397.0</t>
  </si>
  <si>
    <t>1090980956.0</t>
  </si>
  <si>
    <t>450953471.0</t>
  </si>
  <si>
    <t>389179260.0</t>
  </si>
  <si>
    <t>241213907.0</t>
  </si>
  <si>
    <t>1019505.0</t>
  </si>
  <si>
    <t>984108.0</t>
  </si>
  <si>
    <t>109517.0</t>
  </si>
  <si>
    <t>1091999783.0</t>
  </si>
  <si>
    <t>451048607.0</t>
  </si>
  <si>
    <t>389241461.0</t>
  </si>
  <si>
    <t>241408460.0</t>
  </si>
  <si>
    <t>1075006.0</t>
  </si>
  <si>
    <t>901567.0</t>
  </si>
  <si>
    <t>115744.0</t>
  </si>
  <si>
    <t>1093134646.0</t>
  </si>
  <si>
    <t>451177031.0</t>
  </si>
  <si>
    <t>389352131.0</t>
  </si>
  <si>
    <t>241521453.0</t>
  </si>
  <si>
    <t>1020248.0</t>
  </si>
  <si>
    <t>816285.0</t>
  </si>
  <si>
    <t>121538.0</t>
  </si>
  <si>
    <t>1093559435.0</t>
  </si>
  <si>
    <t>451215267.0</t>
  </si>
  <si>
    <t>389382142.0</t>
  </si>
  <si>
    <t>241554178.0</t>
  </si>
  <si>
    <t>482481.0</t>
  </si>
  <si>
    <t>798623.0</t>
  </si>
  <si>
    <t>120533.0</t>
  </si>
  <si>
    <t>1093799758.0</t>
  </si>
  <si>
    <t>451239497.0</t>
  </si>
  <si>
    <t>389400007.0</t>
  </si>
  <si>
    <t>241577809.0</t>
  </si>
  <si>
    <t>296312.0</t>
  </si>
  <si>
    <t>798138.0</t>
  </si>
  <si>
    <t>1094630281.0</t>
  </si>
  <si>
    <t>451336442.0</t>
  </si>
  <si>
    <t>389457030.0</t>
  </si>
  <si>
    <t>241615978.0</t>
  </si>
  <si>
    <t>887334.0</t>
  </si>
  <si>
    <t>802697.0</t>
  </si>
  <si>
    <t>122979.0</t>
  </si>
  <si>
    <t>1095450125.0</t>
  </si>
  <si>
    <t>451417519.0</t>
  </si>
  <si>
    <t>389513146.0</t>
  </si>
  <si>
    <t>241657088.0</t>
  </si>
  <si>
    <t>876675.0</t>
  </si>
  <si>
    <t>808223.0</t>
  </si>
  <si>
    <t>124940.0</t>
  </si>
  <si>
    <t>1096371754.0</t>
  </si>
  <si>
    <t>451509262.0</t>
  </si>
  <si>
    <t>389574187.0</t>
  </si>
  <si>
    <t>241754672.0</t>
  </si>
  <si>
    <t>978468.0</t>
  </si>
  <si>
    <t>802360.0</t>
  </si>
  <si>
    <t>182.63</t>
  </si>
  <si>
    <t>125679.0</t>
  </si>
  <si>
    <t>1097322648.0</t>
  </si>
  <si>
    <t>451629481.0</t>
  </si>
  <si>
    <t>389633479.0</t>
  </si>
  <si>
    <t>241890583.0</t>
  </si>
  <si>
    <t>1019381.0</t>
  </si>
  <si>
    <t>794414.0</t>
  </si>
  <si>
    <t>182.79</t>
  </si>
  <si>
    <t>1098506307.0</t>
  </si>
  <si>
    <t>451773492.0</t>
  </si>
  <si>
    <t>389774037.0</t>
  </si>
  <si>
    <t>242254397.0</t>
  </si>
  <si>
    <t>1041770.0</t>
  </si>
  <si>
    <t>797489.0</t>
  </si>
  <si>
    <t>182.99</t>
  </si>
  <si>
    <t>130398.0</t>
  </si>
  <si>
    <t>1098956525.0</t>
  </si>
  <si>
    <t>451812056.0</t>
  </si>
  <si>
    <t>389804119.0</t>
  </si>
  <si>
    <t>242315081.0</t>
  </si>
  <si>
    <t>619772.0</t>
  </si>
  <si>
    <t>817099.0</t>
  </si>
  <si>
    <t>131037.0</t>
  </si>
  <si>
    <t>1099198840.0</t>
  </si>
  <si>
    <t>451835379.0</t>
  </si>
  <si>
    <t>389820910.0</t>
  </si>
  <si>
    <t>242345369.0</t>
  </si>
  <si>
    <t>411869.0</t>
  </si>
  <si>
    <t>833607.0</t>
  </si>
  <si>
    <t>131547.0</t>
  </si>
  <si>
    <t>1100019111.0</t>
  </si>
  <si>
    <t>451931147.0</t>
  </si>
  <si>
    <t>389876262.0</t>
  </si>
  <si>
    <t>242389225.0</t>
  </si>
  <si>
    <t>989803.0</t>
  </si>
  <si>
    <t>848246.0</t>
  </si>
  <si>
    <t>183.24</t>
  </si>
  <si>
    <t>131994.0</t>
  </si>
  <si>
    <t>1100848805.0</t>
  </si>
  <si>
    <t>452011669.0</t>
  </si>
  <si>
    <t>389931873.0</t>
  </si>
  <si>
    <t>242438100.0</t>
  </si>
  <si>
    <t>999241.0</t>
  </si>
  <si>
    <t>865757.0</t>
  </si>
  <si>
    <t>132534.0</t>
  </si>
  <si>
    <t>1101824417.0</t>
  </si>
  <si>
    <t>452105671.0</t>
  </si>
  <si>
    <t>389994519.0</t>
  </si>
  <si>
    <t>242555953.0</t>
  </si>
  <si>
    <t>1158661.0</t>
  </si>
  <si>
    <t>891499.0</t>
  </si>
  <si>
    <t>133500.0</t>
  </si>
  <si>
    <t>1102886681.0</t>
  </si>
  <si>
    <t>452247240.0</t>
  </si>
  <si>
    <t>390055367.0</t>
  </si>
  <si>
    <t>242740308.0</t>
  </si>
  <si>
    <t>1218309.0</t>
  </si>
  <si>
    <t>919919.0</t>
  </si>
  <si>
    <t>183.72</t>
  </si>
  <si>
    <t>137088.0</t>
  </si>
  <si>
    <t>1104733810.0</t>
  </si>
  <si>
    <t>452428336.0</t>
  </si>
  <si>
    <t>390214204.0</t>
  </si>
  <si>
    <t>243545163.0</t>
  </si>
  <si>
    <t>1112920.0</t>
  </si>
  <si>
    <t>930081.0</t>
  </si>
  <si>
    <t>184.02</t>
  </si>
  <si>
    <t>137016.0</t>
  </si>
  <si>
    <t>1105184461.0</t>
  </si>
  <si>
    <t>452465089.0</t>
  </si>
  <si>
    <t>390242304.0</t>
  </si>
  <si>
    <t>243601182.0</t>
  </si>
  <si>
    <t>488517.0</t>
  </si>
  <si>
    <t>911332.0</t>
  </si>
  <si>
    <t>135557.0</t>
  </si>
  <si>
    <t>1105409685.0</t>
  </si>
  <si>
    <t>452486088.0</t>
  </si>
  <si>
    <t>390257723.0</t>
  </si>
  <si>
    <t>243628922.0</t>
  </si>
  <si>
    <t>892009.0</t>
  </si>
  <si>
    <t>134057.0</t>
  </si>
  <si>
    <t>1106089622.0</t>
  </si>
  <si>
    <t>452569171.0</t>
  </si>
  <si>
    <t>390301836.0</t>
  </si>
  <si>
    <t>243668653.0</t>
  </si>
  <si>
    <t>855169.0</t>
  </si>
  <si>
    <t>184.25</t>
  </si>
  <si>
    <t>131090.0</t>
  </si>
  <si>
    <t>1106778392.0</t>
  </si>
  <si>
    <t>452639344.0</t>
  </si>
  <si>
    <t>390348477.0</t>
  </si>
  <si>
    <t>243709893.0</t>
  </si>
  <si>
    <t>740774.0</t>
  </si>
  <si>
    <t>818246.0</t>
  </si>
  <si>
    <t>128456.0</t>
  </si>
  <si>
    <t>1107589785.0</t>
  </si>
  <si>
    <t>452719424.0</t>
  </si>
  <si>
    <t>390399526.0</t>
  </si>
  <si>
    <t>243854153.0</t>
  </si>
  <si>
    <t>875276.0</t>
  </si>
  <si>
    <t>777762.0</t>
  </si>
  <si>
    <t>125305.0</t>
  </si>
  <si>
    <t>1108493379.0</t>
  </si>
  <si>
    <t>452864311.0</t>
  </si>
  <si>
    <t>390452666.0</t>
  </si>
  <si>
    <t>244017126.0</t>
  </si>
  <si>
    <t>943719.0</t>
  </si>
  <si>
    <t>738533.0</t>
  </si>
  <si>
    <t>124633.0</t>
  </si>
  <si>
    <t>1109365085.0</t>
  </si>
  <si>
    <t>452964238.0</t>
  </si>
  <si>
    <t>390531028.0</t>
  </si>
  <si>
    <t>244088960.0</t>
  </si>
  <si>
    <t>877128.0</t>
  </si>
  <si>
    <t>704849.0</t>
  </si>
  <si>
    <t>184.79</t>
  </si>
  <si>
    <t>123003.0</t>
  </si>
  <si>
    <t>1109756511.0</t>
  </si>
  <si>
    <t>453000463.0</t>
  </si>
  <si>
    <t>390557760.0</t>
  </si>
  <si>
    <t>244133426.0</t>
  </si>
  <si>
    <t>440909.0</t>
  </si>
  <si>
    <t>698042.0</t>
  </si>
  <si>
    <t>1109962714.0</t>
  </si>
  <si>
    <t>453021316.0</t>
  </si>
  <si>
    <t>390572545.0</t>
  </si>
  <si>
    <t>244159213.0</t>
  </si>
  <si>
    <t>255686.0</t>
  </si>
  <si>
    <t>695054.0</t>
  </si>
  <si>
    <t>184.89</t>
  </si>
  <si>
    <t>122879.0</t>
  </si>
  <si>
    <t>1110606860.0</t>
  </si>
  <si>
    <t>453080955.0</t>
  </si>
  <si>
    <t>390616829.0</t>
  </si>
  <si>
    <t>244195061.0</t>
  </si>
  <si>
    <t>693603.0</t>
  </si>
  <si>
    <t>689581.0</t>
  </si>
  <si>
    <t>119863.0</t>
  </si>
  <si>
    <t>1111206241.0</t>
  </si>
  <si>
    <t>453139877.0</t>
  </si>
  <si>
    <t>390660356.0</t>
  </si>
  <si>
    <t>244234906.0</t>
  </si>
  <si>
    <t>648855.0</t>
  </si>
  <si>
    <t>676450.0</t>
  </si>
  <si>
    <t>1111854570.0</t>
  </si>
  <si>
    <t>453206217.0</t>
  </si>
  <si>
    <t>390705354.0</t>
  </si>
  <si>
    <t>244334914.0</t>
  </si>
  <si>
    <t>697808.0</t>
  </si>
  <si>
    <t>651101.0</t>
  </si>
  <si>
    <t>185.21</t>
  </si>
  <si>
    <t>115805.0</t>
  </si>
  <si>
    <t>1112611969.0</t>
  </si>
  <si>
    <t>453265015.0</t>
  </si>
  <si>
    <t>390752032.0</t>
  </si>
  <si>
    <t>244484376.0</t>
  </si>
  <si>
    <t>806868.0</t>
  </si>
  <si>
    <t>185.34</t>
  </si>
  <si>
    <t>103964.0</t>
  </si>
  <si>
    <t>1113475800.0</t>
  </si>
  <si>
    <t>453381317.0</t>
  </si>
  <si>
    <t>390847453.0</t>
  </si>
  <si>
    <t>244607867.0</t>
  </si>
  <si>
    <t>691701.0</t>
  </si>
  <si>
    <t>605061.0</t>
  </si>
  <si>
    <t>1113796034.0</t>
  </si>
  <si>
    <t>453411603.0</t>
  </si>
  <si>
    <t>390870140.0</t>
  </si>
  <si>
    <t>244643816.0</t>
  </si>
  <si>
    <t>376181.0</t>
  </si>
  <si>
    <t>595808.0</t>
  </si>
  <si>
    <t>185.53</t>
  </si>
  <si>
    <t>99936.0</t>
  </si>
  <si>
    <t>1113979765.0</t>
  </si>
  <si>
    <t>453431024.0</t>
  </si>
  <si>
    <t>390883522.0</t>
  </si>
  <si>
    <t>244667448.0</t>
  </si>
  <si>
    <t>239678.0</t>
  </si>
  <si>
    <t>593524.0</t>
  </si>
  <si>
    <t>100327.0</t>
  </si>
  <si>
    <t>1114510209.0</t>
  </si>
  <si>
    <t>453502067.0</t>
  </si>
  <si>
    <t>390924507.0</t>
  </si>
  <si>
    <t>244702626.0</t>
  </si>
  <si>
    <t>586374.0</t>
  </si>
  <si>
    <t>578206.0</t>
  </si>
  <si>
    <t>1115195023.0</t>
  </si>
  <si>
    <t>453682306.0</t>
  </si>
  <si>
    <t>390965578.0</t>
  </si>
  <si>
    <t>244742934.0</t>
  </si>
  <si>
    <t>740756.0</t>
  </si>
  <si>
    <t>591336.0</t>
  </si>
  <si>
    <t>1115866323.0</t>
  </si>
  <si>
    <t>453758283.0</t>
  </si>
  <si>
    <t>391020997.0</t>
  </si>
  <si>
    <t>244854080.0</t>
  </si>
  <si>
    <t>703018.0</t>
  </si>
  <si>
    <t>592080.0</t>
  </si>
  <si>
    <t>185.88</t>
  </si>
  <si>
    <t>118371.0</t>
  </si>
  <si>
    <t>1116524895.0</t>
  </si>
  <si>
    <t>453871698.0</t>
  </si>
  <si>
    <t>391064476.0</t>
  </si>
  <si>
    <t>244948365.0</t>
  </si>
  <si>
    <t>719369.0</t>
  </si>
  <si>
    <t>579447.0</t>
  </si>
  <si>
    <t>185.99</t>
  </si>
  <si>
    <t>125739.0</t>
  </si>
  <si>
    <t>1117259550.0</t>
  </si>
  <si>
    <t>455802026.0</t>
  </si>
  <si>
    <t>391137416.0</t>
  </si>
  <si>
    <t>245072380.0</t>
  </si>
  <si>
    <t>723688.0</t>
  </si>
  <si>
    <t>584025.0</t>
  </si>
  <si>
    <t>186.11</t>
  </si>
  <si>
    <t>127433.0</t>
  </si>
  <si>
    <t>1117524346.0</t>
  </si>
  <si>
    <t>455831767.0</t>
  </si>
  <si>
    <t>391158203.0</t>
  </si>
  <si>
    <t>245072622.0</t>
  </si>
  <si>
    <t>581491.0</t>
  </si>
  <si>
    <t>121257.0</t>
  </si>
  <si>
    <t>1117731858.0</t>
  </si>
  <si>
    <t>455852412.0</t>
  </si>
  <si>
    <t>391172453.0</t>
  </si>
  <si>
    <t>245132107.0</t>
  </si>
  <si>
    <t>236742.0</t>
  </si>
  <si>
    <t>581099.0</t>
  </si>
  <si>
    <t>1118251379.0</t>
  </si>
  <si>
    <t>455925977.0</t>
  </si>
  <si>
    <t>391210223.0</t>
  </si>
  <si>
    <t>245173321.0</t>
  </si>
  <si>
    <t>580849.0</t>
  </si>
  <si>
    <t>580334.0</t>
  </si>
  <si>
    <t>111535.0</t>
  </si>
  <si>
    <t>1118719560.0</t>
  </si>
  <si>
    <t>455982560.0</t>
  </si>
  <si>
    <t>391246279.0</t>
  </si>
  <si>
    <t>245208968.0</t>
  </si>
  <si>
    <t>529525.0</t>
  </si>
  <si>
    <t>550184.0</t>
  </si>
  <si>
    <t>186.35</t>
  </si>
  <si>
    <t>88096.0</t>
  </si>
  <si>
    <t>1119182021.0</t>
  </si>
  <si>
    <t>456037417.0</t>
  </si>
  <si>
    <t>391279303.0</t>
  </si>
  <si>
    <t>245295589.0</t>
  </si>
  <si>
    <t>523805.0</t>
  </si>
  <si>
    <t>524606.0</t>
  </si>
  <si>
    <t>80003.0</t>
  </si>
  <si>
    <t>1119381176.0</t>
  </si>
  <si>
    <t>456097234.0</t>
  </si>
  <si>
    <t>391284738.0</t>
  </si>
  <si>
    <t>245418660.0</t>
  </si>
  <si>
    <t>261673.0</t>
  </si>
  <si>
    <t>459221.0</t>
  </si>
  <si>
    <t>1119718327.0</t>
  </si>
  <si>
    <t>456146573.0</t>
  </si>
  <si>
    <t>391327902.0</t>
  </si>
  <si>
    <t>245461694.0</t>
  </si>
  <si>
    <t>365920.0</t>
  </si>
  <si>
    <t>408112.0</t>
  </si>
  <si>
    <t>55821.0</t>
  </si>
  <si>
    <t>1119943286.0</t>
  </si>
  <si>
    <t>456170372.0</t>
  </si>
  <si>
    <t>391345248.0</t>
  </si>
  <si>
    <t>245491512.0</t>
  </si>
  <si>
    <t>397370.0</t>
  </si>
  <si>
    <t>186.56</t>
  </si>
  <si>
    <t>54753.0</t>
  </si>
  <si>
    <t>1120080829.0</t>
  </si>
  <si>
    <t>456186237.0</t>
  </si>
  <si>
    <t>391356189.0</t>
  </si>
  <si>
    <t>245509245.0</t>
  </si>
  <si>
    <t>198247.0</t>
  </si>
  <si>
    <t>391877.0</t>
  </si>
  <si>
    <t>54239.0</t>
  </si>
  <si>
    <t>1120465220.0</t>
  </si>
  <si>
    <t>456242203.0</t>
  </si>
  <si>
    <t>391384556.0</t>
  </si>
  <si>
    <t>245544902.0</t>
  </si>
  <si>
    <t>451133.0</t>
  </si>
  <si>
    <t>373352.0</t>
  </si>
  <si>
    <t>186.64</t>
  </si>
  <si>
    <t>1120852552.0</t>
  </si>
  <si>
    <t>456288056.0</t>
  </si>
  <si>
    <t>391414045.0</t>
  </si>
  <si>
    <t>245574800.0</t>
  </si>
  <si>
    <t>441990.0</t>
  </si>
  <si>
    <t>360852.0</t>
  </si>
  <si>
    <t>50217.0</t>
  </si>
  <si>
    <t>1121359570.0</t>
  </si>
  <si>
    <t>456347913.0</t>
  </si>
  <si>
    <t>391453153.0</t>
  </si>
  <si>
    <t>245646585.0</t>
  </si>
  <si>
    <t>576369.0</t>
  </si>
  <si>
    <t>368367.0</t>
  </si>
  <si>
    <t>186.79</t>
  </si>
  <si>
    <t>1121899996.0</t>
  </si>
  <si>
    <t>456437954.0</t>
  </si>
  <si>
    <t>391489578.0</t>
  </si>
  <si>
    <t>245746078.0</t>
  </si>
  <si>
    <t>594699.0</t>
  </si>
  <si>
    <t>415948.0</t>
  </si>
  <si>
    <t>55309.0</t>
  </si>
  <si>
    <t>1124708802.0</t>
  </si>
  <si>
    <t>456609031.0</t>
  </si>
  <si>
    <t>392413914.0</t>
  </si>
  <si>
    <t>245976952.0</t>
  </si>
  <si>
    <t>540558.0</t>
  </si>
  <si>
    <t>440901.0</t>
  </si>
  <si>
    <t>57863.0</t>
  </si>
  <si>
    <t>1124907753.0</t>
  </si>
  <si>
    <t>456632625.0</t>
  </si>
  <si>
    <t>392430220.0</t>
  </si>
  <si>
    <t>245977328.0</t>
  </si>
  <si>
    <t>241787.0</t>
  </si>
  <si>
    <t>434968.0</t>
  </si>
  <si>
    <t>1125064722.0</t>
  </si>
  <si>
    <t>456648678.0</t>
  </si>
  <si>
    <t>392441293.0</t>
  </si>
  <si>
    <t>246016987.0</t>
  </si>
  <si>
    <t>159853.0</t>
  </si>
  <si>
    <t>57011.0</t>
  </si>
  <si>
    <t>1125470714.0</t>
  </si>
  <si>
    <t>456712018.0</t>
  </si>
  <si>
    <t>392476223.0</t>
  </si>
  <si>
    <t>246049831.0</t>
  </si>
  <si>
    <t>418276.0</t>
  </si>
  <si>
    <t>424789.0</t>
  </si>
  <si>
    <t>1125838980.0</t>
  </si>
  <si>
    <t>456757587.0</t>
  </si>
  <si>
    <t>392504750.0</t>
  </si>
  <si>
    <t>246056605.0</t>
  </si>
  <si>
    <t>390282.0</t>
  </si>
  <si>
    <t>417402.0</t>
  </si>
  <si>
    <t>187.54</t>
  </si>
  <si>
    <t>1126338666.0</t>
  </si>
  <si>
    <t>456824351.0</t>
  </si>
  <si>
    <t>392562450.0</t>
  </si>
  <si>
    <t>246136277.0</t>
  </si>
  <si>
    <t>480598.0</t>
  </si>
  <si>
    <t>403723.0</t>
  </si>
  <si>
    <t>187.62</t>
  </si>
  <si>
    <t>54607.0</t>
  </si>
  <si>
    <t>1126800506.0</t>
  </si>
  <si>
    <t>456908304.0</t>
  </si>
  <si>
    <t>392597499.0</t>
  </si>
  <si>
    <t>246185930.0</t>
  </si>
  <si>
    <t>485964.0</t>
  </si>
  <si>
    <t>388188.0</t>
  </si>
  <si>
    <t>1127319313.0</t>
  </si>
  <si>
    <t>456973421.0</t>
  </si>
  <si>
    <t>392649056.0</t>
  </si>
  <si>
    <t>246244821.0</t>
  </si>
  <si>
    <t>454538.0</t>
  </si>
  <si>
    <t>375899.0</t>
  </si>
  <si>
    <t>52059.0</t>
  </si>
  <si>
    <t>1127531664.0</t>
  </si>
  <si>
    <t>456997764.0</t>
  </si>
  <si>
    <t>392665231.0</t>
  </si>
  <si>
    <t>246245244.0</t>
  </si>
  <si>
    <t>249946.0</t>
  </si>
  <si>
    <t>52669.0</t>
  </si>
  <si>
    <t>1127653419.0</t>
  </si>
  <si>
    <t>457013786.0</t>
  </si>
  <si>
    <t>392675254.0</t>
  </si>
  <si>
    <t>246245670.0</t>
  </si>
  <si>
    <t>160877.0</t>
  </si>
  <si>
    <t>377211.0</t>
  </si>
  <si>
    <t>1128051052.0</t>
  </si>
  <si>
    <t>457071709.0</t>
  </si>
  <si>
    <t>392704222.0</t>
  </si>
  <si>
    <t>246268144.0</t>
  </si>
  <si>
    <t>392569.0</t>
  </si>
  <si>
    <t>373539.0</t>
  </si>
  <si>
    <t>1128409633.0</t>
  </si>
  <si>
    <t>457112979.0</t>
  </si>
  <si>
    <t>392732334.0</t>
  </si>
  <si>
    <t>246269202.0</t>
  </si>
  <si>
    <t>425137.0</t>
  </si>
  <si>
    <t>378517.0</t>
  </si>
  <si>
    <t>187.97</t>
  </si>
  <si>
    <t>1128751489.0</t>
  </si>
  <si>
    <t>457152731.0</t>
  </si>
  <si>
    <t>392759799.0</t>
  </si>
  <si>
    <t>246270536.0</t>
  </si>
  <si>
    <t>408413.0</t>
  </si>
  <si>
    <t>368206.0</t>
  </si>
  <si>
    <t>188.02</t>
  </si>
  <si>
    <t>1129079250.0</t>
  </si>
  <si>
    <t>457197207.0</t>
  </si>
  <si>
    <t>392798839.0</t>
  </si>
  <si>
    <t>246270986.0</t>
  </si>
  <si>
    <t>381470.0</t>
  </si>
  <si>
    <t>353279.0</t>
  </si>
  <si>
    <t>1129797529.0</t>
  </si>
  <si>
    <t>457264059.0</t>
  </si>
  <si>
    <t>392856008.0</t>
  </si>
  <si>
    <t>246543153.0</t>
  </si>
  <si>
    <t>433066.0</t>
  </si>
  <si>
    <t>350211.0</t>
  </si>
  <si>
    <t>1129975685.0</t>
  </si>
  <si>
    <t>457285393.0</t>
  </si>
  <si>
    <t>392871030.0</t>
  </si>
  <si>
    <t>246543335.0</t>
  </si>
  <si>
    <t>201612.0</t>
  </si>
  <si>
    <t>325219.0</t>
  </si>
  <si>
    <t>188.23</t>
  </si>
  <si>
    <t>1130113633.0</t>
  </si>
  <si>
    <t>457301228.0</t>
  </si>
  <si>
    <t>392882025.0</t>
  </si>
  <si>
    <t>246574409.0</t>
  </si>
  <si>
    <t>125042.0</t>
  </si>
  <si>
    <t>323114.0</t>
  </si>
  <si>
    <t>1130524985.0</t>
  </si>
  <si>
    <t>457387989.0</t>
  </si>
  <si>
    <t>392908915.0</t>
  </si>
  <si>
    <t>246629288.0</t>
  </si>
  <si>
    <t>329708.0</t>
  </si>
  <si>
    <t>1130835191.0</t>
  </si>
  <si>
    <t>457429093.0</t>
  </si>
  <si>
    <t>392934318.0</t>
  </si>
  <si>
    <t>246650203.0</t>
  </si>
  <si>
    <t>317031.0</t>
  </si>
  <si>
    <t>188.37</t>
  </si>
  <si>
    <t>42209.0</t>
  </si>
  <si>
    <t>1131175015.0</t>
  </si>
  <si>
    <t>457470961.0</t>
  </si>
  <si>
    <t>392958985.0</t>
  </si>
  <si>
    <t>246726900.0</t>
  </si>
  <si>
    <t>311117.0</t>
  </si>
  <si>
    <t>1131545015.0</t>
  </si>
  <si>
    <t>457557519.0</t>
  </si>
  <si>
    <t>393001588.0</t>
  </si>
  <si>
    <t>246819100.0</t>
  </si>
  <si>
    <t>339935.0</t>
  </si>
  <si>
    <t>308197.0</t>
  </si>
  <si>
    <t>1131697748.0</t>
  </si>
  <si>
    <t>457582609.0</t>
  </si>
  <si>
    <t>393013913.0</t>
  </si>
  <si>
    <t>246839720.0</t>
  </si>
  <si>
    <t>159617.0</t>
  </si>
  <si>
    <t>272148.0</t>
  </si>
  <si>
    <t>188.51</t>
  </si>
  <si>
    <t>45491.0</t>
  </si>
  <si>
    <t>1131736674.0</t>
  </si>
  <si>
    <t>457588297.0</t>
  </si>
  <si>
    <t>393016624.0</t>
  </si>
  <si>
    <t>246845984.0</t>
  </si>
  <si>
    <t>248894.0</t>
  </si>
  <si>
    <t>1131742121.0</t>
  </si>
  <si>
    <t>457589554.0</t>
  </si>
  <si>
    <t>393016979.0</t>
  </si>
  <si>
    <t>246848668.0</t>
  </si>
  <si>
    <t>232295.0</t>
  </si>
  <si>
    <t>40934.0</t>
  </si>
  <si>
    <t>1131799734.0</t>
  </si>
  <si>
    <t>457600763.0</t>
  </si>
  <si>
    <t>393021906.0</t>
  </si>
  <si>
    <t>246851590.0</t>
  </si>
  <si>
    <t>181352.0</t>
  </si>
  <si>
    <t>188.53</t>
  </si>
  <si>
    <t>1131840479.0</t>
  </si>
  <si>
    <t>457606187.0</t>
  </si>
  <si>
    <t>393026084.0</t>
  </si>
  <si>
    <t>246855982.0</t>
  </si>
  <si>
    <t>40441.0</t>
  </si>
  <si>
    <t>142085.0</t>
  </si>
  <si>
    <t>1131855453.0</t>
  </si>
  <si>
    <t>457609363.0</t>
  </si>
  <si>
    <t>393026976.0</t>
  </si>
  <si>
    <t>246866467.0</t>
  </si>
  <si>
    <t>1131903059.0</t>
  </si>
  <si>
    <t>457613862.0</t>
  </si>
  <si>
    <t>393028018.0</t>
  </si>
  <si>
    <t>246883121.0</t>
  </si>
  <si>
    <t>1131926416.0</t>
  </si>
  <si>
    <t>457618389.0</t>
  </si>
  <si>
    <t>393029118.0</t>
  </si>
  <si>
    <t>246900851.0</t>
  </si>
  <si>
    <t>1131937905.0</t>
  </si>
  <si>
    <t>457618965.0</t>
  </si>
  <si>
    <t>393029563.0</t>
  </si>
  <si>
    <t>246911319.0</t>
  </si>
  <si>
    <t>1131942017.0</t>
  </si>
  <si>
    <t>457619222.0</t>
  </si>
  <si>
    <t>393029812.0</t>
  </si>
  <si>
    <t>246914925.0</t>
  </si>
  <si>
    <t>1131948902.0</t>
  </si>
  <si>
    <t>457621626.0</t>
  </si>
  <si>
    <t>393030322.0</t>
  </si>
  <si>
    <t>246917966.0</t>
  </si>
  <si>
    <t>1132024249.0</t>
  </si>
  <si>
    <t>457629371.0</t>
  </si>
  <si>
    <t>393048581.0</t>
  </si>
  <si>
    <t>246933437.0</t>
  </si>
  <si>
    <t>1132040176.0</t>
  </si>
  <si>
    <t>457630563.0</t>
  </si>
  <si>
    <t>393049725.0</t>
  </si>
  <si>
    <t>246947312.0</t>
  </si>
  <si>
    <t>1132097915.0</t>
  </si>
  <si>
    <t>457653336.0</t>
  </si>
  <si>
    <t>393052963.0</t>
  </si>
  <si>
    <t>246979040.0</t>
  </si>
  <si>
    <t>188.58</t>
  </si>
  <si>
    <t>PRK</t>
  </si>
  <si>
    <t>North Korea</t>
  </si>
  <si>
    <t>15306.0</t>
  </si>
  <si>
    <t>20054.0</t>
  </si>
  <si>
    <t>43052.0</t>
  </si>
  <si>
    <t>47378.0</t>
  </si>
  <si>
    <t>50196.0</t>
  </si>
  <si>
    <t>53166.0</t>
  </si>
  <si>
    <t>54618.0</t>
  </si>
  <si>
    <t>56094.0</t>
  </si>
  <si>
    <t>57536.0</t>
  </si>
  <si>
    <t>60422.0</t>
  </si>
  <si>
    <t>61892.0</t>
  </si>
  <si>
    <t>63314.0</t>
  </si>
  <si>
    <t>66142.0</t>
  </si>
  <si>
    <t>68886.0</t>
  </si>
  <si>
    <t>72978.0</t>
  </si>
  <si>
    <t>74308.0</t>
  </si>
  <si>
    <t>78410.0</t>
  </si>
  <si>
    <t>81126.0</t>
  </si>
  <si>
    <t>82512.0</t>
  </si>
  <si>
    <t>83916.0</t>
  </si>
  <si>
    <t>85272.0</t>
  </si>
  <si>
    <t>86654.0</t>
  </si>
  <si>
    <t>96624.0</t>
  </si>
  <si>
    <t>102398.0</t>
  </si>
  <si>
    <t>108100.0</t>
  </si>
  <si>
    <t>154935.0</t>
  </si>
  <si>
    <t>175213.0</t>
  </si>
  <si>
    <t>182968.0</t>
  </si>
  <si>
    <t>MKD</t>
  </si>
  <si>
    <t>North Macedonia</t>
  </si>
  <si>
    <t>-365.6</t>
  </si>
  <si>
    <t>-174.626935536104</t>
  </si>
  <si>
    <t>-474.8</t>
  </si>
  <si>
    <t>-8.52</t>
  </si>
  <si>
    <t>-6.12</t>
  </si>
  <si>
    <t>-226.785746697325</t>
  </si>
  <si>
    <t>14758.0</t>
  </si>
  <si>
    <t>7.189</t>
  </si>
  <si>
    <t>-319.2</t>
  </si>
  <si>
    <t>-152.464217240493</t>
  </si>
  <si>
    <t>8.253</t>
  </si>
  <si>
    <t>8.948</t>
  </si>
  <si>
    <t>9.551</t>
  </si>
  <si>
    <t>10.581</t>
  </si>
  <si>
    <t>12.137</t>
  </si>
  <si>
    <t>12.286</t>
  </si>
  <si>
    <t>12.848</t>
  </si>
  <si>
    <t>27684.0</t>
  </si>
  <si>
    <t>13.162</t>
  </si>
  <si>
    <t>13.694</t>
  </si>
  <si>
    <t>14.061</t>
  </si>
  <si>
    <t>-279.2</t>
  </si>
  <si>
    <t>-133.358425606346</t>
  </si>
  <si>
    <t>32161.0</t>
  </si>
  <si>
    <t>33114.0</t>
  </si>
  <si>
    <t>15.744</t>
  </si>
  <si>
    <t>16.864</t>
  </si>
  <si>
    <t>17.604</t>
  </si>
  <si>
    <t>18.558</t>
  </si>
  <si>
    <t>19.019</t>
  </si>
  <si>
    <t>20.093</t>
  </si>
  <si>
    <t>46445.0</t>
  </si>
  <si>
    <t>47793.0</t>
  </si>
  <si>
    <t>22.723</t>
  </si>
  <si>
    <t>49020.0</t>
  </si>
  <si>
    <t>50384.0</t>
  </si>
  <si>
    <t>25.288</t>
  </si>
  <si>
    <t>56749.0</t>
  </si>
  <si>
    <t>26.981</t>
  </si>
  <si>
    <t>27.911</t>
  </si>
  <si>
    <t>59573.0</t>
  </si>
  <si>
    <t>28.323</t>
  </si>
  <si>
    <t>60713.0</t>
  </si>
  <si>
    <t>28.865</t>
  </si>
  <si>
    <t>77.4739850764661</t>
  </si>
  <si>
    <t>61667.0</t>
  </si>
  <si>
    <t>64837.0</t>
  </si>
  <si>
    <t>67165.0</t>
  </si>
  <si>
    <t>68059.0</t>
  </si>
  <si>
    <t>32.358</t>
  </si>
  <si>
    <t>69426.0</t>
  </si>
  <si>
    <t>72690.0</t>
  </si>
  <si>
    <t>35.381</t>
  </si>
  <si>
    <t>36.214</t>
  </si>
  <si>
    <t>36.685</t>
  </si>
  <si>
    <t>80774.0</t>
  </si>
  <si>
    <t>38.403</t>
  </si>
  <si>
    <t>83216.0</t>
  </si>
  <si>
    <t>39.564</t>
  </si>
  <si>
    <t>84916.0</t>
  </si>
  <si>
    <t>40.372</t>
  </si>
  <si>
    <t>85820.0</t>
  </si>
  <si>
    <t>40.802</t>
  </si>
  <si>
    <t>41.146</t>
  </si>
  <si>
    <t>41.965</t>
  </si>
  <si>
    <t>42.648</t>
  </si>
  <si>
    <t>91015.0</t>
  </si>
  <si>
    <t>43.272</t>
  </si>
  <si>
    <t>92550.0</t>
  </si>
  <si>
    <t>44.002</t>
  </si>
  <si>
    <t>94092.0</t>
  </si>
  <si>
    <t>44.735</t>
  </si>
  <si>
    <t>45.749</t>
  </si>
  <si>
    <t>97582.0</t>
  </si>
  <si>
    <t>47.331</t>
  </si>
  <si>
    <t>47.961</t>
  </si>
  <si>
    <t>102255.0</t>
  </si>
  <si>
    <t>232.135368354886</t>
  </si>
  <si>
    <t>105295.0</t>
  </si>
  <si>
    <t>50.061</t>
  </si>
  <si>
    <t>105984.0</t>
  </si>
  <si>
    <t>50.389</t>
  </si>
  <si>
    <t>50.783</t>
  </si>
  <si>
    <t>109864.0</t>
  </si>
  <si>
    <t>52.233</t>
  </si>
  <si>
    <t>111709.0</t>
  </si>
  <si>
    <t>113537.0</t>
  </si>
  <si>
    <t>54.907</t>
  </si>
  <si>
    <t>56.576</t>
  </si>
  <si>
    <t>120847.0</t>
  </si>
  <si>
    <t>57.455</t>
  </si>
  <si>
    <t>123019.0</t>
  </si>
  <si>
    <t>58.488</t>
  </si>
  <si>
    <t>125025.0</t>
  </si>
  <si>
    <t>126181.0</t>
  </si>
  <si>
    <t>127093.0</t>
  </si>
  <si>
    <t>60.425</t>
  </si>
  <si>
    <t>128995.0</t>
  </si>
  <si>
    <t>130648.0</t>
  </si>
  <si>
    <t>62.115</t>
  </si>
  <si>
    <t>132473.0</t>
  </si>
  <si>
    <t>62.983</t>
  </si>
  <si>
    <t>134206.0</t>
  </si>
  <si>
    <t>63.806</t>
  </si>
  <si>
    <t>64.479</t>
  </si>
  <si>
    <t>136480.0</t>
  </si>
  <si>
    <t>64.888</t>
  </si>
  <si>
    <t>138248.0</t>
  </si>
  <si>
    <t>65.728</t>
  </si>
  <si>
    <t>141842.0</t>
  </si>
  <si>
    <t>67.437</t>
  </si>
  <si>
    <t>143860.0</t>
  </si>
  <si>
    <t>68.396</t>
  </si>
  <si>
    <t>145157.0</t>
  </si>
  <si>
    <t>69.013</t>
  </si>
  <si>
    <t>145974.0</t>
  </si>
  <si>
    <t>69.401</t>
  </si>
  <si>
    <t>146424.0</t>
  </si>
  <si>
    <t>69.615</t>
  </si>
  <si>
    <t>148089.0</t>
  </si>
  <si>
    <t>70.407</t>
  </si>
  <si>
    <t>376.001979360013</t>
  </si>
  <si>
    <t>71.249</t>
  </si>
  <si>
    <t>151617.0</t>
  </si>
  <si>
    <t>153103.0</t>
  </si>
  <si>
    <t>72.791</t>
  </si>
  <si>
    <t>154677.0</t>
  </si>
  <si>
    <t>73.539</t>
  </si>
  <si>
    <t>155674.0</t>
  </si>
  <si>
    <t>74.013</t>
  </si>
  <si>
    <t>156158.0</t>
  </si>
  <si>
    <t>157542.0</t>
  </si>
  <si>
    <t>74.901</t>
  </si>
  <si>
    <t>75.278</t>
  </si>
  <si>
    <t>159745.0</t>
  </si>
  <si>
    <t>75.949</t>
  </si>
  <si>
    <t>161287.0</t>
  </si>
  <si>
    <t>76.682</t>
  </si>
  <si>
    <t>162794.0</t>
  </si>
  <si>
    <t>77.398</t>
  </si>
  <si>
    <t>164047.0</t>
  </si>
  <si>
    <t>77.994</t>
  </si>
  <si>
    <t>164511.0</t>
  </si>
  <si>
    <t>78.215</t>
  </si>
  <si>
    <t>165915.0</t>
  </si>
  <si>
    <t>167636.0</t>
  </si>
  <si>
    <t>169310.0</t>
  </si>
  <si>
    <t>80.496</t>
  </si>
  <si>
    <t>170855.0</t>
  </si>
  <si>
    <t>81.231</t>
  </si>
  <si>
    <t>172252.0</t>
  </si>
  <si>
    <t>173620.0</t>
  </si>
  <si>
    <t>82.545</t>
  </si>
  <si>
    <t>174172.0</t>
  </si>
  <si>
    <t>83.577</t>
  </si>
  <si>
    <t>177559.0</t>
  </si>
  <si>
    <t>84.418</t>
  </si>
  <si>
    <t>179189.0</t>
  </si>
  <si>
    <t>180693.0</t>
  </si>
  <si>
    <t>85.908</t>
  </si>
  <si>
    <t>182252.0</t>
  </si>
  <si>
    <t>86.649</t>
  </si>
  <si>
    <t>87.231</t>
  </si>
  <si>
    <t>183863.0</t>
  </si>
  <si>
    <t>87.415</t>
  </si>
  <si>
    <t>185235.0</t>
  </si>
  <si>
    <t>88.067</t>
  </si>
  <si>
    <t>186932.0</t>
  </si>
  <si>
    <t>88.874</t>
  </si>
  <si>
    <t>188282.0</t>
  </si>
  <si>
    <t>1085.4</t>
  </si>
  <si>
    <t>518.435655992579</t>
  </si>
  <si>
    <t>189976.0</t>
  </si>
  <si>
    <t>90.322</t>
  </si>
  <si>
    <t>191807.0</t>
  </si>
  <si>
    <t>91.192</t>
  </si>
  <si>
    <t>193157.0</t>
  </si>
  <si>
    <t>91.834</t>
  </si>
  <si>
    <t>193696.0</t>
  </si>
  <si>
    <t>195537.0</t>
  </si>
  <si>
    <t>92.965</t>
  </si>
  <si>
    <t>93.912</t>
  </si>
  <si>
    <t>199667.0</t>
  </si>
  <si>
    <t>94.929</t>
  </si>
  <si>
    <t>201934.0</t>
  </si>
  <si>
    <t>96.007</t>
  </si>
  <si>
    <t>206046.0</t>
  </si>
  <si>
    <t>97.962</t>
  </si>
  <si>
    <t>206824.0</t>
  </si>
  <si>
    <t>98.332</t>
  </si>
  <si>
    <t>207504.0</t>
  </si>
  <si>
    <t>98.655</t>
  </si>
  <si>
    <t>209945.0</t>
  </si>
  <si>
    <t>99.816</t>
  </si>
  <si>
    <t>212390.0</t>
  </si>
  <si>
    <t>214696.0</t>
  </si>
  <si>
    <t>102.074</t>
  </si>
  <si>
    <t>217313.0</t>
  </si>
  <si>
    <t>103.319</t>
  </si>
  <si>
    <t>219166.0</t>
  </si>
  <si>
    <t>219937.0</t>
  </si>
  <si>
    <t>104.566</t>
  </si>
  <si>
    <t>222077.0</t>
  </si>
  <si>
    <t>105.584</t>
  </si>
  <si>
    <t>226612.0</t>
  </si>
  <si>
    <t>229246.0</t>
  </si>
  <si>
    <t>108.992</t>
  </si>
  <si>
    <t>110.117</t>
  </si>
  <si>
    <t>110.842</t>
  </si>
  <si>
    <t>235038.0</t>
  </si>
  <si>
    <t>111.746</t>
  </si>
  <si>
    <t>235775.0</t>
  </si>
  <si>
    <t>112.096</t>
  </si>
  <si>
    <t>238011.0</t>
  </si>
  <si>
    <t>113.159</t>
  </si>
  <si>
    <t>240658.0</t>
  </si>
  <si>
    <t>114.418</t>
  </si>
  <si>
    <t>115.701</t>
  </si>
  <si>
    <t>117.007</t>
  </si>
  <si>
    <t>249399.0</t>
  </si>
  <si>
    <t>118.573</t>
  </si>
  <si>
    <t>119.738</t>
  </si>
  <si>
    <t>1695.4</t>
  </si>
  <si>
    <t>809.798978413321</t>
  </si>
  <si>
    <t>253173.0</t>
  </si>
  <si>
    <t>120.368</t>
  </si>
  <si>
    <t>255904.0</t>
  </si>
  <si>
    <t>121.666</t>
  </si>
  <si>
    <t>259115.0</t>
  </si>
  <si>
    <t>123.193</t>
  </si>
  <si>
    <t>262446.0</t>
  </si>
  <si>
    <t>124.776</t>
  </si>
  <si>
    <t>265528.0</t>
  </si>
  <si>
    <t>126.242</t>
  </si>
  <si>
    <t>268932.0</t>
  </si>
  <si>
    <t>271599.0</t>
  </si>
  <si>
    <t>272892.0</t>
  </si>
  <si>
    <t>129.743</t>
  </si>
  <si>
    <t>0.3714</t>
  </si>
  <si>
    <t>275934.0</t>
  </si>
  <si>
    <t>131.189</t>
  </si>
  <si>
    <t>0.3634</t>
  </si>
  <si>
    <t>279770.0</t>
  </si>
  <si>
    <t>134.589</t>
  </si>
  <si>
    <t>136.061</t>
  </si>
  <si>
    <t>289534.0</t>
  </si>
  <si>
    <t>137.655</t>
  </si>
  <si>
    <t>0.3592</t>
  </si>
  <si>
    <t>292189.0</t>
  </si>
  <si>
    <t>138.917</t>
  </si>
  <si>
    <t>296802.0</t>
  </si>
  <si>
    <t>141.111</t>
  </si>
  <si>
    <t>300200.0</t>
  </si>
  <si>
    <t>142.726</t>
  </si>
  <si>
    <t>0.3617</t>
  </si>
  <si>
    <t>303281.0</t>
  </si>
  <si>
    <t>0.3701</t>
  </si>
  <si>
    <t>306481.0</t>
  </si>
  <si>
    <t>145.712</t>
  </si>
  <si>
    <t>309590.0</t>
  </si>
  <si>
    <t>312143.0</t>
  </si>
  <si>
    <t>148.404</t>
  </si>
  <si>
    <t>313319.0</t>
  </si>
  <si>
    <t>148.963</t>
  </si>
  <si>
    <t>316462.0</t>
  </si>
  <si>
    <t>150.458</t>
  </si>
  <si>
    <t>319811.0</t>
  </si>
  <si>
    <t>322675.0</t>
  </si>
  <si>
    <t>153.411</t>
  </si>
  <si>
    <t>0.3834</t>
  </si>
  <si>
    <t>325759.0</t>
  </si>
  <si>
    <t>154.878</t>
  </si>
  <si>
    <t>0.3836</t>
  </si>
  <si>
    <t>328886.0</t>
  </si>
  <si>
    <t>156.364</t>
  </si>
  <si>
    <t>157.324</t>
  </si>
  <si>
    <t>332086.0</t>
  </si>
  <si>
    <t>157.886</t>
  </si>
  <si>
    <t>0.3623</t>
  </si>
  <si>
    <t>335098.0</t>
  </si>
  <si>
    <t>3914.6</t>
  </si>
  <si>
    <t>1869.7882982758</t>
  </si>
  <si>
    <t>337662.0</t>
  </si>
  <si>
    <t>160.537</t>
  </si>
  <si>
    <t>0.3799</t>
  </si>
  <si>
    <t>341061.0</t>
  </si>
  <si>
    <t>162.153</t>
  </si>
  <si>
    <t>0.3502</t>
  </si>
  <si>
    <t>343885.0</t>
  </si>
  <si>
    <t>163.496</t>
  </si>
  <si>
    <t>346880.0</t>
  </si>
  <si>
    <t>164.919</t>
  </si>
  <si>
    <t>165.735</t>
  </si>
  <si>
    <t>349542.0</t>
  </si>
  <si>
    <t>166.185</t>
  </si>
  <si>
    <t>352535.0</t>
  </si>
  <si>
    <t>167.608</t>
  </si>
  <si>
    <t>354005.0</t>
  </si>
  <si>
    <t>168.307</t>
  </si>
  <si>
    <t>169.618</t>
  </si>
  <si>
    <t>359877.0</t>
  </si>
  <si>
    <t>171.099</t>
  </si>
  <si>
    <t>362682.0</t>
  </si>
  <si>
    <t>172.432</t>
  </si>
  <si>
    <t>364519.0</t>
  </si>
  <si>
    <t>173.306</t>
  </si>
  <si>
    <t>173.658</t>
  </si>
  <si>
    <t>368162.0</t>
  </si>
  <si>
    <t>175.038</t>
  </si>
  <si>
    <t>176.411</t>
  </si>
  <si>
    <t>373398.0</t>
  </si>
  <si>
    <t>177.527</t>
  </si>
  <si>
    <t>376225.0</t>
  </si>
  <si>
    <t>178.871</t>
  </si>
  <si>
    <t>378889.0</t>
  </si>
  <si>
    <t>180.138</t>
  </si>
  <si>
    <t>0.3141</t>
  </si>
  <si>
    <t>380276.0</t>
  </si>
  <si>
    <t>180.797</t>
  </si>
  <si>
    <t>380867.0</t>
  </si>
  <si>
    <t>181.078</t>
  </si>
  <si>
    <t>182.296</t>
  </si>
  <si>
    <t>385939.0</t>
  </si>
  <si>
    <t>0.2994</t>
  </si>
  <si>
    <t>388145.0</t>
  </si>
  <si>
    <t>184.538</t>
  </si>
  <si>
    <t>390037.0</t>
  </si>
  <si>
    <t>185.438</t>
  </si>
  <si>
    <t>392036.0</t>
  </si>
  <si>
    <t>186.388</t>
  </si>
  <si>
    <t>393289.0</t>
  </si>
  <si>
    <t>186.984</t>
  </si>
  <si>
    <t>393989.0</t>
  </si>
  <si>
    <t>187.317</t>
  </si>
  <si>
    <t>396456.0</t>
  </si>
  <si>
    <t>398822.0</t>
  </si>
  <si>
    <t>189.615</t>
  </si>
  <si>
    <t>400484.0</t>
  </si>
  <si>
    <t>190.405</t>
  </si>
  <si>
    <t>402103.0</t>
  </si>
  <si>
    <t>191.174</t>
  </si>
  <si>
    <t>5377.8</t>
  </si>
  <si>
    <t>2568.6781562529</t>
  </si>
  <si>
    <t>402481.0</t>
  </si>
  <si>
    <t>191.354</t>
  </si>
  <si>
    <t>404006.0</t>
  </si>
  <si>
    <t>192.079</t>
  </si>
  <si>
    <t>404767.0</t>
  </si>
  <si>
    <t>192.441</t>
  </si>
  <si>
    <t>407198.0</t>
  </si>
  <si>
    <t>193.597</t>
  </si>
  <si>
    <t>409650.0</t>
  </si>
  <si>
    <t>194.763</t>
  </si>
  <si>
    <t>410699.0</t>
  </si>
  <si>
    <t>195.261</t>
  </si>
  <si>
    <t>411463.0</t>
  </si>
  <si>
    <t>195.625</t>
  </si>
  <si>
    <t>414416.0</t>
  </si>
  <si>
    <t>197.029</t>
  </si>
  <si>
    <t>416871.0</t>
  </si>
  <si>
    <t>198.196</t>
  </si>
  <si>
    <t>417789.0</t>
  </si>
  <si>
    <t>198.632</t>
  </si>
  <si>
    <t>420812.0</t>
  </si>
  <si>
    <t>200.069</t>
  </si>
  <si>
    <t>423355.0</t>
  </si>
  <si>
    <t>201.278</t>
  </si>
  <si>
    <t>425547.0</t>
  </si>
  <si>
    <t>202.321</t>
  </si>
  <si>
    <t>427665.0</t>
  </si>
  <si>
    <t>203.328</t>
  </si>
  <si>
    <t>429841.0</t>
  </si>
  <si>
    <t>204.362</t>
  </si>
  <si>
    <t>431371.0</t>
  </si>
  <si>
    <t>431900.0</t>
  </si>
  <si>
    <t>205.341</t>
  </si>
  <si>
    <t>434227.0</t>
  </si>
  <si>
    <t>435020.0</t>
  </si>
  <si>
    <t>206.824</t>
  </si>
  <si>
    <t>436926.0</t>
  </si>
  <si>
    <t>207.731</t>
  </si>
  <si>
    <t>438780.0</t>
  </si>
  <si>
    <t>208.612</t>
  </si>
  <si>
    <t>440793.0</t>
  </si>
  <si>
    <t>209.569</t>
  </si>
  <si>
    <t>442259.0</t>
  </si>
  <si>
    <t>210.266</t>
  </si>
  <si>
    <t>442936.0</t>
  </si>
  <si>
    <t>210.588</t>
  </si>
  <si>
    <t>445454.0</t>
  </si>
  <si>
    <t>211.785</t>
  </si>
  <si>
    <t>447690.0</t>
  </si>
  <si>
    <t>212.848</t>
  </si>
  <si>
    <t>449654.0</t>
  </si>
  <si>
    <t>213.782</t>
  </si>
  <si>
    <t>451678.0</t>
  </si>
  <si>
    <t>214.744</t>
  </si>
  <si>
    <t>454267.0</t>
  </si>
  <si>
    <t>215.975</t>
  </si>
  <si>
    <t>456000.0</t>
  </si>
  <si>
    <t>216.799</t>
  </si>
  <si>
    <t>456678.0</t>
  </si>
  <si>
    <t>217.121</t>
  </si>
  <si>
    <t>2776.2625823579</t>
  </si>
  <si>
    <t>459218.0</t>
  </si>
  <si>
    <t>218.329</t>
  </si>
  <si>
    <t>461509.0</t>
  </si>
  <si>
    <t>219.418</t>
  </si>
  <si>
    <t>463616.0</t>
  </si>
  <si>
    <t>220.42</t>
  </si>
  <si>
    <t>465777.0</t>
  </si>
  <si>
    <t>221.447</t>
  </si>
  <si>
    <t>468504.0</t>
  </si>
  <si>
    <t>222.744</t>
  </si>
  <si>
    <t>470350.0</t>
  </si>
  <si>
    <t>223.622</t>
  </si>
  <si>
    <t>471076.0</t>
  </si>
  <si>
    <t>223.967</t>
  </si>
  <si>
    <t>473939.0</t>
  </si>
  <si>
    <t>225.328</t>
  </si>
  <si>
    <t>476384.0</t>
  </si>
  <si>
    <t>479089.0</t>
  </si>
  <si>
    <t>227.776</t>
  </si>
  <si>
    <t>481685.0</t>
  </si>
  <si>
    <t>229.011</t>
  </si>
  <si>
    <t>484806.0</t>
  </si>
  <si>
    <t>230.495</t>
  </si>
  <si>
    <t>486620.0</t>
  </si>
  <si>
    <t>487375.0</t>
  </si>
  <si>
    <t>231.716</t>
  </si>
  <si>
    <t>489650.0</t>
  </si>
  <si>
    <t>232.798</t>
  </si>
  <si>
    <t>492033.0</t>
  </si>
  <si>
    <t>494378.0</t>
  </si>
  <si>
    <t>235.045</t>
  </si>
  <si>
    <t>496927.0</t>
  </si>
  <si>
    <t>500210.0</t>
  </si>
  <si>
    <t>237.818</t>
  </si>
  <si>
    <t>502370.0</t>
  </si>
  <si>
    <t>238.845</t>
  </si>
  <si>
    <t>503224.0</t>
  </si>
  <si>
    <t>239.251</t>
  </si>
  <si>
    <t>506037.0</t>
  </si>
  <si>
    <t>509379.0</t>
  </si>
  <si>
    <t>242.177</t>
  </si>
  <si>
    <t>512351.0</t>
  </si>
  <si>
    <t>515828.0</t>
  </si>
  <si>
    <t>245.243</t>
  </si>
  <si>
    <t>519644.0</t>
  </si>
  <si>
    <t>247.058</t>
  </si>
  <si>
    <t>522177.0</t>
  </si>
  <si>
    <t>248.262</t>
  </si>
  <si>
    <t>523385.0</t>
  </si>
  <si>
    <t>248.836</t>
  </si>
  <si>
    <t>6087.4</t>
  </si>
  <si>
    <t>2907.61489984266</t>
  </si>
  <si>
    <t>526529.0</t>
  </si>
  <si>
    <t>250.331</t>
  </si>
  <si>
    <t>529841.0</t>
  </si>
  <si>
    <t>251.906</t>
  </si>
  <si>
    <t>533164.0</t>
  </si>
  <si>
    <t>253.486</t>
  </si>
  <si>
    <t>536683.0</t>
  </si>
  <si>
    <t>255.159</t>
  </si>
  <si>
    <t>540384.0</t>
  </si>
  <si>
    <t>256.918</t>
  </si>
  <si>
    <t>542643.0</t>
  </si>
  <si>
    <t>544205.0</t>
  </si>
  <si>
    <t>258.735</t>
  </si>
  <si>
    <t>547599.0</t>
  </si>
  <si>
    <t>260.349</t>
  </si>
  <si>
    <t>551306.0</t>
  </si>
  <si>
    <t>262.111</t>
  </si>
  <si>
    <t>554756.0</t>
  </si>
  <si>
    <t>263.751</t>
  </si>
  <si>
    <t>558410.0</t>
  </si>
  <si>
    <t>265.489</t>
  </si>
  <si>
    <t>562783.0</t>
  </si>
  <si>
    <t>267.568</t>
  </si>
  <si>
    <t>565572.0</t>
  </si>
  <si>
    <t>268.894</t>
  </si>
  <si>
    <t>566830.0</t>
  </si>
  <si>
    <t>269.492</t>
  </si>
  <si>
    <t>570457.0</t>
  </si>
  <si>
    <t>271.216</t>
  </si>
  <si>
    <t>574551.0</t>
  </si>
  <si>
    <t>273.163</t>
  </si>
  <si>
    <t>578312.0</t>
  </si>
  <si>
    <t>274.951</t>
  </si>
  <si>
    <t>581878.0</t>
  </si>
  <si>
    <t>586935.0</t>
  </si>
  <si>
    <t>279.05</t>
  </si>
  <si>
    <t>589665.0</t>
  </si>
  <si>
    <t>280.348</t>
  </si>
  <si>
    <t>591347.0</t>
  </si>
  <si>
    <t>281.148</t>
  </si>
  <si>
    <t>595075.0</t>
  </si>
  <si>
    <t>282.92</t>
  </si>
  <si>
    <t>599171.0</t>
  </si>
  <si>
    <t>284.868</t>
  </si>
  <si>
    <t>603068.0</t>
  </si>
  <si>
    <t>286.721</t>
  </si>
  <si>
    <t>607345.0</t>
  </si>
  <si>
    <t>288.754</t>
  </si>
  <si>
    <t>612083.0</t>
  </si>
  <si>
    <t>291.007</t>
  </si>
  <si>
    <t>292.32</t>
  </si>
  <si>
    <t>616251.0</t>
  </si>
  <si>
    <t>292.988</t>
  </si>
  <si>
    <t>620199.0</t>
  </si>
  <si>
    <t>294.865</t>
  </si>
  <si>
    <t>624644.0</t>
  </si>
  <si>
    <t>296.979</t>
  </si>
  <si>
    <t>0.2995</t>
  </si>
  <si>
    <t>628622.0</t>
  </si>
  <si>
    <t>7067.8</t>
  </si>
  <si>
    <t>3375.89785279561</t>
  </si>
  <si>
    <t>632796.0</t>
  </si>
  <si>
    <t>300.854</t>
  </si>
  <si>
    <t>637716.0</t>
  </si>
  <si>
    <t>303.194</t>
  </si>
  <si>
    <t>0.3055</t>
  </si>
  <si>
    <t>640962.0</t>
  </si>
  <si>
    <t>304.737</t>
  </si>
  <si>
    <t>642393.0</t>
  </si>
  <si>
    <t>305.417</t>
  </si>
  <si>
    <t>646948.0</t>
  </si>
  <si>
    <t>307.583</t>
  </si>
  <si>
    <t>651386.0</t>
  </si>
  <si>
    <t>309.693</t>
  </si>
  <si>
    <t>655313.0</t>
  </si>
  <si>
    <t>311.56</t>
  </si>
  <si>
    <t>659911.0</t>
  </si>
  <si>
    <t>313.746</t>
  </si>
  <si>
    <t>665480.0</t>
  </si>
  <si>
    <t>316.394</t>
  </si>
  <si>
    <t>668530.0</t>
  </si>
  <si>
    <t>317.844</t>
  </si>
  <si>
    <t>669722.0</t>
  </si>
  <si>
    <t>318.41</t>
  </si>
  <si>
    <t>673767.0</t>
  </si>
  <si>
    <t>677377.0</t>
  </si>
  <si>
    <t>322.05</t>
  </si>
  <si>
    <t>29263.0</t>
  </si>
  <si>
    <t>680661.0</t>
  </si>
  <si>
    <t>323.611</t>
  </si>
  <si>
    <t>31460.0</t>
  </si>
  <si>
    <t>684277.0</t>
  </si>
  <si>
    <t>325.33</t>
  </si>
  <si>
    <t>0.2507</t>
  </si>
  <si>
    <t>688265.0</t>
  </si>
  <si>
    <t>327.226</t>
  </si>
  <si>
    <t>0.2565</t>
  </si>
  <si>
    <t>690644.0</t>
  </si>
  <si>
    <t>328.357</t>
  </si>
  <si>
    <t>691485.0</t>
  </si>
  <si>
    <t>328.757</t>
  </si>
  <si>
    <t>694656.0</t>
  </si>
  <si>
    <t>330.265</t>
  </si>
  <si>
    <t>697521.0</t>
  </si>
  <si>
    <t>331.627</t>
  </si>
  <si>
    <t>700117.0</t>
  </si>
  <si>
    <t>332.861</t>
  </si>
  <si>
    <t>702958.0</t>
  </si>
  <si>
    <t>334.212</t>
  </si>
  <si>
    <t>335.888</t>
  </si>
  <si>
    <t>337.011</t>
  </si>
  <si>
    <t>709654.0</t>
  </si>
  <si>
    <t>337.395</t>
  </si>
  <si>
    <t>51853.0</t>
  </si>
  <si>
    <t>712528.0</t>
  </si>
  <si>
    <t>338.762</t>
  </si>
  <si>
    <t>53193.0</t>
  </si>
  <si>
    <t>715562.0</t>
  </si>
  <si>
    <t>340.204</t>
  </si>
  <si>
    <t>718015.0</t>
  </si>
  <si>
    <t>341.371</t>
  </si>
  <si>
    <t>720835.0</t>
  </si>
  <si>
    <t>342.711</t>
  </si>
  <si>
    <t>723111.0</t>
  </si>
  <si>
    <t>343.793</t>
  </si>
  <si>
    <t>4150.25558772759</t>
  </si>
  <si>
    <t>724057.0</t>
  </si>
  <si>
    <t>344.243</t>
  </si>
  <si>
    <t>724629.0</t>
  </si>
  <si>
    <t>344.515</t>
  </si>
  <si>
    <t>725798.0</t>
  </si>
  <si>
    <t>345.071</t>
  </si>
  <si>
    <t>728726.0</t>
  </si>
  <si>
    <t>346.463</t>
  </si>
  <si>
    <t>66086.0</t>
  </si>
  <si>
    <t>74076.0</t>
  </si>
  <si>
    <t>107978.0</t>
  </si>
  <si>
    <t>145043.0</t>
  </si>
  <si>
    <t>121181.0</t>
  </si>
  <si>
    <t>160425.0</t>
  </si>
  <si>
    <t>175348.0</t>
  </si>
  <si>
    <t>149700.0</t>
  </si>
  <si>
    <t>203324.0</t>
  </si>
  <si>
    <t>176909.0</t>
  </si>
  <si>
    <t>26415.0</t>
  </si>
  <si>
    <t>207219.0</t>
  </si>
  <si>
    <t>219977.0</t>
  </si>
  <si>
    <t>232485.0</t>
  </si>
  <si>
    <t>196119.0</t>
  </si>
  <si>
    <t>244518.0</t>
  </si>
  <si>
    <t>206013.0</t>
  </si>
  <si>
    <t>38505.0</t>
  </si>
  <si>
    <t>255259.0</t>
  </si>
  <si>
    <t>216453.0</t>
  </si>
  <si>
    <t>259577.0</t>
  </si>
  <si>
    <t>220771.0</t>
  </si>
  <si>
    <t>363.886</t>
  </si>
  <si>
    <t>267167.0</t>
  </si>
  <si>
    <t>278619.0</t>
  </si>
  <si>
    <t>224019.0</t>
  </si>
  <si>
    <t>373.091</t>
  </si>
  <si>
    <t>290829.0</t>
  </si>
  <si>
    <t>231014.0</t>
  </si>
  <si>
    <t>304904.0</t>
  </si>
  <si>
    <t>233844.0</t>
  </si>
  <si>
    <t>791466.0</t>
  </si>
  <si>
    <t>376.292</t>
  </si>
  <si>
    <t>315781.0</t>
  </si>
  <si>
    <t>234508.0</t>
  </si>
  <si>
    <t>81273.0</t>
  </si>
  <si>
    <t>9244.6</t>
  </si>
  <si>
    <t>4415.63503352589</t>
  </si>
  <si>
    <t>331034.0</t>
  </si>
  <si>
    <t>236878.0</t>
  </si>
  <si>
    <t>94156.0</t>
  </si>
  <si>
    <t>239283.0</t>
  </si>
  <si>
    <t>107648.0</t>
  </si>
  <si>
    <t>804117.0</t>
  </si>
  <si>
    <t>382.307</t>
  </si>
  <si>
    <t>362710.0</t>
  </si>
  <si>
    <t>241368.0</t>
  </si>
  <si>
    <t>121342.0</t>
  </si>
  <si>
    <t>369661.0</t>
  </si>
  <si>
    <t>243832.0</t>
  </si>
  <si>
    <t>125829.0</t>
  </si>
  <si>
    <t>807226.0</t>
  </si>
  <si>
    <t>383.785</t>
  </si>
  <si>
    <t>384466.0</t>
  </si>
  <si>
    <t>245413.0</t>
  </si>
  <si>
    <t>139053.0</t>
  </si>
  <si>
    <t>811082.0</t>
  </si>
  <si>
    <t>385.618</t>
  </si>
  <si>
    <t>399962.0</t>
  </si>
  <si>
    <t>249187.0</t>
  </si>
  <si>
    <t>815282.0</t>
  </si>
  <si>
    <t>387.615</t>
  </si>
  <si>
    <t>410711.0</t>
  </si>
  <si>
    <t>250813.0</t>
  </si>
  <si>
    <t>159898.0</t>
  </si>
  <si>
    <t>818135.0</t>
  </si>
  <si>
    <t>388.971</t>
  </si>
  <si>
    <t>420821.0</t>
  </si>
  <si>
    <t>252537.0</t>
  </si>
  <si>
    <t>168284.0</t>
  </si>
  <si>
    <t>820754.0</t>
  </si>
  <si>
    <t>390.216</t>
  </si>
  <si>
    <t>431174.0</t>
  </si>
  <si>
    <t>254154.0</t>
  </si>
  <si>
    <t>177020.0</t>
  </si>
  <si>
    <t>391.363</t>
  </si>
  <si>
    <t>442928.0</t>
  </si>
  <si>
    <t>255808.0</t>
  </si>
  <si>
    <t>187120.0</t>
  </si>
  <si>
    <t>833488.0</t>
  </si>
  <si>
    <t>396.271</t>
  </si>
  <si>
    <t>452424.0</t>
  </si>
  <si>
    <t>259395.0</t>
  </si>
  <si>
    <t>193029.0</t>
  </si>
  <si>
    <t>834825.0</t>
  </si>
  <si>
    <t>396.906</t>
  </si>
  <si>
    <t>458131.0</t>
  </si>
  <si>
    <t>263083.0</t>
  </si>
  <si>
    <t>195048.0</t>
  </si>
  <si>
    <t>837712.0</t>
  </si>
  <si>
    <t>398.279</t>
  </si>
  <si>
    <t>462415.0</t>
  </si>
  <si>
    <t>265164.0</t>
  </si>
  <si>
    <t>197251.0</t>
  </si>
  <si>
    <t>473853.0</t>
  </si>
  <si>
    <t>274710.0</t>
  </si>
  <si>
    <t>199143.0</t>
  </si>
  <si>
    <t>847723.0</t>
  </si>
  <si>
    <t>403.039</t>
  </si>
  <si>
    <t>226.2</t>
  </si>
  <si>
    <t>482058.0</t>
  </si>
  <si>
    <t>278202.0</t>
  </si>
  <si>
    <t>203856.0</t>
  </si>
  <si>
    <t>488010.0</t>
  </si>
  <si>
    <t>281847.0</t>
  </si>
  <si>
    <t>206163.0</t>
  </si>
  <si>
    <t>858615.0</t>
  </si>
  <si>
    <t>408.217</t>
  </si>
  <si>
    <t>337.1</t>
  </si>
  <si>
    <t>494909.0</t>
  </si>
  <si>
    <t>286317.0</t>
  </si>
  <si>
    <t>208592.0</t>
  </si>
  <si>
    <t>501506.0</t>
  </si>
  <si>
    <t>289305.0</t>
  </si>
  <si>
    <t>510351.0</t>
  </si>
  <si>
    <t>295780.0</t>
  </si>
  <si>
    <t>214571.0</t>
  </si>
  <si>
    <t>389.9</t>
  </si>
  <si>
    <t>872283.0</t>
  </si>
  <si>
    <t>414.715</t>
  </si>
  <si>
    <t>441.3</t>
  </si>
  <si>
    <t>529445.0</t>
  </si>
  <si>
    <t>219061.0</t>
  </si>
  <si>
    <t>460.6</t>
  </si>
  <si>
    <t>542699.0</t>
  </si>
  <si>
    <t>321815.0</t>
  </si>
  <si>
    <t>220884.0</t>
  </si>
  <si>
    <t>9526.6</t>
  </si>
  <si>
    <t>4550.33086454662</t>
  </si>
  <si>
    <t>878728.0</t>
  </si>
  <si>
    <t>417.779</t>
  </si>
  <si>
    <t>334386.0</t>
  </si>
  <si>
    <t>223014.0</t>
  </si>
  <si>
    <t>470.5</t>
  </si>
  <si>
    <t>572176.0</t>
  </si>
  <si>
    <t>346836.0</t>
  </si>
  <si>
    <t>225340.0</t>
  </si>
  <si>
    <t>471.1</t>
  </si>
  <si>
    <t>586537.0</t>
  </si>
  <si>
    <t>358686.0</t>
  </si>
  <si>
    <t>227851.0</t>
  </si>
  <si>
    <t>471.8</t>
  </si>
  <si>
    <t>889770.0</t>
  </si>
  <si>
    <t>423.029</t>
  </si>
  <si>
    <t>437.2</t>
  </si>
  <si>
    <t>613219.0</t>
  </si>
  <si>
    <t>380624.0</t>
  </si>
  <si>
    <t>232595.0</t>
  </si>
  <si>
    <t>366.8</t>
  </si>
  <si>
    <t>627948.0</t>
  </si>
  <si>
    <t>390626.0</t>
  </si>
  <si>
    <t>237322.0</t>
  </si>
  <si>
    <t>336.6</t>
  </si>
  <si>
    <t>640886.0</t>
  </si>
  <si>
    <t>400235.0</t>
  </si>
  <si>
    <t>240651.0</t>
  </si>
  <si>
    <t>652680.0</t>
  </si>
  <si>
    <t>408953.0</t>
  </si>
  <si>
    <t>243727.0</t>
  </si>
  <si>
    <t>662372.0</t>
  </si>
  <si>
    <t>417141.0</t>
  </si>
  <si>
    <t>245231.0</t>
  </si>
  <si>
    <t>244.2</t>
  </si>
  <si>
    <t>676620.0</t>
  </si>
  <si>
    <t>428081.0</t>
  </si>
  <si>
    <t>248539.0</t>
  </si>
  <si>
    <t>913770.0</t>
  </si>
  <si>
    <t>434.44</t>
  </si>
  <si>
    <t>686788.0</t>
  </si>
  <si>
    <t>252338.0</t>
  </si>
  <si>
    <t>700193.0</t>
  </si>
  <si>
    <t>440299.0</t>
  </si>
  <si>
    <t>259894.0</t>
  </si>
  <si>
    <t>713114.0</t>
  </si>
  <si>
    <t>446008.0</t>
  </si>
  <si>
    <t>267106.0</t>
  </si>
  <si>
    <t>725902.0</t>
  </si>
  <si>
    <t>453773.0</t>
  </si>
  <si>
    <t>272129.0</t>
  </si>
  <si>
    <t>922904.0</t>
  </si>
  <si>
    <t>438.782</t>
  </si>
  <si>
    <t>926571.0</t>
  </si>
  <si>
    <t>440.526</t>
  </si>
  <si>
    <t>760961.0</t>
  </si>
  <si>
    <t>455157.0</t>
  </si>
  <si>
    <t>305804.0</t>
  </si>
  <si>
    <t>800168.0</t>
  </si>
  <si>
    <t>318900.0</t>
  </si>
  <si>
    <t>935121.0</t>
  </si>
  <si>
    <t>444.591</t>
  </si>
  <si>
    <t>818295.0</t>
  </si>
  <si>
    <t>487975.0</t>
  </si>
  <si>
    <t>330320.0</t>
  </si>
  <si>
    <t>847336.0</t>
  </si>
  <si>
    <t>495967.0</t>
  </si>
  <si>
    <t>351369.0</t>
  </si>
  <si>
    <t>944136.0</t>
  </si>
  <si>
    <t>448.877</t>
  </si>
  <si>
    <t>862426.0</t>
  </si>
  <si>
    <t>500995.0</t>
  </si>
  <si>
    <t>361431.0</t>
  </si>
  <si>
    <t>506033.0</t>
  </si>
  <si>
    <t>372257.0</t>
  </si>
  <si>
    <t>891379.0</t>
  </si>
  <si>
    <t>510197.0</t>
  </si>
  <si>
    <t>904583.0</t>
  </si>
  <si>
    <t>514021.0</t>
  </si>
  <si>
    <t>390562.0</t>
  </si>
  <si>
    <t>4622.64628588187</t>
  </si>
  <si>
    <t>966202.0</t>
  </si>
  <si>
    <t>459.368</t>
  </si>
  <si>
    <t>920442.0</t>
  </si>
  <si>
    <t>519106.0</t>
  </si>
  <si>
    <t>401336.0</t>
  </si>
  <si>
    <t>932603.0</t>
  </si>
  <si>
    <t>523417.0</t>
  </si>
  <si>
    <t>409186.0</t>
  </si>
  <si>
    <t>944731.0</t>
  </si>
  <si>
    <t>528117.0</t>
  </si>
  <si>
    <t>416614.0</t>
  </si>
  <si>
    <t>958742.0</t>
  </si>
  <si>
    <t>533386.0</t>
  </si>
  <si>
    <t>425356.0</t>
  </si>
  <si>
    <t>982645.0</t>
  </si>
  <si>
    <t>543597.0</t>
  </si>
  <si>
    <t>439048.0</t>
  </si>
  <si>
    <t>998876.0</t>
  </si>
  <si>
    <t>552263.0</t>
  </si>
  <si>
    <t>446613.0</t>
  </si>
  <si>
    <t>1016700.0</t>
  </si>
  <si>
    <t>561912.0</t>
  </si>
  <si>
    <t>1033584.0</t>
  </si>
  <si>
    <t>571392.0</t>
  </si>
  <si>
    <t>462192.0</t>
  </si>
  <si>
    <t>1058112.0</t>
  </si>
  <si>
    <t>586384.0</t>
  </si>
  <si>
    <t>471728.0</t>
  </si>
  <si>
    <t>1079049.0</t>
  </si>
  <si>
    <t>599716.0</t>
  </si>
  <si>
    <t>1045431.0</t>
  </si>
  <si>
    <t>497.036</t>
  </si>
  <si>
    <t>1097855.0</t>
  </si>
  <si>
    <t>612391.0</t>
  </si>
  <si>
    <t>485464.0</t>
  </si>
  <si>
    <t>1115988.0</t>
  </si>
  <si>
    <t>624819.0</t>
  </si>
  <si>
    <t>491169.0</t>
  </si>
  <si>
    <t>1134231.0</t>
  </si>
  <si>
    <t>638428.0</t>
  </si>
  <si>
    <t>495803.0</t>
  </si>
  <si>
    <t>1079208.0</t>
  </si>
  <si>
    <t>513.095</t>
  </si>
  <si>
    <t>652340.0</t>
  </si>
  <si>
    <t>499934.0</t>
  </si>
  <si>
    <t>1177911.0</t>
  </si>
  <si>
    <t>674510.0</t>
  </si>
  <si>
    <t>503401.0</t>
  </si>
  <si>
    <t>1193218.0</t>
  </si>
  <si>
    <t>685775.0</t>
  </si>
  <si>
    <t>507443.0</t>
  </si>
  <si>
    <t>534.572</t>
  </si>
  <si>
    <t>1207515.0</t>
  </si>
  <si>
    <t>695526.0</t>
  </si>
  <si>
    <t>511989.0</t>
  </si>
  <si>
    <t>1220375.0</t>
  </si>
  <si>
    <t>703578.0</t>
  </si>
  <si>
    <t>516797.0</t>
  </si>
  <si>
    <t>1234123.0</t>
  </si>
  <si>
    <t>712339.0</t>
  </si>
  <si>
    <t>521784.0</t>
  </si>
  <si>
    <t>1151716.0</t>
  </si>
  <si>
    <t>547.568</t>
  </si>
  <si>
    <t>1253612.0</t>
  </si>
  <si>
    <t>722579.0</t>
  </si>
  <si>
    <t>531033.0</t>
  </si>
  <si>
    <t>10912.8</t>
  </si>
  <si>
    <t>5212.44207362799</t>
  </si>
  <si>
    <t>1267666.0</t>
  </si>
  <si>
    <t>728629.0</t>
  </si>
  <si>
    <t>539037.0</t>
  </si>
  <si>
    <t>1280332.0</t>
  </si>
  <si>
    <t>733227.0</t>
  </si>
  <si>
    <t>547105.0</t>
  </si>
  <si>
    <t>1187745.0</t>
  </si>
  <si>
    <t>564.697</t>
  </si>
  <si>
    <t>1326584.0</t>
  </si>
  <si>
    <t>737011.0</t>
  </si>
  <si>
    <t>589573.0</t>
  </si>
  <si>
    <t>1358067.0</t>
  </si>
  <si>
    <t>754272.0</t>
  </si>
  <si>
    <t>603795.0</t>
  </si>
  <si>
    <t>1381901.0</t>
  </si>
  <si>
    <t>758623.0</t>
  </si>
  <si>
    <t>623278.0</t>
  </si>
  <si>
    <t>1222443.0</t>
  </si>
  <si>
    <t>581.194</t>
  </si>
  <si>
    <t>1397773.0</t>
  </si>
  <si>
    <t>761580.0</t>
  </si>
  <si>
    <t>636193.0</t>
  </si>
  <si>
    <t>1411735.0</t>
  </si>
  <si>
    <t>763966.0</t>
  </si>
  <si>
    <t>647769.0</t>
  </si>
  <si>
    <t>1435392.0</t>
  </si>
  <si>
    <t>767653.0</t>
  </si>
  <si>
    <t>1251483.0</t>
  </si>
  <si>
    <t>595.001</t>
  </si>
  <si>
    <t>1465229.0</t>
  </si>
  <si>
    <t>774423.0</t>
  </si>
  <si>
    <t>690806.0</t>
  </si>
  <si>
    <t>1474507.0</t>
  </si>
  <si>
    <t>776660.0</t>
  </si>
  <si>
    <t>697847.0</t>
  </si>
  <si>
    <t>1257522.0</t>
  </si>
  <si>
    <t>597.872</t>
  </si>
  <si>
    <t>1482287.0</t>
  </si>
  <si>
    <t>778409.0</t>
  </si>
  <si>
    <t>703878.0</t>
  </si>
  <si>
    <t>1495762.0</t>
  </si>
  <si>
    <t>781627.0</t>
  </si>
  <si>
    <t>714135.0</t>
  </si>
  <si>
    <t>1505469.0</t>
  </si>
  <si>
    <t>784313.0</t>
  </si>
  <si>
    <t>721156.0</t>
  </si>
  <si>
    <t>1510665.0</t>
  </si>
  <si>
    <t>724835.0</t>
  </si>
  <si>
    <t>1513785.0</t>
  </si>
  <si>
    <t>786979.0</t>
  </si>
  <si>
    <t>726625.0</t>
  </si>
  <si>
    <t>12188.6</t>
  </si>
  <si>
    <t>5821.82129779911</t>
  </si>
  <si>
    <t>1518087.0</t>
  </si>
  <si>
    <t>788058.0</t>
  </si>
  <si>
    <t>729794.0</t>
  </si>
  <si>
    <t>1529545.0</t>
  </si>
  <si>
    <t>791141.0</t>
  </si>
  <si>
    <t>737979.0</t>
  </si>
  <si>
    <t>1533495.0</t>
  </si>
  <si>
    <t>792174.0</t>
  </si>
  <si>
    <t>740822.0</t>
  </si>
  <si>
    <t>1540027.0</t>
  </si>
  <si>
    <t>793987.0</t>
  </si>
  <si>
    <t>745415.0</t>
  </si>
  <si>
    <t>1544531.0</t>
  </si>
  <si>
    <t>795186.0</t>
  </si>
  <si>
    <t>748563.0</t>
  </si>
  <si>
    <t>1554372.0</t>
  </si>
  <si>
    <t>797214.0</t>
  </si>
  <si>
    <t>756176.0</t>
  </si>
  <si>
    <t>1557028.0</t>
  </si>
  <si>
    <t>797988.0</t>
  </si>
  <si>
    <t>758001.0</t>
  </si>
  <si>
    <t>1560477.0</t>
  </si>
  <si>
    <t>799012.0</t>
  </si>
  <si>
    <t>760317.0</t>
  </si>
  <si>
    <t>1563990.0</t>
  </si>
  <si>
    <t>799762.0</t>
  </si>
  <si>
    <t>763031.0</t>
  </si>
  <si>
    <t>1566348.0</t>
  </si>
  <si>
    <t>800103.0</t>
  </si>
  <si>
    <t>764953.0</t>
  </si>
  <si>
    <t>1569243.0</t>
  </si>
  <si>
    <t>800357.0</t>
  </si>
  <si>
    <t>766521.0</t>
  </si>
  <si>
    <t>1574184.0</t>
  </si>
  <si>
    <t>800718.0</t>
  </si>
  <si>
    <t>767800.0</t>
  </si>
  <si>
    <t>1589004.0</t>
  </si>
  <si>
    <t>801988.0</t>
  </si>
  <si>
    <t>771165.0</t>
  </si>
  <si>
    <t>1600966.0</t>
  </si>
  <si>
    <t>803408.0</t>
  </si>
  <si>
    <t>773537.0</t>
  </si>
  <si>
    <t>1605913.0</t>
  </si>
  <si>
    <t>804151.0</t>
  </si>
  <si>
    <t>774464.0</t>
  </si>
  <si>
    <t>12804.2</t>
  </si>
  <si>
    <t>6115.85943104863</t>
  </si>
  <si>
    <t>1611685.0</t>
  </si>
  <si>
    <t>805008.0</t>
  </si>
  <si>
    <t>775825.0</t>
  </si>
  <si>
    <t>1620860.0</t>
  </si>
  <si>
    <t>806781.0</t>
  </si>
  <si>
    <t>777655.0</t>
  </si>
  <si>
    <t>36424.0</t>
  </si>
  <si>
    <t>1624729.0</t>
  </si>
  <si>
    <t>807528.0</t>
  </si>
  <si>
    <t>778482.0</t>
  </si>
  <si>
    <t>1633125.0</t>
  </si>
  <si>
    <t>809293.0</t>
  </si>
  <si>
    <t>780456.0</t>
  </si>
  <si>
    <t>1428329.0</t>
  </si>
  <si>
    <t>679.08</t>
  </si>
  <si>
    <t>1657833.0</t>
  </si>
  <si>
    <t>815523.0</t>
  </si>
  <si>
    <t>785916.0</t>
  </si>
  <si>
    <t>56349.0</t>
  </si>
  <si>
    <t>1666261.0</t>
  </si>
  <si>
    <t>818689.0</t>
  </si>
  <si>
    <t>787837.0</t>
  </si>
  <si>
    <t>59735.0</t>
  </si>
  <si>
    <t>1449839.0</t>
  </si>
  <si>
    <t>689.306</t>
  </si>
  <si>
    <t>1694373.0</t>
  </si>
  <si>
    <t>828770.0</t>
  </si>
  <si>
    <t>794666.0</t>
  </si>
  <si>
    <t>70937.0</t>
  </si>
  <si>
    <t>6409.51544846547</t>
  </si>
  <si>
    <t>1473482.0</t>
  </si>
  <si>
    <t>700.547</t>
  </si>
  <si>
    <t>1724797.0</t>
  </si>
  <si>
    <t>836816.0</t>
  </si>
  <si>
    <t>804518.0</t>
  </si>
  <si>
    <t>1511884.0</t>
  </si>
  <si>
    <t>718.805</t>
  </si>
  <si>
    <t>1741245.0</t>
  </si>
  <si>
    <t>840411.0</t>
  </si>
  <si>
    <t>811664.0</t>
  </si>
  <si>
    <t>1755026.0</t>
  </si>
  <si>
    <t>816777.0</t>
  </si>
  <si>
    <t>95378.0</t>
  </si>
  <si>
    <t>13942.8</t>
  </si>
  <si>
    <t>6659.70578991462</t>
  </si>
  <si>
    <t>1630947.0</t>
  </si>
  <si>
    <t>775.412</t>
  </si>
  <si>
    <t>1788943.0</t>
  </si>
  <si>
    <t>847017.0</t>
  </si>
  <si>
    <t>825428.0</t>
  </si>
  <si>
    <t>116498.0</t>
  </si>
  <si>
    <t>0.2744</t>
  </si>
  <si>
    <t>1804728.0</t>
  </si>
  <si>
    <t>828358.0</t>
  </si>
  <si>
    <t>127121.0</t>
  </si>
  <si>
    <t>6754.37498746182</t>
  </si>
  <si>
    <t>1811511.0</t>
  </si>
  <si>
    <t>830150.0</t>
  </si>
  <si>
    <t>131257.0</t>
  </si>
  <si>
    <t>1818058.0</t>
  </si>
  <si>
    <t>831524.0</t>
  </si>
  <si>
    <t>135727.0</t>
  </si>
  <si>
    <t>1847971.0</t>
  </si>
  <si>
    <t>878.593</t>
  </si>
  <si>
    <t>1852018.0</t>
  </si>
  <si>
    <t>880.517</t>
  </si>
  <si>
    <t>1862041.0</t>
  </si>
  <si>
    <t>885.282</t>
  </si>
  <si>
    <t>1823012.0</t>
  </si>
  <si>
    <t>832608.0</t>
  </si>
  <si>
    <t>139048.0</t>
  </si>
  <si>
    <t>1871411.0</t>
  </si>
  <si>
    <t>889.737</t>
  </si>
  <si>
    <t>1874917.0</t>
  </si>
  <si>
    <t>891.404</t>
  </si>
  <si>
    <t>1878073.0</t>
  </si>
  <si>
    <t>892.905</t>
  </si>
  <si>
    <t>1880891.0</t>
  </si>
  <si>
    <t>894.244</t>
  </si>
  <si>
    <t>1883560.0</t>
  </si>
  <si>
    <t>895.513</t>
  </si>
  <si>
    <t>1886706.0</t>
  </si>
  <si>
    <t>897.009</t>
  </si>
  <si>
    <t>1889266.0</t>
  </si>
  <si>
    <t>898.226</t>
  </si>
  <si>
    <t>1826409.0</t>
  </si>
  <si>
    <t>833459.0</t>
  </si>
  <si>
    <t>141262.0</t>
  </si>
  <si>
    <t>1890628.0</t>
  </si>
  <si>
    <t>898.874</t>
  </si>
  <si>
    <t>15441.6</t>
  </si>
  <si>
    <t>7375.59980244611</t>
  </si>
  <si>
    <t>1893409.0</t>
  </si>
  <si>
    <t>900.196</t>
  </si>
  <si>
    <t>1896139.0</t>
  </si>
  <si>
    <t>901.494</t>
  </si>
  <si>
    <t>1901296.0</t>
  </si>
  <si>
    <t>903.946</t>
  </si>
  <si>
    <t>1904443.0</t>
  </si>
  <si>
    <t>905.442</t>
  </si>
  <si>
    <t>1906808.0</t>
  </si>
  <si>
    <t>906.566</t>
  </si>
  <si>
    <t>1829630.0</t>
  </si>
  <si>
    <t>834203.0</t>
  </si>
  <si>
    <t>143397.0</t>
  </si>
  <si>
    <t>1908017.0</t>
  </si>
  <si>
    <t>907.141</t>
  </si>
  <si>
    <t>1910601.0</t>
  </si>
  <si>
    <t>908.37</t>
  </si>
  <si>
    <t>1915369.0</t>
  </si>
  <si>
    <t>910.636</t>
  </si>
  <si>
    <t>1917551.0</t>
  </si>
  <si>
    <t>911.674</t>
  </si>
  <si>
    <t>1920186.0</t>
  </si>
  <si>
    <t>912.927</t>
  </si>
  <si>
    <t>1923358.0</t>
  </si>
  <si>
    <t>914.435</t>
  </si>
  <si>
    <t>1836421.0</t>
  </si>
  <si>
    <t>835151.0</t>
  </si>
  <si>
    <t>148686.0</t>
  </si>
  <si>
    <t>1938935.0</t>
  </si>
  <si>
    <t>921.841</t>
  </si>
  <si>
    <t>1946588.0</t>
  </si>
  <si>
    <t>925.479</t>
  </si>
  <si>
    <t>1839209.0</t>
  </si>
  <si>
    <t>835436.0</t>
  </si>
  <si>
    <t>1955058.0</t>
  </si>
  <si>
    <t>929.506</t>
  </si>
  <si>
    <t>15833.6</t>
  </si>
  <si>
    <t>7562.83656046076</t>
  </si>
  <si>
    <t>1964475.0</t>
  </si>
  <si>
    <t>933.983</t>
  </si>
  <si>
    <t>1841819.0</t>
  </si>
  <si>
    <t>835804.0</t>
  </si>
  <si>
    <t>1978825.0</t>
  </si>
  <si>
    <t>940.806</t>
  </si>
  <si>
    <t>836081.0</t>
  </si>
  <si>
    <t>154735.0</t>
  </si>
  <si>
    <t>1984493.0</t>
  </si>
  <si>
    <t>943.501</t>
  </si>
  <si>
    <t>1990996.0</t>
  </si>
  <si>
    <t>946.592</t>
  </si>
  <si>
    <t>1997169.0</t>
  </si>
  <si>
    <t>949.527</t>
  </si>
  <si>
    <t>2003269.0</t>
  </si>
  <si>
    <t>952.427</t>
  </si>
  <si>
    <t>2007553.0</t>
  </si>
  <si>
    <t>954.464</t>
  </si>
  <si>
    <t>156248.0</t>
  </si>
  <si>
    <t>2015726.0</t>
  </si>
  <si>
    <t>958.35</t>
  </si>
  <si>
    <t>2018029.0</t>
  </si>
  <si>
    <t>959.445</t>
  </si>
  <si>
    <t>15725.4</t>
  </si>
  <si>
    <t>7511.15539409039</t>
  </si>
  <si>
    <t>157314.0</t>
  </si>
  <si>
    <t>2026507.0</t>
  </si>
  <si>
    <t>963.476</t>
  </si>
  <si>
    <t>2027591.0</t>
  </si>
  <si>
    <t>963.991</t>
  </si>
  <si>
    <t>157618.0</t>
  </si>
  <si>
    <t>2033385.0</t>
  </si>
  <si>
    <t>966.746</t>
  </si>
  <si>
    <t>2038551.0</t>
  </si>
  <si>
    <t>969.202</t>
  </si>
  <si>
    <t>2042527.0</t>
  </si>
  <si>
    <t>971.092</t>
  </si>
  <si>
    <t>158133.0</t>
  </si>
  <si>
    <t>2046474.0</t>
  </si>
  <si>
    <t>972.969</t>
  </si>
  <si>
    <t>2049946.0</t>
  </si>
  <si>
    <t>974.619</t>
  </si>
  <si>
    <t>2051008.0</t>
  </si>
  <si>
    <t>975.124</t>
  </si>
  <si>
    <t>15630.6</t>
  </si>
  <si>
    <t>7465.87466791746</t>
  </si>
  <si>
    <t>2057173.0</t>
  </si>
  <si>
    <t>978.055</t>
  </si>
  <si>
    <t>2058297.0</t>
  </si>
  <si>
    <t>978.59</t>
  </si>
  <si>
    <t>1843815.0</t>
  </si>
  <si>
    <t>849038.0</t>
  </si>
  <si>
    <t>836339.0</t>
  </si>
  <si>
    <t>2062933.0</t>
  </si>
  <si>
    <t>980.794</t>
  </si>
  <si>
    <t>2065025.0</t>
  </si>
  <si>
    <t>981.788</t>
  </si>
  <si>
    <t>2068585.0</t>
  </si>
  <si>
    <t>983.481</t>
  </si>
  <si>
    <t>1849997.0</t>
  </si>
  <si>
    <t>837400.0</t>
  </si>
  <si>
    <t>158697.0</t>
  </si>
  <si>
    <t>2072171.0</t>
  </si>
  <si>
    <t>985.186</t>
  </si>
  <si>
    <t>2074132.0</t>
  </si>
  <si>
    <t>986.118</t>
  </si>
  <si>
    <t>1850145.0</t>
  </si>
  <si>
    <t>853927.0</t>
  </si>
  <si>
    <t>837453.0</t>
  </si>
  <si>
    <t>158765.0</t>
  </si>
  <si>
    <t>15923.2</t>
  </si>
  <si>
    <t>7605.63353372124</t>
  </si>
  <si>
    <t>1850325.0</t>
  </si>
  <si>
    <t>853954.0</t>
  </si>
  <si>
    <t>837488.0</t>
  </si>
  <si>
    <t>158883.0</t>
  </si>
  <si>
    <t>1856093.0</t>
  </si>
  <si>
    <t>854061.0</t>
  </si>
  <si>
    <t>837577.0</t>
  </si>
  <si>
    <t>159804.0</t>
  </si>
  <si>
    <t>1857686.0</t>
  </si>
  <si>
    <t>854100.0</t>
  </si>
  <si>
    <t>837613.0</t>
  </si>
  <si>
    <t>160136.0</t>
  </si>
  <si>
    <t>15885.2</t>
  </si>
  <si>
    <t>7587.4830316688</t>
  </si>
  <si>
    <t>1860276.0</t>
  </si>
  <si>
    <t>854187.0</t>
  </si>
  <si>
    <t>837735.0</t>
  </si>
  <si>
    <t>160773.0</t>
  </si>
  <si>
    <t>16345.6</t>
  </si>
  <si>
    <t>7807.39069337784</t>
  </si>
  <si>
    <t>1861054.0</t>
  </si>
  <si>
    <t>854256.0</t>
  </si>
  <si>
    <t>837783.0</t>
  </si>
  <si>
    <t>161025.0</t>
  </si>
  <si>
    <t>1861305.0</t>
  </si>
  <si>
    <t>854279.0</t>
  </si>
  <si>
    <t>837818.0</t>
  </si>
  <si>
    <t>161107.0</t>
  </si>
  <si>
    <t>1861711.0</t>
  </si>
  <si>
    <t>854316.0</t>
  </si>
  <si>
    <t>837888.0</t>
  </si>
  <si>
    <t>161253.0</t>
  </si>
  <si>
    <t>7889.25901053016</t>
  </si>
  <si>
    <t>1861953.0</t>
  </si>
  <si>
    <t>837932.0</t>
  </si>
  <si>
    <t>161328.0</t>
  </si>
  <si>
    <t>1862061.0</t>
  </si>
  <si>
    <t>854351.0</t>
  </si>
  <si>
    <t>837946.0</t>
  </si>
  <si>
    <t>161373.0</t>
  </si>
  <si>
    <t>1862304.0</t>
  </si>
  <si>
    <t>854392.0</t>
  </si>
  <si>
    <t>161447.0</t>
  </si>
  <si>
    <t>1862505.0</t>
  </si>
  <si>
    <t>854425.0</t>
  </si>
  <si>
    <t>838032.0</t>
  </si>
  <si>
    <t>161523.0</t>
  </si>
  <si>
    <t>1862610.0</t>
  </si>
  <si>
    <t>854452.0</t>
  </si>
  <si>
    <t>838048.0</t>
  </si>
  <si>
    <t>OWID_CYN</t>
  </si>
  <si>
    <t>Northern Cyprus</t>
  </si>
  <si>
    <t>97969.0</t>
  </si>
  <si>
    <t>104978.0</t>
  </si>
  <si>
    <t>48462.0</t>
  </si>
  <si>
    <t>107365.0</t>
  </si>
  <si>
    <t>58812.0</t>
  </si>
  <si>
    <t>60642.0</t>
  </si>
  <si>
    <t>48848.0</t>
  </si>
  <si>
    <t>121841.0</t>
  </si>
  <si>
    <t>71081.0</t>
  </si>
  <si>
    <t>71737.0</t>
  </si>
  <si>
    <t>50861.0</t>
  </si>
  <si>
    <t>123791.0</t>
  </si>
  <si>
    <t>124024.0</t>
  </si>
  <si>
    <t>124752.0</t>
  </si>
  <si>
    <t>73365.0</t>
  </si>
  <si>
    <t>51387.0</t>
  </si>
  <si>
    <t>125248.0</t>
  </si>
  <si>
    <t>126668.0</t>
  </si>
  <si>
    <t>74507.0</t>
  </si>
  <si>
    <t>126813.0</t>
  </si>
  <si>
    <t>74533.0</t>
  </si>
  <si>
    <t>52280.0</t>
  </si>
  <si>
    <t>127608.0</t>
  </si>
  <si>
    <t>129743.0</t>
  </si>
  <si>
    <t>75463.0</t>
  </si>
  <si>
    <t>54280.0</t>
  </si>
  <si>
    <t>194782.0</t>
  </si>
  <si>
    <t>108923.0</t>
  </si>
  <si>
    <t>85859.0</t>
  </si>
  <si>
    <t>302854.0</t>
  </si>
  <si>
    <t>491206.0</t>
  </si>
  <si>
    <t>223142.0</t>
  </si>
  <si>
    <t>9942.0</t>
  </si>
  <si>
    <t>546076.0</t>
  </si>
  <si>
    <t>258587.0</t>
  </si>
  <si>
    <t>551457.0</t>
  </si>
  <si>
    <t>261431.0</t>
  </si>
  <si>
    <t>47948.0</t>
  </si>
  <si>
    <t>556876.0</t>
  </si>
  <si>
    <t>276487.0</t>
  </si>
  <si>
    <t>263291.0</t>
  </si>
  <si>
    <t>563953.0</t>
  </si>
  <si>
    <t>265245.0</t>
  </si>
  <si>
    <t>575309.0</t>
  </si>
  <si>
    <t>279313.0</t>
  </si>
  <si>
    <t>268242.0</t>
  </si>
  <si>
    <t>62976.0</t>
  </si>
  <si>
    <t>617389.0</t>
  </si>
  <si>
    <t>284357.0</t>
  </si>
  <si>
    <t>275988.0</t>
  </si>
  <si>
    <t>80243.0</t>
  </si>
  <si>
    <t>861519.0</t>
  </si>
  <si>
    <t>301673.0</t>
  </si>
  <si>
    <t>225.04</t>
  </si>
  <si>
    <t>313067.0</t>
  </si>
  <si>
    <t>OWID_NIR</t>
  </si>
  <si>
    <t>Northern Ireland</t>
  </si>
  <si>
    <t>11.076</t>
  </si>
  <si>
    <t>14.241</t>
  </si>
  <si>
    <t>29.536</t>
  </si>
  <si>
    <t>49.578</t>
  </si>
  <si>
    <t>10.021</t>
  </si>
  <si>
    <t>23.734</t>
  </si>
  <si>
    <t>174.051</t>
  </si>
  <si>
    <t>150.844</t>
  </si>
  <si>
    <t>121.835</t>
  </si>
  <si>
    <t>178.27</t>
  </si>
  <si>
    <t>350.738</t>
  </si>
  <si>
    <t>78005.0</t>
  </si>
  <si>
    <t>99475.0</t>
  </si>
  <si>
    <t>109257.0</t>
  </si>
  <si>
    <t>91417.0</t>
  </si>
  <si>
    <t>121711.0</t>
  </si>
  <si>
    <t>102701.0</t>
  </si>
  <si>
    <t>133831.0</t>
  </si>
  <si>
    <t>114567.0</t>
  </si>
  <si>
    <t>137380.0</t>
  </si>
  <si>
    <t>117906.0</t>
  </si>
  <si>
    <t>140561.0</t>
  </si>
  <si>
    <t>120387.0</t>
  </si>
  <si>
    <t>20174.0</t>
  </si>
  <si>
    <t>146733.0</t>
  </si>
  <si>
    <t>21016.0</t>
  </si>
  <si>
    <t>26.899</t>
  </si>
  <si>
    <t>132857.0</t>
  </si>
  <si>
    <t>160396.0</t>
  </si>
  <si>
    <t>138436.0</t>
  </si>
  <si>
    <t>166538.0</t>
  </si>
  <si>
    <t>144212.0</t>
  </si>
  <si>
    <t>173549.0</t>
  </si>
  <si>
    <t>177026.0</t>
  </si>
  <si>
    <t>154366.0</t>
  </si>
  <si>
    <t>178331.0</t>
  </si>
  <si>
    <t>155644.0</t>
  </si>
  <si>
    <t>159642.0</t>
  </si>
  <si>
    <t>186112.0</t>
  </si>
  <si>
    <t>163317.0</t>
  </si>
  <si>
    <t>168140.0</t>
  </si>
  <si>
    <t>199211.0</t>
  </si>
  <si>
    <t>175284.0</t>
  </si>
  <si>
    <t>23927.0</t>
  </si>
  <si>
    <t>196131.0</t>
  </si>
  <si>
    <t>228211.0</t>
  </si>
  <si>
    <t>204065.0</t>
  </si>
  <si>
    <t>238924.0</t>
  </si>
  <si>
    <t>214601.0</t>
  </si>
  <si>
    <t>246421.0</t>
  </si>
  <si>
    <t>221809.0</t>
  </si>
  <si>
    <t>258311.0</t>
  </si>
  <si>
    <t>233429.0</t>
  </si>
  <si>
    <t>271826.0</t>
  </si>
  <si>
    <t>246671.0</t>
  </si>
  <si>
    <t>289274.0</t>
  </si>
  <si>
    <t>263735.0</t>
  </si>
  <si>
    <t>25539.0</t>
  </si>
  <si>
    <t>301279.0</t>
  </si>
  <si>
    <t>26047.0</t>
  </si>
  <si>
    <t>316420.0</t>
  </si>
  <si>
    <t>289889.0</t>
  </si>
  <si>
    <t>323122.0</t>
  </si>
  <si>
    <t>295915.0</t>
  </si>
  <si>
    <t>27207.0</t>
  </si>
  <si>
    <t>330941.0</t>
  </si>
  <si>
    <t>303478.0</t>
  </si>
  <si>
    <t>345195.0</t>
  </si>
  <si>
    <t>317606.0</t>
  </si>
  <si>
    <t>361430.0</t>
  </si>
  <si>
    <t>333658.0</t>
  </si>
  <si>
    <t>381894.0</t>
  </si>
  <si>
    <t>353757.0</t>
  </si>
  <si>
    <t>401966.0</t>
  </si>
  <si>
    <t>373414.0</t>
  </si>
  <si>
    <t>416708.0</t>
  </si>
  <si>
    <t>387771.0</t>
  </si>
  <si>
    <t>420077.0</t>
  </si>
  <si>
    <t>391101.0</t>
  </si>
  <si>
    <t>426248.0</t>
  </si>
  <si>
    <t>397243.0</t>
  </si>
  <si>
    <t>438708.0</t>
  </si>
  <si>
    <t>409507.0</t>
  </si>
  <si>
    <t>418209.0</t>
  </si>
  <si>
    <t>12079.0</t>
  </si>
  <si>
    <t>457581.0</t>
  </si>
  <si>
    <t>427569.0</t>
  </si>
  <si>
    <t>466524.0</t>
  </si>
  <si>
    <t>436143.0</t>
  </si>
  <si>
    <t>473670.0</t>
  </si>
  <si>
    <t>442917.0</t>
  </si>
  <si>
    <t>476816.0</t>
  </si>
  <si>
    <t>446009.0</t>
  </si>
  <si>
    <t>488826.0</t>
  </si>
  <si>
    <t>458030.0</t>
  </si>
  <si>
    <t>499206.0</t>
  </si>
  <si>
    <t>468129.0</t>
  </si>
  <si>
    <t>31077.0</t>
  </si>
  <si>
    <t>509580.0</t>
  </si>
  <si>
    <t>523230.0</t>
  </si>
  <si>
    <t>491593.0</t>
  </si>
  <si>
    <t>31637.0</t>
  </si>
  <si>
    <t>537086.0</t>
  </si>
  <si>
    <t>548294.0</t>
  </si>
  <si>
    <t>515678.0</t>
  </si>
  <si>
    <t>32616.0</t>
  </si>
  <si>
    <t>553661.0</t>
  </si>
  <si>
    <t>520996.0</t>
  </si>
  <si>
    <t>558597.0</t>
  </si>
  <si>
    <t>525400.0</t>
  </si>
  <si>
    <t>572759.0</t>
  </si>
  <si>
    <t>537389.0</t>
  </si>
  <si>
    <t>582881.0</t>
  </si>
  <si>
    <t>596860.0</t>
  </si>
  <si>
    <t>556721.0</t>
  </si>
  <si>
    <t>609798.0</t>
  </si>
  <si>
    <t>568011.0</t>
  </si>
  <si>
    <t>41787.0</t>
  </si>
  <si>
    <t>619315.0</t>
  </si>
  <si>
    <t>577219.0</t>
  </si>
  <si>
    <t>625144.0</t>
  </si>
  <si>
    <t>582914.0</t>
  </si>
  <si>
    <t>42230.0</t>
  </si>
  <si>
    <t>631654.0</t>
  </si>
  <si>
    <t>588803.0</t>
  </si>
  <si>
    <t>42851.0</t>
  </si>
  <si>
    <t>641121.0</t>
  </si>
  <si>
    <t>596527.0</t>
  </si>
  <si>
    <t>648028.0</t>
  </si>
  <si>
    <t>601101.0</t>
  </si>
  <si>
    <t>655643.0</t>
  </si>
  <si>
    <t>606695.0</t>
  </si>
  <si>
    <t>664029.0</t>
  </si>
  <si>
    <t>614629.0</t>
  </si>
  <si>
    <t>49400.0</t>
  </si>
  <si>
    <t>671514.0</t>
  </si>
  <si>
    <t>621462.0</t>
  </si>
  <si>
    <t>50052.0</t>
  </si>
  <si>
    <t>677602.0</t>
  </si>
  <si>
    <t>625195.0</t>
  </si>
  <si>
    <t>684097.0</t>
  </si>
  <si>
    <t>629461.0</t>
  </si>
  <si>
    <t>54636.0</t>
  </si>
  <si>
    <t>692264.0</t>
  </si>
  <si>
    <t>634019.0</t>
  </si>
  <si>
    <t>704747.0</t>
  </si>
  <si>
    <t>640801.0</t>
  </si>
  <si>
    <t>713392.0</t>
  </si>
  <si>
    <t>646190.0</t>
  </si>
  <si>
    <t>67202.0</t>
  </si>
  <si>
    <t>726290.0</t>
  </si>
  <si>
    <t>655581.0</t>
  </si>
  <si>
    <t>70709.0</t>
  </si>
  <si>
    <t>738286.0</t>
  </si>
  <si>
    <t>662973.0</t>
  </si>
  <si>
    <t>746254.0</t>
  </si>
  <si>
    <t>667758.0</t>
  </si>
  <si>
    <t>78496.0</t>
  </si>
  <si>
    <t>776211.0</t>
  </si>
  <si>
    <t>687528.0</t>
  </si>
  <si>
    <t>29957.0</t>
  </si>
  <si>
    <t>791117.0</t>
  </si>
  <si>
    <t>694863.0</t>
  </si>
  <si>
    <t>808241.0</t>
  </si>
  <si>
    <t>104907.0</t>
  </si>
  <si>
    <t>825310.0</t>
  </si>
  <si>
    <t>711673.0</t>
  </si>
  <si>
    <t>113637.0</t>
  </si>
  <si>
    <t>839609.0</t>
  </si>
  <si>
    <t>719260.0</t>
  </si>
  <si>
    <t>850041.0</t>
  </si>
  <si>
    <t>726589.0</t>
  </si>
  <si>
    <t>123452.0</t>
  </si>
  <si>
    <t>855488.0</t>
  </si>
  <si>
    <t>730471.0</t>
  </si>
  <si>
    <t>125017.0</t>
  </si>
  <si>
    <t>872751.0</t>
  </si>
  <si>
    <t>740729.0</t>
  </si>
  <si>
    <t>132022.0</t>
  </si>
  <si>
    <t>887598.0</t>
  </si>
  <si>
    <t>749112.0</t>
  </si>
  <si>
    <t>901766.0</t>
  </si>
  <si>
    <t>756013.0</t>
  </si>
  <si>
    <t>145753.0</t>
  </si>
  <si>
    <t>918459.0</t>
  </si>
  <si>
    <t>765005.0</t>
  </si>
  <si>
    <t>153454.0</t>
  </si>
  <si>
    <t>932502.0</t>
  </si>
  <si>
    <t>772240.0</t>
  </si>
  <si>
    <t>160262.0</t>
  </si>
  <si>
    <t>939591.0</t>
  </si>
  <si>
    <t>777108.0</t>
  </si>
  <si>
    <t>162483.0</t>
  </si>
  <si>
    <t>943750.0</t>
  </si>
  <si>
    <t>779932.0</t>
  </si>
  <si>
    <t>950868.0</t>
  </si>
  <si>
    <t>785494.0</t>
  </si>
  <si>
    <t>165374.0</t>
  </si>
  <si>
    <t>958783.0</t>
  </si>
  <si>
    <t>790860.0</t>
  </si>
  <si>
    <t>167923.0</t>
  </si>
  <si>
    <t>973182.0</t>
  </si>
  <si>
    <t>799410.0</t>
  </si>
  <si>
    <t>173772.0</t>
  </si>
  <si>
    <t>987819.0</t>
  </si>
  <si>
    <t>806005.0</t>
  </si>
  <si>
    <t>181814.0</t>
  </si>
  <si>
    <t>1003165.0</t>
  </si>
  <si>
    <t>813468.0</t>
  </si>
  <si>
    <t>189697.0</t>
  </si>
  <si>
    <t>1014642.0</t>
  </si>
  <si>
    <t>820032.0</t>
  </si>
  <si>
    <t>194610.0</t>
  </si>
  <si>
    <t>1025912.0</t>
  </si>
  <si>
    <t>826412.0</t>
  </si>
  <si>
    <t>199500.0</t>
  </si>
  <si>
    <t>1042365.0</t>
  </si>
  <si>
    <t>831895.0</t>
  </si>
  <si>
    <t>210470.0</t>
  </si>
  <si>
    <t>1062178.0</t>
  </si>
  <si>
    <t>838049.0</t>
  </si>
  <si>
    <t>224129.0</t>
  </si>
  <si>
    <t>1081565.0</t>
  </si>
  <si>
    <t>844284.0</t>
  </si>
  <si>
    <t>237281.0</t>
  </si>
  <si>
    <t>15483.0</t>
  </si>
  <si>
    <t>1100577.0</t>
  </si>
  <si>
    <t>850103.0</t>
  </si>
  <si>
    <t>1118743.0</t>
  </si>
  <si>
    <t>855826.0</t>
  </si>
  <si>
    <t>262917.0</t>
  </si>
  <si>
    <t>1128654.0</t>
  </si>
  <si>
    <t>860313.0</t>
  </si>
  <si>
    <t>268341.0</t>
  </si>
  <si>
    <t>1137331.0</t>
  </si>
  <si>
    <t>863712.0</t>
  </si>
  <si>
    <t>273619.0</t>
  </si>
  <si>
    <t>1152820.0</t>
  </si>
  <si>
    <t>283478.0</t>
  </si>
  <si>
    <t>1174847.0</t>
  </si>
  <si>
    <t>876290.0</t>
  </si>
  <si>
    <t>298557.0</t>
  </si>
  <si>
    <t>1195663.0</t>
  </si>
  <si>
    <t>883813.0</t>
  </si>
  <si>
    <t>311850.0</t>
  </si>
  <si>
    <t>1221153.0</t>
  </si>
  <si>
    <t>892787.0</t>
  </si>
  <si>
    <t>328366.0</t>
  </si>
  <si>
    <t>1237267.0</t>
  </si>
  <si>
    <t>898858.0</t>
  </si>
  <si>
    <t>338409.0</t>
  </si>
  <si>
    <t>1247931.0</t>
  </si>
  <si>
    <t>905736.0</t>
  </si>
  <si>
    <t>342195.0</t>
  </si>
  <si>
    <t>17040.0</t>
  </si>
  <si>
    <t>1259478.0</t>
  </si>
  <si>
    <t>912444.0</t>
  </si>
  <si>
    <t>347034.0</t>
  </si>
  <si>
    <t>1275695.0</t>
  </si>
  <si>
    <t>919292.0</t>
  </si>
  <si>
    <t>356403.0</t>
  </si>
  <si>
    <t>1295125.0</t>
  </si>
  <si>
    <t>367469.0</t>
  </si>
  <si>
    <t>1312891.0</t>
  </si>
  <si>
    <t>1344863.0</t>
  </si>
  <si>
    <t>927326.0</t>
  </si>
  <si>
    <t>417537.0</t>
  </si>
  <si>
    <t>17673.0</t>
  </si>
  <si>
    <t>1354660.0</t>
  </si>
  <si>
    <t>932426.0</t>
  </si>
  <si>
    <t>422234.0</t>
  </si>
  <si>
    <t>1364658.0</t>
  </si>
  <si>
    <t>937782.0</t>
  </si>
  <si>
    <t>1374895.0</t>
  </si>
  <si>
    <t>943022.0</t>
  </si>
  <si>
    <t>431873.0</t>
  </si>
  <si>
    <t>1381581.0</t>
  </si>
  <si>
    <t>944694.0</t>
  </si>
  <si>
    <t>436887.0</t>
  </si>
  <si>
    <t>1397087.0</t>
  </si>
  <si>
    <t>950778.0</t>
  </si>
  <si>
    <t>446309.0</t>
  </si>
  <si>
    <t>1416826.0</t>
  </si>
  <si>
    <t>957063.0</t>
  </si>
  <si>
    <t>459763.0</t>
  </si>
  <si>
    <t>1436817.0</t>
  </si>
  <si>
    <t>963315.0</t>
  </si>
  <si>
    <t>473502.0</t>
  </si>
  <si>
    <t>1450283.0</t>
  </si>
  <si>
    <t>968386.0</t>
  </si>
  <si>
    <t>481897.0</t>
  </si>
  <si>
    <t>1460425.0</t>
  </si>
  <si>
    <t>972597.0</t>
  </si>
  <si>
    <t>487828.0</t>
  </si>
  <si>
    <t>1470135.0</t>
  </si>
  <si>
    <t>976582.0</t>
  </si>
  <si>
    <t>493553.0</t>
  </si>
  <si>
    <t>1485125.0</t>
  </si>
  <si>
    <t>982038.0</t>
  </si>
  <si>
    <t>503087.0</t>
  </si>
  <si>
    <t>14990.0</t>
  </si>
  <si>
    <t>1501023.0</t>
  </si>
  <si>
    <t>986008.0</t>
  </si>
  <si>
    <t>515015.0</t>
  </si>
  <si>
    <t>1515760.0</t>
  </si>
  <si>
    <t>989569.0</t>
  </si>
  <si>
    <t>526191.0</t>
  </si>
  <si>
    <t>1530025.0</t>
  </si>
  <si>
    <t>992682.0</t>
  </si>
  <si>
    <t>537343.0</t>
  </si>
  <si>
    <t>1541028.0</t>
  </si>
  <si>
    <t>994753.0</t>
  </si>
  <si>
    <t>546275.0</t>
  </si>
  <si>
    <t>1548336.0</t>
  </si>
  <si>
    <t>995905.0</t>
  </si>
  <si>
    <t>552431.0</t>
  </si>
  <si>
    <t>1556832.0</t>
  </si>
  <si>
    <t>997605.0</t>
  </si>
  <si>
    <t>559227.0</t>
  </si>
  <si>
    <t>1568045.0</t>
  </si>
  <si>
    <t>1000928.0</t>
  </si>
  <si>
    <t>567117.0</t>
  </si>
  <si>
    <t>1579129.0</t>
  </si>
  <si>
    <t>1004070.0</t>
  </si>
  <si>
    <t>575059.0</t>
  </si>
  <si>
    <t>1592566.0</t>
  </si>
  <si>
    <t>1008589.0</t>
  </si>
  <si>
    <t>583977.0</t>
  </si>
  <si>
    <t>1604801.0</t>
  </si>
  <si>
    <t>592965.0</t>
  </si>
  <si>
    <t>1616351.0</t>
  </si>
  <si>
    <t>1014048.0</t>
  </si>
  <si>
    <t>602303.0</t>
  </si>
  <si>
    <t>1624153.0</t>
  </si>
  <si>
    <t>1017941.0</t>
  </si>
  <si>
    <t>606212.0</t>
  </si>
  <si>
    <t>1634089.0</t>
  </si>
  <si>
    <t>1022025.0</t>
  </si>
  <si>
    <t>612064.0</t>
  </si>
  <si>
    <t>1647207.0</t>
  </si>
  <si>
    <t>1026443.0</t>
  </si>
  <si>
    <t>620764.0</t>
  </si>
  <si>
    <t>1660981.0</t>
  </si>
  <si>
    <t>1030811.0</t>
  </si>
  <si>
    <t>630170.0</t>
  </si>
  <si>
    <t>1674026.0</t>
  </si>
  <si>
    <t>1034143.0</t>
  </si>
  <si>
    <t>639883.0</t>
  </si>
  <si>
    <t>1686410.0</t>
  </si>
  <si>
    <t>1037892.0</t>
  </si>
  <si>
    <t>648518.0</t>
  </si>
  <si>
    <t>1695321.0</t>
  </si>
  <si>
    <t>1040697.0</t>
  </si>
  <si>
    <t>654624.0</t>
  </si>
  <si>
    <t>1702304.0</t>
  </si>
  <si>
    <t>1044147.0</t>
  </si>
  <si>
    <t>658157.0</t>
  </si>
  <si>
    <t>1709840.0</t>
  </si>
  <si>
    <t>661490.0</t>
  </si>
  <si>
    <t>1720107.0</t>
  </si>
  <si>
    <t>1053150.0</t>
  </si>
  <si>
    <t>666957.0</t>
  </si>
  <si>
    <t>1737125.0</t>
  </si>
  <si>
    <t>1061550.0</t>
  </si>
  <si>
    <t>675575.0</t>
  </si>
  <si>
    <t>1758173.0</t>
  </si>
  <si>
    <t>1073775.0</t>
  </si>
  <si>
    <t>684398.0</t>
  </si>
  <si>
    <t>1771123.0</t>
  </si>
  <si>
    <t>1078917.0</t>
  </si>
  <si>
    <t>692206.0</t>
  </si>
  <si>
    <t>1782596.0</t>
  </si>
  <si>
    <t>1083278.0</t>
  </si>
  <si>
    <t>699318.0</t>
  </si>
  <si>
    <t>11473.0</t>
  </si>
  <si>
    <t>94.02</t>
  </si>
  <si>
    <t>1790718.0</t>
  </si>
  <si>
    <t>1087136.0</t>
  </si>
  <si>
    <t>703582.0</t>
  </si>
  <si>
    <t>1800814.0</t>
  </si>
  <si>
    <t>1090693.0</t>
  </si>
  <si>
    <t>710121.0</t>
  </si>
  <si>
    <t>1814278.0</t>
  </si>
  <si>
    <t>1094478.0</t>
  </si>
  <si>
    <t>719800.0</t>
  </si>
  <si>
    <t>1826614.0</t>
  </si>
  <si>
    <t>1098614.0</t>
  </si>
  <si>
    <t>728000.0</t>
  </si>
  <si>
    <t>1837819.0</t>
  </si>
  <si>
    <t>1101629.0</t>
  </si>
  <si>
    <t>736190.0</t>
  </si>
  <si>
    <t>1849169.0</t>
  </si>
  <si>
    <t>1105767.0</t>
  </si>
  <si>
    <t>743402.0</t>
  </si>
  <si>
    <t>97.53</t>
  </si>
  <si>
    <t>1862979.0</t>
  </si>
  <si>
    <t>1113159.0</t>
  </si>
  <si>
    <t>749820.0</t>
  </si>
  <si>
    <t>1863947.0</t>
  </si>
  <si>
    <t>1113591.0</t>
  </si>
  <si>
    <t>750356.0</t>
  </si>
  <si>
    <t>1878171.0</t>
  </si>
  <si>
    <t>1115747.0</t>
  </si>
  <si>
    <t>762424.0</t>
  </si>
  <si>
    <t>1899610.0</t>
  </si>
  <si>
    <t>1126677.0</t>
  </si>
  <si>
    <t>772933.0</t>
  </si>
  <si>
    <t>1911239.0</t>
  </si>
  <si>
    <t>1128670.0</t>
  </si>
  <si>
    <t>782569.0</t>
  </si>
  <si>
    <t>1922617.0</t>
  </si>
  <si>
    <t>1132546.0</t>
  </si>
  <si>
    <t>790071.0</t>
  </si>
  <si>
    <t>1932702.0</t>
  </si>
  <si>
    <t>1135308.0</t>
  </si>
  <si>
    <t>797394.0</t>
  </si>
  <si>
    <t>1941162.0</t>
  </si>
  <si>
    <t>1137778.0</t>
  </si>
  <si>
    <t>803384.0</t>
  </si>
  <si>
    <t>1951243.0</t>
  </si>
  <si>
    <t>1140838.0</t>
  </si>
  <si>
    <t>810405.0</t>
  </si>
  <si>
    <t>1960401.0</t>
  </si>
  <si>
    <t>1143223.0</t>
  </si>
  <si>
    <t>817178.0</t>
  </si>
  <si>
    <t>1971061.0</t>
  </si>
  <si>
    <t>1147153.0</t>
  </si>
  <si>
    <t>823908.0</t>
  </si>
  <si>
    <t>103.96</t>
  </si>
  <si>
    <t>1980708.0</t>
  </si>
  <si>
    <t>1150202.0</t>
  </si>
  <si>
    <t>830506.0</t>
  </si>
  <si>
    <t>104.47</t>
  </si>
  <si>
    <t>1988884.0</t>
  </si>
  <si>
    <t>836164.0</t>
  </si>
  <si>
    <t>1996954.0</t>
  </si>
  <si>
    <t>1155288.0</t>
  </si>
  <si>
    <t>841666.0</t>
  </si>
  <si>
    <t>105.32</t>
  </si>
  <si>
    <t>2003117.0</t>
  </si>
  <si>
    <t>1157491.0</t>
  </si>
  <si>
    <t>845626.0</t>
  </si>
  <si>
    <t>105.65</t>
  </si>
  <si>
    <t>2010028.0</t>
  </si>
  <si>
    <t>1160024.0</t>
  </si>
  <si>
    <t>850004.0</t>
  </si>
  <si>
    <t>2018191.0</t>
  </si>
  <si>
    <t>1162455.0</t>
  </si>
  <si>
    <t>855736.0</t>
  </si>
  <si>
    <t>2027724.0</t>
  </si>
  <si>
    <t>1164792.0</t>
  </si>
  <si>
    <t>862932.0</t>
  </si>
  <si>
    <t>106.95</t>
  </si>
  <si>
    <t>2038058.0</t>
  </si>
  <si>
    <t>1166842.0</t>
  </si>
  <si>
    <t>871216.0</t>
  </si>
  <si>
    <t>2046141.0</t>
  </si>
  <si>
    <t>1168739.0</t>
  </si>
  <si>
    <t>107.92</t>
  </si>
  <si>
    <t>2054420.0</t>
  </si>
  <si>
    <t>1170556.0</t>
  </si>
  <si>
    <t>883864.0</t>
  </si>
  <si>
    <t>2061988.0</t>
  </si>
  <si>
    <t>1171653.0</t>
  </si>
  <si>
    <t>890335.0</t>
  </si>
  <si>
    <t>108.75</t>
  </si>
  <si>
    <t>2070574.0</t>
  </si>
  <si>
    <t>1173365.0</t>
  </si>
  <si>
    <t>897209.0</t>
  </si>
  <si>
    <t>109.21</t>
  </si>
  <si>
    <t>2079758.0</t>
  </si>
  <si>
    <t>1175151.0</t>
  </si>
  <si>
    <t>904607.0</t>
  </si>
  <si>
    <t>109.69</t>
  </si>
  <si>
    <t>2089386.0</t>
  </si>
  <si>
    <t>1177136.0</t>
  </si>
  <si>
    <t>912250.0</t>
  </si>
  <si>
    <t>2099174.0</t>
  </si>
  <si>
    <t>1179096.0</t>
  </si>
  <si>
    <t>920078.0</t>
  </si>
  <si>
    <t>2107863.0</t>
  </si>
  <si>
    <t>1181008.0</t>
  </si>
  <si>
    <t>926855.0</t>
  </si>
  <si>
    <t>2115735.0</t>
  </si>
  <si>
    <t>1182772.0</t>
  </si>
  <si>
    <t>932963.0</t>
  </si>
  <si>
    <t>2122962.0</t>
  </si>
  <si>
    <t>1184485.0</t>
  </si>
  <si>
    <t>938477.0</t>
  </si>
  <si>
    <t>2127703.0</t>
  </si>
  <si>
    <t>1185689.0</t>
  </si>
  <si>
    <t>942014.0</t>
  </si>
  <si>
    <t>2130073.0</t>
  </si>
  <si>
    <t>943778.0</t>
  </si>
  <si>
    <t>2137591.0</t>
  </si>
  <si>
    <t>950145.0</t>
  </si>
  <si>
    <t>2145799.0</t>
  </si>
  <si>
    <t>957236.0</t>
  </si>
  <si>
    <t>2153395.0</t>
  </si>
  <si>
    <t>963532.0</t>
  </si>
  <si>
    <t>973998.0</t>
  </si>
  <si>
    <t>978587.0</t>
  </si>
  <si>
    <t>2168431.0</t>
  </si>
  <si>
    <t>1185869.0</t>
  </si>
  <si>
    <t>982562.0</t>
  </si>
  <si>
    <t>114.37</t>
  </si>
  <si>
    <t>2175663.0</t>
  </si>
  <si>
    <t>1187005.0</t>
  </si>
  <si>
    <t>988658.0</t>
  </si>
  <si>
    <t>2184162.0</t>
  </si>
  <si>
    <t>1188669.0</t>
  </si>
  <si>
    <t>995493.0</t>
  </si>
  <si>
    <t>2192707.0</t>
  </si>
  <si>
    <t>1191038.0</t>
  </si>
  <si>
    <t>1001669.0</t>
  </si>
  <si>
    <t>2195815.0</t>
  </si>
  <si>
    <t>1192181.0</t>
  </si>
  <si>
    <t>1003634.0</t>
  </si>
  <si>
    <t>115.81</t>
  </si>
  <si>
    <t>2200579.0</t>
  </si>
  <si>
    <t>1193854.0</t>
  </si>
  <si>
    <t>1006725.0</t>
  </si>
  <si>
    <t>2204177.0</t>
  </si>
  <si>
    <t>1195271.0</t>
  </si>
  <si>
    <t>1008906.0</t>
  </si>
  <si>
    <t>2208466.0</t>
  </si>
  <si>
    <t>1196995.0</t>
  </si>
  <si>
    <t>1011471.0</t>
  </si>
  <si>
    <t>2215383.0</t>
  </si>
  <si>
    <t>1198692.0</t>
  </si>
  <si>
    <t>1016691.0</t>
  </si>
  <si>
    <t>2224108.0</t>
  </si>
  <si>
    <t>1201462.0</t>
  </si>
  <si>
    <t>1022646.0</t>
  </si>
  <si>
    <t>2239652.0</t>
  </si>
  <si>
    <t>1209145.0</t>
  </si>
  <si>
    <t>1030507.0</t>
  </si>
  <si>
    <t>118.13</t>
  </si>
  <si>
    <t>2248598.0</t>
  </si>
  <si>
    <t>1212236.0</t>
  </si>
  <si>
    <t>1036362.0</t>
  </si>
  <si>
    <t>2255519.0</t>
  </si>
  <si>
    <t>1215254.0</t>
  </si>
  <si>
    <t>1040265.0</t>
  </si>
  <si>
    <t>2262641.0</t>
  </si>
  <si>
    <t>1218732.0</t>
  </si>
  <si>
    <t>1043909.0</t>
  </si>
  <si>
    <t>119.34</t>
  </si>
  <si>
    <t>2267984.0</t>
  </si>
  <si>
    <t>1219389.0</t>
  </si>
  <si>
    <t>1048595.0</t>
  </si>
  <si>
    <t>2276708.0</t>
  </si>
  <si>
    <t>1220430.0</t>
  </si>
  <si>
    <t>1056278.0</t>
  </si>
  <si>
    <t>2284540.0</t>
  </si>
  <si>
    <t>1221743.0</t>
  </si>
  <si>
    <t>1062797.0</t>
  </si>
  <si>
    <t>2292163.0</t>
  </si>
  <si>
    <t>1223303.0</t>
  </si>
  <si>
    <t>1068860.0</t>
  </si>
  <si>
    <t>2298017.0</t>
  </si>
  <si>
    <t>1224675.0</t>
  </si>
  <si>
    <t>1073342.0</t>
  </si>
  <si>
    <t>2310931.0</t>
  </si>
  <si>
    <t>1231106.0</t>
  </si>
  <si>
    <t>1079825.0</t>
  </si>
  <si>
    <t>2316713.0</t>
  </si>
  <si>
    <t>1232450.0</t>
  </si>
  <si>
    <t>1084263.0</t>
  </si>
  <si>
    <t>2322659.0</t>
  </si>
  <si>
    <t>1233437.0</t>
  </si>
  <si>
    <t>1089222.0</t>
  </si>
  <si>
    <t>2335798.0</t>
  </si>
  <si>
    <t>1240811.0</t>
  </si>
  <si>
    <t>2343361.0</t>
  </si>
  <si>
    <t>1243125.0</t>
  </si>
  <si>
    <t>1100236.0</t>
  </si>
  <si>
    <t>2349717.0</t>
  </si>
  <si>
    <t>1244812.0</t>
  </si>
  <si>
    <t>1104905.0</t>
  </si>
  <si>
    <t>2356600.0</t>
  </si>
  <si>
    <t>1246907.0</t>
  </si>
  <si>
    <t>1109693.0</t>
  </si>
  <si>
    <t>2362361.0</t>
  </si>
  <si>
    <t>1248417.0</t>
  </si>
  <si>
    <t>1113944.0</t>
  </si>
  <si>
    <t>2366260.0</t>
  </si>
  <si>
    <t>1249579.0</t>
  </si>
  <si>
    <t>1116681.0</t>
  </si>
  <si>
    <t>2371369.0</t>
  </si>
  <si>
    <t>1251182.0</t>
  </si>
  <si>
    <t>1120187.0</t>
  </si>
  <si>
    <t>125.07</t>
  </si>
  <si>
    <t>2376682.0</t>
  </si>
  <si>
    <t>1252746.0</t>
  </si>
  <si>
    <t>1123936.0</t>
  </si>
  <si>
    <t>2384396.0</t>
  </si>
  <si>
    <t>1255312.0</t>
  </si>
  <si>
    <t>1129084.0</t>
  </si>
  <si>
    <t>125.76</t>
  </si>
  <si>
    <t>2389725.0</t>
  </si>
  <si>
    <t>1256779.0</t>
  </si>
  <si>
    <t>1132946.0</t>
  </si>
  <si>
    <t>2395542.0</t>
  </si>
  <si>
    <t>1136902.0</t>
  </si>
  <si>
    <t>2401296.0</t>
  </si>
  <si>
    <t>1260373.0</t>
  </si>
  <si>
    <t>1140923.0</t>
  </si>
  <si>
    <t>2408221.0</t>
  </si>
  <si>
    <t>1264515.0</t>
  </si>
  <si>
    <t>2414189.0</t>
  </si>
  <si>
    <t>1268173.0</t>
  </si>
  <si>
    <t>1146016.0</t>
  </si>
  <si>
    <t>2417807.0</t>
  </si>
  <si>
    <t>1270066.0</t>
  </si>
  <si>
    <t>1147741.0</t>
  </si>
  <si>
    <t>2422194.0</t>
  </si>
  <si>
    <t>1272071.0</t>
  </si>
  <si>
    <t>1150123.0</t>
  </si>
  <si>
    <t>2428676.0</t>
  </si>
  <si>
    <t>1275554.0</t>
  </si>
  <si>
    <t>1153122.0</t>
  </si>
  <si>
    <t>2434651.0</t>
  </si>
  <si>
    <t>1279093.0</t>
  </si>
  <si>
    <t>2438420.0</t>
  </si>
  <si>
    <t>1281246.0</t>
  </si>
  <si>
    <t>1157174.0</t>
  </si>
  <si>
    <t>2440759.0</t>
  </si>
  <si>
    <t>1282410.0</t>
  </si>
  <si>
    <t>1158349.0</t>
  </si>
  <si>
    <t>2442855.0</t>
  </si>
  <si>
    <t>1283099.0</t>
  </si>
  <si>
    <t>1159756.0</t>
  </si>
  <si>
    <t>2445876.0</t>
  </si>
  <si>
    <t>1284443.0</t>
  </si>
  <si>
    <t>1161433.0</t>
  </si>
  <si>
    <t>2449587.0</t>
  </si>
  <si>
    <t>1286025.0</t>
  </si>
  <si>
    <t>1163562.0</t>
  </si>
  <si>
    <t>2452955.0</t>
  </si>
  <si>
    <t>1287633.0</t>
  </si>
  <si>
    <t>1165322.0</t>
  </si>
  <si>
    <t>2456256.0</t>
  </si>
  <si>
    <t>1288682.0</t>
  </si>
  <si>
    <t>1167574.0</t>
  </si>
  <si>
    <t>2459543.0</t>
  </si>
  <si>
    <t>1290060.0</t>
  </si>
  <si>
    <t>1169483.0</t>
  </si>
  <si>
    <t>2462140.0</t>
  </si>
  <si>
    <t>1291010.0</t>
  </si>
  <si>
    <t>1171130.0</t>
  </si>
  <si>
    <t>2465965.0</t>
  </si>
  <si>
    <t>1291944.0</t>
  </si>
  <si>
    <t>1174021.0</t>
  </si>
  <si>
    <t>2470155.0</t>
  </si>
  <si>
    <t>1292837.0</t>
  </si>
  <si>
    <t>1177318.0</t>
  </si>
  <si>
    <t>2475196.0</t>
  </si>
  <si>
    <t>1293709.0</t>
  </si>
  <si>
    <t>1181487.0</t>
  </si>
  <si>
    <t>2479883.0</t>
  </si>
  <si>
    <t>1294896.0</t>
  </si>
  <si>
    <t>1184987.0</t>
  </si>
  <si>
    <t>2484598.0</t>
  </si>
  <si>
    <t>1296071.0</t>
  </si>
  <si>
    <t>1188527.0</t>
  </si>
  <si>
    <t>2489473.0</t>
  </si>
  <si>
    <t>1296830.0</t>
  </si>
  <si>
    <t>1192643.0</t>
  </si>
  <si>
    <t>2492097.0</t>
  </si>
  <si>
    <t>1297228.0</t>
  </si>
  <si>
    <t>1194869.0</t>
  </si>
  <si>
    <t>2493882.0</t>
  </si>
  <si>
    <t>1297882.0</t>
  </si>
  <si>
    <t>1196000.0</t>
  </si>
  <si>
    <t>2496461.0</t>
  </si>
  <si>
    <t>1197505.0</t>
  </si>
  <si>
    <t>2498979.0</t>
  </si>
  <si>
    <t>1300383.0</t>
  </si>
  <si>
    <t>1198596.0</t>
  </si>
  <si>
    <t>2501234.0</t>
  </si>
  <si>
    <t>1302069.0</t>
  </si>
  <si>
    <t>1199165.0</t>
  </si>
  <si>
    <t>2503795.0</t>
  </si>
  <si>
    <t>1303889.0</t>
  </si>
  <si>
    <t>2505001.0</t>
  </si>
  <si>
    <t>1304565.0</t>
  </si>
  <si>
    <t>1200436.0</t>
  </si>
  <si>
    <t>2505605.0</t>
  </si>
  <si>
    <t>1304999.0</t>
  </si>
  <si>
    <t>1200606.0</t>
  </si>
  <si>
    <t>2506630.0</t>
  </si>
  <si>
    <t>1305556.0</t>
  </si>
  <si>
    <t>1201074.0</t>
  </si>
  <si>
    <t>132.21</t>
  </si>
  <si>
    <t>2507983.0</t>
  </si>
  <si>
    <t>1306326.0</t>
  </si>
  <si>
    <t>1201657.0</t>
  </si>
  <si>
    <t>2509133.0</t>
  </si>
  <si>
    <t>1306822.0</t>
  </si>
  <si>
    <t>1202311.0</t>
  </si>
  <si>
    <t>2510683.0</t>
  </si>
  <si>
    <t>1307566.0</t>
  </si>
  <si>
    <t>1203117.0</t>
  </si>
  <si>
    <t>2512101.0</t>
  </si>
  <si>
    <t>1308437.0</t>
  </si>
  <si>
    <t>1203664.0</t>
  </si>
  <si>
    <t>2513246.0</t>
  </si>
  <si>
    <t>1309240.0</t>
  </si>
  <si>
    <t>1204006.0</t>
  </si>
  <si>
    <t>2514352.0</t>
  </si>
  <si>
    <t>1309914.0</t>
  </si>
  <si>
    <t>1204438.0</t>
  </si>
  <si>
    <t>2515477.0</t>
  </si>
  <si>
    <t>1310435.0</t>
  </si>
  <si>
    <t>1205042.0</t>
  </si>
  <si>
    <t>2517345.0</t>
  </si>
  <si>
    <t>1311183.0</t>
  </si>
  <si>
    <t>1206162.0</t>
  </si>
  <si>
    <t>2518771.0</t>
  </si>
  <si>
    <t>1311852.0</t>
  </si>
  <si>
    <t>1206919.0</t>
  </si>
  <si>
    <t>2520419.0</t>
  </si>
  <si>
    <t>1312618.0</t>
  </si>
  <si>
    <t>1207801.0</t>
  </si>
  <si>
    <t>2526802.0</t>
  </si>
  <si>
    <t>1313395.0</t>
  </si>
  <si>
    <t>1208665.0</t>
  </si>
  <si>
    <t>2528747.0</t>
  </si>
  <si>
    <t>1313692.0</t>
  </si>
  <si>
    <t>1209561.0</t>
  </si>
  <si>
    <t>2530463.0</t>
  </si>
  <si>
    <t>1313809.0</t>
  </si>
  <si>
    <t>1210458.0</t>
  </si>
  <si>
    <t>2533146.0</t>
  </si>
  <si>
    <t>1313979.0</t>
  </si>
  <si>
    <t>1211686.0</t>
  </si>
  <si>
    <t>2536408.0</t>
  </si>
  <si>
    <t>1314284.0</t>
  </si>
  <si>
    <t>1213124.0</t>
  </si>
  <si>
    <t>2539912.0</t>
  </si>
  <si>
    <t>1314491.0</t>
  </si>
  <si>
    <t>1214464.0</t>
  </si>
  <si>
    <t>2542757.0</t>
  </si>
  <si>
    <t>1215311.0</t>
  </si>
  <si>
    <t>134.11</t>
  </si>
  <si>
    <t>2545973.0</t>
  </si>
  <si>
    <t>1216564.0</t>
  </si>
  <si>
    <t>134.28</t>
  </si>
  <si>
    <t>2548548.0</t>
  </si>
  <si>
    <t>1315458.0</t>
  </si>
  <si>
    <t>1217565.0</t>
  </si>
  <si>
    <t>134.42</t>
  </si>
  <si>
    <t>2550278.0</t>
  </si>
  <si>
    <t>1315513.0</t>
  </si>
  <si>
    <t>1218509.0</t>
  </si>
  <si>
    <t>134.51</t>
  </si>
  <si>
    <t>2552545.0</t>
  </si>
  <si>
    <t>1315593.0</t>
  </si>
  <si>
    <t>1219098.0</t>
  </si>
  <si>
    <t>2556457.0</t>
  </si>
  <si>
    <t>1315825.0</t>
  </si>
  <si>
    <t>1219960.0</t>
  </si>
  <si>
    <t>2561250.0</t>
  </si>
  <si>
    <t>1316225.0</t>
  </si>
  <si>
    <t>1221045.0</t>
  </si>
  <si>
    <t>2564092.0</t>
  </si>
  <si>
    <t>1316528.0</t>
  </si>
  <si>
    <t>1221785.0</t>
  </si>
  <si>
    <t>2569617.0</t>
  </si>
  <si>
    <t>1317005.0</t>
  </si>
  <si>
    <t>1223097.0</t>
  </si>
  <si>
    <t>2571933.0</t>
  </si>
  <si>
    <t>1317277.0</t>
  </si>
  <si>
    <t>1223799.0</t>
  </si>
  <si>
    <t>2573372.0</t>
  </si>
  <si>
    <t>1317336.0</t>
  </si>
  <si>
    <t>1224459.0</t>
  </si>
  <si>
    <t>2575125.0</t>
  </si>
  <si>
    <t>1224810.0</t>
  </si>
  <si>
    <t>2578675.0</t>
  </si>
  <si>
    <t>1317991.0</t>
  </si>
  <si>
    <t>1225250.0</t>
  </si>
  <si>
    <t>2593676.0</t>
  </si>
  <si>
    <t>1318733.0</t>
  </si>
  <si>
    <t>1233927.0</t>
  </si>
  <si>
    <t>2599370.0</t>
  </si>
  <si>
    <t>1319098.0</t>
  </si>
  <si>
    <t>1235242.0</t>
  </si>
  <si>
    <t>45030.0</t>
  </si>
  <si>
    <t>2606061.0</t>
  </si>
  <si>
    <t>1237115.0</t>
  </si>
  <si>
    <t>2611178.0</t>
  </si>
  <si>
    <t>1320056.0</t>
  </si>
  <si>
    <t>1238076.0</t>
  </si>
  <si>
    <t>2614760.0</t>
  </si>
  <si>
    <t>1320807.0</t>
  </si>
  <si>
    <t>1238606.0</t>
  </si>
  <si>
    <t>2618520.0</t>
  </si>
  <si>
    <t>1321327.0</t>
  </si>
  <si>
    <t>1239213.0</t>
  </si>
  <si>
    <t>57980.0</t>
  </si>
  <si>
    <t>2625815.0</t>
  </si>
  <si>
    <t>1322277.0</t>
  </si>
  <si>
    <t>1239986.0</t>
  </si>
  <si>
    <t>2634021.0</t>
  </si>
  <si>
    <t>1323733.0</t>
  </si>
  <si>
    <t>1240821.0</t>
  </si>
  <si>
    <t>69467.0</t>
  </si>
  <si>
    <t>2643224.0</t>
  </si>
  <si>
    <t>1325287.0</t>
  </si>
  <si>
    <t>1241684.0</t>
  </si>
  <si>
    <t>76253.0</t>
  </si>
  <si>
    <t>2650769.0</t>
  </si>
  <si>
    <t>1327040.0</t>
  </si>
  <si>
    <t>1242418.0</t>
  </si>
  <si>
    <t>2656176.0</t>
  </si>
  <si>
    <t>1328007.0</t>
  </si>
  <si>
    <t>1243091.0</t>
  </si>
  <si>
    <t>2659609.0</t>
  </si>
  <si>
    <t>1328814.0</t>
  </si>
  <si>
    <t>1243641.0</t>
  </si>
  <si>
    <t>2663473.0</t>
  </si>
  <si>
    <t>1329419.0</t>
  </si>
  <si>
    <t>1244076.0</t>
  </si>
  <si>
    <t>89978.0</t>
  </si>
  <si>
    <t>2672447.0</t>
  </si>
  <si>
    <t>1244920.0</t>
  </si>
  <si>
    <t>97634.0</t>
  </si>
  <si>
    <t>2682730.0</t>
  </si>
  <si>
    <t>1330594.0</t>
  </si>
  <si>
    <t>1245772.0</t>
  </si>
  <si>
    <t>106364.0</t>
  </si>
  <si>
    <t>2694799.0</t>
  </si>
  <si>
    <t>1331683.0</t>
  </si>
  <si>
    <t>1246319.0</t>
  </si>
  <si>
    <t>142.13</t>
  </si>
  <si>
    <t>2707819.0</t>
  </si>
  <si>
    <t>1333577.0</t>
  </si>
  <si>
    <t>1247566.0</t>
  </si>
  <si>
    <t>126676.0</t>
  </si>
  <si>
    <t>2715731.0</t>
  </si>
  <si>
    <t>1334246.0</t>
  </si>
  <si>
    <t>1248555.0</t>
  </si>
  <si>
    <t>2722452.0</t>
  </si>
  <si>
    <t>1334763.0</t>
  </si>
  <si>
    <t>1248919.0</t>
  </si>
  <si>
    <t>138770.0</t>
  </si>
  <si>
    <t>2728343.0</t>
  </si>
  <si>
    <t>1249719.0</t>
  </si>
  <si>
    <t>142970.0</t>
  </si>
  <si>
    <t>2741091.0</t>
  </si>
  <si>
    <t>1337018.0</t>
  </si>
  <si>
    <t>1250850.0</t>
  </si>
  <si>
    <t>153223.0</t>
  </si>
  <si>
    <t>2756029.0</t>
  </si>
  <si>
    <t>1338808.0</t>
  </si>
  <si>
    <t>1251729.0</t>
  </si>
  <si>
    <t>165492.0</t>
  </si>
  <si>
    <t>2773870.0</t>
  </si>
  <si>
    <t>1340618.0</t>
  </si>
  <si>
    <t>1252813.0</t>
  </si>
  <si>
    <t>2790786.0</t>
  </si>
  <si>
    <t>1342676.0</t>
  </si>
  <si>
    <t>1254145.0</t>
  </si>
  <si>
    <t>193965.0</t>
  </si>
  <si>
    <t>2801975.0</t>
  </si>
  <si>
    <t>1343471.0</t>
  </si>
  <si>
    <t>1254811.0</t>
  </si>
  <si>
    <t>203693.0</t>
  </si>
  <si>
    <t>2808111.0</t>
  </si>
  <si>
    <t>1343956.0</t>
  </si>
  <si>
    <t>1255108.0</t>
  </si>
  <si>
    <t>209047.0</t>
  </si>
  <si>
    <t>2814862.0</t>
  </si>
  <si>
    <t>1344980.0</t>
  </si>
  <si>
    <t>1255645.0</t>
  </si>
  <si>
    <t>214237.0</t>
  </si>
  <si>
    <t>2831525.0</t>
  </si>
  <si>
    <t>1347213.0</t>
  </si>
  <si>
    <t>1256509.0</t>
  </si>
  <si>
    <t>227803.0</t>
  </si>
  <si>
    <t>149.34</t>
  </si>
  <si>
    <t>2849592.0</t>
  </si>
  <si>
    <t>1349159.0</t>
  </si>
  <si>
    <t>1257405.0</t>
  </si>
  <si>
    <t>243028.0</t>
  </si>
  <si>
    <t>2871669.0</t>
  </si>
  <si>
    <t>1351919.0</t>
  </si>
  <si>
    <t>1258632.0</t>
  </si>
  <si>
    <t>261118.0</t>
  </si>
  <si>
    <t>22077.0</t>
  </si>
  <si>
    <t>2890873.0</t>
  </si>
  <si>
    <t>1354392.0</t>
  </si>
  <si>
    <t>1259572.0</t>
  </si>
  <si>
    <t>276909.0</t>
  </si>
  <si>
    <t>2902394.0</t>
  </si>
  <si>
    <t>1355374.0</t>
  </si>
  <si>
    <t>1260274.0</t>
  </si>
  <si>
    <t>286746.0</t>
  </si>
  <si>
    <t>153.08</t>
  </si>
  <si>
    <t>2907848.0</t>
  </si>
  <si>
    <t>1355785.0</t>
  </si>
  <si>
    <t>1260708.0</t>
  </si>
  <si>
    <t>291355.0</t>
  </si>
  <si>
    <t>153.37</t>
  </si>
  <si>
    <t>2916048.0</t>
  </si>
  <si>
    <t>1356343.0</t>
  </si>
  <si>
    <t>1261448.0</t>
  </si>
  <si>
    <t>2933054.0</t>
  </si>
  <si>
    <t>1357693.0</t>
  </si>
  <si>
    <t>1262592.0</t>
  </si>
  <si>
    <t>312769.0</t>
  </si>
  <si>
    <t>2952297.0</t>
  </si>
  <si>
    <t>1359404.0</t>
  </si>
  <si>
    <t>1263765.0</t>
  </si>
  <si>
    <t>329128.0</t>
  </si>
  <si>
    <t>2970478.0</t>
  </si>
  <si>
    <t>1360946.0</t>
  </si>
  <si>
    <t>1265081.0</t>
  </si>
  <si>
    <t>344451.0</t>
  </si>
  <si>
    <t>156.67</t>
  </si>
  <si>
    <t>2986203.0</t>
  </si>
  <si>
    <t>1362366.0</t>
  </si>
  <si>
    <t>1266367.0</t>
  </si>
  <si>
    <t>357470.0</t>
  </si>
  <si>
    <t>3012036.0</t>
  </si>
  <si>
    <t>1367181.0</t>
  </si>
  <si>
    <t>1270186.0</t>
  </si>
  <si>
    <t>374669.0</t>
  </si>
  <si>
    <t>158.86</t>
  </si>
  <si>
    <t>3030662.0</t>
  </si>
  <si>
    <t>1368796.0</t>
  </si>
  <si>
    <t>1271490.0</t>
  </si>
  <si>
    <t>390376.0</t>
  </si>
  <si>
    <t>3048854.0</t>
  </si>
  <si>
    <t>1370570.0</t>
  </si>
  <si>
    <t>1272784.0</t>
  </si>
  <si>
    <t>405500.0</t>
  </si>
  <si>
    <t>3068005.0</t>
  </si>
  <si>
    <t>1372426.0</t>
  </si>
  <si>
    <t>1274046.0</t>
  </si>
  <si>
    <t>3085767.0</t>
  </si>
  <si>
    <t>1374040.0</t>
  </si>
  <si>
    <t>1275441.0</t>
  </si>
  <si>
    <t>436286.0</t>
  </si>
  <si>
    <t>3094393.0</t>
  </si>
  <si>
    <t>1374981.0</t>
  </si>
  <si>
    <t>1276190.0</t>
  </si>
  <si>
    <t>443222.0</t>
  </si>
  <si>
    <t>3121608.0</t>
  </si>
  <si>
    <t>1378135.0</t>
  </si>
  <si>
    <t>1278405.0</t>
  </si>
  <si>
    <t>465068.0</t>
  </si>
  <si>
    <t>3133807.0</t>
  </si>
  <si>
    <t>1379165.0</t>
  </si>
  <si>
    <t>1279456.0</t>
  </si>
  <si>
    <t>475186.0</t>
  </si>
  <si>
    <t>3149534.0</t>
  </si>
  <si>
    <t>1380512.0</t>
  </si>
  <si>
    <t>1280350.0</t>
  </si>
  <si>
    <t>488672.0</t>
  </si>
  <si>
    <t>166.11</t>
  </si>
  <si>
    <t>3166599.0</t>
  </si>
  <si>
    <t>1382138.0</t>
  </si>
  <si>
    <t>1281400.0</t>
  </si>
  <si>
    <t>503061.0</t>
  </si>
  <si>
    <t>3182222.0</t>
  </si>
  <si>
    <t>1383679.0</t>
  </si>
  <si>
    <t>1282373.0</t>
  </si>
  <si>
    <t>516170.0</t>
  </si>
  <si>
    <t>3195368.0</t>
  </si>
  <si>
    <t>1384734.0</t>
  </si>
  <si>
    <t>1283220.0</t>
  </si>
  <si>
    <t>527414.0</t>
  </si>
  <si>
    <t>168.53</t>
  </si>
  <si>
    <t>3203049.0</t>
  </si>
  <si>
    <t>1385295.0</t>
  </si>
  <si>
    <t>1283759.0</t>
  </si>
  <si>
    <t>533995.0</t>
  </si>
  <si>
    <t>3212726.0</t>
  </si>
  <si>
    <t>1284350.0</t>
  </si>
  <si>
    <t>542145.0</t>
  </si>
  <si>
    <t>3238116.0</t>
  </si>
  <si>
    <t>1387504.0</t>
  </si>
  <si>
    <t>1285566.0</t>
  </si>
  <si>
    <t>565046.0</t>
  </si>
  <si>
    <t>170.79</t>
  </si>
  <si>
    <t>3262441.0</t>
  </si>
  <si>
    <t>1388472.0</t>
  </si>
  <si>
    <t>1286401.0</t>
  </si>
  <si>
    <t>587568.0</t>
  </si>
  <si>
    <t>3292432.0</t>
  </si>
  <si>
    <t>1389588.0</t>
  </si>
  <si>
    <t>1287587.0</t>
  </si>
  <si>
    <t>615257.0</t>
  </si>
  <si>
    <t>173.65</t>
  </si>
  <si>
    <t>3318864.0</t>
  </si>
  <si>
    <t>1390570.0</t>
  </si>
  <si>
    <t>1288937.0</t>
  </si>
  <si>
    <t>639357.0</t>
  </si>
  <si>
    <t>19520.0</t>
  </si>
  <si>
    <t>3337740.0</t>
  </si>
  <si>
    <t>1391506.0</t>
  </si>
  <si>
    <t>1289809.0</t>
  </si>
  <si>
    <t>656425.0</t>
  </si>
  <si>
    <t>3349001.0</t>
  </si>
  <si>
    <t>1392084.0</t>
  </si>
  <si>
    <t>1290378.0</t>
  </si>
  <si>
    <t>666539.0</t>
  </si>
  <si>
    <t>3364925.0</t>
  </si>
  <si>
    <t>1392640.0</t>
  </si>
  <si>
    <t>1290988.0</t>
  </si>
  <si>
    <t>681297.0</t>
  </si>
  <si>
    <t>21743.0</t>
  </si>
  <si>
    <t>3396177.0</t>
  </si>
  <si>
    <t>1393753.0</t>
  </si>
  <si>
    <t>1292111.0</t>
  </si>
  <si>
    <t>710313.0</t>
  </si>
  <si>
    <t>3428802.0</t>
  </si>
  <si>
    <t>1394545.0</t>
  </si>
  <si>
    <t>1293141.0</t>
  </si>
  <si>
    <t>741116.0</t>
  </si>
  <si>
    <t>32625.0</t>
  </si>
  <si>
    <t>180.84</t>
  </si>
  <si>
    <t>3455229.0</t>
  </si>
  <si>
    <t>1395685.0</t>
  </si>
  <si>
    <t>1294004.0</t>
  </si>
  <si>
    <t>765540.0</t>
  </si>
  <si>
    <t>182.24</t>
  </si>
  <si>
    <t>3471215.0</t>
  </si>
  <si>
    <t>1396240.0</t>
  </si>
  <si>
    <t>1294487.0</t>
  </si>
  <si>
    <t>780488.0</t>
  </si>
  <si>
    <t>183.08</t>
  </si>
  <si>
    <t>3474000.0</t>
  </si>
  <si>
    <t>1396280.0</t>
  </si>
  <si>
    <t>1294510.0</t>
  </si>
  <si>
    <t>783210.0</t>
  </si>
  <si>
    <t>3474003.0</t>
  </si>
  <si>
    <t>1294511.0</t>
  </si>
  <si>
    <t>783212.0</t>
  </si>
  <si>
    <t>3476927.0</t>
  </si>
  <si>
    <t>1396406.0</t>
  </si>
  <si>
    <t>1294604.0</t>
  </si>
  <si>
    <t>785917.0</t>
  </si>
  <si>
    <t>3483874.0</t>
  </si>
  <si>
    <t>1396997.0</t>
  </si>
  <si>
    <t>1294883.0</t>
  </si>
  <si>
    <t>791994.0</t>
  </si>
  <si>
    <t>3492932.0</t>
  </si>
  <si>
    <t>1397846.0</t>
  </si>
  <si>
    <t>1295315.0</t>
  </si>
  <si>
    <t>799771.0</t>
  </si>
  <si>
    <t>3504889.0</t>
  </si>
  <si>
    <t>1398342.0</t>
  </si>
  <si>
    <t>1295873.0</t>
  </si>
  <si>
    <t>810674.0</t>
  </si>
  <si>
    <t>3516996.0</t>
  </si>
  <si>
    <t>1398978.0</t>
  </si>
  <si>
    <t>1296369.0</t>
  </si>
  <si>
    <t>821649.0</t>
  </si>
  <si>
    <t>3520286.0</t>
  </si>
  <si>
    <t>1399070.0</t>
  </si>
  <si>
    <t>1296530.0</t>
  </si>
  <si>
    <t>824686.0</t>
  </si>
  <si>
    <t>3521404.0</t>
  </si>
  <si>
    <t>1399141.0</t>
  </si>
  <si>
    <t>1296598.0</t>
  </si>
  <si>
    <t>825665.0</t>
  </si>
  <si>
    <t>3525262.0</t>
  </si>
  <si>
    <t>1399465.0</t>
  </si>
  <si>
    <t>1296881.0</t>
  </si>
  <si>
    <t>828916.0</t>
  </si>
  <si>
    <t>185.93</t>
  </si>
  <si>
    <t>3530777.0</t>
  </si>
  <si>
    <t>1297302.0</t>
  </si>
  <si>
    <t>833609.0</t>
  </si>
  <si>
    <t>3538916.0</t>
  </si>
  <si>
    <t>1400386.0</t>
  </si>
  <si>
    <t>1297911.0</t>
  </si>
  <si>
    <t>840619.0</t>
  </si>
  <si>
    <t>1404156.0</t>
  </si>
  <si>
    <t>1299712.0</t>
  </si>
  <si>
    <t>847015.0</t>
  </si>
  <si>
    <t>187.28</t>
  </si>
  <si>
    <t>3560914.0</t>
  </si>
  <si>
    <t>1404659.0</t>
  </si>
  <si>
    <t>1300341.0</t>
  </si>
  <si>
    <t>855914.0</t>
  </si>
  <si>
    <t>187.81</t>
  </si>
  <si>
    <t>3569851.0</t>
  </si>
  <si>
    <t>1405300.0</t>
  </si>
  <si>
    <t>1300880.0</t>
  </si>
  <si>
    <t>863671.0</t>
  </si>
  <si>
    <t>188.28</t>
  </si>
  <si>
    <t>3578297.0</t>
  </si>
  <si>
    <t>1406273.0</t>
  </si>
  <si>
    <t>1301486.0</t>
  </si>
  <si>
    <t>870538.0</t>
  </si>
  <si>
    <t>3585875.0</t>
  </si>
  <si>
    <t>1406701.0</t>
  </si>
  <si>
    <t>1301888.0</t>
  </si>
  <si>
    <t>877286.0</t>
  </si>
  <si>
    <t>189.13</t>
  </si>
  <si>
    <t>3593453.0</t>
  </si>
  <si>
    <t>1407324.0</t>
  </si>
  <si>
    <t>1302313.0</t>
  </si>
  <si>
    <t>883816.0</t>
  </si>
  <si>
    <t>3602749.0</t>
  </si>
  <si>
    <t>1407989.0</t>
  </si>
  <si>
    <t>1302751.0</t>
  </si>
  <si>
    <t>3609748.0</t>
  </si>
  <si>
    <t>1408771.0</t>
  </si>
  <si>
    <t>1303385.0</t>
  </si>
  <si>
    <t>897592.0</t>
  </si>
  <si>
    <t>3615907.0</t>
  </si>
  <si>
    <t>1409340.0</t>
  </si>
  <si>
    <t>1303859.0</t>
  </si>
  <si>
    <t>902708.0</t>
  </si>
  <si>
    <t>3619404.0</t>
  </si>
  <si>
    <t>1409769.0</t>
  </si>
  <si>
    <t>1304426.0</t>
  </si>
  <si>
    <t>905209.0</t>
  </si>
  <si>
    <t>3621591.0</t>
  </si>
  <si>
    <t>1410134.0</t>
  </si>
  <si>
    <t>1304935.0</t>
  </si>
  <si>
    <t>906522.0</t>
  </si>
  <si>
    <t>191.01</t>
  </si>
  <si>
    <t>3626762.0</t>
  </si>
  <si>
    <t>1410711.0</t>
  </si>
  <si>
    <t>1305436.0</t>
  </si>
  <si>
    <t>910615.0</t>
  </si>
  <si>
    <t>3631717.0</t>
  </si>
  <si>
    <t>1411207.0</t>
  </si>
  <si>
    <t>1305939.0</t>
  </si>
  <si>
    <t>914571.0</t>
  </si>
  <si>
    <t>3636745.0</t>
  </si>
  <si>
    <t>1411390.0</t>
  </si>
  <si>
    <t>1306569.0</t>
  </si>
  <si>
    <t>918786.0</t>
  </si>
  <si>
    <t>191.81</t>
  </si>
  <si>
    <t>3641579.0</t>
  </si>
  <si>
    <t>1411775.0</t>
  </si>
  <si>
    <t>1307126.0</t>
  </si>
  <si>
    <t>922678.0</t>
  </si>
  <si>
    <t>3645986.0</t>
  </si>
  <si>
    <t>1412236.0</t>
  </si>
  <si>
    <t>1307824.0</t>
  </si>
  <si>
    <t>925926.0</t>
  </si>
  <si>
    <t>3648134.0</t>
  </si>
  <si>
    <t>1412596.0</t>
  </si>
  <si>
    <t>1308483.0</t>
  </si>
  <si>
    <t>927055.0</t>
  </si>
  <si>
    <t>3650097.0</t>
  </si>
  <si>
    <t>1412998.0</t>
  </si>
  <si>
    <t>1309176.0</t>
  </si>
  <si>
    <t>927923.0</t>
  </si>
  <si>
    <t>3652360.0</t>
  </si>
  <si>
    <t>1413205.0</t>
  </si>
  <si>
    <t>1309523.0</t>
  </si>
  <si>
    <t>929632.0</t>
  </si>
  <si>
    <t>3655138.0</t>
  </si>
  <si>
    <t>1413414.0</t>
  </si>
  <si>
    <t>1309950.0</t>
  </si>
  <si>
    <t>931774.0</t>
  </si>
  <si>
    <t>3658341.0</t>
  </si>
  <si>
    <t>1413723.0</t>
  </si>
  <si>
    <t>1310551.0</t>
  </si>
  <si>
    <t>934067.0</t>
  </si>
  <si>
    <t>3661792.0</t>
  </si>
  <si>
    <t>1414119.0</t>
  </si>
  <si>
    <t>1311200.0</t>
  </si>
  <si>
    <t>936473.0</t>
  </si>
  <si>
    <t>3664503.0</t>
  </si>
  <si>
    <t>1414381.0</t>
  </si>
  <si>
    <t>1311651.0</t>
  </si>
  <si>
    <t>938471.0</t>
  </si>
  <si>
    <t>3666997.0</t>
  </si>
  <si>
    <t>1414856.0</t>
  </si>
  <si>
    <t>939789.0</t>
  </si>
  <si>
    <t>3668413.0</t>
  </si>
  <si>
    <t>1415088.0</t>
  </si>
  <si>
    <t>1312791.0</t>
  </si>
  <si>
    <t>940534.0</t>
  </si>
  <si>
    <t>3670010.0</t>
  </si>
  <si>
    <t>1415247.0</t>
  </si>
  <si>
    <t>1313053.0</t>
  </si>
  <si>
    <t>941710.0</t>
  </si>
  <si>
    <t>3672192.0</t>
  </si>
  <si>
    <t>1415435.0</t>
  </si>
  <si>
    <t>1313301.0</t>
  </si>
  <si>
    <t>943456.0</t>
  </si>
  <si>
    <t>3674504.0</t>
  </si>
  <si>
    <t>1415603.0</t>
  </si>
  <si>
    <t>1313737.0</t>
  </si>
  <si>
    <t>945164.0</t>
  </si>
  <si>
    <t>3677195.0</t>
  </si>
  <si>
    <t>1415803.0</t>
  </si>
  <si>
    <t>1314171.0</t>
  </si>
  <si>
    <t>947221.0</t>
  </si>
  <si>
    <t>193.94</t>
  </si>
  <si>
    <t>3679414.0</t>
  </si>
  <si>
    <t>1416041.0</t>
  </si>
  <si>
    <t>1314566.0</t>
  </si>
  <si>
    <t>948807.0</t>
  </si>
  <si>
    <t>3681497.0</t>
  </si>
  <si>
    <t>1416330.0</t>
  </si>
  <si>
    <t>1315115.0</t>
  </si>
  <si>
    <t>950052.0</t>
  </si>
  <si>
    <t>3683432.0</t>
  </si>
  <si>
    <t>1315589.0</t>
  </si>
  <si>
    <t>951109.0</t>
  </si>
  <si>
    <t>194.27</t>
  </si>
  <si>
    <t>3685799.0</t>
  </si>
  <si>
    <t>1315857.0</t>
  </si>
  <si>
    <t>953015.0</t>
  </si>
  <si>
    <t>3687994.0</t>
  </si>
  <si>
    <t>1316088.0</t>
  </si>
  <si>
    <t>954800.0</t>
  </si>
  <si>
    <t>194.51</t>
  </si>
  <si>
    <t>3689383.0</t>
  </si>
  <si>
    <t>1416430.0</t>
  </si>
  <si>
    <t>1316118.0</t>
  </si>
  <si>
    <t>956835.0</t>
  </si>
  <si>
    <t>3692713.0</t>
  </si>
  <si>
    <t>1416915.0</t>
  </si>
  <si>
    <t>1316848.0</t>
  </si>
  <si>
    <t>958950.0</t>
  </si>
  <si>
    <t>3695024.0</t>
  </si>
  <si>
    <t>1417043.0</t>
  </si>
  <si>
    <t>1317351.0</t>
  </si>
  <si>
    <t>960630.0</t>
  </si>
  <si>
    <t>194.89</t>
  </si>
  <si>
    <t>3696474.0</t>
  </si>
  <si>
    <t>1417219.0</t>
  </si>
  <si>
    <t>1317835.0</t>
  </si>
  <si>
    <t>961420.0</t>
  </si>
  <si>
    <t>3697878.0</t>
  </si>
  <si>
    <t>1417450.0</t>
  </si>
  <si>
    <t>1318333.0</t>
  </si>
  <si>
    <t>962095.0</t>
  </si>
  <si>
    <t>3700149.0</t>
  </si>
  <si>
    <t>1417577.0</t>
  </si>
  <si>
    <t>1318651.0</t>
  </si>
  <si>
    <t>963921.0</t>
  </si>
  <si>
    <t>3702230.0</t>
  </si>
  <si>
    <t>1417690.0</t>
  </si>
  <si>
    <t>1318967.0</t>
  </si>
  <si>
    <t>965573.0</t>
  </si>
  <si>
    <t>195.27</t>
  </si>
  <si>
    <t>3704849.0</t>
  </si>
  <si>
    <t>1417838.0</t>
  </si>
  <si>
    <t>1319392.0</t>
  </si>
  <si>
    <t>967619.0</t>
  </si>
  <si>
    <t>3707112.0</t>
  </si>
  <si>
    <t>1418010.0</t>
  </si>
  <si>
    <t>1319781.0</t>
  </si>
  <si>
    <t>3709114.0</t>
  </si>
  <si>
    <t>1418179.0</t>
  </si>
  <si>
    <t>1320348.0</t>
  </si>
  <si>
    <t>970587.0</t>
  </si>
  <si>
    <t>3710681.0</t>
  </si>
  <si>
    <t>1418401.0</t>
  </si>
  <si>
    <t>1320782.0</t>
  </si>
  <si>
    <t>971498.0</t>
  </si>
  <si>
    <t>3711837.0</t>
  </si>
  <si>
    <t>1418571.0</t>
  </si>
  <si>
    <t>1321170.0</t>
  </si>
  <si>
    <t>972096.0</t>
  </si>
  <si>
    <t>3712897.0</t>
  </si>
  <si>
    <t>1418651.0</t>
  </si>
  <si>
    <t>1321321.0</t>
  </si>
  <si>
    <t>972925.0</t>
  </si>
  <si>
    <t>3714525.0</t>
  </si>
  <si>
    <t>1418700.0</t>
  </si>
  <si>
    <t>1321556.0</t>
  </si>
  <si>
    <t>974269.0</t>
  </si>
  <si>
    <t>3716310.0</t>
  </si>
  <si>
    <t>1418814.0</t>
  </si>
  <si>
    <t>1321815.0</t>
  </si>
  <si>
    <t>975681.0</t>
  </si>
  <si>
    <t>196.01</t>
  </si>
  <si>
    <t>3717887.0</t>
  </si>
  <si>
    <t>1418879.0</t>
  </si>
  <si>
    <t>1322035.0</t>
  </si>
  <si>
    <t>976973.0</t>
  </si>
  <si>
    <t>196.09</t>
  </si>
  <si>
    <t>3719679.0</t>
  </si>
  <si>
    <t>1419017.0</t>
  </si>
  <si>
    <t>1322318.0</t>
  </si>
  <si>
    <t>978344.0</t>
  </si>
  <si>
    <t>3721026.0</t>
  </si>
  <si>
    <t>1419186.0</t>
  </si>
  <si>
    <t>1322762.0</t>
  </si>
  <si>
    <t>979078.0</t>
  </si>
  <si>
    <t>3722351.0</t>
  </si>
  <si>
    <t>1419403.0</t>
  </si>
  <si>
    <t>1323252.0</t>
  </si>
  <si>
    <t>979696.0</t>
  </si>
  <si>
    <t>196.33</t>
  </si>
  <si>
    <t>3723619.0</t>
  </si>
  <si>
    <t>1419504.0</t>
  </si>
  <si>
    <t>1323494.0</t>
  </si>
  <si>
    <t>980621.0</t>
  </si>
  <si>
    <t>3724892.0</t>
  </si>
  <si>
    <t>1419613.0</t>
  </si>
  <si>
    <t>1323808.0</t>
  </si>
  <si>
    <t>981471.0</t>
  </si>
  <si>
    <t>3726565.0</t>
  </si>
  <si>
    <t>1419844.0</t>
  </si>
  <si>
    <t>1324026.0</t>
  </si>
  <si>
    <t>982695.0</t>
  </si>
  <si>
    <t>371.308</t>
  </si>
  <si>
    <t>3729334.0</t>
  </si>
  <si>
    <t>1420205.0</t>
  </si>
  <si>
    <t>1324461.0</t>
  </si>
  <si>
    <t>984668.0</t>
  </si>
  <si>
    <t>3730426.0</t>
  </si>
  <si>
    <t>1420435.0</t>
  </si>
  <si>
    <t>1324798.0</t>
  </si>
  <si>
    <t>985193.0</t>
  </si>
  <si>
    <t>379.219</t>
  </si>
  <si>
    <t>3731329.0</t>
  </si>
  <si>
    <t>1420690.0</t>
  </si>
  <si>
    <t>1325060.0</t>
  </si>
  <si>
    <t>985579.0</t>
  </si>
  <si>
    <t>3732407.0</t>
  </si>
  <si>
    <t>1420794.0</t>
  </si>
  <si>
    <t>1325295.0</t>
  </si>
  <si>
    <t>986318.0</t>
  </si>
  <si>
    <t>3733444.0</t>
  </si>
  <si>
    <t>1420922.0</t>
  </si>
  <si>
    <t>1325530.0</t>
  </si>
  <si>
    <t>986992.0</t>
  </si>
  <si>
    <t>3734761.0</t>
  </si>
  <si>
    <t>1421015.0</t>
  </si>
  <si>
    <t>1325764.0</t>
  </si>
  <si>
    <t>987982.0</t>
  </si>
  <si>
    <t>196.98</t>
  </si>
  <si>
    <t>3736057.0</t>
  </si>
  <si>
    <t>1421173.0</t>
  </si>
  <si>
    <t>1326066.0</t>
  </si>
  <si>
    <t>988818.0</t>
  </si>
  <si>
    <t>3737072.0</t>
  </si>
  <si>
    <t>1421281.0</t>
  </si>
  <si>
    <t>1326291.0</t>
  </si>
  <si>
    <t>989500.0</t>
  </si>
  <si>
    <t>3738776.0</t>
  </si>
  <si>
    <t>1421473.0</t>
  </si>
  <si>
    <t>1326668.0</t>
  </si>
  <si>
    <t>990635.0</t>
  </si>
  <si>
    <t>3739611.0</t>
  </si>
  <si>
    <t>1326950.0</t>
  </si>
  <si>
    <t>990960.0</t>
  </si>
  <si>
    <t>3740874.0</t>
  </si>
  <si>
    <t>1421783.0</t>
  </si>
  <si>
    <t>1327156.0</t>
  </si>
  <si>
    <t>991935.0</t>
  </si>
  <si>
    <t>3741872.0</t>
  </si>
  <si>
    <t>1421829.0</t>
  </si>
  <si>
    <t>992722.0</t>
  </si>
  <si>
    <t>3743081.0</t>
  </si>
  <si>
    <t>1421939.0</t>
  </si>
  <si>
    <t>1327592.0</t>
  </si>
  <si>
    <t>993550.0</t>
  </si>
  <si>
    <t>3743741.0</t>
  </si>
  <si>
    <t>1422113.0</t>
  </si>
  <si>
    <t>1327778.0</t>
  </si>
  <si>
    <t>993850.0</t>
  </si>
  <si>
    <t>197.45</t>
  </si>
  <si>
    <t>3744997.0</t>
  </si>
  <si>
    <t>1422287.0</t>
  </si>
  <si>
    <t>1328098.0</t>
  </si>
  <si>
    <t>994612.0</t>
  </si>
  <si>
    <t>197.52</t>
  </si>
  <si>
    <t>387.658</t>
  </si>
  <si>
    <t>3745922.0</t>
  </si>
  <si>
    <t>1422472.0</t>
  </si>
  <si>
    <t>1328424.0</t>
  </si>
  <si>
    <t>995026.0</t>
  </si>
  <si>
    <t>3746755.0</t>
  </si>
  <si>
    <t>1422676.0</t>
  </si>
  <si>
    <t>1328723.0</t>
  </si>
  <si>
    <t>995356.0</t>
  </si>
  <si>
    <t>3747793.0</t>
  </si>
  <si>
    <t>1422733.0</t>
  </si>
  <si>
    <t>1328826.0</t>
  </si>
  <si>
    <t>996234.0</t>
  </si>
  <si>
    <t>3749186.0</t>
  </si>
  <si>
    <t>1422837.0</t>
  </si>
  <si>
    <t>1329117.0</t>
  </si>
  <si>
    <t>997232.0</t>
  </si>
  <si>
    <t>197.74</t>
  </si>
  <si>
    <t>3750470.0</t>
  </si>
  <si>
    <t>1422973.0</t>
  </si>
  <si>
    <t>1329366.0</t>
  </si>
  <si>
    <t>998131.0</t>
  </si>
  <si>
    <t>3751130.0</t>
  </si>
  <si>
    <t>1423030.0</t>
  </si>
  <si>
    <t>1329507.0</t>
  </si>
  <si>
    <t>998593.0</t>
  </si>
  <si>
    <t>3752248.0</t>
  </si>
  <si>
    <t>1423155.0</t>
  </si>
  <si>
    <t>1329735.0</t>
  </si>
  <si>
    <t>999358.0</t>
  </si>
  <si>
    <t>3753328.0</t>
  </si>
  <si>
    <t>1423330.0</t>
  </si>
  <si>
    <t>1330150.0</t>
  </si>
  <si>
    <t>999848.0</t>
  </si>
  <si>
    <t>3754122.0</t>
  </si>
  <si>
    <t>1423531.0</t>
  </si>
  <si>
    <t>1330423.0</t>
  </si>
  <si>
    <t>1000168.0</t>
  </si>
  <si>
    <t>3754751.0</t>
  </si>
  <si>
    <t>1423609.0</t>
  </si>
  <si>
    <t>1330523.0</t>
  </si>
  <si>
    <t>1000619.0</t>
  </si>
  <si>
    <t>3755378.0</t>
  </si>
  <si>
    <t>1423637.0</t>
  </si>
  <si>
    <t>1330731.0</t>
  </si>
  <si>
    <t>1001010.0</t>
  </si>
  <si>
    <t>3756449.0</t>
  </si>
  <si>
    <t>1423736.0</t>
  </si>
  <si>
    <t>1331065.0</t>
  </si>
  <si>
    <t>1001648.0</t>
  </si>
  <si>
    <t>3757322.0</t>
  </si>
  <si>
    <t>1423833.0</t>
  </si>
  <si>
    <t>1331316.0</t>
  </si>
  <si>
    <t>1002173.0</t>
  </si>
  <si>
    <t>3758510.0</t>
  </si>
  <si>
    <t>1423971.0</t>
  </si>
  <si>
    <t>1331620.0</t>
  </si>
  <si>
    <t>1002919.0</t>
  </si>
  <si>
    <t>3759747.0</t>
  </si>
  <si>
    <t>1424174.0</t>
  </si>
  <si>
    <t>1332048.0</t>
  </si>
  <si>
    <t>1003525.0</t>
  </si>
  <si>
    <t>3760869.0</t>
  </si>
  <si>
    <t>1424390.0</t>
  </si>
  <si>
    <t>1332445.0</t>
  </si>
  <si>
    <t>1004034.0</t>
  </si>
  <si>
    <t>198.36</t>
  </si>
  <si>
    <t>3761362.0</t>
  </si>
  <si>
    <t>1424446.0</t>
  </si>
  <si>
    <t>1004398.0</t>
  </si>
  <si>
    <t>3762021.0</t>
  </si>
  <si>
    <t>1424494.0</t>
  </si>
  <si>
    <t>1332643.0</t>
  </si>
  <si>
    <t>3763001.0</t>
  </si>
  <si>
    <t>1424623.0</t>
  </si>
  <si>
    <t>1332892.0</t>
  </si>
  <si>
    <t>1005486.0</t>
  </si>
  <si>
    <t>3764307.0</t>
  </si>
  <si>
    <t>1424750.0</t>
  </si>
  <si>
    <t>1333193.0</t>
  </si>
  <si>
    <t>1006364.0</t>
  </si>
  <si>
    <t>3765429.0</t>
  </si>
  <si>
    <t>1424870.0</t>
  </si>
  <si>
    <t>1007164.0</t>
  </si>
  <si>
    <t>3766488.0</t>
  </si>
  <si>
    <t>1425046.0</t>
  </si>
  <si>
    <t>1333738.0</t>
  </si>
  <si>
    <t>1007704.0</t>
  </si>
  <si>
    <t>3767535.0</t>
  </si>
  <si>
    <t>1334120.0</t>
  </si>
  <si>
    <t>1008130.0</t>
  </si>
  <si>
    <t>3768325.0</t>
  </si>
  <si>
    <t>1334230.0</t>
  </si>
  <si>
    <t>1008777.0</t>
  </si>
  <si>
    <t>3769548.0</t>
  </si>
  <si>
    <t>1334363.0</t>
  </si>
  <si>
    <t>1009817.0</t>
  </si>
  <si>
    <t>3771657.0</t>
  </si>
  <si>
    <t>1334653.0</t>
  </si>
  <si>
    <t>1011487.0</t>
  </si>
  <si>
    <t>198.93</t>
  </si>
  <si>
    <t>3773454.0</t>
  </si>
  <si>
    <t>1334942.0</t>
  </si>
  <si>
    <t>1012832.0</t>
  </si>
  <si>
    <t>199.02</t>
  </si>
  <si>
    <t>3774809.0</t>
  </si>
  <si>
    <t>1335234.0</t>
  </si>
  <si>
    <t>1013732.0</t>
  </si>
  <si>
    <t>199.09</t>
  </si>
  <si>
    <t>3775645.0</t>
  </si>
  <si>
    <t>1335488.0</t>
  </si>
  <si>
    <t>1014188.0</t>
  </si>
  <si>
    <t>3775878.0</t>
  </si>
  <si>
    <t>1335541.0</t>
  </si>
  <si>
    <t>1014354.0</t>
  </si>
  <si>
    <t>199.15</t>
  </si>
  <si>
    <t>3776362.0</t>
  </si>
  <si>
    <t>1335694.0</t>
  </si>
  <si>
    <t>3778302.0</t>
  </si>
  <si>
    <t>1336122.0</t>
  </si>
  <si>
    <t>1015972.0</t>
  </si>
  <si>
    <t>3780111.0</t>
  </si>
  <si>
    <t>1017450.0</t>
  </si>
  <si>
    <t>3782183.0</t>
  </si>
  <si>
    <t>1336698.0</t>
  </si>
  <si>
    <t>1019018.0</t>
  </si>
  <si>
    <t>199.48</t>
  </si>
  <si>
    <t>3783719.0</t>
  </si>
  <si>
    <t>1337171.0</t>
  </si>
  <si>
    <t>1019822.0</t>
  </si>
  <si>
    <t>3785468.0</t>
  </si>
  <si>
    <t>1337614.0</t>
  </si>
  <si>
    <t>1020969.0</t>
  </si>
  <si>
    <t>3787804.0</t>
  </si>
  <si>
    <t>1337716.0</t>
  </si>
  <si>
    <t>1023139.0</t>
  </si>
  <si>
    <t>3793542.0</t>
  </si>
  <si>
    <t>1337798.0</t>
  </si>
  <si>
    <t>1028798.0</t>
  </si>
  <si>
    <t>3801467.0</t>
  </si>
  <si>
    <t>1338080.0</t>
  </si>
  <si>
    <t>1036256.0</t>
  </si>
  <si>
    <t>3808794.0</t>
  </si>
  <si>
    <t>1338383.0</t>
  </si>
  <si>
    <t>1043230.0</t>
  </si>
  <si>
    <t>3812925.0</t>
  </si>
  <si>
    <t>1338607.0</t>
  </si>
  <si>
    <t>3814969.0</t>
  </si>
  <si>
    <t>1339060.0</t>
  </si>
  <si>
    <t>3816070.0</t>
  </si>
  <si>
    <t>1339390.0</t>
  </si>
  <si>
    <t>3816828.0</t>
  </si>
  <si>
    <t>1339495.0</t>
  </si>
  <si>
    <t>3820609.0</t>
  </si>
  <si>
    <t>1339618.0</t>
  </si>
  <si>
    <t>3827348.0</t>
  </si>
  <si>
    <t>1339801.0</t>
  </si>
  <si>
    <t>3834092.0</t>
  </si>
  <si>
    <t>1340023.0</t>
  </si>
  <si>
    <t>3838795.0</t>
  </si>
  <si>
    <t>1340226.0</t>
  </si>
  <si>
    <t>3843028.0</t>
  </si>
  <si>
    <t>1340611.0</t>
  </si>
  <si>
    <t>3844297.0</t>
  </si>
  <si>
    <t>1340910.0</t>
  </si>
  <si>
    <t>3849794.0</t>
  </si>
  <si>
    <t>1341034.0</t>
  </si>
  <si>
    <t>3856588.0</t>
  </si>
  <si>
    <t>1341213.0</t>
  </si>
  <si>
    <t>3863607.0</t>
  </si>
  <si>
    <t>1341367.0</t>
  </si>
  <si>
    <t>3870382.0</t>
  </si>
  <si>
    <t>1341571.0</t>
  </si>
  <si>
    <t>3874879.0</t>
  </si>
  <si>
    <t>1341739.0</t>
  </si>
  <si>
    <t>3876739.0</t>
  </si>
  <si>
    <t>3877971.0</t>
  </si>
  <si>
    <t>3881679.0</t>
  </si>
  <si>
    <t>204.73</t>
  </si>
  <si>
    <t>3886574.0</t>
  </si>
  <si>
    <t>204.99</t>
  </si>
  <si>
    <t>3891101.0</t>
  </si>
  <si>
    <t>3896855.0</t>
  </si>
  <si>
    <t>3900701.0</t>
  </si>
  <si>
    <t>3902942.0</t>
  </si>
  <si>
    <t>3903611.0</t>
  </si>
  <si>
    <t>1425186.0</t>
  </si>
  <si>
    <t>205.89</t>
  </si>
  <si>
    <t>3906474.0</t>
  </si>
  <si>
    <t>1425248.0</t>
  </si>
  <si>
    <t>1342239.0</t>
  </si>
  <si>
    <t>3908650.0</t>
  </si>
  <si>
    <t>1425303.0</t>
  </si>
  <si>
    <t>1342393.0</t>
  </si>
  <si>
    <t>3910234.0</t>
  </si>
  <si>
    <t>1425401.0</t>
  </si>
  <si>
    <t>1342872.0</t>
  </si>
  <si>
    <t>206.24</t>
  </si>
  <si>
    <t>3911076.0</t>
  </si>
  <si>
    <t>1425478.0</t>
  </si>
  <si>
    <t>1343182.0</t>
  </si>
  <si>
    <t>206.28</t>
  </si>
  <si>
    <t>3912553.0</t>
  </si>
  <si>
    <t>1425511.0</t>
  </si>
  <si>
    <t>1343300.0</t>
  </si>
  <si>
    <t>3914382.0</t>
  </si>
  <si>
    <t>1425532.0</t>
  </si>
  <si>
    <t>1343351.0</t>
  </si>
  <si>
    <t>3916724.0</t>
  </si>
  <si>
    <t>1425584.0</t>
  </si>
  <si>
    <t>1343622.0</t>
  </si>
  <si>
    <t>206.58</t>
  </si>
  <si>
    <t>3917129.0</t>
  </si>
  <si>
    <t>1425601.0</t>
  </si>
  <si>
    <t>3917360.0</t>
  </si>
  <si>
    <t>1425621.0</t>
  </si>
  <si>
    <t>3917951.0</t>
  </si>
  <si>
    <t>1425668.0</t>
  </si>
  <si>
    <t>1344051.0</t>
  </si>
  <si>
    <t>3918427.0</t>
  </si>
  <si>
    <t>1425684.0</t>
  </si>
  <si>
    <t>1344288.0</t>
  </si>
  <si>
    <t>3919616.0</t>
  </si>
  <si>
    <t>1425712.0</t>
  </si>
  <si>
    <t>1344371.0</t>
  </si>
  <si>
    <t>3920553.0</t>
  </si>
  <si>
    <t>1425728.0</t>
  </si>
  <si>
    <t>1344443.0</t>
  </si>
  <si>
    <t>3921583.0</t>
  </si>
  <si>
    <t>1425764.0</t>
  </si>
  <si>
    <t>1344630.0</t>
  </si>
  <si>
    <t>3923204.0</t>
  </si>
  <si>
    <t>1425802.0</t>
  </si>
  <si>
    <t>1344851.0</t>
  </si>
  <si>
    <t>3924201.0</t>
  </si>
  <si>
    <t>1425841.0</t>
  </si>
  <si>
    <t>1345044.0</t>
  </si>
  <si>
    <t>3925866.0</t>
  </si>
  <si>
    <t>1425990.0</t>
  </si>
  <si>
    <t>3926605.0</t>
  </si>
  <si>
    <t>1426056.0</t>
  </si>
  <si>
    <t>1346061.0</t>
  </si>
  <si>
    <t>3927645.0</t>
  </si>
  <si>
    <t>1426106.0</t>
  </si>
  <si>
    <t>1346157.0</t>
  </si>
  <si>
    <t>3928122.0</t>
  </si>
  <si>
    <t>1346210.0</t>
  </si>
  <si>
    <t>3929108.0</t>
  </si>
  <si>
    <t>1426118.0</t>
  </si>
  <si>
    <t>1346469.0</t>
  </si>
  <si>
    <t>3930161.0</t>
  </si>
  <si>
    <t>1426150.0</t>
  </si>
  <si>
    <t>1346661.0</t>
  </si>
  <si>
    <t>3930927.0</t>
  </si>
  <si>
    <t>1426191.0</t>
  </si>
  <si>
    <t>1346844.0</t>
  </si>
  <si>
    <t>3931874.0</t>
  </si>
  <si>
    <t>1347256.0</t>
  </si>
  <si>
    <t>3932539.0</t>
  </si>
  <si>
    <t>1347589.0</t>
  </si>
  <si>
    <t>3933144.0</t>
  </si>
  <si>
    <t>1426225.0</t>
  </si>
  <si>
    <t>1347837.0</t>
  </si>
  <si>
    <t>207.44</t>
  </si>
  <si>
    <t>3933705.0</t>
  </si>
  <si>
    <t>1426250.0</t>
  </si>
  <si>
    <t>207.47</t>
  </si>
  <si>
    <t>3934623.0</t>
  </si>
  <si>
    <t>1426291.0</t>
  </si>
  <si>
    <t>1348065.0</t>
  </si>
  <si>
    <t>3935406.0</t>
  </si>
  <si>
    <t>1426334.0</t>
  </si>
  <si>
    <t>1348246.0</t>
  </si>
  <si>
    <t>3936086.0</t>
  </si>
  <si>
    <t>1426391.0</t>
  </si>
  <si>
    <t>1348375.0</t>
  </si>
  <si>
    <t>3937283.0</t>
  </si>
  <si>
    <t>1426560.0</t>
  </si>
  <si>
    <t>1348852.0</t>
  </si>
  <si>
    <t>3937834.0</t>
  </si>
  <si>
    <t>1426603.0</t>
  </si>
  <si>
    <t>1349116.0</t>
  </si>
  <si>
    <t>3938385.0</t>
  </si>
  <si>
    <t>1426658.0</t>
  </si>
  <si>
    <t>1349176.0</t>
  </si>
  <si>
    <t>3938819.0</t>
  </si>
  <si>
    <t>1426689.0</t>
  </si>
  <si>
    <t>1349252.0</t>
  </si>
  <si>
    <t>3939573.0</t>
  </si>
  <si>
    <t>1426718.0</t>
  </si>
  <si>
    <t>1349443.0</t>
  </si>
  <si>
    <t>3940423.0</t>
  </si>
  <si>
    <t>1426768.0</t>
  </si>
  <si>
    <t>3941416.0</t>
  </si>
  <si>
    <t>1426821.0</t>
  </si>
  <si>
    <t>1349933.0</t>
  </si>
  <si>
    <t>3942592.0</t>
  </si>
  <si>
    <t>1426972.0</t>
  </si>
  <si>
    <t>1350339.0</t>
  </si>
  <si>
    <t>3943223.0</t>
  </si>
  <si>
    <t>1427009.0</t>
  </si>
  <si>
    <t>1350571.0</t>
  </si>
  <si>
    <t>3943754.0</t>
  </si>
  <si>
    <t>1427019.0</t>
  </si>
  <si>
    <t>1350670.0</t>
  </si>
  <si>
    <t>3944181.0</t>
  </si>
  <si>
    <t>1427048.0</t>
  </si>
  <si>
    <t>1350739.0</t>
  </si>
  <si>
    <t>3944843.0</t>
  </si>
  <si>
    <t>1427074.0</t>
  </si>
  <si>
    <t>1350883.0</t>
  </si>
  <si>
    <t>3945395.0</t>
  </si>
  <si>
    <t>1427081.0</t>
  </si>
  <si>
    <t>1351002.0</t>
  </si>
  <si>
    <t>3946398.0</t>
  </si>
  <si>
    <t>1427150.0</t>
  </si>
  <si>
    <t>1351271.0</t>
  </si>
  <si>
    <t>3947303.0</t>
  </si>
  <si>
    <t>1427241.0</t>
  </si>
  <si>
    <t>1351577.0</t>
  </si>
  <si>
    <t>208.19</t>
  </si>
  <si>
    <t>3947482.0</t>
  </si>
  <si>
    <t>1427246.0</t>
  </si>
  <si>
    <t>1351648.0</t>
  </si>
  <si>
    <t>3947703.0</t>
  </si>
  <si>
    <t>1427250.0</t>
  </si>
  <si>
    <t>1351660.0</t>
  </si>
  <si>
    <t>208.21</t>
  </si>
  <si>
    <t>3947708.0</t>
  </si>
  <si>
    <t>1427251.0</t>
  </si>
  <si>
    <t>1351662.0</t>
  </si>
  <si>
    <t>3948045.0</t>
  </si>
  <si>
    <t>1427260.0</t>
  </si>
  <si>
    <t>1351744.0</t>
  </si>
  <si>
    <t>3948584.0</t>
  </si>
  <si>
    <t>1427344.0</t>
  </si>
  <si>
    <t>1351868.0</t>
  </si>
  <si>
    <t>3949076.0</t>
  </si>
  <si>
    <t>1427373.0</t>
  </si>
  <si>
    <t>1352001.0</t>
  </si>
  <si>
    <t>3949987.0</t>
  </si>
  <si>
    <t>1427477.0</t>
  </si>
  <si>
    <t>1352340.0</t>
  </si>
  <si>
    <t>3950287.0</t>
  </si>
  <si>
    <t>1427503.0</t>
  </si>
  <si>
    <t>1352441.0</t>
  </si>
  <si>
    <t>3950561.0</t>
  </si>
  <si>
    <t>1427517.0</t>
  </si>
  <si>
    <t>1352479.0</t>
  </si>
  <si>
    <t>208.36</t>
  </si>
  <si>
    <t>3950802.0</t>
  </si>
  <si>
    <t>1427550.0</t>
  </si>
  <si>
    <t>1352530.0</t>
  </si>
  <si>
    <t>208.38</t>
  </si>
  <si>
    <t>3951434.0</t>
  </si>
  <si>
    <t>1427579.0</t>
  </si>
  <si>
    <t>1352674.0</t>
  </si>
  <si>
    <t>3953464.0</t>
  </si>
  <si>
    <t>1427759.0</t>
  </si>
  <si>
    <t>208.52</t>
  </si>
  <si>
    <t>3953626.0</t>
  </si>
  <si>
    <t>1427769.0</t>
  </si>
  <si>
    <t>1353274.0</t>
  </si>
  <si>
    <t>3953918.0</t>
  </si>
  <si>
    <t>1427794.0</t>
  </si>
  <si>
    <t>1353333.0</t>
  </si>
  <si>
    <t>3954287.0</t>
  </si>
  <si>
    <t>1427823.0</t>
  </si>
  <si>
    <t>1353438.0</t>
  </si>
  <si>
    <t>3954811.0</t>
  </si>
  <si>
    <t>1427859.0</t>
  </si>
  <si>
    <t>1353584.0</t>
  </si>
  <si>
    <t>3955174.0</t>
  </si>
  <si>
    <t>1427929.0</t>
  </si>
  <si>
    <t>1353658.0</t>
  </si>
  <si>
    <t>3955846.0</t>
  </si>
  <si>
    <t>1428001.0</t>
  </si>
  <si>
    <t>1353869.0</t>
  </si>
  <si>
    <t>3956128.0</t>
  </si>
  <si>
    <t>1353952.0</t>
  </si>
  <si>
    <t>3956323.0</t>
  </si>
  <si>
    <t>1428014.0</t>
  </si>
  <si>
    <t>1353987.0</t>
  </si>
  <si>
    <t>3956543.0</t>
  </si>
  <si>
    <t>1354009.0</t>
  </si>
  <si>
    <t>3957402.0</t>
  </si>
  <si>
    <t>1428417.0</t>
  </si>
  <si>
    <t>1354183.0</t>
  </si>
  <si>
    <t>3957944.0</t>
  </si>
  <si>
    <t>1428471.0</t>
  </si>
  <si>
    <t>1354324.0</t>
  </si>
  <si>
    <t>208.75</t>
  </si>
  <si>
    <t>3958248.0</t>
  </si>
  <si>
    <t>1428480.0</t>
  </si>
  <si>
    <t>1354390.0</t>
  </si>
  <si>
    <t>3958792.0</t>
  </si>
  <si>
    <t>1428560.0</t>
  </si>
  <si>
    <t>3959024.0</t>
  </si>
  <si>
    <t>3959161.0</t>
  </si>
  <si>
    <t>1354547.0</t>
  </si>
  <si>
    <t>208.82</t>
  </si>
  <si>
    <t>3959406.0</t>
  </si>
  <si>
    <t>1354591.0</t>
  </si>
  <si>
    <t>3959615.0</t>
  </si>
  <si>
    <t>1428566.0</t>
  </si>
  <si>
    <t>1354645.0</t>
  </si>
  <si>
    <t>3959963.0</t>
  </si>
  <si>
    <t>1354709.0</t>
  </si>
  <si>
    <t>208.86</t>
  </si>
  <si>
    <t>3960125.0</t>
  </si>
  <si>
    <t>1428576.0</t>
  </si>
  <si>
    <t>1354745.0</t>
  </si>
  <si>
    <t>3960545.0</t>
  </si>
  <si>
    <t>3960645.0</t>
  </si>
  <si>
    <t>3960733.0</t>
  </si>
  <si>
    <t>1428592.0</t>
  </si>
  <si>
    <t>1354857.0</t>
  </si>
  <si>
    <t>3960856.0</t>
  </si>
  <si>
    <t>1354871.0</t>
  </si>
  <si>
    <t>208.91</t>
  </si>
  <si>
    <t>3961160.0</t>
  </si>
  <si>
    <t>1354915.0</t>
  </si>
  <si>
    <t>3961436.0</t>
  </si>
  <si>
    <t>1354949.0</t>
  </si>
  <si>
    <t>3961525.0</t>
  </si>
  <si>
    <t>1354956.0</t>
  </si>
  <si>
    <t>3962014.0</t>
  </si>
  <si>
    <t>1355109.0</t>
  </si>
  <si>
    <t>3962077.0</t>
  </si>
  <si>
    <t>1355122.0</t>
  </si>
  <si>
    <t>3962204.0</t>
  </si>
  <si>
    <t>1355139.0</t>
  </si>
  <si>
    <t>3962335.0</t>
  </si>
  <si>
    <t>1355163.0</t>
  </si>
  <si>
    <t>3962547.0</t>
  </si>
  <si>
    <t>1355188.0</t>
  </si>
  <si>
    <t>3962794.0</t>
  </si>
  <si>
    <t>1428597.0</t>
  </si>
  <si>
    <t>1355221.0</t>
  </si>
  <si>
    <t>3962995.0</t>
  </si>
  <si>
    <t>1428601.0</t>
  </si>
  <si>
    <t>1355262.0</t>
  </si>
  <si>
    <t>3963437.0</t>
  </si>
  <si>
    <t>1428659.0</t>
  </si>
  <si>
    <t>1355420.0</t>
  </si>
  <si>
    <t>3963483.0</t>
  </si>
  <si>
    <t>1428666.0</t>
  </si>
  <si>
    <t>1355423.0</t>
  </si>
  <si>
    <t>3963536.0</t>
  </si>
  <si>
    <t>1428674.0</t>
  </si>
  <si>
    <t>1355438.0</t>
  </si>
  <si>
    <t>3963712.0</t>
  </si>
  <si>
    <t>1428705.0</t>
  </si>
  <si>
    <t>1355479.0</t>
  </si>
  <si>
    <t>3963984.0</t>
  </si>
  <si>
    <t>1428746.0</t>
  </si>
  <si>
    <t>1355552.0</t>
  </si>
  <si>
    <t>3964215.0</t>
  </si>
  <si>
    <t>1428766.0</t>
  </si>
  <si>
    <t>1355603.0</t>
  </si>
  <si>
    <t>3964374.0</t>
  </si>
  <si>
    <t>1428781.0</t>
  </si>
  <si>
    <t>1355630.0</t>
  </si>
  <si>
    <t>3964643.0</t>
  </si>
  <si>
    <t>1428813.0</t>
  </si>
  <si>
    <t>1355733.0</t>
  </si>
  <si>
    <t>3964804.0</t>
  </si>
  <si>
    <t>1428823.0</t>
  </si>
  <si>
    <t>1355763.0</t>
  </si>
  <si>
    <t>3964992.0</t>
  </si>
  <si>
    <t>1428844.0</t>
  </si>
  <si>
    <t>1355796.0</t>
  </si>
  <si>
    <t>3965087.0</t>
  </si>
  <si>
    <t>1355803.0</t>
  </si>
  <si>
    <t>209.13</t>
  </si>
  <si>
    <t>3965259.0</t>
  </si>
  <si>
    <t>1428852.0</t>
  </si>
  <si>
    <t>1355828.0</t>
  </si>
  <si>
    <t>3965415.0</t>
  </si>
  <si>
    <t>1355833.0</t>
  </si>
  <si>
    <t>3965566.0</t>
  </si>
  <si>
    <t>1428862.0</t>
  </si>
  <si>
    <t>1355848.0</t>
  </si>
  <si>
    <t>3965860.0</t>
  </si>
  <si>
    <t>1355983.0</t>
  </si>
  <si>
    <t>3965908.0</t>
  </si>
  <si>
    <t>1356012.0</t>
  </si>
  <si>
    <t>3966031.0</t>
  </si>
  <si>
    <t>1428888.0</t>
  </si>
  <si>
    <t>1356058.0</t>
  </si>
  <si>
    <t>3966201.0</t>
  </si>
  <si>
    <t>1428916.0</t>
  </si>
  <si>
    <t>1356071.0</t>
  </si>
  <si>
    <t>3966325.0</t>
  </si>
  <si>
    <t>1428926.0</t>
  </si>
  <si>
    <t>1356089.0</t>
  </si>
  <si>
    <t>3966506.0</t>
  </si>
  <si>
    <t>1428941.0</t>
  </si>
  <si>
    <t>3966604.0</t>
  </si>
  <si>
    <t>1428947.0</t>
  </si>
  <si>
    <t>1356124.0</t>
  </si>
  <si>
    <t>3966863.0</t>
  </si>
  <si>
    <t>1428989.0</t>
  </si>
  <si>
    <t>1356238.0</t>
  </si>
  <si>
    <t>3966991.0</t>
  </si>
  <si>
    <t>1428999.0</t>
  </si>
  <si>
    <t>1356251.0</t>
  </si>
  <si>
    <t>3967065.0</t>
  </si>
  <si>
    <t>1429000.0</t>
  </si>
  <si>
    <t>1356252.0</t>
  </si>
  <si>
    <t>3967835.0</t>
  </si>
  <si>
    <t>1429044.0</t>
  </si>
  <si>
    <t>1356276.0</t>
  </si>
  <si>
    <t>3968751.0</t>
  </si>
  <si>
    <t>1429050.0</t>
  </si>
  <si>
    <t>1356298.0</t>
  </si>
  <si>
    <t>3970497.0</t>
  </si>
  <si>
    <t>1429058.0</t>
  </si>
  <si>
    <t>1356319.0</t>
  </si>
  <si>
    <t>3972158.0</t>
  </si>
  <si>
    <t>1429074.0</t>
  </si>
  <si>
    <t>1356340.0</t>
  </si>
  <si>
    <t>3973252.0</t>
  </si>
  <si>
    <t>1429104.0</t>
  </si>
  <si>
    <t>1356445.0</t>
  </si>
  <si>
    <t>209.56</t>
  </si>
  <si>
    <t>3973937.0</t>
  </si>
  <si>
    <t>1356459.0</t>
  </si>
  <si>
    <t>3976219.0</t>
  </si>
  <si>
    <t>1356463.0</t>
  </si>
  <si>
    <t>3978819.0</t>
  </si>
  <si>
    <t>1429106.0</t>
  </si>
  <si>
    <t>1356466.0</t>
  </si>
  <si>
    <t>3984096.0</t>
  </si>
  <si>
    <t>1429124.0</t>
  </si>
  <si>
    <t>1356501.0</t>
  </si>
  <si>
    <t>3988329.0</t>
  </si>
  <si>
    <t>1356513.0</t>
  </si>
  <si>
    <t>3991490.0</t>
  </si>
  <si>
    <t>1356520.0</t>
  </si>
  <si>
    <t>3996327.0</t>
  </si>
  <si>
    <t>1429157.0</t>
  </si>
  <si>
    <t>1356650.0</t>
  </si>
  <si>
    <t>3997196.0</t>
  </si>
  <si>
    <t>1429164.0</t>
  </si>
  <si>
    <t>4003308.0</t>
  </si>
  <si>
    <t>1429168.0</t>
  </si>
  <si>
    <t>1356688.0</t>
  </si>
  <si>
    <t>4011566.0</t>
  </si>
  <si>
    <t>1429176.0</t>
  </si>
  <si>
    <t>1356697.0</t>
  </si>
  <si>
    <t>4021284.0</t>
  </si>
  <si>
    <t>1429196.0</t>
  </si>
  <si>
    <t>1356717.0</t>
  </si>
  <si>
    <t>4032059.0</t>
  </si>
  <si>
    <t>1429209.0</t>
  </si>
  <si>
    <t>1356735.0</t>
  </si>
  <si>
    <t>4040614.0</t>
  </si>
  <si>
    <t>1429223.0</t>
  </si>
  <si>
    <t>1356750.0</t>
  </si>
  <si>
    <t>4053621.0</t>
  </si>
  <si>
    <t>1429292.0</t>
  </si>
  <si>
    <t>1356921.0</t>
  </si>
  <si>
    <t>4055089.0</t>
  </si>
  <si>
    <t>1429301.0</t>
  </si>
  <si>
    <t>213.88</t>
  </si>
  <si>
    <t>4063194.0</t>
  </si>
  <si>
    <t>1429315.0</t>
  </si>
  <si>
    <t>4076658.0</t>
  </si>
  <si>
    <t>1429346.0</t>
  </si>
  <si>
    <t>1356943.0</t>
  </si>
  <si>
    <t>4086425.0</t>
  </si>
  <si>
    <t>1429350.0</t>
  </si>
  <si>
    <t>1356969.0</t>
  </si>
  <si>
    <t>4098060.0</t>
  </si>
  <si>
    <t>1429377.0</t>
  </si>
  <si>
    <t>1356986.0</t>
  </si>
  <si>
    <t>4107822.0</t>
  </si>
  <si>
    <t>1429385.0</t>
  </si>
  <si>
    <t>1356995.0</t>
  </si>
  <si>
    <t>4123998.0</t>
  </si>
  <si>
    <t>1429423.0</t>
  </si>
  <si>
    <t>1357126.0</t>
  </si>
  <si>
    <t>4125691.0</t>
  </si>
  <si>
    <t>1429429.0</t>
  </si>
  <si>
    <t>1357144.0</t>
  </si>
  <si>
    <t>4136314.0</t>
  </si>
  <si>
    <t>1429456.0</t>
  </si>
  <si>
    <t>1357179.0</t>
  </si>
  <si>
    <t>4149134.0</t>
  </si>
  <si>
    <t>1429479.0</t>
  </si>
  <si>
    <t>1357204.0</t>
  </si>
  <si>
    <t>4163657.0</t>
  </si>
  <si>
    <t>1429513.0</t>
  </si>
  <si>
    <t>1357232.0</t>
  </si>
  <si>
    <t>4177603.0</t>
  </si>
  <si>
    <t>1429526.0</t>
  </si>
  <si>
    <t>1357254.0</t>
  </si>
  <si>
    <t>4187402.0</t>
  </si>
  <si>
    <t>1429549.0</t>
  </si>
  <si>
    <t>1357290.0</t>
  </si>
  <si>
    <t>4199909.0</t>
  </si>
  <si>
    <t>1429581.0</t>
  </si>
  <si>
    <t>1357365.0</t>
  </si>
  <si>
    <t>4201621.0</t>
  </si>
  <si>
    <t>1429599.0</t>
  </si>
  <si>
    <t>1357383.0</t>
  </si>
  <si>
    <t>4215955.0</t>
  </si>
  <si>
    <t>1429622.0</t>
  </si>
  <si>
    <t>1357397.0</t>
  </si>
  <si>
    <t>4231268.0</t>
  </si>
  <si>
    <t>1429656.0</t>
  </si>
  <si>
    <t>1357422.0</t>
  </si>
  <si>
    <t>4240158.0</t>
  </si>
  <si>
    <t>1429679.0</t>
  </si>
  <si>
    <t>1357438.0</t>
  </si>
  <si>
    <t>4253267.0</t>
  </si>
  <si>
    <t>1429703.0</t>
  </si>
  <si>
    <t>1357470.0</t>
  </si>
  <si>
    <t>4262825.0</t>
  </si>
  <si>
    <t>1429705.0</t>
  </si>
  <si>
    <t>1357479.0</t>
  </si>
  <si>
    <t>224.83</t>
  </si>
  <si>
    <t>4267368.0</t>
  </si>
  <si>
    <t>1429720.0</t>
  </si>
  <si>
    <t>1357571.0</t>
  </si>
  <si>
    <t>4277894.0</t>
  </si>
  <si>
    <t>1429736.0</t>
  </si>
  <si>
    <t>1357590.0</t>
  </si>
  <si>
    <t>4286771.0</t>
  </si>
  <si>
    <t>1357600.0</t>
  </si>
  <si>
    <t>4296203.0</t>
  </si>
  <si>
    <t>1357624.0</t>
  </si>
  <si>
    <t>4304223.0</t>
  </si>
  <si>
    <t>1357648.0</t>
  </si>
  <si>
    <t>227.02</t>
  </si>
  <si>
    <t>4309964.0</t>
  </si>
  <si>
    <t>1357660.0</t>
  </si>
  <si>
    <t>227.32</t>
  </si>
  <si>
    <t>4315604.0</t>
  </si>
  <si>
    <t>1357730.0</t>
  </si>
  <si>
    <t>227.62</t>
  </si>
  <si>
    <t>4316151.0</t>
  </si>
  <si>
    <t>1357740.0</t>
  </si>
  <si>
    <t>4322402.0</t>
  </si>
  <si>
    <t>1357748.0</t>
  </si>
  <si>
    <t>4331712.0</t>
  </si>
  <si>
    <t>1357753.0</t>
  </si>
  <si>
    <t>4340966.0</t>
  </si>
  <si>
    <t>1357778.0</t>
  </si>
  <si>
    <t>4349466.0</t>
  </si>
  <si>
    <t>1357789.0</t>
  </si>
  <si>
    <t>4356234.0</t>
  </si>
  <si>
    <t>1357793.0</t>
  </si>
  <si>
    <t>4363603.0</t>
  </si>
  <si>
    <t>1357865.0</t>
  </si>
  <si>
    <t>230.15</t>
  </si>
  <si>
    <t>4364964.0</t>
  </si>
  <si>
    <t>1357867.0</t>
  </si>
  <si>
    <t>4371591.0</t>
  </si>
  <si>
    <t>230.57</t>
  </si>
  <si>
    <t>4379839.0</t>
  </si>
  <si>
    <t>1357873.0</t>
  </si>
  <si>
    <t>4388224.0</t>
  </si>
  <si>
    <t>1357897.0</t>
  </si>
  <si>
    <t>4400114.0</t>
  </si>
  <si>
    <t>1357976.0</t>
  </si>
  <si>
    <t>232.07</t>
  </si>
  <si>
    <t>4402011.0</t>
  </si>
  <si>
    <t>1358013.0</t>
  </si>
  <si>
    <t>232.17</t>
  </si>
  <si>
    <t>4402431.0</t>
  </si>
  <si>
    <t>1358026.0</t>
  </si>
  <si>
    <t>4406800.0</t>
  </si>
  <si>
    <t>1358040.0</t>
  </si>
  <si>
    <t>232.43</t>
  </si>
  <si>
    <t>4411845.0</t>
  </si>
  <si>
    <t>1358044.0</t>
  </si>
  <si>
    <t>4417869.0</t>
  </si>
  <si>
    <t>1358051.0</t>
  </si>
  <si>
    <t>4422209.0</t>
  </si>
  <si>
    <t>1358058.0</t>
  </si>
  <si>
    <t>4425424.0</t>
  </si>
  <si>
    <t>1358079.0</t>
  </si>
  <si>
    <t>4427279.0</t>
  </si>
  <si>
    <t>1358119.0</t>
  </si>
  <si>
    <t>233.51</t>
  </si>
  <si>
    <t>4427756.0</t>
  </si>
  <si>
    <t>1358125.0</t>
  </si>
  <si>
    <t>1358130.0</t>
  </si>
  <si>
    <t>4433610.0</t>
  </si>
  <si>
    <t>1358142.0</t>
  </si>
  <si>
    <t>4437266.0</t>
  </si>
  <si>
    <t>1358159.0</t>
  </si>
  <si>
    <t>4448027.0</t>
  </si>
  <si>
    <t>1358219.0</t>
  </si>
  <si>
    <t>4450275.0</t>
  </si>
  <si>
    <t>1358225.0</t>
  </si>
  <si>
    <t>4452802.0</t>
  </si>
  <si>
    <t>1358317.0</t>
  </si>
  <si>
    <t>4455370.0</t>
  </si>
  <si>
    <t>4455513.0</t>
  </si>
  <si>
    <t>1429739.0</t>
  </si>
  <si>
    <t>1045645.0</t>
  </si>
  <si>
    <t>4456565.0</t>
  </si>
  <si>
    <t>1429740.0</t>
  </si>
  <si>
    <t>1359828.0</t>
  </si>
  <si>
    <t>1045657.0</t>
  </si>
  <si>
    <t>235.05</t>
  </si>
  <si>
    <t>4458200.0</t>
  </si>
  <si>
    <t>1429753.0</t>
  </si>
  <si>
    <t>1359839.0</t>
  </si>
  <si>
    <t>1045660.0</t>
  </si>
  <si>
    <t>235.14</t>
  </si>
  <si>
    <t>4459771.0</t>
  </si>
  <si>
    <t>1429760.0</t>
  </si>
  <si>
    <t>4461464.0</t>
  </si>
  <si>
    <t>1045666.0</t>
  </si>
  <si>
    <t>4462408.0</t>
  </si>
  <si>
    <t>1045675.0</t>
  </si>
  <si>
    <t>4462914.0</t>
  </si>
  <si>
    <t>235.39</t>
  </si>
  <si>
    <t>4463004.0</t>
  </si>
  <si>
    <t>4463994.0</t>
  </si>
  <si>
    <t>1045676.0</t>
  </si>
  <si>
    <t>4465150.0</t>
  </si>
  <si>
    <t>1429761.0</t>
  </si>
  <si>
    <t>1359859.0</t>
  </si>
  <si>
    <t>4466163.0</t>
  </si>
  <si>
    <t>1429764.0</t>
  </si>
  <si>
    <t>1359865.0</t>
  </si>
  <si>
    <t>4466769.0</t>
  </si>
  <si>
    <t>1429766.0</t>
  </si>
  <si>
    <t>1359870.0</t>
  </si>
  <si>
    <t>4467183.0</t>
  </si>
  <si>
    <t>1359872.0</t>
  </si>
  <si>
    <t>4467204.0</t>
  </si>
  <si>
    <t>1359873.0</t>
  </si>
  <si>
    <t>1045712.0</t>
  </si>
  <si>
    <t>4467222.0</t>
  </si>
  <si>
    <t>4467706.0</t>
  </si>
  <si>
    <t>1359886.0</t>
  </si>
  <si>
    <t>4468140.0</t>
  </si>
  <si>
    <t>1429772.0</t>
  </si>
  <si>
    <t>1359891.0</t>
  </si>
  <si>
    <t>1045713.0</t>
  </si>
  <si>
    <t>4468597.0</t>
  </si>
  <si>
    <t>1429776.0</t>
  </si>
  <si>
    <t>4468643.0</t>
  </si>
  <si>
    <t>1429778.0</t>
  </si>
  <si>
    <t>1359893.0</t>
  </si>
  <si>
    <t>1045714.0</t>
  </si>
  <si>
    <t>4468686.0</t>
  </si>
  <si>
    <t>1045757.0</t>
  </si>
  <si>
    <t>4469288.0</t>
  </si>
  <si>
    <t>1429785.0</t>
  </si>
  <si>
    <t>1359902.0</t>
  </si>
  <si>
    <t>1046310.0</t>
  </si>
  <si>
    <t>4470026.0</t>
  </si>
  <si>
    <t>1429794.0</t>
  </si>
  <si>
    <t>1046430.0</t>
  </si>
  <si>
    <t>235.76</t>
  </si>
  <si>
    <t>MNP</t>
  </si>
  <si>
    <t>Northern Mariana Islands</t>
  </si>
  <si>
    <t>18.997</t>
  </si>
  <si>
    <t>23.908</t>
  </si>
  <si>
    <t>28.132</t>
  </si>
  <si>
    <t>34.539</t>
  </si>
  <si>
    <t>38.217</t>
  </si>
  <si>
    <t>38.661</t>
  </si>
  <si>
    <t>53.556</t>
  </si>
  <si>
    <t>60.084</t>
  </si>
  <si>
    <t>62.125</t>
  </si>
  <si>
    <t>66.591</t>
  </si>
  <si>
    <t>71.543</t>
  </si>
  <si>
    <t>77.868</t>
  </si>
  <si>
    <t>78.131</t>
  </si>
  <si>
    <t>78.495</t>
  </si>
  <si>
    <t>6.083</t>
  </si>
  <si>
    <t>102.443</t>
  </si>
  <si>
    <t>108.971</t>
  </si>
  <si>
    <t>111.214</t>
  </si>
  <si>
    <t>111.396</t>
  </si>
  <si>
    <t>115.923</t>
  </si>
  <si>
    <t>122.006</t>
  </si>
  <si>
    <t>128.938</t>
  </si>
  <si>
    <t>134.718</t>
  </si>
  <si>
    <t>139.427</t>
  </si>
  <si>
    <t>143.348</t>
  </si>
  <si>
    <t>149.431</t>
  </si>
  <si>
    <t>156.323</t>
  </si>
  <si>
    <t>162.082</t>
  </si>
  <si>
    <t>163.497</t>
  </si>
  <si>
    <t>163.719</t>
  </si>
  <si>
    <t>178.493</t>
  </si>
  <si>
    <t>183.929</t>
  </si>
  <si>
    <t>184.738</t>
  </si>
  <si>
    <t>190.295</t>
  </si>
  <si>
    <t>192.539</t>
  </si>
  <si>
    <t>197.652</t>
  </si>
  <si>
    <t>197.854</t>
  </si>
  <si>
    <t>202.118</t>
  </si>
  <si>
    <t>203.694</t>
  </si>
  <si>
    <t>204.341</t>
  </si>
  <si>
    <t>208.322</t>
  </si>
  <si>
    <t>211.111</t>
  </si>
  <si>
    <t>211.435</t>
  </si>
  <si>
    <t>213.193</t>
  </si>
  <si>
    <t>213.496</t>
  </si>
  <si>
    <t>214.143</t>
  </si>
  <si>
    <t>214.608</t>
  </si>
  <si>
    <t>215.133</t>
  </si>
  <si>
    <t>215.557</t>
  </si>
  <si>
    <t>216.608</t>
  </si>
  <si>
    <t>220.792</t>
  </si>
  <si>
    <t>221.782</t>
  </si>
  <si>
    <t>222.671</t>
  </si>
  <si>
    <t>223.601</t>
  </si>
  <si>
    <t>223.924</t>
  </si>
  <si>
    <t>224.389</t>
  </si>
  <si>
    <t>227.522</t>
  </si>
  <si>
    <t>230.775</t>
  </si>
  <si>
    <t>232.534</t>
  </si>
  <si>
    <t>235.181</t>
  </si>
  <si>
    <t>235.666</t>
  </si>
  <si>
    <t>235.868</t>
  </si>
  <si>
    <t>237.586</t>
  </si>
  <si>
    <t>239.728</t>
  </si>
  <si>
    <t>246.034</t>
  </si>
  <si>
    <t>246.782</t>
  </si>
  <si>
    <t>249.51</t>
  </si>
  <si>
    <t>249.752</t>
  </si>
  <si>
    <t>249.955</t>
  </si>
  <si>
    <t>255.876</t>
  </si>
  <si>
    <t>257.452</t>
  </si>
  <si>
    <t>258.564</t>
  </si>
  <si>
    <t>260.686</t>
  </si>
  <si>
    <t>264.061</t>
  </si>
  <si>
    <t>265.112</t>
  </si>
  <si>
    <t>265.354</t>
  </si>
  <si>
    <t>270.205</t>
  </si>
  <si>
    <t>272.205</t>
  </si>
  <si>
    <t>276.47</t>
  </si>
  <si>
    <t>278.147</t>
  </si>
  <si>
    <t>281.32</t>
  </si>
  <si>
    <t>284.796</t>
  </si>
  <si>
    <t>284.998</t>
  </si>
  <si>
    <t>292.092</t>
  </si>
  <si>
    <t>295.002</t>
  </si>
  <si>
    <t>295.366</t>
  </si>
  <si>
    <t>14786.0</t>
  </si>
  <si>
    <t>298.822</t>
  </si>
  <si>
    <t>303.49</t>
  </si>
  <si>
    <t>304.42</t>
  </si>
  <si>
    <t>15082.0</t>
  </si>
  <si>
    <t>304.804</t>
  </si>
  <si>
    <t>310.766</t>
  </si>
  <si>
    <t>313.272</t>
  </si>
  <si>
    <t>318.829</t>
  </si>
  <si>
    <t>319.517</t>
  </si>
  <si>
    <t>324.468</t>
  </si>
  <si>
    <t>324.71</t>
  </si>
  <si>
    <t>324.913</t>
  </si>
  <si>
    <t>325.478</t>
  </si>
  <si>
    <t>337.301</t>
  </si>
  <si>
    <t>338.069</t>
  </si>
  <si>
    <t>338.958</t>
  </si>
  <si>
    <t>339.848</t>
  </si>
  <si>
    <t>340.272</t>
  </si>
  <si>
    <t>341.02</t>
  </si>
  <si>
    <t>345.163</t>
  </si>
  <si>
    <t>353.55</t>
  </si>
  <si>
    <t>354.5</t>
  </si>
  <si>
    <t>356.986</t>
  </si>
  <si>
    <t>359.168</t>
  </si>
  <si>
    <t>359.532</t>
  </si>
  <si>
    <t>365.474</t>
  </si>
  <si>
    <t>368.364</t>
  </si>
  <si>
    <t>368.808</t>
  </si>
  <si>
    <t>370.465</t>
  </si>
  <si>
    <t>373.234</t>
  </si>
  <si>
    <t>375.518</t>
  </si>
  <si>
    <t>377.903</t>
  </si>
  <si>
    <t>379.964</t>
  </si>
  <si>
    <t>381.298</t>
  </si>
  <si>
    <t>381.945</t>
  </si>
  <si>
    <t>19002.0</t>
  </si>
  <si>
    <t>384.026</t>
  </si>
  <si>
    <t>385.966</t>
  </si>
  <si>
    <t>387.583</t>
  </si>
  <si>
    <t>19183.0</t>
  </si>
  <si>
    <t>387.684</t>
  </si>
  <si>
    <t>390.352</t>
  </si>
  <si>
    <t>391.342</t>
  </si>
  <si>
    <t>391.726</t>
  </si>
  <si>
    <t>393.201</t>
  </si>
  <si>
    <t>393.424</t>
  </si>
  <si>
    <t>398.416</t>
  </si>
  <si>
    <t>399.588</t>
  </si>
  <si>
    <t>403.69</t>
  </si>
  <si>
    <t>404.014</t>
  </si>
  <si>
    <t>409.309</t>
  </si>
  <si>
    <t>20297.0</t>
  </si>
  <si>
    <t>410.198</t>
  </si>
  <si>
    <t>412.704</t>
  </si>
  <si>
    <t>412.886</t>
  </si>
  <si>
    <t>414.442</t>
  </si>
  <si>
    <t>419.797</t>
  </si>
  <si>
    <t>420.161</t>
  </si>
  <si>
    <t>422.768</t>
  </si>
  <si>
    <t>423.213</t>
  </si>
  <si>
    <t>425.598</t>
  </si>
  <si>
    <t>425.901</t>
  </si>
  <si>
    <t>427.72</t>
  </si>
  <si>
    <t>429.761</t>
  </si>
  <si>
    <t>430.226</t>
  </si>
  <si>
    <t>432.53</t>
  </si>
  <si>
    <t>21435.0</t>
  </si>
  <si>
    <t>433.197</t>
  </si>
  <si>
    <t>433.621</t>
  </si>
  <si>
    <t>433.884</t>
  </si>
  <si>
    <t>21482.0</t>
  </si>
  <si>
    <t>434.146</t>
  </si>
  <si>
    <t>21512.0</t>
  </si>
  <si>
    <t>434.753</t>
  </si>
  <si>
    <t>435.096</t>
  </si>
  <si>
    <t>435.682</t>
  </si>
  <si>
    <t>21577.0</t>
  </si>
  <si>
    <t>436.066</t>
  </si>
  <si>
    <t>442.857</t>
  </si>
  <si>
    <t>442.998</t>
  </si>
  <si>
    <t>445.403</t>
  </si>
  <si>
    <t>446.353</t>
  </si>
  <si>
    <t>446.677</t>
  </si>
  <si>
    <t>447.242</t>
  </si>
  <si>
    <t>447.626</t>
  </si>
  <si>
    <t>452.113</t>
  </si>
  <si>
    <t>453.689</t>
  </si>
  <si>
    <t>456.478</t>
  </si>
  <si>
    <t>456.822</t>
  </si>
  <si>
    <t>457.145</t>
  </si>
  <si>
    <t>459.833</t>
  </si>
  <si>
    <t>460.298</t>
  </si>
  <si>
    <t>22973.0</t>
  </si>
  <si>
    <t>464.279</t>
  </si>
  <si>
    <t>464.36</t>
  </si>
  <si>
    <t>465.916</t>
  </si>
  <si>
    <t>23128.0</t>
  </si>
  <si>
    <t>467.412</t>
  </si>
  <si>
    <t>467.614</t>
  </si>
  <si>
    <t>469.574</t>
  </si>
  <si>
    <t>23258.0</t>
  </si>
  <si>
    <t>470.039</t>
  </si>
  <si>
    <t>472.464</t>
  </si>
  <si>
    <t>472.585</t>
  </si>
  <si>
    <t>473.111</t>
  </si>
  <si>
    <t>473.677</t>
  </si>
  <si>
    <t>476.809</t>
  </si>
  <si>
    <t>477.436</t>
  </si>
  <si>
    <t>480.164</t>
  </si>
  <si>
    <t>480.386</t>
  </si>
  <si>
    <t>23859.0</t>
  </si>
  <si>
    <t>482.185</t>
  </si>
  <si>
    <t>482.711</t>
  </si>
  <si>
    <t>483.135</t>
  </si>
  <si>
    <t>23932.0</t>
  </si>
  <si>
    <t>483.66</t>
  </si>
  <si>
    <t>484.287</t>
  </si>
  <si>
    <t>484.711</t>
  </si>
  <si>
    <t>484.934</t>
  </si>
  <si>
    <t>487.46</t>
  </si>
  <si>
    <t>24180.0</t>
  </si>
  <si>
    <t>488.672</t>
  </si>
  <si>
    <t>489.157</t>
  </si>
  <si>
    <t>491.219</t>
  </si>
  <si>
    <t>24338.0</t>
  </si>
  <si>
    <t>491.866</t>
  </si>
  <si>
    <t>492.128</t>
  </si>
  <si>
    <t>492.25</t>
  </si>
  <si>
    <t>495.685</t>
  </si>
  <si>
    <t>496.211</t>
  </si>
  <si>
    <t>496.453</t>
  </si>
  <si>
    <t>499.929</t>
  </si>
  <si>
    <t>500.455</t>
  </si>
  <si>
    <t>503.87</t>
  </si>
  <si>
    <t>24938.0</t>
  </si>
  <si>
    <t>503.991</t>
  </si>
  <si>
    <t>25101.0</t>
  </si>
  <si>
    <t>507.286</t>
  </si>
  <si>
    <t>507.67</t>
  </si>
  <si>
    <t>508.357</t>
  </si>
  <si>
    <t>512.096</t>
  </si>
  <si>
    <t>25364.0</t>
  </si>
  <si>
    <t>512.601</t>
  </si>
  <si>
    <t>516.34</t>
  </si>
  <si>
    <t>516.542</t>
  </si>
  <si>
    <t>517.168</t>
  </si>
  <si>
    <t>519.391</t>
  </si>
  <si>
    <t>521.534</t>
  </si>
  <si>
    <t>521.918</t>
  </si>
  <si>
    <t>25850.0</t>
  </si>
  <si>
    <t>522.423</t>
  </si>
  <si>
    <t>527.859</t>
  </si>
  <si>
    <t>528.243</t>
  </si>
  <si>
    <t>533.114</t>
  </si>
  <si>
    <t>535.074</t>
  </si>
  <si>
    <t>537.964</t>
  </si>
  <si>
    <t>538.085</t>
  </si>
  <si>
    <t>26654.0</t>
  </si>
  <si>
    <t>538.671</t>
  </si>
  <si>
    <t>538.853</t>
  </si>
  <si>
    <t>545.159</t>
  </si>
  <si>
    <t>546.29</t>
  </si>
  <si>
    <t>546.553</t>
  </si>
  <si>
    <t>547.604</t>
  </si>
  <si>
    <t>27103.0</t>
  </si>
  <si>
    <t>547.746</t>
  </si>
  <si>
    <t>548.352</t>
  </si>
  <si>
    <t>548.574</t>
  </si>
  <si>
    <t>27420.0</t>
  </si>
  <si>
    <t>554.152</t>
  </si>
  <si>
    <t>556.294</t>
  </si>
  <si>
    <t>556.557</t>
  </si>
  <si>
    <t>558.336</t>
  </si>
  <si>
    <t>559.528</t>
  </si>
  <si>
    <t>564.075</t>
  </si>
  <si>
    <t>27927.0</t>
  </si>
  <si>
    <t>564.398</t>
  </si>
  <si>
    <t>565.005</t>
  </si>
  <si>
    <t>565.833</t>
  </si>
  <si>
    <t>566.601</t>
  </si>
  <si>
    <t>570.502</t>
  </si>
  <si>
    <t>571.007</t>
  </si>
  <si>
    <t>571.957</t>
  </si>
  <si>
    <t>572.098</t>
  </si>
  <si>
    <t>573.655</t>
  </si>
  <si>
    <t>577.676</t>
  </si>
  <si>
    <t>578.262</t>
  </si>
  <si>
    <t>28867.0</t>
  </si>
  <si>
    <t>583.396</t>
  </si>
  <si>
    <t>28912.0</t>
  </si>
  <si>
    <t>584.305</t>
  </si>
  <si>
    <t>29220.0</t>
  </si>
  <si>
    <t>590.53</t>
  </si>
  <si>
    <t>29308.0</t>
  </si>
  <si>
    <t>592.308</t>
  </si>
  <si>
    <t>29437.0</t>
  </si>
  <si>
    <t>594.915</t>
  </si>
  <si>
    <t>595.36</t>
  </si>
  <si>
    <t>597.886</t>
  </si>
  <si>
    <t>598.715</t>
  </si>
  <si>
    <t>601.928</t>
  </si>
  <si>
    <t>602.029</t>
  </si>
  <si>
    <t>605.121</t>
  </si>
  <si>
    <t>605.727</t>
  </si>
  <si>
    <t>29999.0</t>
  </si>
  <si>
    <t>606.273</t>
  </si>
  <si>
    <t>608.496</t>
  </si>
  <si>
    <t>30177.0</t>
  </si>
  <si>
    <t>609.87</t>
  </si>
  <si>
    <t>610.598</t>
  </si>
  <si>
    <t>610.78</t>
  </si>
  <si>
    <t>611.265</t>
  </si>
  <si>
    <t>615.085</t>
  </si>
  <si>
    <t>615.59</t>
  </si>
  <si>
    <t>617.085</t>
  </si>
  <si>
    <t>617.611</t>
  </si>
  <si>
    <t>619.612</t>
  </si>
  <si>
    <t>619.854</t>
  </si>
  <si>
    <t>624.583</t>
  </si>
  <si>
    <t>627.291</t>
  </si>
  <si>
    <t>627.938</t>
  </si>
  <si>
    <t>630.363</t>
  </si>
  <si>
    <t>630.747</t>
  </si>
  <si>
    <t>632.303</t>
  </si>
  <si>
    <t>632.465</t>
  </si>
  <si>
    <t>634.809</t>
  </si>
  <si>
    <t>638.407</t>
  </si>
  <si>
    <t>31613.0</t>
  </si>
  <si>
    <t>638.892</t>
  </si>
  <si>
    <t>641.64</t>
  </si>
  <si>
    <t>31772.0</t>
  </si>
  <si>
    <t>642.105</t>
  </si>
  <si>
    <t>647.238</t>
  </si>
  <si>
    <t>32035.0</t>
  </si>
  <si>
    <t>647.42</t>
  </si>
  <si>
    <t>647.925</t>
  </si>
  <si>
    <t>32298.0</t>
  </si>
  <si>
    <t>652.735</t>
  </si>
  <si>
    <t>653.22</t>
  </si>
  <si>
    <t>654.029</t>
  </si>
  <si>
    <t>655.201</t>
  </si>
  <si>
    <t>32708.0</t>
  </si>
  <si>
    <t>661.021</t>
  </si>
  <si>
    <t>661.183</t>
  </si>
  <si>
    <t>663.79</t>
  </si>
  <si>
    <t>664.558</t>
  </si>
  <si>
    <t>665.993</t>
  </si>
  <si>
    <t>33003.0</t>
  </si>
  <si>
    <t>666.983</t>
  </si>
  <si>
    <t>670.783</t>
  </si>
  <si>
    <t>674.784</t>
  </si>
  <si>
    <t>676.159</t>
  </si>
  <si>
    <t>683.677</t>
  </si>
  <si>
    <t>685.111</t>
  </si>
  <si>
    <t>690.164</t>
  </si>
  <si>
    <t>699.582</t>
  </si>
  <si>
    <t>704.412</t>
  </si>
  <si>
    <t>705.382</t>
  </si>
  <si>
    <t>705.725</t>
  </si>
  <si>
    <t>712.354</t>
  </si>
  <si>
    <t>35431.0</t>
  </si>
  <si>
    <t>716.053</t>
  </si>
  <si>
    <t>716.457</t>
  </si>
  <si>
    <t>718.094</t>
  </si>
  <si>
    <t>35796.0</t>
  </si>
  <si>
    <t>723.429</t>
  </si>
  <si>
    <t>35957.0</t>
  </si>
  <si>
    <t>726.683</t>
  </si>
  <si>
    <t>35962.0</t>
  </si>
  <si>
    <t>726.784</t>
  </si>
  <si>
    <t>727.229</t>
  </si>
  <si>
    <t>730.321</t>
  </si>
  <si>
    <t>36315.0</t>
  </si>
  <si>
    <t>733.918</t>
  </si>
  <si>
    <t>36526.0</t>
  </si>
  <si>
    <t>738.182</t>
  </si>
  <si>
    <t>36552.0</t>
  </si>
  <si>
    <t>738.708</t>
  </si>
  <si>
    <t>739.981</t>
  </si>
  <si>
    <t>740.446</t>
  </si>
  <si>
    <t>742.305</t>
  </si>
  <si>
    <t>748.489</t>
  </si>
  <si>
    <t>751.177</t>
  </si>
  <si>
    <t>754.936</t>
  </si>
  <si>
    <t>37440.0</t>
  </si>
  <si>
    <t>756.654</t>
  </si>
  <si>
    <t>37656.0</t>
  </si>
  <si>
    <t>761.019</t>
  </si>
  <si>
    <t>761.383</t>
  </si>
  <si>
    <t>764.415</t>
  </si>
  <si>
    <t>37950.0</t>
  </si>
  <si>
    <t>766.961</t>
  </si>
  <si>
    <t>38104.0</t>
  </si>
  <si>
    <t>770.073</t>
  </si>
  <si>
    <t>38345.0</t>
  </si>
  <si>
    <t>774.944</t>
  </si>
  <si>
    <t>777.329</t>
  </si>
  <si>
    <t>780.744</t>
  </si>
  <si>
    <t>38668.0</t>
  </si>
  <si>
    <t>781.472</t>
  </si>
  <si>
    <t>783.028</t>
  </si>
  <si>
    <t>788.02</t>
  </si>
  <si>
    <t>791.092</t>
  </si>
  <si>
    <t>796.669</t>
  </si>
  <si>
    <t>798.529</t>
  </si>
  <si>
    <t>800.934</t>
  </si>
  <si>
    <t>801.196</t>
  </si>
  <si>
    <t>804.895</t>
  </si>
  <si>
    <t>809.402</t>
  </si>
  <si>
    <t>811.099</t>
  </si>
  <si>
    <t>819.042</t>
  </si>
  <si>
    <t>40674.0</t>
  </si>
  <si>
    <t>822.012</t>
  </si>
  <si>
    <t>825.59</t>
  </si>
  <si>
    <t>826.6</t>
  </si>
  <si>
    <t>830.48</t>
  </si>
  <si>
    <t>833.027</t>
  </si>
  <si>
    <t>41340.0</t>
  </si>
  <si>
    <t>835.472</t>
  </si>
  <si>
    <t>840.221</t>
  </si>
  <si>
    <t>41661.0</t>
  </si>
  <si>
    <t>41826.0</t>
  </si>
  <si>
    <t>845.294</t>
  </si>
  <si>
    <t>41876.0</t>
  </si>
  <si>
    <t>846.305</t>
  </si>
  <si>
    <t>42067.0</t>
  </si>
  <si>
    <t>850.165</t>
  </si>
  <si>
    <t>854.813</t>
  </si>
  <si>
    <t>42411.0</t>
  </si>
  <si>
    <t>857.117</t>
  </si>
  <si>
    <t>863.483</t>
  </si>
  <si>
    <t>42840.0</t>
  </si>
  <si>
    <t>865.787</t>
  </si>
  <si>
    <t>872.476</t>
  </si>
  <si>
    <t>43189.0</t>
  </si>
  <si>
    <t>872.84</t>
  </si>
  <si>
    <t>877.812</t>
  </si>
  <si>
    <t>881.934</t>
  </si>
  <si>
    <t>884.865</t>
  </si>
  <si>
    <t>892.524</t>
  </si>
  <si>
    <t>895.697</t>
  </si>
  <si>
    <t>44807.0</t>
  </si>
  <si>
    <t>905.54</t>
  </si>
  <si>
    <t>906.186</t>
  </si>
  <si>
    <t>910.936</t>
  </si>
  <si>
    <t>917.403</t>
  </si>
  <si>
    <t>920.151</t>
  </si>
  <si>
    <t>5.032</t>
  </si>
  <si>
    <t>45813.0</t>
  </si>
  <si>
    <t>925.871</t>
  </si>
  <si>
    <t>928.114</t>
  </si>
  <si>
    <t>46170.0</t>
  </si>
  <si>
    <t>933.085</t>
  </si>
  <si>
    <t>46213.0</t>
  </si>
  <si>
    <t>933.954</t>
  </si>
  <si>
    <t>46402.0</t>
  </si>
  <si>
    <t>937.774</t>
  </si>
  <si>
    <t>46548.0</t>
  </si>
  <si>
    <t>940.725</t>
  </si>
  <si>
    <t>942.281</t>
  </si>
  <si>
    <t>46835.0</t>
  </si>
  <si>
    <t>946.525</t>
  </si>
  <si>
    <t>947.717</t>
  </si>
  <si>
    <t>953.982</t>
  </si>
  <si>
    <t>47216.0</t>
  </si>
  <si>
    <t>954.225</t>
  </si>
  <si>
    <t>957.984</t>
  </si>
  <si>
    <t>47517.0</t>
  </si>
  <si>
    <t>960.308</t>
  </si>
  <si>
    <t>47598.0</t>
  </si>
  <si>
    <t>961.945</t>
  </si>
  <si>
    <t>47805.0</t>
  </si>
  <si>
    <t>966.128</t>
  </si>
  <si>
    <t>967.321</t>
  </si>
  <si>
    <t>970.696</t>
  </si>
  <si>
    <t>971.565</t>
  </si>
  <si>
    <t>973.889</t>
  </si>
  <si>
    <t>48302.0</t>
  </si>
  <si>
    <t>976.173</t>
  </si>
  <si>
    <t>48408.0</t>
  </si>
  <si>
    <t>978.315</t>
  </si>
  <si>
    <t>981.751</t>
  </si>
  <si>
    <t>983.59</t>
  </si>
  <si>
    <t>987.187</t>
  </si>
  <si>
    <t>48854.0</t>
  </si>
  <si>
    <t>987.328</t>
  </si>
  <si>
    <t>989.309</t>
  </si>
  <si>
    <t>49064.0</t>
  </si>
  <si>
    <t>991.573</t>
  </si>
  <si>
    <t>49178.0</t>
  </si>
  <si>
    <t>993.876</t>
  </si>
  <si>
    <t>49350.0</t>
  </si>
  <si>
    <t>997.353</t>
  </si>
  <si>
    <t>998.363</t>
  </si>
  <si>
    <t>1002.021</t>
  </si>
  <si>
    <t>1002.061</t>
  </si>
  <si>
    <t>1003.517</t>
  </si>
  <si>
    <t>49744.0</t>
  </si>
  <si>
    <t>1005.315</t>
  </si>
  <si>
    <t>1007.417</t>
  </si>
  <si>
    <t>49982.0</t>
  </si>
  <si>
    <t>1010.125</t>
  </si>
  <si>
    <t>50066.0</t>
  </si>
  <si>
    <t>1011.823</t>
  </si>
  <si>
    <t>50244.0</t>
  </si>
  <si>
    <t>1015.42</t>
  </si>
  <si>
    <t>1016.673</t>
  </si>
  <si>
    <t>50367.0</t>
  </si>
  <si>
    <t>1017.906</t>
  </si>
  <si>
    <t>1018.734</t>
  </si>
  <si>
    <t>50593.0</t>
  </si>
  <si>
    <t>1022.473</t>
  </si>
  <si>
    <t>50700.0</t>
  </si>
  <si>
    <t>1024.636</t>
  </si>
  <si>
    <t>50910.0</t>
  </si>
  <si>
    <t>1028.88</t>
  </si>
  <si>
    <t>51068.0</t>
  </si>
  <si>
    <t>1032.073</t>
  </si>
  <si>
    <t>1032.861</t>
  </si>
  <si>
    <t>1038.742</t>
  </si>
  <si>
    <t>5.881</t>
  </si>
  <si>
    <t>51429.0</t>
  </si>
  <si>
    <t>1039.369</t>
  </si>
  <si>
    <t>1042.946</t>
  </si>
  <si>
    <t>1045.229</t>
  </si>
  <si>
    <t>1047.837</t>
  </si>
  <si>
    <t>52105.0</t>
  </si>
  <si>
    <t>1053.03</t>
  </si>
  <si>
    <t>52203.0</t>
  </si>
  <si>
    <t>1055.011</t>
  </si>
  <si>
    <t>52369.0</t>
  </si>
  <si>
    <t>1058.366</t>
  </si>
  <si>
    <t>1058.77</t>
  </si>
  <si>
    <t>52429.0</t>
  </si>
  <si>
    <t>1059.578</t>
  </si>
  <si>
    <t>52497.0</t>
  </si>
  <si>
    <t>1060.953</t>
  </si>
  <si>
    <t>1062.367</t>
  </si>
  <si>
    <t>1063.014</t>
  </si>
  <si>
    <t>52618.0</t>
  </si>
  <si>
    <t>1063.398</t>
  </si>
  <si>
    <t>1064.227</t>
  </si>
  <si>
    <t>1064.873</t>
  </si>
  <si>
    <t>1065.48</t>
  </si>
  <si>
    <t>1066.288</t>
  </si>
  <si>
    <t>52848.0</t>
  </si>
  <si>
    <t>1068.046</t>
  </si>
  <si>
    <t>1068.754</t>
  </si>
  <si>
    <t>1068.976</t>
  </si>
  <si>
    <t>52938.0</t>
  </si>
  <si>
    <t>1069.865</t>
  </si>
  <si>
    <t>52976.0</t>
  </si>
  <si>
    <t>1070.633</t>
  </si>
  <si>
    <t>1071.623</t>
  </si>
  <si>
    <t>1073.139</t>
  </si>
  <si>
    <t>53261.0</t>
  </si>
  <si>
    <t>1076.393</t>
  </si>
  <si>
    <t>1077.06</t>
  </si>
  <si>
    <t>1077.484</t>
  </si>
  <si>
    <t>1078.919</t>
  </si>
  <si>
    <t>53425.0</t>
  </si>
  <si>
    <t>1079.707</t>
  </si>
  <si>
    <t>53468.0</t>
  </si>
  <si>
    <t>1080.576</t>
  </si>
  <si>
    <t>53565.0</t>
  </si>
  <si>
    <t>1082.537</t>
  </si>
  <si>
    <t>53722.0</t>
  </si>
  <si>
    <t>1085.71</t>
  </si>
  <si>
    <t>1088.579</t>
  </si>
  <si>
    <t>1089.166</t>
  </si>
  <si>
    <t>1090.398</t>
  </si>
  <si>
    <t>53989.0</t>
  </si>
  <si>
    <t>1091.106</t>
  </si>
  <si>
    <t>54038.0</t>
  </si>
  <si>
    <t>1092.096</t>
  </si>
  <si>
    <t>1093.106</t>
  </si>
  <si>
    <t>54165.0</t>
  </si>
  <si>
    <t>1094.663</t>
  </si>
  <si>
    <t>1095.067</t>
  </si>
  <si>
    <t>1095.451</t>
  </si>
  <si>
    <t>54244.0</t>
  </si>
  <si>
    <t>1096.259</t>
  </si>
  <si>
    <t>1098.28</t>
  </si>
  <si>
    <t>54382.0</t>
  </si>
  <si>
    <t>1099.048</t>
  </si>
  <si>
    <t>1100.503</t>
  </si>
  <si>
    <t>1101.332</t>
  </si>
  <si>
    <t>1101.999</t>
  </si>
  <si>
    <t>54551.0</t>
  </si>
  <si>
    <t>1102.464</t>
  </si>
  <si>
    <t>1103.292</t>
  </si>
  <si>
    <t>1104.505</t>
  </si>
  <si>
    <t>1105.192</t>
  </si>
  <si>
    <t>54752.0</t>
  </si>
  <si>
    <t>1106.526</t>
  </si>
  <si>
    <t>54795.0</t>
  </si>
  <si>
    <t>1107.395</t>
  </si>
  <si>
    <t>54815.0</t>
  </si>
  <si>
    <t>1107.799</t>
  </si>
  <si>
    <t>1108.143</t>
  </si>
  <si>
    <t>54859.0</t>
  </si>
  <si>
    <t>1108.688</t>
  </si>
  <si>
    <t>54925.0</t>
  </si>
  <si>
    <t>1110.022</t>
  </si>
  <si>
    <t>54988.0</t>
  </si>
  <si>
    <t>1111.295</t>
  </si>
  <si>
    <t>1112.892</t>
  </si>
  <si>
    <t>55112.0</t>
  </si>
  <si>
    <t>1113.801</t>
  </si>
  <si>
    <t>1114.084</t>
  </si>
  <si>
    <t>1114.468</t>
  </si>
  <si>
    <t>1115.58</t>
  </si>
  <si>
    <t>1117.682</t>
  </si>
  <si>
    <t>55326.0</t>
  </si>
  <si>
    <t>1118.126</t>
  </si>
  <si>
    <t>1120.673</t>
  </si>
  <si>
    <t>55508.0</t>
  </si>
  <si>
    <t>1121.804</t>
  </si>
  <si>
    <t>55526.0</t>
  </si>
  <si>
    <t>1122.168</t>
  </si>
  <si>
    <t>55541.0</t>
  </si>
  <si>
    <t>1122.471</t>
  </si>
  <si>
    <t>1123.239</t>
  </si>
  <si>
    <t>55676.0</t>
  </si>
  <si>
    <t>1125.2</t>
  </si>
  <si>
    <t>1125.846</t>
  </si>
  <si>
    <t>1127.079</t>
  </si>
  <si>
    <t>1128.09</t>
  </si>
  <si>
    <t>1128.312</t>
  </si>
  <si>
    <t>55861.0</t>
  </si>
  <si>
    <t>1128.938</t>
  </si>
  <si>
    <t>55900.0</t>
  </si>
  <si>
    <t>1129.727</t>
  </si>
  <si>
    <t>1130.798</t>
  </si>
  <si>
    <t>1131.242</t>
  </si>
  <si>
    <t>56039.0</t>
  </si>
  <si>
    <t>1132.536</t>
  </si>
  <si>
    <t>1133.324</t>
  </si>
  <si>
    <t>1133.708</t>
  </si>
  <si>
    <t>56111.0</t>
  </si>
  <si>
    <t>1133.991</t>
  </si>
  <si>
    <t>1134.9</t>
  </si>
  <si>
    <t>1135.911</t>
  </si>
  <si>
    <t>56226.0</t>
  </si>
  <si>
    <t>1136.315</t>
  </si>
  <si>
    <t>1137.992</t>
  </si>
  <si>
    <t>1138.801</t>
  </si>
  <si>
    <t>1139.73</t>
  </si>
  <si>
    <t>1139.912</t>
  </si>
  <si>
    <t>1140.357</t>
  </si>
  <si>
    <t>56495.0</t>
  </si>
  <si>
    <t>1141.751</t>
  </si>
  <si>
    <t>56528.0</t>
  </si>
  <si>
    <t>1142.418</t>
  </si>
  <si>
    <t>56592.0</t>
  </si>
  <si>
    <t>1143.712</t>
  </si>
  <si>
    <t>1144.54</t>
  </si>
  <si>
    <t>56659.0</t>
  </si>
  <si>
    <t>1145.066</t>
  </si>
  <si>
    <t>1145.288</t>
  </si>
  <si>
    <t>1145.793</t>
  </si>
  <si>
    <t>56758.0</t>
  </si>
  <si>
    <t>1147.067</t>
  </si>
  <si>
    <t>1147.632</t>
  </si>
  <si>
    <t>56867.0</t>
  </si>
  <si>
    <t>1149.269</t>
  </si>
  <si>
    <t>56912.0</t>
  </si>
  <si>
    <t>1150.179</t>
  </si>
  <si>
    <t>56936.0</t>
  </si>
  <si>
    <t>1150.664</t>
  </si>
  <si>
    <t>1151.088</t>
  </si>
  <si>
    <t>1152.159</t>
  </si>
  <si>
    <t>1153.352</t>
  </si>
  <si>
    <t>57096.0</t>
  </si>
  <si>
    <t>1153.897</t>
  </si>
  <si>
    <t>57185.0</t>
  </si>
  <si>
    <t>1155.696</t>
  </si>
  <si>
    <t>1157.475</t>
  </si>
  <si>
    <t>1159.94</t>
  </si>
  <si>
    <t>57460.0</t>
  </si>
  <si>
    <t>1161.254</t>
  </si>
  <si>
    <t>57496.0</t>
  </si>
  <si>
    <t>1161.981</t>
  </si>
  <si>
    <t>1165.154</t>
  </si>
  <si>
    <t>1166.63</t>
  </si>
  <si>
    <t>1170.065</t>
  </si>
  <si>
    <t>1171.035</t>
  </si>
  <si>
    <t>58009.0</t>
  </si>
  <si>
    <t>1172.349</t>
  </si>
  <si>
    <t>1173.137</t>
  </si>
  <si>
    <t>1174.067</t>
  </si>
  <si>
    <t>58216.0</t>
  </si>
  <si>
    <t>1176.532</t>
  </si>
  <si>
    <t>58293.0</t>
  </si>
  <si>
    <t>1178.089</t>
  </si>
  <si>
    <t>58349.0</t>
  </si>
  <si>
    <t>1179.22</t>
  </si>
  <si>
    <t>58386.0</t>
  </si>
  <si>
    <t>1179.968</t>
  </si>
  <si>
    <t>58415.0</t>
  </si>
  <si>
    <t>1180.554</t>
  </si>
  <si>
    <t>1181.181</t>
  </si>
  <si>
    <t>1181.787</t>
  </si>
  <si>
    <t>58504.0</t>
  </si>
  <si>
    <t>1182.353</t>
  </si>
  <si>
    <t>1183.101</t>
  </si>
  <si>
    <t>58557.0</t>
  </si>
  <si>
    <t>1183.424</t>
  </si>
  <si>
    <t>1183.586</t>
  </si>
  <si>
    <t>58592.0</t>
  </si>
  <si>
    <t>1184.131</t>
  </si>
  <si>
    <t>1184.333</t>
  </si>
  <si>
    <t>58699.0</t>
  </si>
  <si>
    <t>1186.294</t>
  </si>
  <si>
    <t>58740.0</t>
  </si>
  <si>
    <t>1187.122</t>
  </si>
  <si>
    <t>1187.789</t>
  </si>
  <si>
    <t>1189.083</t>
  </si>
  <si>
    <t>1190.558</t>
  </si>
  <si>
    <t>1191.286</t>
  </si>
  <si>
    <t>1192.074</t>
  </si>
  <si>
    <t>59035.0</t>
  </si>
  <si>
    <t>1193.084</t>
  </si>
  <si>
    <t>59086.0</t>
  </si>
  <si>
    <t>1194.115</t>
  </si>
  <si>
    <t>1194.256</t>
  </si>
  <si>
    <t>59099.0</t>
  </si>
  <si>
    <t>1194.378</t>
  </si>
  <si>
    <t>1194.458</t>
  </si>
  <si>
    <t>1194.6</t>
  </si>
  <si>
    <t>NOR</t>
  </si>
  <si>
    <t>Norway</t>
  </si>
  <si>
    <t>-375.8</t>
  </si>
  <si>
    <t>-69.15303540974</t>
  </si>
  <si>
    <t>-444.2</t>
  </si>
  <si>
    <t>-81.7396975226358</t>
  </si>
  <si>
    <t>-445.4</t>
  </si>
  <si>
    <t>-81.9605161561953</t>
  </si>
  <si>
    <t>-451.4</t>
  </si>
  <si>
    <t>-83.0646093239932</t>
  </si>
  <si>
    <t>-377.6</t>
  </si>
  <si>
    <t>-3.34</t>
  </si>
  <si>
    <t>-69.4842633600794</t>
  </si>
  <si>
    <t>-345.0</t>
  </si>
  <si>
    <t>-63.4853571483776</t>
  </si>
  <si>
    <t>-288.6</t>
  </si>
  <si>
    <t>-53.1068813710776</t>
  </si>
  <si>
    <t>37.539</t>
  </si>
  <si>
    <t>29020.0</t>
  </si>
  <si>
    <t>8.002</t>
  </si>
  <si>
    <t>-237.4</t>
  </si>
  <si>
    <t>-43.6852863392024</t>
  </si>
  <si>
    <t>23.738</t>
  </si>
  <si>
    <t>55086.0</t>
  </si>
  <si>
    <t>58057.0</t>
  </si>
  <si>
    <t>61342.0</t>
  </si>
  <si>
    <t>20.978</t>
  </si>
  <si>
    <t>62476.0</t>
  </si>
  <si>
    <t>63452.0</t>
  </si>
  <si>
    <t>-239.4</t>
  </si>
  <si>
    <t>-44.0533173951351</t>
  </si>
  <si>
    <t>67556.0</t>
  </si>
  <si>
    <t>75628.0</t>
  </si>
  <si>
    <t>15.098</t>
  </si>
  <si>
    <t>83131.0</t>
  </si>
  <si>
    <t>15.386</t>
  </si>
  <si>
    <t>-231.0</t>
  </si>
  <si>
    <t>-42.5075869602181</t>
  </si>
  <si>
    <t>16.496</t>
  </si>
  <si>
    <t>93445.0</t>
  </si>
  <si>
    <t>17.295</t>
  </si>
  <si>
    <t>11.409</t>
  </si>
  <si>
    <t>97730.0</t>
  </si>
  <si>
    <t>18.088</t>
  </si>
  <si>
    <t>101481.0</t>
  </si>
  <si>
    <t>105285.0</t>
  </si>
  <si>
    <t>10.857</t>
  </si>
  <si>
    <t>106589.0</t>
  </si>
  <si>
    <t>19.728</t>
  </si>
  <si>
    <t>11.041</t>
  </si>
  <si>
    <t>107594.0</t>
  </si>
  <si>
    <t>-224.4</t>
  </si>
  <si>
    <t>-41.2930844756404</t>
  </si>
  <si>
    <t>111999.0</t>
  </si>
  <si>
    <t>20.729</t>
  </si>
  <si>
    <t>116798.0</t>
  </si>
  <si>
    <t>22.445</t>
  </si>
  <si>
    <t>125477.0</t>
  </si>
  <si>
    <t>23.223</t>
  </si>
  <si>
    <t>23.997</t>
  </si>
  <si>
    <t>130970.0</t>
  </si>
  <si>
    <t>131638.0</t>
  </si>
  <si>
    <t>24.364</t>
  </si>
  <si>
    <t>-262.0</t>
  </si>
  <si>
    <t>-48.2120683271737</t>
  </si>
  <si>
    <t>25.181</t>
  </si>
  <si>
    <t>26.776</t>
  </si>
  <si>
    <t>145820.0</t>
  </si>
  <si>
    <t>26.989</t>
  </si>
  <si>
    <t>149168.0</t>
  </si>
  <si>
    <t>27.608</t>
  </si>
  <si>
    <t>27.968</t>
  </si>
  <si>
    <t>-253.2</t>
  </si>
  <si>
    <t>-46.5927316810702</t>
  </si>
  <si>
    <t>155187.0</t>
  </si>
  <si>
    <t>158645.0</t>
  </si>
  <si>
    <t>29.362</t>
  </si>
  <si>
    <t>161935.0</t>
  </si>
  <si>
    <t>29.971</t>
  </si>
  <si>
    <t>164722.0</t>
  </si>
  <si>
    <t>30.487</t>
  </si>
  <si>
    <t>167317.0</t>
  </si>
  <si>
    <t>30.967</t>
  </si>
  <si>
    <t>167953.0</t>
  </si>
  <si>
    <t>-303.8</t>
  </si>
  <si>
    <t>-55.9039173961656</t>
  </si>
  <si>
    <t>172549.0</t>
  </si>
  <si>
    <t>31.936</t>
  </si>
  <si>
    <t>175688.0</t>
  </si>
  <si>
    <t>32.517</t>
  </si>
  <si>
    <t>178618.0</t>
  </si>
  <si>
    <t>33.059</t>
  </si>
  <si>
    <t>181553.0</t>
  </si>
  <si>
    <t>33.602</t>
  </si>
  <si>
    <t>182505.0</t>
  </si>
  <si>
    <t>183454.0</t>
  </si>
  <si>
    <t>33.954</t>
  </si>
  <si>
    <t>-340.0</t>
  </si>
  <si>
    <t>-62.565279508546</t>
  </si>
  <si>
    <t>189209.0</t>
  </si>
  <si>
    <t>194871.0</t>
  </si>
  <si>
    <t>36.911</t>
  </si>
  <si>
    <t>204302.0</t>
  </si>
  <si>
    <t>37.813</t>
  </si>
  <si>
    <t>208937.0</t>
  </si>
  <si>
    <t>210186.0</t>
  </si>
  <si>
    <t>38.902</t>
  </si>
  <si>
    <t>211321.0</t>
  </si>
  <si>
    <t>-330.6</t>
  </si>
  <si>
    <t>-60.8355335456627</t>
  </si>
  <si>
    <t>217176.0</t>
  </si>
  <si>
    <t>40.195</t>
  </si>
  <si>
    <t>222629.0</t>
  </si>
  <si>
    <t>41.205</t>
  </si>
  <si>
    <t>227614.0</t>
  </si>
  <si>
    <t>42.127</t>
  </si>
  <si>
    <t>232179.0</t>
  </si>
  <si>
    <t>42.972</t>
  </si>
  <si>
    <t>235994.0</t>
  </si>
  <si>
    <t>43.678</t>
  </si>
  <si>
    <t>237059.0</t>
  </si>
  <si>
    <t>238093.0</t>
  </si>
  <si>
    <t>44.067</t>
  </si>
  <si>
    <t>-57.8912850982017</t>
  </si>
  <si>
    <t>243131.0</t>
  </si>
  <si>
    <t>44.999</t>
  </si>
  <si>
    <t>247797.0</t>
  </si>
  <si>
    <t>252433.0</t>
  </si>
  <si>
    <t>46.721</t>
  </si>
  <si>
    <t>256613.0</t>
  </si>
  <si>
    <t>47.494</t>
  </si>
  <si>
    <t>260548.0</t>
  </si>
  <si>
    <t>48.223</t>
  </si>
  <si>
    <t>261664.0</t>
  </si>
  <si>
    <t>262657.0</t>
  </si>
  <si>
    <t>-363.8</t>
  </si>
  <si>
    <t>-66.9448490741443</t>
  </si>
  <si>
    <t>268605.0</t>
  </si>
  <si>
    <t>49.714</t>
  </si>
  <si>
    <t>273637.0</t>
  </si>
  <si>
    <t>50.645</t>
  </si>
  <si>
    <t>278761.0</t>
  </si>
  <si>
    <t>283510.0</t>
  </si>
  <si>
    <t>52.472</t>
  </si>
  <si>
    <t>288053.0</t>
  </si>
  <si>
    <t>289483.0</t>
  </si>
  <si>
    <t>53.578</t>
  </si>
  <si>
    <t>290682.0</t>
  </si>
  <si>
    <t>-414.4</t>
  </si>
  <si>
    <t>-76.2560347892397</t>
  </si>
  <si>
    <t>297010.0</t>
  </si>
  <si>
    <t>54.971</t>
  </si>
  <si>
    <t>302361.0</t>
  </si>
  <si>
    <t>55.961</t>
  </si>
  <si>
    <t>307668.0</t>
  </si>
  <si>
    <t>56.944</t>
  </si>
  <si>
    <t>312487.0</t>
  </si>
  <si>
    <t>317190.0</t>
  </si>
  <si>
    <t>318587.0</t>
  </si>
  <si>
    <t>58.965</t>
  </si>
  <si>
    <t>319788.0</t>
  </si>
  <si>
    <t>59.187</t>
  </si>
  <si>
    <t>-463.4</t>
  </si>
  <si>
    <t>-85.272795659589</t>
  </si>
  <si>
    <t>331433.0</t>
  </si>
  <si>
    <t>61.342</t>
  </si>
  <si>
    <t>336842.0</t>
  </si>
  <si>
    <t>341404.0</t>
  </si>
  <si>
    <t>63.188</t>
  </si>
  <si>
    <t>345551.0</t>
  </si>
  <si>
    <t>346972.0</t>
  </si>
  <si>
    <t>64.218</t>
  </si>
  <si>
    <t>64.468</t>
  </si>
  <si>
    <t>-431.6</t>
  </si>
  <si>
    <t>-79.4211018702602</t>
  </si>
  <si>
    <t>65.583</t>
  </si>
  <si>
    <t>359171.0</t>
  </si>
  <si>
    <t>66.476</t>
  </si>
  <si>
    <t>364101.0</t>
  </si>
  <si>
    <t>67.388</t>
  </si>
  <si>
    <t>368586.0</t>
  </si>
  <si>
    <t>68.219</t>
  </si>
  <si>
    <t>373111.0</t>
  </si>
  <si>
    <t>374820.0</t>
  </si>
  <si>
    <t>376293.0</t>
  </si>
  <si>
    <t>69.645</t>
  </si>
  <si>
    <t>-422.0</t>
  </si>
  <si>
    <t>-77.6545528017836</t>
  </si>
  <si>
    <t>383177.0</t>
  </si>
  <si>
    <t>70.919</t>
  </si>
  <si>
    <t>389073.0</t>
  </si>
  <si>
    <t>394970.0</t>
  </si>
  <si>
    <t>73.102</t>
  </si>
  <si>
    <t>400538.0</t>
  </si>
  <si>
    <t>74.132</t>
  </si>
  <si>
    <t>75.144</t>
  </si>
  <si>
    <t>408120.0</t>
  </si>
  <si>
    <t>75.536</t>
  </si>
  <si>
    <t>410025.0</t>
  </si>
  <si>
    <t>75.888</t>
  </si>
  <si>
    <t>-368.4</t>
  </si>
  <si>
    <t>-1.5</t>
  </si>
  <si>
    <t>-67.7913205027893</t>
  </si>
  <si>
    <t>419353.0</t>
  </si>
  <si>
    <t>77.615</t>
  </si>
  <si>
    <t>79.178</t>
  </si>
  <si>
    <t>436564.0</t>
  </si>
  <si>
    <t>445259.0</t>
  </si>
  <si>
    <t>82.409</t>
  </si>
  <si>
    <t>453706.0</t>
  </si>
  <si>
    <t>83.973</t>
  </si>
  <si>
    <t>457007.0</t>
  </si>
  <si>
    <t>84.584</t>
  </si>
  <si>
    <t>460181.0</t>
  </si>
  <si>
    <t>-347.6</t>
  </si>
  <si>
    <t>-63.96379752109</t>
  </si>
  <si>
    <t>473689.0</t>
  </si>
  <si>
    <t>87.671</t>
  </si>
  <si>
    <t>486666.0</t>
  </si>
  <si>
    <t>90.073</t>
  </si>
  <si>
    <t>92.562</t>
  </si>
  <si>
    <t>513392.0</t>
  </si>
  <si>
    <t>527181.0</t>
  </si>
  <si>
    <t>97.572</t>
  </si>
  <si>
    <t>533220.0</t>
  </si>
  <si>
    <t>-321.8</t>
  </si>
  <si>
    <t>-59.2161968995592</t>
  </si>
  <si>
    <t>556802.0</t>
  </si>
  <si>
    <t>573797.0</t>
  </si>
  <si>
    <t>590337.0</t>
  </si>
  <si>
    <t>109.261</t>
  </si>
  <si>
    <t>606011.0</t>
  </si>
  <si>
    <t>112.162</t>
  </si>
  <si>
    <t>621287.0</t>
  </si>
  <si>
    <t>114.989</t>
  </si>
  <si>
    <t>628105.0</t>
  </si>
  <si>
    <t>116.251</t>
  </si>
  <si>
    <t>635072.0</t>
  </si>
  <si>
    <t>-292.0</t>
  </si>
  <si>
    <t>-53.7325341661631</t>
  </si>
  <si>
    <t>656271.0</t>
  </si>
  <si>
    <t>121.464</t>
  </si>
  <si>
    <t>675669.0</t>
  </si>
  <si>
    <t>19398.0</t>
  </si>
  <si>
    <t>125.054</t>
  </si>
  <si>
    <t>128.546</t>
  </si>
  <si>
    <t>711884.0</t>
  </si>
  <si>
    <t>728388.0</t>
  </si>
  <si>
    <t>134.811</t>
  </si>
  <si>
    <t>734787.0</t>
  </si>
  <si>
    <t>135.996</t>
  </si>
  <si>
    <t>741585.0</t>
  </si>
  <si>
    <t>137.254</t>
  </si>
  <si>
    <t>-325.4</t>
  </si>
  <si>
    <t>-59.8786528002379</t>
  </si>
  <si>
    <t>764329.0</t>
  </si>
  <si>
    <t>141.463</t>
  </si>
  <si>
    <t>784780.0</t>
  </si>
  <si>
    <t>803982.0</t>
  </si>
  <si>
    <t>148.802</t>
  </si>
  <si>
    <t>821731.0</t>
  </si>
  <si>
    <t>152.087</t>
  </si>
  <si>
    <t>837339.0</t>
  </si>
  <si>
    <t>154.976</t>
  </si>
  <si>
    <t>843361.0</t>
  </si>
  <si>
    <t>156.091</t>
  </si>
  <si>
    <t>849793.0</t>
  </si>
  <si>
    <t>157.281</t>
  </si>
  <si>
    <t>-338.2</t>
  </si>
  <si>
    <t>-62.2340515582067</t>
  </si>
  <si>
    <t>870833.0</t>
  </si>
  <si>
    <t>161.175</t>
  </si>
  <si>
    <t>889718.0</t>
  </si>
  <si>
    <t>907676.0</t>
  </si>
  <si>
    <t>167.994</t>
  </si>
  <si>
    <t>923379.0</t>
  </si>
  <si>
    <t>170.901</t>
  </si>
  <si>
    <t>938373.0</t>
  </si>
  <si>
    <t>173.676</t>
  </si>
  <si>
    <t>945489.0</t>
  </si>
  <si>
    <t>174.993</t>
  </si>
  <si>
    <t>952264.0</t>
  </si>
  <si>
    <t>176.247</t>
  </si>
  <si>
    <t>-259.6</t>
  </si>
  <si>
    <t>-47.7704310600546</t>
  </si>
  <si>
    <t>973812.0</t>
  </si>
  <si>
    <t>180.235</t>
  </si>
  <si>
    <t>14711.0</t>
  </si>
  <si>
    <t>992833.0</t>
  </si>
  <si>
    <t>1010539.0</t>
  </si>
  <si>
    <t>187.032</t>
  </si>
  <si>
    <t>1025832.0</t>
  </si>
  <si>
    <t>189.863</t>
  </si>
  <si>
    <t>1039988.0</t>
  </si>
  <si>
    <t>192.483</t>
  </si>
  <si>
    <t>1045834.0</t>
  </si>
  <si>
    <t>193.565</t>
  </si>
  <si>
    <t>1051657.0</t>
  </si>
  <si>
    <t>194.642</t>
  </si>
  <si>
    <t>14199.0</t>
  </si>
  <si>
    <t>-206.2</t>
  </si>
  <si>
    <t>-37.9440018666535</t>
  </si>
  <si>
    <t>1072481.0</t>
  </si>
  <si>
    <t>198.497</t>
  </si>
  <si>
    <t>1089295.0</t>
  </si>
  <si>
    <t>201.609</t>
  </si>
  <si>
    <t>1105680.0</t>
  </si>
  <si>
    <t>204.641</t>
  </si>
  <si>
    <t>1120180.0</t>
  </si>
  <si>
    <t>207.325</t>
  </si>
  <si>
    <t>1134090.0</t>
  </si>
  <si>
    <t>209.899</t>
  </si>
  <si>
    <t>1140134.0</t>
  </si>
  <si>
    <t>211.018</t>
  </si>
  <si>
    <t>1146123.0</t>
  </si>
  <si>
    <t>212.126</t>
  </si>
  <si>
    <t>-200.6</t>
  </si>
  <si>
    <t>-36.9135149100422</t>
  </si>
  <si>
    <t>1165380.0</t>
  </si>
  <si>
    <t>1180919.0</t>
  </si>
  <si>
    <t>1195919.0</t>
  </si>
  <si>
    <t>221.343</t>
  </si>
  <si>
    <t>1208874.0</t>
  </si>
  <si>
    <t>1222075.0</t>
  </si>
  <si>
    <t>226.184</t>
  </si>
  <si>
    <t>1227908.0</t>
  </si>
  <si>
    <t>227.263</t>
  </si>
  <si>
    <t>228.381</t>
  </si>
  <si>
    <t>-26.8294639774883</t>
  </si>
  <si>
    <t>1253304.0</t>
  </si>
  <si>
    <t>231.964</t>
  </si>
  <si>
    <t>1268321.0</t>
  </si>
  <si>
    <t>234.743</t>
  </si>
  <si>
    <t>1282691.0</t>
  </si>
  <si>
    <t>237.403</t>
  </si>
  <si>
    <t>1295826.0</t>
  </si>
  <si>
    <t>239.834</t>
  </si>
  <si>
    <t>1308649.0</t>
  </si>
  <si>
    <t>242.207</t>
  </si>
  <si>
    <t>1314578.0</t>
  </si>
  <si>
    <t>243.304</t>
  </si>
  <si>
    <t>5.935</t>
  </si>
  <si>
    <t>1321067.0</t>
  </si>
  <si>
    <t>244.505</t>
  </si>
  <si>
    <t>-151.2</t>
  </si>
  <si>
    <t>-27.8231478285064</t>
  </si>
  <si>
    <t>1340994.0</t>
  </si>
  <si>
    <t>248.193</t>
  </si>
  <si>
    <t>1356830.0</t>
  </si>
  <si>
    <t>251.124</t>
  </si>
  <si>
    <t>1372171.0</t>
  </si>
  <si>
    <t>1386025.0</t>
  </si>
  <si>
    <t>1399170.0</t>
  </si>
  <si>
    <t>258.961</t>
  </si>
  <si>
    <t>1405143.0</t>
  </si>
  <si>
    <t>260.066</t>
  </si>
  <si>
    <t>1411584.0</t>
  </si>
  <si>
    <t>261.258</t>
  </si>
  <si>
    <t>-185.4</t>
  </si>
  <si>
    <t>-34.1164788849542</t>
  </si>
  <si>
    <t>1432339.0</t>
  </si>
  <si>
    <t>1449417.0</t>
  </si>
  <si>
    <t>17078.0</t>
  </si>
  <si>
    <t>1465684.0</t>
  </si>
  <si>
    <t>274.171</t>
  </si>
  <si>
    <t>1496839.0</t>
  </si>
  <si>
    <t>277.037</t>
  </si>
  <si>
    <t>1504370.0</t>
  </si>
  <si>
    <t>278.431</t>
  </si>
  <si>
    <t>1512208.0</t>
  </si>
  <si>
    <t>279.882</t>
  </si>
  <si>
    <t>-149.4</t>
  </si>
  <si>
    <t>-27.491919878167</t>
  </si>
  <si>
    <t>1535861.0</t>
  </si>
  <si>
    <t>284.26</t>
  </si>
  <si>
    <t>1556935.0</t>
  </si>
  <si>
    <t>288.16</t>
  </si>
  <si>
    <t>1578300.0</t>
  </si>
  <si>
    <t>292.114</t>
  </si>
  <si>
    <t>1599395.0</t>
  </si>
  <si>
    <t>296.019</t>
  </si>
  <si>
    <t>1620085.0</t>
  </si>
  <si>
    <t>299.848</t>
  </si>
  <si>
    <t>1629728.0</t>
  </si>
  <si>
    <t>301.633</t>
  </si>
  <si>
    <t>1639479.0</t>
  </si>
  <si>
    <t>303.437</t>
  </si>
  <si>
    <t>-110.8</t>
  </si>
  <si>
    <t>-20.3889204986674</t>
  </si>
  <si>
    <t>1667522.0</t>
  </si>
  <si>
    <t>308.628</t>
  </si>
  <si>
    <t>1694856.0</t>
  </si>
  <si>
    <t>27334.0</t>
  </si>
  <si>
    <t>313.687</t>
  </si>
  <si>
    <t>1720734.0</t>
  </si>
  <si>
    <t>318.476</t>
  </si>
  <si>
    <t>1748628.0</t>
  </si>
  <si>
    <t>323.639</t>
  </si>
  <si>
    <t>21319.0</t>
  </si>
  <si>
    <t>1776010.0</t>
  </si>
  <si>
    <t>328.707</t>
  </si>
  <si>
    <t>1788576.0</t>
  </si>
  <si>
    <t>331.033</t>
  </si>
  <si>
    <t>18.363</t>
  </si>
  <si>
    <t>1800327.0</t>
  </si>
  <si>
    <t>333.207</t>
  </si>
  <si>
    <t>22978.0</t>
  </si>
  <si>
    <t>-97.6</t>
  </si>
  <si>
    <t>-17.959915529512</t>
  </si>
  <si>
    <t>1831495.0</t>
  </si>
  <si>
    <t>31168.0</t>
  </si>
  <si>
    <t>338.976</t>
  </si>
  <si>
    <t>19.138</t>
  </si>
  <si>
    <t>1857228.0</t>
  </si>
  <si>
    <t>25733.0</t>
  </si>
  <si>
    <t>343.739</t>
  </si>
  <si>
    <t>1881091.0</t>
  </si>
  <si>
    <t>348.155</t>
  </si>
  <si>
    <t>1904782.0</t>
  </si>
  <si>
    <t>352.54</t>
  </si>
  <si>
    <t>1926954.0</t>
  </si>
  <si>
    <t>356.644</t>
  </si>
  <si>
    <t>1936870.0</t>
  </si>
  <si>
    <t>358.479</t>
  </si>
  <si>
    <t>21185.0</t>
  </si>
  <si>
    <t>1947831.0</t>
  </si>
  <si>
    <t>360.508</t>
  </si>
  <si>
    <t>-99.0</t>
  </si>
  <si>
    <t>-18.2175372686649</t>
  </si>
  <si>
    <t>1976381.0</t>
  </si>
  <si>
    <t>28550.0</t>
  </si>
  <si>
    <t>365.792</t>
  </si>
  <si>
    <t>1998214.0</t>
  </si>
  <si>
    <t>369.833</t>
  </si>
  <si>
    <t>2019840.0</t>
  </si>
  <si>
    <t>373.835</t>
  </si>
  <si>
    <t>2039229.0</t>
  </si>
  <si>
    <t>377.424</t>
  </si>
  <si>
    <t>19207.0</t>
  </si>
  <si>
    <t>2057375.0</t>
  </si>
  <si>
    <t>380.782</t>
  </si>
  <si>
    <t>22.818</t>
  </si>
  <si>
    <t>382.318</t>
  </si>
  <si>
    <t>18401.0</t>
  </si>
  <si>
    <t>2074040.0</t>
  </si>
  <si>
    <t>383.867</t>
  </si>
  <si>
    <t>-77.0</t>
  </si>
  <si>
    <t>-14.169195653406</t>
  </si>
  <si>
    <t>2099843.0</t>
  </si>
  <si>
    <t>388.642</t>
  </si>
  <si>
    <t>2119378.0</t>
  </si>
  <si>
    <t>392.258</t>
  </si>
  <si>
    <t>2138820.0</t>
  </si>
  <si>
    <t>395.856</t>
  </si>
  <si>
    <t>2157431.0</t>
  </si>
  <si>
    <t>399.301</t>
  </si>
  <si>
    <t>16886.0</t>
  </si>
  <si>
    <t>2173378.0</t>
  </si>
  <si>
    <t>402.252</t>
  </si>
  <si>
    <t>2180398.0</t>
  </si>
  <si>
    <t>403.552</t>
  </si>
  <si>
    <t>2187510.0</t>
  </si>
  <si>
    <t>404.868</t>
  </si>
  <si>
    <t>-17.5918844735794</t>
  </si>
  <si>
    <t>2210542.0</t>
  </si>
  <si>
    <t>409.131</t>
  </si>
  <si>
    <t>2228925.0</t>
  </si>
  <si>
    <t>412.533</t>
  </si>
  <si>
    <t>2246596.0</t>
  </si>
  <si>
    <t>415.804</t>
  </si>
  <si>
    <t>2264182.0</t>
  </si>
  <si>
    <t>419.059</t>
  </si>
  <si>
    <t>2279885.0</t>
  </si>
  <si>
    <t>421.965</t>
  </si>
  <si>
    <t>2286694.0</t>
  </si>
  <si>
    <t>423.225</t>
  </si>
  <si>
    <t>2294058.0</t>
  </si>
  <si>
    <t>424.588</t>
  </si>
  <si>
    <t>-24.2532465859599</t>
  </si>
  <si>
    <t>2317769.0</t>
  </si>
  <si>
    <t>23711.0</t>
  </si>
  <si>
    <t>428.976</t>
  </si>
  <si>
    <t>2336819.0</t>
  </si>
  <si>
    <t>432.502</t>
  </si>
  <si>
    <t>2355747.0</t>
  </si>
  <si>
    <t>436.006</t>
  </si>
  <si>
    <t>2375075.0</t>
  </si>
  <si>
    <t>439.583</t>
  </si>
  <si>
    <t>2392894.0</t>
  </si>
  <si>
    <t>442.881</t>
  </si>
  <si>
    <t>2401873.0</t>
  </si>
  <si>
    <t>444.543</t>
  </si>
  <si>
    <t>2411014.0</t>
  </si>
  <si>
    <t>446.234</t>
  </si>
  <si>
    <t>-113.2</t>
  </si>
  <si>
    <t>-20.8305577657865</t>
  </si>
  <si>
    <t>2437141.0</t>
  </si>
  <si>
    <t>451.07</t>
  </si>
  <si>
    <t>2459758.0</t>
  </si>
  <si>
    <t>22617.0</t>
  </si>
  <si>
    <t>455.256</t>
  </si>
  <si>
    <t>2482894.0</t>
  </si>
  <si>
    <t>23136.0</t>
  </si>
  <si>
    <t>459.538</t>
  </si>
  <si>
    <t>2506860.0</t>
  </si>
  <si>
    <t>463.974</t>
  </si>
  <si>
    <t>2531137.0</t>
  </si>
  <si>
    <t>24277.0</t>
  </si>
  <si>
    <t>468.467</t>
  </si>
  <si>
    <t>2544450.0</t>
  </si>
  <si>
    <t>470.931</t>
  </si>
  <si>
    <t>2557172.0</t>
  </si>
  <si>
    <t>473.286</t>
  </si>
  <si>
    <t>-125.0</t>
  </si>
  <si>
    <t>-23.001940995789</t>
  </si>
  <si>
    <t>2589017.0</t>
  </si>
  <si>
    <t>479.18</t>
  </si>
  <si>
    <t>5.894</t>
  </si>
  <si>
    <t>2615571.0</t>
  </si>
  <si>
    <t>484.094</t>
  </si>
  <si>
    <t>2633920.0</t>
  </si>
  <si>
    <t>487.49</t>
  </si>
  <si>
    <t>2640009.0</t>
  </si>
  <si>
    <t>488.617</t>
  </si>
  <si>
    <t>2646607.0</t>
  </si>
  <si>
    <t>489.838</t>
  </si>
  <si>
    <t>2657545.0</t>
  </si>
  <si>
    <t>491.863</t>
  </si>
  <si>
    <t>16156.0</t>
  </si>
  <si>
    <t>14.468</t>
  </si>
  <si>
    <t>2667861.0</t>
  </si>
  <si>
    <t>493.772</t>
  </si>
  <si>
    <t>-169.2</t>
  </si>
  <si>
    <t>-31.1354273319</t>
  </si>
  <si>
    <t>2689639.0</t>
  </si>
  <si>
    <t>497.803</t>
  </si>
  <si>
    <t>2708971.0</t>
  </si>
  <si>
    <t>501.381</t>
  </si>
  <si>
    <t>2728073.0</t>
  </si>
  <si>
    <t>504.916</t>
  </si>
  <si>
    <t>2737139.0</t>
  </si>
  <si>
    <t>506.594</t>
  </si>
  <si>
    <t>2744407.0</t>
  </si>
  <si>
    <t>507.939</t>
  </si>
  <si>
    <t>15351.0</t>
  </si>
  <si>
    <t>510.781</t>
  </si>
  <si>
    <t>2775068.0</t>
  </si>
  <si>
    <t>513.614</t>
  </si>
  <si>
    <t>-37.4287583883479</t>
  </si>
  <si>
    <t>2813021.0</t>
  </si>
  <si>
    <t>520.639</t>
  </si>
  <si>
    <t>7.024</t>
  </si>
  <si>
    <t>2844717.0</t>
  </si>
  <si>
    <t>31696.0</t>
  </si>
  <si>
    <t>526.505</t>
  </si>
  <si>
    <t>2874537.0</t>
  </si>
  <si>
    <t>532.024</t>
  </si>
  <si>
    <t>2903754.0</t>
  </si>
  <si>
    <t>29217.0</t>
  </si>
  <si>
    <t>537.432</t>
  </si>
  <si>
    <t>23802.0</t>
  </si>
  <si>
    <t>2931393.0</t>
  </si>
  <si>
    <t>542.547</t>
  </si>
  <si>
    <t>2946787.0</t>
  </si>
  <si>
    <t>2961464.0</t>
  </si>
  <si>
    <t>548.113</t>
  </si>
  <si>
    <t>26628.0</t>
  </si>
  <si>
    <t>-296.5</t>
  </si>
  <si>
    <t>-10.09</t>
  </si>
  <si>
    <t>-54.5606040420115</t>
  </si>
  <si>
    <t>2994080.0</t>
  </si>
  <si>
    <t>554.149</t>
  </si>
  <si>
    <t>25866.0</t>
  </si>
  <si>
    <t>3017607.0</t>
  </si>
  <si>
    <t>558.504</t>
  </si>
  <si>
    <t>28658.0</t>
  </si>
  <si>
    <t>28606.0</t>
  </si>
  <si>
    <t>3039868.0</t>
  </si>
  <si>
    <t>22261.0</t>
  </si>
  <si>
    <t>38633.0</t>
  </si>
  <si>
    <t>38571.0</t>
  </si>
  <si>
    <t>3060074.0</t>
  </si>
  <si>
    <t>566.364</t>
  </si>
  <si>
    <t>47162.0</t>
  </si>
  <si>
    <t>3078673.0</t>
  </si>
  <si>
    <t>569.806</t>
  </si>
  <si>
    <t>3087342.0</t>
  </si>
  <si>
    <t>20079.0</t>
  </si>
  <si>
    <t>3095992.0</t>
  </si>
  <si>
    <t>573.011</t>
  </si>
  <si>
    <t>-344.8</t>
  </si>
  <si>
    <t>-63.4485540427844</t>
  </si>
  <si>
    <t>3119313.0</t>
  </si>
  <si>
    <t>577.328</t>
  </si>
  <si>
    <t>4.316</t>
  </si>
  <si>
    <t>54742.0</t>
  </si>
  <si>
    <t>54345.0</t>
  </si>
  <si>
    <t>3137167.0</t>
  </si>
  <si>
    <t>580.632</t>
  </si>
  <si>
    <t>60236.0</t>
  </si>
  <si>
    <t>59003.0</t>
  </si>
  <si>
    <t>3154733.0</t>
  </si>
  <si>
    <t>583.883</t>
  </si>
  <si>
    <t>16409.0</t>
  </si>
  <si>
    <t>71112.0</t>
  </si>
  <si>
    <t>3169984.0</t>
  </si>
  <si>
    <t>586.706</t>
  </si>
  <si>
    <t>3185061.0</t>
  </si>
  <si>
    <t>589.496</t>
  </si>
  <si>
    <t>81213.0</t>
  </si>
  <si>
    <t>3193551.0</t>
  </si>
  <si>
    <t>591.068</t>
  </si>
  <si>
    <t>3203131.0</t>
  </si>
  <si>
    <t>592.841</t>
  </si>
  <si>
    <t>-390.7</t>
  </si>
  <si>
    <t>-5.07</t>
  </si>
  <si>
    <t>-71.8948667764381</t>
  </si>
  <si>
    <t>3231075.0</t>
  </si>
  <si>
    <t>27944.0</t>
  </si>
  <si>
    <t>598.013</t>
  </si>
  <si>
    <t>84527.0</t>
  </si>
  <si>
    <t>3252422.0</t>
  </si>
  <si>
    <t>601.964</t>
  </si>
  <si>
    <t>16465.0</t>
  </si>
  <si>
    <t>89305.0</t>
  </si>
  <si>
    <t>84706.0</t>
  </si>
  <si>
    <t>3273171.0</t>
  </si>
  <si>
    <t>605.804</t>
  </si>
  <si>
    <t>108849.0</t>
  </si>
  <si>
    <t>3293609.0</t>
  </si>
  <si>
    <t>20438.0</t>
  </si>
  <si>
    <t>609.587</t>
  </si>
  <si>
    <t>107422.0</t>
  </si>
  <si>
    <t>3311557.0</t>
  </si>
  <si>
    <t>612.908</t>
  </si>
  <si>
    <t>132661.0</t>
  </si>
  <si>
    <t>111347.0</t>
  </si>
  <si>
    <t>21314.0</t>
  </si>
  <si>
    <t>3318872.0</t>
  </si>
  <si>
    <t>614.262</t>
  </si>
  <si>
    <t>111553.0</t>
  </si>
  <si>
    <t>3326009.0</t>
  </si>
  <si>
    <t>615.583</t>
  </si>
  <si>
    <t>133347.0</t>
  </si>
  <si>
    <t>-423.2</t>
  </si>
  <si>
    <t>-77.8753714353432</t>
  </si>
  <si>
    <t>3348638.0</t>
  </si>
  <si>
    <t>133974.0</t>
  </si>
  <si>
    <t>111996.0</t>
  </si>
  <si>
    <t>17.297</t>
  </si>
  <si>
    <t>3366454.0</t>
  </si>
  <si>
    <t>623.069</t>
  </si>
  <si>
    <t>143768.0</t>
  </si>
  <si>
    <t>118430.0</t>
  </si>
  <si>
    <t>25338.0</t>
  </si>
  <si>
    <t>3384413.0</t>
  </si>
  <si>
    <t>626.393</t>
  </si>
  <si>
    <t>178010.0</t>
  </si>
  <si>
    <t>143804.0</t>
  </si>
  <si>
    <t>34242.0</t>
  </si>
  <si>
    <t>3402044.0</t>
  </si>
  <si>
    <t>629.656</t>
  </si>
  <si>
    <t>213223.0</t>
  </si>
  <si>
    <t>170068.0</t>
  </si>
  <si>
    <t>35213.0</t>
  </si>
  <si>
    <t>3418117.0</t>
  </si>
  <si>
    <t>632.631</t>
  </si>
  <si>
    <t>229145.0</t>
  </si>
  <si>
    <t>180924.0</t>
  </si>
  <si>
    <t>15.641</t>
  </si>
  <si>
    <t>3425710.0</t>
  </si>
  <si>
    <t>634.036</t>
  </si>
  <si>
    <t>230795.0</t>
  </si>
  <si>
    <t>181788.0</t>
  </si>
  <si>
    <t>49007.0</t>
  </si>
  <si>
    <t>3432588.0</t>
  </si>
  <si>
    <t>635.309</t>
  </si>
  <si>
    <t>231491.0</t>
  </si>
  <si>
    <t>182139.0</t>
  </si>
  <si>
    <t>-524.1</t>
  </si>
  <si>
    <t>-96.4425382071441</t>
  </si>
  <si>
    <t>3455507.0</t>
  </si>
  <si>
    <t>639.551</t>
  </si>
  <si>
    <t>232602.0</t>
  </si>
  <si>
    <t>182276.0</t>
  </si>
  <si>
    <t>3476482.0</t>
  </si>
  <si>
    <t>20975.0</t>
  </si>
  <si>
    <t>643.433</t>
  </si>
  <si>
    <t>241739.0</t>
  </si>
  <si>
    <t>187965.0</t>
  </si>
  <si>
    <t>3495905.0</t>
  </si>
  <si>
    <t>647.028</t>
  </si>
  <si>
    <t>274124.0</t>
  </si>
  <si>
    <t>211215.0</t>
  </si>
  <si>
    <t>62909.0</t>
  </si>
  <si>
    <t>3513711.0</t>
  </si>
  <si>
    <t>650.323</t>
  </si>
  <si>
    <t>304322.0</t>
  </si>
  <si>
    <t>71856.0</t>
  </si>
  <si>
    <t>3531810.0</t>
  </si>
  <si>
    <t>653.673</t>
  </si>
  <si>
    <t>316310.0</t>
  </si>
  <si>
    <t>240689.0</t>
  </si>
  <si>
    <t>75621.0</t>
  </si>
  <si>
    <t>13.985</t>
  </si>
  <si>
    <t>3540178.0</t>
  </si>
  <si>
    <t>655.222</t>
  </si>
  <si>
    <t>241649.0</t>
  </si>
  <si>
    <t>75970.0</t>
  </si>
  <si>
    <t>3546913.0</t>
  </si>
  <si>
    <t>656.468</t>
  </si>
  <si>
    <t>317781.0</t>
  </si>
  <si>
    <t>241794.0</t>
  </si>
  <si>
    <t>75987.0</t>
  </si>
  <si>
    <t>-573.8</t>
  </si>
  <si>
    <t>-5.76</t>
  </si>
  <si>
    <t>-105.58810994707</t>
  </si>
  <si>
    <t>3569176.0</t>
  </si>
  <si>
    <t>660.589</t>
  </si>
  <si>
    <t>319454.0</t>
  </si>
  <si>
    <t>3588856.0</t>
  </si>
  <si>
    <t>664.231</t>
  </si>
  <si>
    <t>328004.0</t>
  </si>
  <si>
    <t>248905.0</t>
  </si>
  <si>
    <t>3608736.0</t>
  </si>
  <si>
    <t>667.911</t>
  </si>
  <si>
    <t>360780.0</t>
  </si>
  <si>
    <t>270885.0</t>
  </si>
  <si>
    <t>89895.0</t>
  </si>
  <si>
    <t>3627489.0</t>
  </si>
  <si>
    <t>671.382</t>
  </si>
  <si>
    <t>391113.0</t>
  </si>
  <si>
    <t>290003.0</t>
  </si>
  <si>
    <t>101110.0</t>
  </si>
  <si>
    <t>3645603.0</t>
  </si>
  <si>
    <t>674.734</t>
  </si>
  <si>
    <t>406947.0</t>
  </si>
  <si>
    <t>300869.0</t>
  </si>
  <si>
    <t>106078.0</t>
  </si>
  <si>
    <t>3654516.0</t>
  </si>
  <si>
    <t>676.384</t>
  </si>
  <si>
    <t>407744.0</t>
  </si>
  <si>
    <t>301437.0</t>
  </si>
  <si>
    <t>3662182.0</t>
  </si>
  <si>
    <t>677.803</t>
  </si>
  <si>
    <t>408018.0</t>
  </si>
  <si>
    <t>301536.0</t>
  </si>
  <si>
    <t>-680.1</t>
  </si>
  <si>
    <t>-12.16</t>
  </si>
  <si>
    <t>-125.148960569889</t>
  </si>
  <si>
    <t>3682721.0</t>
  </si>
  <si>
    <t>681.604</t>
  </si>
  <si>
    <t>410850.0</t>
  </si>
  <si>
    <t>304174.0</t>
  </si>
  <si>
    <t>3699822.0</t>
  </si>
  <si>
    <t>684.769</t>
  </si>
  <si>
    <t>422387.0</t>
  </si>
  <si>
    <t>310259.0</t>
  </si>
  <si>
    <t>112128.0</t>
  </si>
  <si>
    <t>3718068.0</t>
  </si>
  <si>
    <t>688.146</t>
  </si>
  <si>
    <t>456911.0</t>
  </si>
  <si>
    <t>135409.0</t>
  </si>
  <si>
    <t>34524.0</t>
  </si>
  <si>
    <t>3736804.0</t>
  </si>
  <si>
    <t>691.614</t>
  </si>
  <si>
    <t>495044.0</t>
  </si>
  <si>
    <t>332764.0</t>
  </si>
  <si>
    <t>162280.0</t>
  </si>
  <si>
    <t>3756410.0</t>
  </si>
  <si>
    <t>695.243</t>
  </si>
  <si>
    <t>513825.0</t>
  </si>
  <si>
    <t>3766956.0</t>
  </si>
  <si>
    <t>697.194</t>
  </si>
  <si>
    <t>514635.0</t>
  </si>
  <si>
    <t>341752.0</t>
  </si>
  <si>
    <t>172883.0</t>
  </si>
  <si>
    <t>13.726</t>
  </si>
  <si>
    <t>3778277.0</t>
  </si>
  <si>
    <t>699.29</t>
  </si>
  <si>
    <t>515380.0</t>
  </si>
  <si>
    <t>342313.0</t>
  </si>
  <si>
    <t>-12.62</t>
  </si>
  <si>
    <t>-145.261857776607</t>
  </si>
  <si>
    <t>3805214.0</t>
  </si>
  <si>
    <t>704.275</t>
  </si>
  <si>
    <t>521603.0</t>
  </si>
  <si>
    <t>348428.0</t>
  </si>
  <si>
    <t>173175.0</t>
  </si>
  <si>
    <t>3829186.0</t>
  </si>
  <si>
    <t>536418.0</t>
  </si>
  <si>
    <t>359227.0</t>
  </si>
  <si>
    <t>177191.0</t>
  </si>
  <si>
    <t>3853621.0</t>
  </si>
  <si>
    <t>713.235</t>
  </si>
  <si>
    <t>573412.0</t>
  </si>
  <si>
    <t>377354.0</t>
  </si>
  <si>
    <t>196058.0</t>
  </si>
  <si>
    <t>3878499.0</t>
  </si>
  <si>
    <t>717.839</t>
  </si>
  <si>
    <t>20242.0</t>
  </si>
  <si>
    <t>608969.0</t>
  </si>
  <si>
    <t>393771.0</t>
  </si>
  <si>
    <t>215198.0</t>
  </si>
  <si>
    <t>3904712.0</t>
  </si>
  <si>
    <t>722.691</t>
  </si>
  <si>
    <t>627935.0</t>
  </si>
  <si>
    <t>3920376.0</t>
  </si>
  <si>
    <t>725.59</t>
  </si>
  <si>
    <t>628985.0</t>
  </si>
  <si>
    <t>406407.0</t>
  </si>
  <si>
    <t>222578.0</t>
  </si>
  <si>
    <t>3935891.0</t>
  </si>
  <si>
    <t>728.461</t>
  </si>
  <si>
    <t>629201.0</t>
  </si>
  <si>
    <t>406601.0</t>
  </si>
  <si>
    <t>222600.0</t>
  </si>
  <si>
    <t>-960.5</t>
  </si>
  <si>
    <t>-19.53</t>
  </si>
  <si>
    <t>-176.746914611643</t>
  </si>
  <si>
    <t>3971821.0</t>
  </si>
  <si>
    <t>35930.0</t>
  </si>
  <si>
    <t>735.111</t>
  </si>
  <si>
    <t>634469.0</t>
  </si>
  <si>
    <t>411791.0</t>
  </si>
  <si>
    <t>222678.0</t>
  </si>
  <si>
    <t>16124.0</t>
  </si>
  <si>
    <t>4003489.0</t>
  </si>
  <si>
    <t>31668.0</t>
  </si>
  <si>
    <t>740.972</t>
  </si>
  <si>
    <t>651785.0</t>
  </si>
  <si>
    <t>424684.0</t>
  </si>
  <si>
    <t>227101.0</t>
  </si>
  <si>
    <t>29.627</t>
  </si>
  <si>
    <t>4035030.0</t>
  </si>
  <si>
    <t>746.81</t>
  </si>
  <si>
    <t>691270.0</t>
  </si>
  <si>
    <t>446216.0</t>
  </si>
  <si>
    <t>245054.0</t>
  </si>
  <si>
    <t>39485.0</t>
  </si>
  <si>
    <t>4065585.0</t>
  </si>
  <si>
    <t>752.465</t>
  </si>
  <si>
    <t>5.655</t>
  </si>
  <si>
    <t>720819.0</t>
  </si>
  <si>
    <t>458332.0</t>
  </si>
  <si>
    <t>262487.0</t>
  </si>
  <si>
    <t>29549.0</t>
  </si>
  <si>
    <t>4095390.0</t>
  </si>
  <si>
    <t>757.982</t>
  </si>
  <si>
    <t>731954.0</t>
  </si>
  <si>
    <t>460819.0</t>
  </si>
  <si>
    <t>271135.0</t>
  </si>
  <si>
    <t>4112480.0</t>
  </si>
  <si>
    <t>761.145</t>
  </si>
  <si>
    <t>27443.0</t>
  </si>
  <si>
    <t>732471.0</t>
  </si>
  <si>
    <t>460986.0</t>
  </si>
  <si>
    <t>271485.0</t>
  </si>
  <si>
    <t>4129025.0</t>
  </si>
  <si>
    <t>764.207</t>
  </si>
  <si>
    <t>732693.0</t>
  </si>
  <si>
    <t>461064.0</t>
  </si>
  <si>
    <t>271629.0</t>
  </si>
  <si>
    <t>-1037.6</t>
  </si>
  <si>
    <t>-190.934511817845</t>
  </si>
  <si>
    <t>4164440.0</t>
  </si>
  <si>
    <t>770.761</t>
  </si>
  <si>
    <t>733383.0</t>
  </si>
  <si>
    <t>461273.0</t>
  </si>
  <si>
    <t>272110.0</t>
  </si>
  <si>
    <t>4195330.0</t>
  </si>
  <si>
    <t>776.479</t>
  </si>
  <si>
    <t>740162.0</t>
  </si>
  <si>
    <t>467257.0</t>
  </si>
  <si>
    <t>272905.0</t>
  </si>
  <si>
    <t>4228121.0</t>
  </si>
  <si>
    <t>32791.0</t>
  </si>
  <si>
    <t>782.548</t>
  </si>
  <si>
    <t>765781.0</t>
  </si>
  <si>
    <t>490906.0</t>
  </si>
  <si>
    <t>274875.0</t>
  </si>
  <si>
    <t>4259847.0</t>
  </si>
  <si>
    <t>788.419</t>
  </si>
  <si>
    <t>788896.0</t>
  </si>
  <si>
    <t>512381.0</t>
  </si>
  <si>
    <t>276515.0</t>
  </si>
  <si>
    <t>4289938.0</t>
  </si>
  <si>
    <t>793.989</t>
  </si>
  <si>
    <t>5.144</t>
  </si>
  <si>
    <t>797070.0</t>
  </si>
  <si>
    <t>519463.0</t>
  </si>
  <si>
    <t>277607.0</t>
  </si>
  <si>
    <t>4307186.0</t>
  </si>
  <si>
    <t>797.181</t>
  </si>
  <si>
    <t>797757.0</t>
  </si>
  <si>
    <t>520092.0</t>
  </si>
  <si>
    <t>277665.0</t>
  </si>
  <si>
    <t>4322786.0</t>
  </si>
  <si>
    <t>800.068</t>
  </si>
  <si>
    <t>27680.0</t>
  </si>
  <si>
    <t>798134.0</t>
  </si>
  <si>
    <t>520384.0</t>
  </si>
  <si>
    <t>-1076.5</t>
  </si>
  <si>
    <t>-198.092715855735</t>
  </si>
  <si>
    <t>4359855.0</t>
  </si>
  <si>
    <t>806.929</t>
  </si>
  <si>
    <t>799962.0</t>
  </si>
  <si>
    <t>522083.0</t>
  </si>
  <si>
    <t>277879.0</t>
  </si>
  <si>
    <t>4392786.0</t>
  </si>
  <si>
    <t>813.024</t>
  </si>
  <si>
    <t>814507.0</t>
  </si>
  <si>
    <t>535545.0</t>
  </si>
  <si>
    <t>278962.0</t>
  </si>
  <si>
    <t>4427559.0</t>
  </si>
  <si>
    <t>819.46</t>
  </si>
  <si>
    <t>5.273</t>
  </si>
  <si>
    <t>858269.0</t>
  </si>
  <si>
    <t>575306.0</t>
  </si>
  <si>
    <t>282963.0</t>
  </si>
  <si>
    <t>13213.0</t>
  </si>
  <si>
    <t>4460949.0</t>
  </si>
  <si>
    <t>33390.0</t>
  </si>
  <si>
    <t>825.64</t>
  </si>
  <si>
    <t>900271.0</t>
  </si>
  <si>
    <t>614641.0</t>
  </si>
  <si>
    <t>285630.0</t>
  </si>
  <si>
    <t>4493982.0</t>
  </si>
  <si>
    <t>831.754</t>
  </si>
  <si>
    <t>919267.0</t>
  </si>
  <si>
    <t>632343.0</t>
  </si>
  <si>
    <t>286924.0</t>
  </si>
  <si>
    <t>4511781.0</t>
  </si>
  <si>
    <t>835.048</t>
  </si>
  <si>
    <t>920207.0</t>
  </si>
  <si>
    <t>633230.0</t>
  </si>
  <si>
    <t>286977.0</t>
  </si>
  <si>
    <t>4525897.0</t>
  </si>
  <si>
    <t>837.66</t>
  </si>
  <si>
    <t>920672.0</t>
  </si>
  <si>
    <t>633655.0</t>
  </si>
  <si>
    <t>287017.0</t>
  </si>
  <si>
    <t>-1123.2</t>
  </si>
  <si>
    <t>-206.686241011762</t>
  </si>
  <si>
    <t>4556295.0</t>
  </si>
  <si>
    <t>843.287</t>
  </si>
  <si>
    <t>925826.0</t>
  </si>
  <si>
    <t>638629.0</t>
  </si>
  <si>
    <t>287197.0</t>
  </si>
  <si>
    <t>4578140.0</t>
  </si>
  <si>
    <t>847.33</t>
  </si>
  <si>
    <t>963193.0</t>
  </si>
  <si>
    <t>671450.0</t>
  </si>
  <si>
    <t>291738.0</t>
  </si>
  <si>
    <t>21241.0</t>
  </si>
  <si>
    <t>4596554.0</t>
  </si>
  <si>
    <t>850.738</t>
  </si>
  <si>
    <t>24142.0</t>
  </si>
  <si>
    <t>1008758.0</t>
  </si>
  <si>
    <t>708985.0</t>
  </si>
  <si>
    <t>299767.0</t>
  </si>
  <si>
    <t>4607081.0</t>
  </si>
  <si>
    <t>852.686</t>
  </si>
  <si>
    <t>1020148.0</t>
  </si>
  <si>
    <t>301371.0</t>
  </si>
  <si>
    <t>4618457.0</t>
  </si>
  <si>
    <t>854.792</t>
  </si>
  <si>
    <t>17782.0</t>
  </si>
  <si>
    <t>1025442.0</t>
  </si>
  <si>
    <t>723268.0</t>
  </si>
  <si>
    <t>302168.0</t>
  </si>
  <si>
    <t>4629318.0</t>
  </si>
  <si>
    <t>856.802</t>
  </si>
  <si>
    <t>1025904.0</t>
  </si>
  <si>
    <t>723664.0</t>
  </si>
  <si>
    <t>302234.0</t>
  </si>
  <si>
    <t>4640708.0</t>
  </si>
  <si>
    <t>858.91</t>
  </si>
  <si>
    <t>1026455.0</t>
  </si>
  <si>
    <t>724143.0</t>
  </si>
  <si>
    <t>302306.0</t>
  </si>
  <si>
    <t>-1184.1</t>
  </si>
  <si>
    <t>-7.81</t>
  </si>
  <si>
    <t>-217.89278666491</t>
  </si>
  <si>
    <t>4657447.0</t>
  </si>
  <si>
    <t>862.008</t>
  </si>
  <si>
    <t>1028179.0</t>
  </si>
  <si>
    <t>725705.0</t>
  </si>
  <si>
    <t>302468.0</t>
  </si>
  <si>
    <t>4688786.0</t>
  </si>
  <si>
    <t>31339.0</t>
  </si>
  <si>
    <t>867.808</t>
  </si>
  <si>
    <t>1050089.0</t>
  </si>
  <si>
    <t>744838.0</t>
  </si>
  <si>
    <t>305245.0</t>
  </si>
  <si>
    <t>4714955.0</t>
  </si>
  <si>
    <t>872.652</t>
  </si>
  <si>
    <t>1113694.0</t>
  </si>
  <si>
    <t>804575.0</t>
  </si>
  <si>
    <t>309111.0</t>
  </si>
  <si>
    <t>4738061.0</t>
  </si>
  <si>
    <t>876.928</t>
  </si>
  <si>
    <t>1176212.0</t>
  </si>
  <si>
    <t>862674.0</t>
  </si>
  <si>
    <t>313529.0</t>
  </si>
  <si>
    <t>62518.0</t>
  </si>
  <si>
    <t>4762166.0</t>
  </si>
  <si>
    <t>881.39</t>
  </si>
  <si>
    <t>1204870.0</t>
  </si>
  <si>
    <t>890547.0</t>
  </si>
  <si>
    <t>314313.0</t>
  </si>
  <si>
    <t>25633.0</t>
  </si>
  <si>
    <t>4775275.0</t>
  </si>
  <si>
    <t>883.816</t>
  </si>
  <si>
    <t>1206233.0</t>
  </si>
  <si>
    <t>891795.0</t>
  </si>
  <si>
    <t>314428.0</t>
  </si>
  <si>
    <t>4786439.0</t>
  </si>
  <si>
    <t>885.882</t>
  </si>
  <si>
    <t>892454.0</t>
  </si>
  <si>
    <t>314500.0</t>
  </si>
  <si>
    <t>24044.0</t>
  </si>
  <si>
    <t>-1204.2</t>
  </si>
  <si>
    <t>-221.591498777033</t>
  </si>
  <si>
    <t>4814179.0</t>
  </si>
  <si>
    <t>891.016</t>
  </si>
  <si>
    <t>1211049.0</t>
  </si>
  <si>
    <t>896358.0</t>
  </si>
  <si>
    <t>314680.0</t>
  </si>
  <si>
    <t>4835747.0</t>
  </si>
  <si>
    <t>895.008</t>
  </si>
  <si>
    <t>1237627.0</t>
  </si>
  <si>
    <t>922406.0</t>
  </si>
  <si>
    <t>315210.0</t>
  </si>
  <si>
    <t>26791.0</t>
  </si>
  <si>
    <t>4857709.0</t>
  </si>
  <si>
    <t>899.073</t>
  </si>
  <si>
    <t>1307561.0</t>
  </si>
  <si>
    <t>990727.0</t>
  </si>
  <si>
    <t>316821.0</t>
  </si>
  <si>
    <t>4877425.0</t>
  </si>
  <si>
    <t>902.722</t>
  </si>
  <si>
    <t>1375071.0</t>
  </si>
  <si>
    <t>1056839.0</t>
  </si>
  <si>
    <t>318215.0</t>
  </si>
  <si>
    <t>4895747.0</t>
  </si>
  <si>
    <t>906.113</t>
  </si>
  <si>
    <t>1405457.0</t>
  </si>
  <si>
    <t>1086222.0</t>
  </si>
  <si>
    <t>319218.0</t>
  </si>
  <si>
    <t>4905263.0</t>
  </si>
  <si>
    <t>907.874</t>
  </si>
  <si>
    <t>1407847.0</t>
  </si>
  <si>
    <t>1088376.0</t>
  </si>
  <si>
    <t>4914237.0</t>
  </si>
  <si>
    <t>909.535</t>
  </si>
  <si>
    <t>1409298.0</t>
  </si>
  <si>
    <t>1089761.0</t>
  </si>
  <si>
    <t>-1237.5</t>
  </si>
  <si>
    <t>-227.719215858311</t>
  </si>
  <si>
    <t>4937077.0</t>
  </si>
  <si>
    <t>913.762</t>
  </si>
  <si>
    <t>1416185.0</t>
  </si>
  <si>
    <t>1096357.0</t>
  </si>
  <si>
    <t>4955983.0</t>
  </si>
  <si>
    <t>917.261</t>
  </si>
  <si>
    <t>1437143.0</t>
  </si>
  <si>
    <t>1116323.0</t>
  </si>
  <si>
    <t>320802.0</t>
  </si>
  <si>
    <t>4975619.0</t>
  </si>
  <si>
    <t>920.896</t>
  </si>
  <si>
    <t>1500225.0</t>
  </si>
  <si>
    <t>1176241.0</t>
  </si>
  <si>
    <t>323966.0</t>
  </si>
  <si>
    <t>4995182.0</t>
  </si>
  <si>
    <t>924.516</t>
  </si>
  <si>
    <t>1554539.0</t>
  </si>
  <si>
    <t>1227875.0</t>
  </si>
  <si>
    <t>326646.0</t>
  </si>
  <si>
    <t>5015949.0</t>
  </si>
  <si>
    <t>928.36</t>
  </si>
  <si>
    <t>1574727.0</t>
  </si>
  <si>
    <t>1246550.0</t>
  </si>
  <si>
    <t>328158.0</t>
  </si>
  <si>
    <t>35.331</t>
  </si>
  <si>
    <t>5025820.0</t>
  </si>
  <si>
    <t>930.187</t>
  </si>
  <si>
    <t>1575390.0</t>
  </si>
  <si>
    <t>1247066.0</t>
  </si>
  <si>
    <t>328305.0</t>
  </si>
  <si>
    <t>23935.0</t>
  </si>
  <si>
    <t>5035415.0</t>
  </si>
  <si>
    <t>931.963</t>
  </si>
  <si>
    <t>1575826.0</t>
  </si>
  <si>
    <t>1247439.0</t>
  </si>
  <si>
    <t>328368.0</t>
  </si>
  <si>
    <t>-1250.0</t>
  </si>
  <si>
    <t>-230.01940995789</t>
  </si>
  <si>
    <t>38.091</t>
  </si>
  <si>
    <t>5060277.0</t>
  </si>
  <si>
    <t>936.564</t>
  </si>
  <si>
    <t>1578961.0</t>
  </si>
  <si>
    <t>1249924.0</t>
  </si>
  <si>
    <t>329017.0</t>
  </si>
  <si>
    <t>5081736.0</t>
  </si>
  <si>
    <t>940.536</t>
  </si>
  <si>
    <t>1604912.0</t>
  </si>
  <si>
    <t>1269627.0</t>
  </si>
  <si>
    <t>335263.0</t>
  </si>
  <si>
    <t>5102788.0</t>
  </si>
  <si>
    <t>944.432</t>
  </si>
  <si>
    <t>1689361.0</t>
  </si>
  <si>
    <t>1328809.0</t>
  </si>
  <si>
    <t>360526.0</t>
  </si>
  <si>
    <t>84449.0</t>
  </si>
  <si>
    <t>5122452.0</t>
  </si>
  <si>
    <t>948.072</t>
  </si>
  <si>
    <t>1765377.0</t>
  </si>
  <si>
    <t>1383401.0</t>
  </si>
  <si>
    <t>381950.0</t>
  </si>
  <si>
    <t>76016.0</t>
  </si>
  <si>
    <t>5141483.0</t>
  </si>
  <si>
    <t>951.594</t>
  </si>
  <si>
    <t>1799649.0</t>
  </si>
  <si>
    <t>1409228.0</t>
  </si>
  <si>
    <t>390395.0</t>
  </si>
  <si>
    <t>5149978.0</t>
  </si>
  <si>
    <t>953.166</t>
  </si>
  <si>
    <t>1801676.0</t>
  </si>
  <si>
    <t>1410845.0</t>
  </si>
  <si>
    <t>390804.0</t>
  </si>
  <si>
    <t>5159619.0</t>
  </si>
  <si>
    <t>954.951</t>
  </si>
  <si>
    <t>1803113.0</t>
  </si>
  <si>
    <t>1411952.0</t>
  </si>
  <si>
    <t>391133.0</t>
  </si>
  <si>
    <t>23502.0</t>
  </si>
  <si>
    <t>-1251.7</t>
  </si>
  <si>
    <t>-230.332236355433</t>
  </si>
  <si>
    <t>5184492.0</t>
  </si>
  <si>
    <t>24873.0</t>
  </si>
  <si>
    <t>959.554</t>
  </si>
  <si>
    <t>1807901.0</t>
  </si>
  <si>
    <t>1415180.0</t>
  </si>
  <si>
    <t>392691.0</t>
  </si>
  <si>
    <t>23608.0</t>
  </si>
  <si>
    <t>5206371.0</t>
  </si>
  <si>
    <t>963.604</t>
  </si>
  <si>
    <t>1830704.0</t>
  </si>
  <si>
    <t>1425569.0</t>
  </si>
  <si>
    <t>405103.0</t>
  </si>
  <si>
    <t>22277.0</t>
  </si>
  <si>
    <t>5229075.0</t>
  </si>
  <si>
    <t>967.806</t>
  </si>
  <si>
    <t>1910866.0</t>
  </si>
  <si>
    <t>1466529.0</t>
  </si>
  <si>
    <t>444298.0</t>
  </si>
  <si>
    <t>31644.0</t>
  </si>
  <si>
    <t>5249501.0</t>
  </si>
  <si>
    <t>971.586</t>
  </si>
  <si>
    <t>1982594.0</t>
  </si>
  <si>
    <t>1501821.0</t>
  </si>
  <si>
    <t>480727.0</t>
  </si>
  <si>
    <t>71728.0</t>
  </si>
  <si>
    <t>5268635.0</t>
  </si>
  <si>
    <t>975.128</t>
  </si>
  <si>
    <t>2014665.0</t>
  </si>
  <si>
    <t>1517393.0</t>
  </si>
  <si>
    <t>497224.0</t>
  </si>
  <si>
    <t>5278357.0</t>
  </si>
  <si>
    <t>976.927</t>
  </si>
  <si>
    <t>2016000.0</t>
  </si>
  <si>
    <t>1518041.0</t>
  </si>
  <si>
    <t>497911.0</t>
  </si>
  <si>
    <t>30618.0</t>
  </si>
  <si>
    <t>5289260.0</t>
  </si>
  <si>
    <t>978.945</t>
  </si>
  <si>
    <t>2016752.0</t>
  </si>
  <si>
    <t>1518370.0</t>
  </si>
  <si>
    <t>498334.0</t>
  </si>
  <si>
    <t>30520.0</t>
  </si>
  <si>
    <t>-1296.0</t>
  </si>
  <si>
    <t>-238.48412424434</t>
  </si>
  <si>
    <t>5315294.0</t>
  </si>
  <si>
    <t>26034.0</t>
  </si>
  <si>
    <t>983.763</t>
  </si>
  <si>
    <t>2025896.0</t>
  </si>
  <si>
    <t>1520881.0</t>
  </si>
  <si>
    <t>504966.0</t>
  </si>
  <si>
    <t>5336893.0</t>
  </si>
  <si>
    <t>21599.0</t>
  </si>
  <si>
    <t>987.761</t>
  </si>
  <si>
    <t>2076036.0</t>
  </si>
  <si>
    <t>1539028.0</t>
  </si>
  <si>
    <t>536955.0</t>
  </si>
  <si>
    <t>50140.0</t>
  </si>
  <si>
    <t>5356108.0</t>
  </si>
  <si>
    <t>991.317</t>
  </si>
  <si>
    <t>2172468.0</t>
  </si>
  <si>
    <t>1581480.0</t>
  </si>
  <si>
    <t>590919.0</t>
  </si>
  <si>
    <t>96432.0</t>
  </si>
  <si>
    <t>37372.0</t>
  </si>
  <si>
    <t>5368009.0</t>
  </si>
  <si>
    <t>993.52</t>
  </si>
  <si>
    <t>2194304.0</t>
  </si>
  <si>
    <t>1594410.0</t>
  </si>
  <si>
    <t>599822.0</t>
  </si>
  <si>
    <t>5386002.0</t>
  </si>
  <si>
    <t>2214120.0</t>
  </si>
  <si>
    <t>1605712.0</t>
  </si>
  <si>
    <t>608335.0</t>
  </si>
  <si>
    <t>5395948.0</t>
  </si>
  <si>
    <t>998.691</t>
  </si>
  <si>
    <t>2217067.0</t>
  </si>
  <si>
    <t>1607805.0</t>
  </si>
  <si>
    <t>609189.0</t>
  </si>
  <si>
    <t>5405376.0</t>
  </si>
  <si>
    <t>1000.436</t>
  </si>
  <si>
    <t>2219531.0</t>
  </si>
  <si>
    <t>1609162.0</t>
  </si>
  <si>
    <t>610296.0</t>
  </si>
  <si>
    <t>-1325.1</t>
  </si>
  <si>
    <t>-243.83897610816</t>
  </si>
  <si>
    <t>18.586</t>
  </si>
  <si>
    <t>5411066.0</t>
  </si>
  <si>
    <t>1001.489</t>
  </si>
  <si>
    <t>2220353.0</t>
  </si>
  <si>
    <t>1609491.0</t>
  </si>
  <si>
    <t>610789.0</t>
  </si>
  <si>
    <t>5438028.0</t>
  </si>
  <si>
    <t>1006.479</t>
  </si>
  <si>
    <t>2249041.0</t>
  </si>
  <si>
    <t>1614172.0</t>
  </si>
  <si>
    <t>634794.0</t>
  </si>
  <si>
    <t>24715.0</t>
  </si>
  <si>
    <t>5464417.0</t>
  </si>
  <si>
    <t>26389.0</t>
  </si>
  <si>
    <t>1011.363</t>
  </si>
  <si>
    <t>2330389.0</t>
  </si>
  <si>
    <t>1622483.0</t>
  </si>
  <si>
    <t>707821.0</t>
  </si>
  <si>
    <t>5490661.0</t>
  </si>
  <si>
    <t>1016.221</t>
  </si>
  <si>
    <t>2408450.0</t>
  </si>
  <si>
    <t>1631349.0</t>
  </si>
  <si>
    <t>777009.0</t>
  </si>
  <si>
    <t>78061.0</t>
  </si>
  <si>
    <t>30592.0</t>
  </si>
  <si>
    <t>5517170.0</t>
  </si>
  <si>
    <t>1021.127</t>
  </si>
  <si>
    <t>2445083.0</t>
  </si>
  <si>
    <t>1636504.0</t>
  </si>
  <si>
    <t>808475.0</t>
  </si>
  <si>
    <t>36633.0</t>
  </si>
  <si>
    <t>5530622.0</t>
  </si>
  <si>
    <t>1023.617</t>
  </si>
  <si>
    <t>2447628.0</t>
  </si>
  <si>
    <t>1637939.0</t>
  </si>
  <si>
    <t>809584.0</t>
  </si>
  <si>
    <t>5544280.0</t>
  </si>
  <si>
    <t>1026.144</t>
  </si>
  <si>
    <t>2448982.0</t>
  </si>
  <si>
    <t>1638845.0</t>
  </si>
  <si>
    <t>810031.0</t>
  </si>
  <si>
    <t>32779.0</t>
  </si>
  <si>
    <t>-1308.4</t>
  </si>
  <si>
    <t>-240.765916791123</t>
  </si>
  <si>
    <t>5561025.0</t>
  </si>
  <si>
    <t>1029.244</t>
  </si>
  <si>
    <t>2452567.0</t>
  </si>
  <si>
    <t>1639793.0</t>
  </si>
  <si>
    <t>812667.0</t>
  </si>
  <si>
    <t>5590071.0</t>
  </si>
  <si>
    <t>1034.62</t>
  </si>
  <si>
    <t>2486197.0</t>
  </si>
  <si>
    <t>1643994.0</t>
  </si>
  <si>
    <t>842093.0</t>
  </si>
  <si>
    <t>5614130.0</t>
  </si>
  <si>
    <t>24059.0</t>
  </si>
  <si>
    <t>1039.072</t>
  </si>
  <si>
    <t>2580762.0</t>
  </si>
  <si>
    <t>1653804.0</t>
  </si>
  <si>
    <t>926840.0</t>
  </si>
  <si>
    <t>94565.0</t>
  </si>
  <si>
    <t>5634570.0</t>
  </si>
  <si>
    <t>1042.855</t>
  </si>
  <si>
    <t>2664841.0</t>
  </si>
  <si>
    <t>1663429.0</t>
  </si>
  <si>
    <t>1001279.0</t>
  </si>
  <si>
    <t>84079.0</t>
  </si>
  <si>
    <t>5654383.0</t>
  </si>
  <si>
    <t>1046.522</t>
  </si>
  <si>
    <t>2702314.0</t>
  </si>
  <si>
    <t>1668597.0</t>
  </si>
  <si>
    <t>1033579.0</t>
  </si>
  <si>
    <t>5663226.0</t>
  </si>
  <si>
    <t>1048.159</t>
  </si>
  <si>
    <t>2705276.0</t>
  </si>
  <si>
    <t>1669368.0</t>
  </si>
  <si>
    <t>1035769.0</t>
  </si>
  <si>
    <t>5672790.0</t>
  </si>
  <si>
    <t>1049.929</t>
  </si>
  <si>
    <t>2707152.0</t>
  </si>
  <si>
    <t>1669588.0</t>
  </si>
  <si>
    <t>1037424.0</t>
  </si>
  <si>
    <t>-1311.3</t>
  </si>
  <si>
    <t>-241.299561822225</t>
  </si>
  <si>
    <t>5696307.0</t>
  </si>
  <si>
    <t>1054.282</t>
  </si>
  <si>
    <t>2717176.0</t>
  </si>
  <si>
    <t>1672890.0</t>
  </si>
  <si>
    <t>1044144.0</t>
  </si>
  <si>
    <t>5716014.0</t>
  </si>
  <si>
    <t>19707.0</t>
  </si>
  <si>
    <t>1057.929</t>
  </si>
  <si>
    <t>2759619.0</t>
  </si>
  <si>
    <t>1691964.0</t>
  </si>
  <si>
    <t>1067509.0</t>
  </si>
  <si>
    <t>42443.0</t>
  </si>
  <si>
    <t>5737135.0</t>
  </si>
  <si>
    <t>1061.838</t>
  </si>
  <si>
    <t>2883917.0</t>
  </si>
  <si>
    <t>1745361.0</t>
  </si>
  <si>
    <t>1138398.0</t>
  </si>
  <si>
    <t>124298.0</t>
  </si>
  <si>
    <t>5756798.0</t>
  </si>
  <si>
    <t>1065.478</t>
  </si>
  <si>
    <t>2998353.0</t>
  </si>
  <si>
    <t>1800866.0</t>
  </si>
  <si>
    <t>1197324.0</t>
  </si>
  <si>
    <t>47645.0</t>
  </si>
  <si>
    <t>5774078.0</t>
  </si>
  <si>
    <t>1068.676</t>
  </si>
  <si>
    <t>3050113.0</t>
  </si>
  <si>
    <t>1832709.0</t>
  </si>
  <si>
    <t>1217236.0</t>
  </si>
  <si>
    <t>51760.0</t>
  </si>
  <si>
    <t>5782024.0</t>
  </si>
  <si>
    <t>1070.146</t>
  </si>
  <si>
    <t>3054780.0</t>
  </si>
  <si>
    <t>1218031.0</t>
  </si>
  <si>
    <t>5789991.0</t>
  </si>
  <si>
    <t>1071.621</t>
  </si>
  <si>
    <t>16743.0</t>
  </si>
  <si>
    <t>3058345.0</t>
  </si>
  <si>
    <t>1839756.0</t>
  </si>
  <si>
    <t>1218420.0</t>
  </si>
  <si>
    <t>-1297.6</t>
  </si>
  <si>
    <t>-238.778549089086</t>
  </si>
  <si>
    <t>5811098.0</t>
  </si>
  <si>
    <t>1075.528</t>
  </si>
  <si>
    <t>3077224.0</t>
  </si>
  <si>
    <t>1855648.0</t>
  </si>
  <si>
    <t>1221405.0</t>
  </si>
  <si>
    <t>26108.0</t>
  </si>
  <si>
    <t>5828221.0</t>
  </si>
  <si>
    <t>17123.0</t>
  </si>
  <si>
    <t>1078.697</t>
  </si>
  <si>
    <t>3124344.0</t>
  </si>
  <si>
    <t>1883164.0</t>
  </si>
  <si>
    <t>1241003.0</t>
  </si>
  <si>
    <t>5845462.0</t>
  </si>
  <si>
    <t>1081.888</t>
  </si>
  <si>
    <t>3225863.0</t>
  </si>
  <si>
    <t>1923629.0</t>
  </si>
  <si>
    <t>1302051.0</t>
  </si>
  <si>
    <t>48849.0</t>
  </si>
  <si>
    <t>5862326.0</t>
  </si>
  <si>
    <t>1085.009</t>
  </si>
  <si>
    <t>3321830.0</t>
  </si>
  <si>
    <t>1963822.0</t>
  </si>
  <si>
    <t>1357820.0</t>
  </si>
  <si>
    <t>5878687.0</t>
  </si>
  <si>
    <t>1088.037</t>
  </si>
  <si>
    <t>3364889.0</t>
  </si>
  <si>
    <t>1985717.0</t>
  </si>
  <si>
    <t>1378980.0</t>
  </si>
  <si>
    <t>43059.0</t>
  </si>
  <si>
    <t>21858.0</t>
  </si>
  <si>
    <t>5886692.0</t>
  </si>
  <si>
    <t>1089.519</t>
  </si>
  <si>
    <t>3369096.0</t>
  </si>
  <si>
    <t>1989007.0</t>
  </si>
  <si>
    <t>1379894.0</t>
  </si>
  <si>
    <t>5894778.0</t>
  </si>
  <si>
    <t>1091.015</t>
  </si>
  <si>
    <t>3372182.0</t>
  </si>
  <si>
    <t>1991379.0</t>
  </si>
  <si>
    <t>1380608.0</t>
  </si>
  <si>
    <t>44834.0</t>
  </si>
  <si>
    <t>-1282.5</t>
  </si>
  <si>
    <t>-235.999914616795</t>
  </si>
  <si>
    <t>5916502.0</t>
  </si>
  <si>
    <t>1095.036</t>
  </si>
  <si>
    <t>3394647.0</t>
  </si>
  <si>
    <t>2011187.0</t>
  </si>
  <si>
    <t>1383265.0</t>
  </si>
  <si>
    <t>45346.0</t>
  </si>
  <si>
    <t>5934485.0</t>
  </si>
  <si>
    <t>1098.364</t>
  </si>
  <si>
    <t>3434801.0</t>
  </si>
  <si>
    <t>2040611.0</t>
  </si>
  <si>
    <t>1393990.0</t>
  </si>
  <si>
    <t>40154.0</t>
  </si>
  <si>
    <t>44351.0</t>
  </si>
  <si>
    <t>5952503.0</t>
  </si>
  <si>
    <t>1101.699</t>
  </si>
  <si>
    <t>3541407.0</t>
  </si>
  <si>
    <t>2105755.0</t>
  </si>
  <si>
    <t>1435440.0</t>
  </si>
  <si>
    <t>106606.0</t>
  </si>
  <si>
    <t>5970183.0</t>
  </si>
  <si>
    <t>1104.971</t>
  </si>
  <si>
    <t>3634255.0</t>
  </si>
  <si>
    <t>2165702.0</t>
  </si>
  <si>
    <t>1468324.0</t>
  </si>
  <si>
    <t>44632.0</t>
  </si>
  <si>
    <t>5986653.0</t>
  </si>
  <si>
    <t>1108.02</t>
  </si>
  <si>
    <t>3678954.0</t>
  </si>
  <si>
    <t>2197913.0</t>
  </si>
  <si>
    <t>1480807.0</t>
  </si>
  <si>
    <t>44699.0</t>
  </si>
  <si>
    <t>44866.0</t>
  </si>
  <si>
    <t>5996128.0</t>
  </si>
  <si>
    <t>1109.773</t>
  </si>
  <si>
    <t>3686232.0</t>
  </si>
  <si>
    <t>2204436.0</t>
  </si>
  <si>
    <t>1481562.0</t>
  </si>
  <si>
    <t>6004815.0</t>
  </si>
  <si>
    <t>1111.381</t>
  </si>
  <si>
    <t>3690912.0</t>
  </si>
  <si>
    <t>2208961.0</t>
  </si>
  <si>
    <t>1481716.0</t>
  </si>
  <si>
    <t>31083.0</t>
  </si>
  <si>
    <t>-1318.8</t>
  </si>
  <si>
    <t>-242.679678281972</t>
  </si>
  <si>
    <t>6024519.0</t>
  </si>
  <si>
    <t>1115.028</t>
  </si>
  <si>
    <t>3711800.0</t>
  </si>
  <si>
    <t>2226977.0</t>
  </si>
  <si>
    <t>1484585.0</t>
  </si>
  <si>
    <t>45308.0</t>
  </si>
  <si>
    <t>30827.0</t>
  </si>
  <si>
    <t>6040859.0</t>
  </si>
  <si>
    <t>1118.052</t>
  </si>
  <si>
    <t>3762708.0</t>
  </si>
  <si>
    <t>2264498.0</t>
  </si>
  <si>
    <t>46844.0</t>
  </si>
  <si>
    <t>6057536.0</t>
  </si>
  <si>
    <t>1121.139</t>
  </si>
  <si>
    <t>3873863.0</t>
  </si>
  <si>
    <t>2343180.0</t>
  </si>
  <si>
    <t>1530422.0</t>
  </si>
  <si>
    <t>111155.0</t>
  </si>
  <si>
    <t>47494.0</t>
  </si>
  <si>
    <t>33918.0</t>
  </si>
  <si>
    <t>6074512.0</t>
  </si>
  <si>
    <t>1124.281</t>
  </si>
  <si>
    <t>3987419.0</t>
  </si>
  <si>
    <t>2434733.0</t>
  </si>
  <si>
    <t>113556.0</t>
  </si>
  <si>
    <t>50452.0</t>
  </si>
  <si>
    <t>38433.0</t>
  </si>
  <si>
    <t>6090820.0</t>
  </si>
  <si>
    <t>1127.299</t>
  </si>
  <si>
    <t>4042045.0</t>
  </si>
  <si>
    <t>2479783.0</t>
  </si>
  <si>
    <t>1561995.0</t>
  </si>
  <si>
    <t>6098596.0</t>
  </si>
  <si>
    <t>1128.738</t>
  </si>
  <si>
    <t>4052604.0</t>
  </si>
  <si>
    <t>2488619.0</t>
  </si>
  <si>
    <t>1563718.0</t>
  </si>
  <si>
    <t>6106778.0</t>
  </si>
  <si>
    <t>1130.253</t>
  </si>
  <si>
    <t>4058534.0</t>
  </si>
  <si>
    <t>2493258.0</t>
  </si>
  <si>
    <t>1565008.0</t>
  </si>
  <si>
    <t>-1345.5</t>
  </si>
  <si>
    <t>-247.592892878673</t>
  </si>
  <si>
    <t>6126568.0</t>
  </si>
  <si>
    <t>1133.915</t>
  </si>
  <si>
    <t>4092334.0</t>
  </si>
  <si>
    <t>2525732.0</t>
  </si>
  <si>
    <t>54362.0</t>
  </si>
  <si>
    <t>6142749.0</t>
  </si>
  <si>
    <t>1136.91</t>
  </si>
  <si>
    <t>4144144.0</t>
  </si>
  <si>
    <t>2574093.0</t>
  </si>
  <si>
    <t>1569774.0</t>
  </si>
  <si>
    <t>54491.0</t>
  </si>
  <si>
    <t>44228.0</t>
  </si>
  <si>
    <t>6161060.0</t>
  </si>
  <si>
    <t>1140.299</t>
  </si>
  <si>
    <t>4256720.0</t>
  </si>
  <si>
    <t>2679854.0</t>
  </si>
  <si>
    <t>1576581.0</t>
  </si>
  <si>
    <t>112576.0</t>
  </si>
  <si>
    <t>48096.0</t>
  </si>
  <si>
    <t>6178900.0</t>
  </si>
  <si>
    <t>1143.601</t>
  </si>
  <si>
    <t>4367701.0</t>
  </si>
  <si>
    <t>2782766.0</t>
  </si>
  <si>
    <t>1584636.0</t>
  </si>
  <si>
    <t>110981.0</t>
  </si>
  <si>
    <t>6194898.0</t>
  </si>
  <si>
    <t>1146.562</t>
  </si>
  <si>
    <t>4422490.0</t>
  </si>
  <si>
    <t>2834228.0</t>
  </si>
  <si>
    <t>1587957.0</t>
  </si>
  <si>
    <t>6202920.0</t>
  </si>
  <si>
    <t>1148.047</t>
  </si>
  <si>
    <t>4432471.0</t>
  </si>
  <si>
    <t>2843573.0</t>
  </si>
  <si>
    <t>1588593.0</t>
  </si>
  <si>
    <t>6210929.0</t>
  </si>
  <si>
    <t>1149.529</t>
  </si>
  <si>
    <t>4439104.0</t>
  </si>
  <si>
    <t>2849671.0</t>
  </si>
  <si>
    <t>1589126.0</t>
  </si>
  <si>
    <t>54367.0</t>
  </si>
  <si>
    <t>50916.0</t>
  </si>
  <si>
    <t>-1358.4</t>
  </si>
  <si>
    <t>-249.966693189438</t>
  </si>
  <si>
    <t>6228601.0</t>
  </si>
  <si>
    <t>1152.8</t>
  </si>
  <si>
    <t>4466813.0</t>
  </si>
  <si>
    <t>2876568.0</t>
  </si>
  <si>
    <t>1589855.0</t>
  </si>
  <si>
    <t>50119.0</t>
  </si>
  <si>
    <t>6242752.0</t>
  </si>
  <si>
    <t>1155.419</t>
  </si>
  <si>
    <t>4512555.0</t>
  </si>
  <si>
    <t>2918703.0</t>
  </si>
  <si>
    <t>1593360.0</t>
  </si>
  <si>
    <t>52630.0</t>
  </si>
  <si>
    <t>6258776.0</t>
  </si>
  <si>
    <t>1158.385</t>
  </si>
  <si>
    <t>4598968.0</t>
  </si>
  <si>
    <t>2996132.0</t>
  </si>
  <si>
    <t>1602259.0</t>
  </si>
  <si>
    <t>48893.0</t>
  </si>
  <si>
    <t>6275231.0</t>
  </si>
  <si>
    <t>1161.43</t>
  </si>
  <si>
    <t>4677652.0</t>
  </si>
  <si>
    <t>3065602.0</t>
  </si>
  <si>
    <t>1611364.0</t>
  </si>
  <si>
    <t>40405.0</t>
  </si>
  <si>
    <t>6289803.0</t>
  </si>
  <si>
    <t>1164.127</t>
  </si>
  <si>
    <t>4708325.0</t>
  </si>
  <si>
    <t>3092763.0</t>
  </si>
  <si>
    <t>1614872.0</t>
  </si>
  <si>
    <t>30673.0</t>
  </si>
  <si>
    <t>40834.0</t>
  </si>
  <si>
    <t>6297060.0</t>
  </si>
  <si>
    <t>1165.47</t>
  </si>
  <si>
    <t>4712909.0</t>
  </si>
  <si>
    <t>3096992.0</t>
  </si>
  <si>
    <t>1615226.0</t>
  </si>
  <si>
    <t>6303891.0</t>
  </si>
  <si>
    <t>1166.734</t>
  </si>
  <si>
    <t>4716143.0</t>
  </si>
  <si>
    <t>3100020.0</t>
  </si>
  <si>
    <t>1615432.0</t>
  </si>
  <si>
    <t>35764.0</t>
  </si>
  <si>
    <t>-1335.7</t>
  </si>
  <si>
    <t>-245.789540704603</t>
  </si>
  <si>
    <t>6318450.0</t>
  </si>
  <si>
    <t>1169.429</t>
  </si>
  <si>
    <t>4731534.0</t>
  </si>
  <si>
    <t>3113356.0</t>
  </si>
  <si>
    <t>1617479.0</t>
  </si>
  <si>
    <t>37817.0</t>
  </si>
  <si>
    <t>33827.0</t>
  </si>
  <si>
    <t>6330575.0</t>
  </si>
  <si>
    <t>1171.673</t>
  </si>
  <si>
    <t>4764542.0</t>
  </si>
  <si>
    <t>3137181.0</t>
  </si>
  <si>
    <t>1626658.0</t>
  </si>
  <si>
    <t>6343362.0</t>
  </si>
  <si>
    <t>1174.04</t>
  </si>
  <si>
    <t>4842630.0</t>
  </si>
  <si>
    <t>3185816.0</t>
  </si>
  <si>
    <t>1656103.0</t>
  </si>
  <si>
    <t>78088.0</t>
  </si>
  <si>
    <t>6355903.0</t>
  </si>
  <si>
    <t>1176.361</t>
  </si>
  <si>
    <t>4915395.0</t>
  </si>
  <si>
    <t>3228997.0</t>
  </si>
  <si>
    <t>1685664.0</t>
  </si>
  <si>
    <t>72765.0</t>
  </si>
  <si>
    <t>6367759.0</t>
  </si>
  <si>
    <t>1178.555</t>
  </si>
  <si>
    <t>4942040.0</t>
  </si>
  <si>
    <t>3245496.0</t>
  </si>
  <si>
    <t>1695804.0</t>
  </si>
  <si>
    <t>6374379.0</t>
  </si>
  <si>
    <t>1179.781</t>
  </si>
  <si>
    <t>4943201.0</t>
  </si>
  <si>
    <t>3246029.0</t>
  </si>
  <si>
    <t>1696430.0</t>
  </si>
  <si>
    <t>32899.0</t>
  </si>
  <si>
    <t>6381297.0</t>
  </si>
  <si>
    <t>1181.061</t>
  </si>
  <si>
    <t>4943819.0</t>
  </si>
  <si>
    <t>3246354.0</t>
  </si>
  <si>
    <t>1696721.0</t>
  </si>
  <si>
    <t>20905.0</t>
  </si>
  <si>
    <t>-1336.4</t>
  </si>
  <si>
    <t>-245.918351574179</t>
  </si>
  <si>
    <t>6395689.0</t>
  </si>
  <si>
    <t>1183.725</t>
  </si>
  <si>
    <t>4956293.0</t>
  </si>
  <si>
    <t>3255450.0</t>
  </si>
  <si>
    <t>1700091.0</t>
  </si>
  <si>
    <t>6407492.0</t>
  </si>
  <si>
    <t>1185.909</t>
  </si>
  <si>
    <t>4986772.0</t>
  </si>
  <si>
    <t>3277182.0</t>
  </si>
  <si>
    <t>1708834.0</t>
  </si>
  <si>
    <t>31747.0</t>
  </si>
  <si>
    <t>6420226.0</t>
  </si>
  <si>
    <t>1188.266</t>
  </si>
  <si>
    <t>5072370.0</t>
  </si>
  <si>
    <t>3342738.0</t>
  </si>
  <si>
    <t>1728866.0</t>
  </si>
  <si>
    <t>85598.0</t>
  </si>
  <si>
    <t>93.34</t>
  </si>
  <si>
    <t>6433502.0</t>
  </si>
  <si>
    <t>1190.723</t>
  </si>
  <si>
    <t>5162876.0</t>
  </si>
  <si>
    <t>3410878.0</t>
  </si>
  <si>
    <t>1751228.0</t>
  </si>
  <si>
    <t>90506.0</t>
  </si>
  <si>
    <t>6446163.0</t>
  </si>
  <si>
    <t>1193.066</t>
  </si>
  <si>
    <t>5192255.0</t>
  </si>
  <si>
    <t>3432674.0</t>
  </si>
  <si>
    <t>1758801.0</t>
  </si>
  <si>
    <t>29379.0</t>
  </si>
  <si>
    <t>35745.0</t>
  </si>
  <si>
    <t>6453701.0</t>
  </si>
  <si>
    <t>1194.462</t>
  </si>
  <si>
    <t>5192915.0</t>
  </si>
  <si>
    <t>3432852.0</t>
  </si>
  <si>
    <t>1759282.0</t>
  </si>
  <si>
    <t>6461260.0</t>
  </si>
  <si>
    <t>1195.861</t>
  </si>
  <si>
    <t>5193285.0</t>
  </si>
  <si>
    <t>3432940.0</t>
  </si>
  <si>
    <t>1759562.0</t>
  </si>
  <si>
    <t>-1301.3</t>
  </si>
  <si>
    <t>-239.459406542562</t>
  </si>
  <si>
    <t>6477646.0</t>
  </si>
  <si>
    <t>1198.893</t>
  </si>
  <si>
    <t>5205377.0</t>
  </si>
  <si>
    <t>3441763.0</t>
  </si>
  <si>
    <t>1762826.0</t>
  </si>
  <si>
    <t>1201.668</t>
  </si>
  <si>
    <t>5235886.0</t>
  </si>
  <si>
    <t>3463288.0</t>
  </si>
  <si>
    <t>1771805.0</t>
  </si>
  <si>
    <t>35588.0</t>
  </si>
  <si>
    <t>6508331.0</t>
  </si>
  <si>
    <t>1204.573</t>
  </si>
  <si>
    <t>5330163.0</t>
  </si>
  <si>
    <t>3531372.0</t>
  </si>
  <si>
    <t>1797988.0</t>
  </si>
  <si>
    <t>6523616.0</t>
  </si>
  <si>
    <t>1207.402</t>
  </si>
  <si>
    <t>12873.0</t>
  </si>
  <si>
    <t>5424390.0</t>
  </si>
  <si>
    <t>3598691.0</t>
  </si>
  <si>
    <t>1824886.0</t>
  </si>
  <si>
    <t>94227.0</t>
  </si>
  <si>
    <t>6539558.0</t>
  </si>
  <si>
    <t>1210.352</t>
  </si>
  <si>
    <t>5457348.0</t>
  </si>
  <si>
    <t>3620526.0</t>
  </si>
  <si>
    <t>1836002.0</t>
  </si>
  <si>
    <t>6549236.0</t>
  </si>
  <si>
    <t>1212.143</t>
  </si>
  <si>
    <t>5458642.0</t>
  </si>
  <si>
    <t>3620971.0</t>
  </si>
  <si>
    <t>1836850.0</t>
  </si>
  <si>
    <t>6558320.0</t>
  </si>
  <si>
    <t>1213.825</t>
  </si>
  <si>
    <t>5458905.0</t>
  </si>
  <si>
    <t>3621057.0</t>
  </si>
  <si>
    <t>1837024.0</t>
  </si>
  <si>
    <t>37946.0</t>
  </si>
  <si>
    <t>-1276.4</t>
  </si>
  <si>
    <t>-234.877419896201</t>
  </si>
  <si>
    <t>6577488.0</t>
  </si>
  <si>
    <t>1217.372</t>
  </si>
  <si>
    <t>5477386.0</t>
  </si>
  <si>
    <t>3630338.0</t>
  </si>
  <si>
    <t>1846221.0</t>
  </si>
  <si>
    <t>100.79</t>
  </si>
  <si>
    <t>6594363.0</t>
  </si>
  <si>
    <t>1220.496</t>
  </si>
  <si>
    <t>5510673.0</t>
  </si>
  <si>
    <t>3645838.0</t>
  </si>
  <si>
    <t>1863998.0</t>
  </si>
  <si>
    <t>33287.0</t>
  </si>
  <si>
    <t>6612161.0</t>
  </si>
  <si>
    <t>17798.0</t>
  </si>
  <si>
    <t>1223.79</t>
  </si>
  <si>
    <t>5596507.0</t>
  </si>
  <si>
    <t>3687848.0</t>
  </si>
  <si>
    <t>1907813.0</t>
  </si>
  <si>
    <t>85834.0</t>
  </si>
  <si>
    <t>38049.0</t>
  </si>
  <si>
    <t>6629653.0</t>
  </si>
  <si>
    <t>1227.027</t>
  </si>
  <si>
    <t>5681227.0</t>
  </si>
  <si>
    <t>3723852.0</t>
  </si>
  <si>
    <t>1956510.0</t>
  </si>
  <si>
    <t>6646624.0</t>
  </si>
  <si>
    <t>1230.168</t>
  </si>
  <si>
    <t>5713508.0</t>
  </si>
  <si>
    <t>3734477.0</t>
  </si>
  <si>
    <t>1978163.0</t>
  </si>
  <si>
    <t>6656560.0</t>
  </si>
  <si>
    <t>1232.007</t>
  </si>
  <si>
    <t>5715122.0</t>
  </si>
  <si>
    <t>3734765.0</t>
  </si>
  <si>
    <t>1979488.0</t>
  </si>
  <si>
    <t>6666430.0</t>
  </si>
  <si>
    <t>1233.834</t>
  </si>
  <si>
    <t>5716117.0</t>
  </si>
  <si>
    <t>3734859.0</t>
  </si>
  <si>
    <t>1980388.0</t>
  </si>
  <si>
    <t>36745.0</t>
  </si>
  <si>
    <t>-1201.5</t>
  </si>
  <si>
    <t>-221.094656851524</t>
  </si>
  <si>
    <t>6688328.0</t>
  </si>
  <si>
    <t>1237.887</t>
  </si>
  <si>
    <t>5740788.0</t>
  </si>
  <si>
    <t>3737924.0</t>
  </si>
  <si>
    <t>2001987.0</t>
  </si>
  <si>
    <t>6706727.0</t>
  </si>
  <si>
    <t>1241.292</t>
  </si>
  <si>
    <t>5782112.0</t>
  </si>
  <si>
    <t>3745086.0</t>
  </si>
  <si>
    <t>2036142.0</t>
  </si>
  <si>
    <t>41324.0</t>
  </si>
  <si>
    <t>6725499.0</t>
  </si>
  <si>
    <t>1244.766</t>
  </si>
  <si>
    <t>5885631.0</t>
  </si>
  <si>
    <t>3766616.0</t>
  </si>
  <si>
    <t>2118107.0</t>
  </si>
  <si>
    <t>103519.0</t>
  </si>
  <si>
    <t>6743273.0</t>
  </si>
  <si>
    <t>1248.056</t>
  </si>
  <si>
    <t>5989606.0</t>
  </si>
  <si>
    <t>3785335.0</t>
  </si>
  <si>
    <t>2203344.0</t>
  </si>
  <si>
    <t>103975.0</t>
  </si>
  <si>
    <t>44054.0</t>
  </si>
  <si>
    <t>6760934.0</t>
  </si>
  <si>
    <t>1251.325</t>
  </si>
  <si>
    <t>6034746.0</t>
  </si>
  <si>
    <t>3791093.0</t>
  </si>
  <si>
    <t>2242723.0</t>
  </si>
  <si>
    <t>6771297.0</t>
  </si>
  <si>
    <t>1253.243</t>
  </si>
  <si>
    <t>6037356.0</t>
  </si>
  <si>
    <t>3791367.0</t>
  </si>
  <si>
    <t>2245056.0</t>
  </si>
  <si>
    <t>46033.0</t>
  </si>
  <si>
    <t>6781086.0</t>
  </si>
  <si>
    <t>1255.055</t>
  </si>
  <si>
    <t>6038593.0</t>
  </si>
  <si>
    <t>3791443.0</t>
  </si>
  <si>
    <t>2246213.0</t>
  </si>
  <si>
    <t>-1141.4</t>
  </si>
  <si>
    <t>-1.71</t>
  </si>
  <si>
    <t>-210.035323620748</t>
  </si>
  <si>
    <t>6802391.0</t>
  </si>
  <si>
    <t>1258.998</t>
  </si>
  <si>
    <t>6072085.0</t>
  </si>
  <si>
    <t>3793773.0</t>
  </si>
  <si>
    <t>2277366.0</t>
  </si>
  <si>
    <t>6821649.0</t>
  </si>
  <si>
    <t>6121674.0</t>
  </si>
  <si>
    <t>3798243.0</t>
  </si>
  <si>
    <t>2322445.0</t>
  </si>
  <si>
    <t>49589.0</t>
  </si>
  <si>
    <t>48509.0</t>
  </si>
  <si>
    <t>6841703.0</t>
  </si>
  <si>
    <t>1266.274</t>
  </si>
  <si>
    <t>6239863.0</t>
  </si>
  <si>
    <t>3809412.0</t>
  </si>
  <si>
    <t>2429381.0</t>
  </si>
  <si>
    <t>118189.0</t>
  </si>
  <si>
    <t>114.82</t>
  </si>
  <si>
    <t>6861930.0</t>
  </si>
  <si>
    <t>1270.017</t>
  </si>
  <si>
    <t>6351327.0</t>
  </si>
  <si>
    <t>3819319.0</t>
  </si>
  <si>
    <t>2530871.0</t>
  </si>
  <si>
    <t>111464.0</t>
  </si>
  <si>
    <t>51674.0</t>
  </si>
  <si>
    <t>6883318.0</t>
  </si>
  <si>
    <t>1273.976</t>
  </si>
  <si>
    <t>6409827.0</t>
  </si>
  <si>
    <t>3824268.0</t>
  </si>
  <si>
    <t>2584407.0</t>
  </si>
  <si>
    <t>58500.0</t>
  </si>
  <si>
    <t>53583.0</t>
  </si>
  <si>
    <t>6895033.0</t>
  </si>
  <si>
    <t>1276.144</t>
  </si>
  <si>
    <t>6417102.0</t>
  </si>
  <si>
    <t>3824644.0</t>
  </si>
  <si>
    <t>2591303.0</t>
  </si>
  <si>
    <t>6907229.0</t>
  </si>
  <si>
    <t>1278.401</t>
  </si>
  <si>
    <t>6419078.0</t>
  </si>
  <si>
    <t>3824778.0</t>
  </si>
  <si>
    <t>2593144.0</t>
  </si>
  <si>
    <t>54355.0</t>
  </si>
  <si>
    <t>-1060.3</t>
  </si>
  <si>
    <t>-195.111664302681</t>
  </si>
  <si>
    <t>6938018.0</t>
  </si>
  <si>
    <t>1284.1</t>
  </si>
  <si>
    <t>5.698</t>
  </si>
  <si>
    <t>6462971.0</t>
  </si>
  <si>
    <t>3827087.0</t>
  </si>
  <si>
    <t>2634657.0</t>
  </si>
  <si>
    <t>6968135.0</t>
  </si>
  <si>
    <t>30117.0</t>
  </si>
  <si>
    <t>1289.674</t>
  </si>
  <si>
    <t>6535254.0</t>
  </si>
  <si>
    <t>3832405.0</t>
  </si>
  <si>
    <t>2701551.0</t>
  </si>
  <si>
    <t>72283.0</t>
  </si>
  <si>
    <t>59083.0</t>
  </si>
  <si>
    <t>6999485.0</t>
  </si>
  <si>
    <t>1295.476</t>
  </si>
  <si>
    <t>6673891.0</t>
  </si>
  <si>
    <t>3844640.0</t>
  </si>
  <si>
    <t>2827932.0</t>
  </si>
  <si>
    <t>138637.0</t>
  </si>
  <si>
    <t>62004.0</t>
  </si>
  <si>
    <t>7029995.0</t>
  </si>
  <si>
    <t>1301.123</t>
  </si>
  <si>
    <t>6812577.0</t>
  </si>
  <si>
    <t>3858121.0</t>
  </si>
  <si>
    <t>2953051.0</t>
  </si>
  <si>
    <t>138686.0</t>
  </si>
  <si>
    <t>7058706.0</t>
  </si>
  <si>
    <t>1306.437</t>
  </si>
  <si>
    <t>6883149.0</t>
  </si>
  <si>
    <t>3866967.0</t>
  </si>
  <si>
    <t>3014720.0</t>
  </si>
  <si>
    <t>7075277.0</t>
  </si>
  <si>
    <t>1309.504</t>
  </si>
  <si>
    <t>6895628.0</t>
  </si>
  <si>
    <t>3869326.0</t>
  </si>
  <si>
    <t>3024832.0</t>
  </si>
  <si>
    <t>68361.0</t>
  </si>
  <si>
    <t>7091869.0</t>
  </si>
  <si>
    <t>1312.575</t>
  </si>
  <si>
    <t>6900573.0</t>
  </si>
  <si>
    <t>3869491.0</t>
  </si>
  <si>
    <t>68785.0</t>
  </si>
  <si>
    <t>-991.2</t>
  </si>
  <si>
    <t>-182.396191320208</t>
  </si>
  <si>
    <t>7133118.0</t>
  </si>
  <si>
    <t>1320.209</t>
  </si>
  <si>
    <t>27871.0</t>
  </si>
  <si>
    <t>6947004.0</t>
  </si>
  <si>
    <t>3878319.0</t>
  </si>
  <si>
    <t>3067184.0</t>
  </si>
  <si>
    <t>46431.0</t>
  </si>
  <si>
    <t>7170819.0</t>
  </si>
  <si>
    <t>1327.187</t>
  </si>
  <si>
    <t>7002116.0</t>
  </si>
  <si>
    <t>3887036.0</t>
  </si>
  <si>
    <t>3113552.0</t>
  </si>
  <si>
    <t>7206824.0</t>
  </si>
  <si>
    <t>1333.851</t>
  </si>
  <si>
    <t>29620.0</t>
  </si>
  <si>
    <t>7098701.0</t>
  </si>
  <si>
    <t>3903292.0</t>
  </si>
  <si>
    <t>3193812.0</t>
  </si>
  <si>
    <t>96585.0</t>
  </si>
  <si>
    <t>7242113.0</t>
  </si>
  <si>
    <t>1340.382</t>
  </si>
  <si>
    <t>7195725.0</t>
  </si>
  <si>
    <t>3920351.0</t>
  </si>
  <si>
    <t>3273688.0</t>
  </si>
  <si>
    <t>97024.0</t>
  </si>
  <si>
    <t>54735.0</t>
  </si>
  <si>
    <t>7273030.0</t>
  </si>
  <si>
    <t>1346.104</t>
  </si>
  <si>
    <t>7241073.0</t>
  </si>
  <si>
    <t>3929469.0</t>
  </si>
  <si>
    <t>3309870.0</t>
  </si>
  <si>
    <t>7288914.0</t>
  </si>
  <si>
    <t>1349.044</t>
  </si>
  <si>
    <t>7248213.0</t>
  </si>
  <si>
    <t>3930644.0</t>
  </si>
  <si>
    <t>3315834.0</t>
  </si>
  <si>
    <t>50369.0</t>
  </si>
  <si>
    <t>133.38</t>
  </si>
  <si>
    <t>7304734.0</t>
  </si>
  <si>
    <t>1351.972</t>
  </si>
  <si>
    <t>30409.0</t>
  </si>
  <si>
    <t>7249510.0</t>
  </si>
  <si>
    <t>3930901.0</t>
  </si>
  <si>
    <t>3316868.0</t>
  </si>
  <si>
    <t>-931.3</t>
  </si>
  <si>
    <t>-171.373661195026</t>
  </si>
  <si>
    <t>7344813.0</t>
  </si>
  <si>
    <t>1359.39</t>
  </si>
  <si>
    <t>7.418</t>
  </si>
  <si>
    <t>5.597</t>
  </si>
  <si>
    <t>7274745.0</t>
  </si>
  <si>
    <t>3935879.0</t>
  </si>
  <si>
    <t>3337113.0</t>
  </si>
  <si>
    <t>46820.0</t>
  </si>
  <si>
    <t>7378930.0</t>
  </si>
  <si>
    <t>34117.0</t>
  </si>
  <si>
    <t>1365.704</t>
  </si>
  <si>
    <t>7308810.0</t>
  </si>
  <si>
    <t>3943884.0</t>
  </si>
  <si>
    <t>3363147.0</t>
  </si>
  <si>
    <t>34065.0</t>
  </si>
  <si>
    <t>43813.0</t>
  </si>
  <si>
    <t>7409788.0</t>
  </si>
  <si>
    <t>30858.0</t>
  </si>
  <si>
    <t>1371.416</t>
  </si>
  <si>
    <t>28995.0</t>
  </si>
  <si>
    <t>7381658.0</t>
  </si>
  <si>
    <t>3963794.0</t>
  </si>
  <si>
    <t>3415996.0</t>
  </si>
  <si>
    <t>72848.0</t>
  </si>
  <si>
    <t>7437195.0</t>
  </si>
  <si>
    <t>1376.488</t>
  </si>
  <si>
    <t>7445558.0</t>
  </si>
  <si>
    <t>3982284.0</t>
  </si>
  <si>
    <t>3461302.0</t>
  </si>
  <si>
    <t>63900.0</t>
  </si>
  <si>
    <t>35690.0</t>
  </si>
  <si>
    <t>7460985.0</t>
  </si>
  <si>
    <t>1380.891</t>
  </si>
  <si>
    <t>7475589.0</t>
  </si>
  <si>
    <t>3991731.0</t>
  </si>
  <si>
    <t>3481821.0</t>
  </si>
  <si>
    <t>33502.0</t>
  </si>
  <si>
    <t>7471566.0</t>
  </si>
  <si>
    <t>1382.85</t>
  </si>
  <si>
    <t>26093.0</t>
  </si>
  <si>
    <t>7479479.0</t>
  </si>
  <si>
    <t>3992835.0</t>
  </si>
  <si>
    <t>3484604.0</t>
  </si>
  <si>
    <t>137.63</t>
  </si>
  <si>
    <t>7482721.0</t>
  </si>
  <si>
    <t>1384.914</t>
  </si>
  <si>
    <t>7480043.0</t>
  </si>
  <si>
    <t>3993251.0</t>
  </si>
  <si>
    <t>3484743.0</t>
  </si>
  <si>
    <t>-867.8</t>
  </si>
  <si>
    <t>-159.688675169166</t>
  </si>
  <si>
    <t>7513345.0</t>
  </si>
  <si>
    <t>1390.582</t>
  </si>
  <si>
    <t>7496149.0</t>
  </si>
  <si>
    <t>3998396.0</t>
  </si>
  <si>
    <t>3495653.0</t>
  </si>
  <si>
    <t>7539289.0</t>
  </si>
  <si>
    <t>25944.0</t>
  </si>
  <si>
    <t>1395.384</t>
  </si>
  <si>
    <t>7524934.0</t>
  </si>
  <si>
    <t>4014604.0</t>
  </si>
  <si>
    <t>3508098.0</t>
  </si>
  <si>
    <t>28785.0</t>
  </si>
  <si>
    <t>7563706.0</t>
  </si>
  <si>
    <t>24417.0</t>
  </si>
  <si>
    <t>1399.903</t>
  </si>
  <si>
    <t>7585681.0</t>
  </si>
  <si>
    <t>4044407.0</t>
  </si>
  <si>
    <t>3538229.0</t>
  </si>
  <si>
    <t>29146.0</t>
  </si>
  <si>
    <t>7584972.0</t>
  </si>
  <si>
    <t>1403.839</t>
  </si>
  <si>
    <t>7638302.0</t>
  </si>
  <si>
    <t>4070843.0</t>
  </si>
  <si>
    <t>3562640.0</t>
  </si>
  <si>
    <t>52621.0</t>
  </si>
  <si>
    <t>27535.0</t>
  </si>
  <si>
    <t>140.56</t>
  </si>
  <si>
    <t>7601634.0</t>
  </si>
  <si>
    <t>1406.923</t>
  </si>
  <si>
    <t>7663195.0</t>
  </si>
  <si>
    <t>4084163.0</t>
  </si>
  <si>
    <t>3573450.0</t>
  </si>
  <si>
    <t>26801.0</t>
  </si>
  <si>
    <t>7610308.0</t>
  </si>
  <si>
    <t>1408.528</t>
  </si>
  <si>
    <t>19820.0</t>
  </si>
  <si>
    <t>7666046.0</t>
  </si>
  <si>
    <t>4086473.0</t>
  </si>
  <si>
    <t>3573934.0</t>
  </si>
  <si>
    <t>7619639.0</t>
  </si>
  <si>
    <t>1410.255</t>
  </si>
  <si>
    <t>7666159.0</t>
  </si>
  <si>
    <t>4086495.0</t>
  </si>
  <si>
    <t>3574017.0</t>
  </si>
  <si>
    <t>-753.9</t>
  </si>
  <si>
    <t>-138.729306533803</t>
  </si>
  <si>
    <t>7647464.0</t>
  </si>
  <si>
    <t>1415.405</t>
  </si>
  <si>
    <t>7686709.0</t>
  </si>
  <si>
    <t>4099399.0</t>
  </si>
  <si>
    <t>3580679.0</t>
  </si>
  <si>
    <t>7669231.0</t>
  </si>
  <si>
    <t>1419.434</t>
  </si>
  <si>
    <t>7712642.0</t>
  </si>
  <si>
    <t>4114787.0</t>
  </si>
  <si>
    <t>3590198.0</t>
  </si>
  <si>
    <t>26815.0</t>
  </si>
  <si>
    <t>7689151.0</t>
  </si>
  <si>
    <t>1423.121</t>
  </si>
  <si>
    <t>7750797.0</t>
  </si>
  <si>
    <t>4131724.0</t>
  </si>
  <si>
    <t>3609264.0</t>
  </si>
  <si>
    <t>7706066.0</t>
  </si>
  <si>
    <t>1426.251</t>
  </si>
  <si>
    <t>7784865.0</t>
  </si>
  <si>
    <t>4146737.0</t>
  </si>
  <si>
    <t>3626198.0</t>
  </si>
  <si>
    <t>34068.0</t>
  </si>
  <si>
    <t>7719794.0</t>
  </si>
  <si>
    <t>1428.792</t>
  </si>
  <si>
    <t>7799715.0</t>
  </si>
  <si>
    <t>4153356.0</t>
  </si>
  <si>
    <t>3633595.0</t>
  </si>
  <si>
    <t>7725728.0</t>
  </si>
  <si>
    <t>1429.89</t>
  </si>
  <si>
    <t>7801598.0</t>
  </si>
  <si>
    <t>4155027.0</t>
  </si>
  <si>
    <t>3633770.0</t>
  </si>
  <si>
    <t>7731660.0</t>
  </si>
  <si>
    <t>1430.988</t>
  </si>
  <si>
    <t>7801701.0</t>
  </si>
  <si>
    <t>4155047.0</t>
  </si>
  <si>
    <t>3633847.0</t>
  </si>
  <si>
    <t>-656.2</t>
  </si>
  <si>
    <t>-120.750989451494</t>
  </si>
  <si>
    <t>7748943.0</t>
  </si>
  <si>
    <t>1434.187</t>
  </si>
  <si>
    <t>7812039.0</t>
  </si>
  <si>
    <t>4159423.0</t>
  </si>
  <si>
    <t>3639076.0</t>
  </si>
  <si>
    <t>17904.0</t>
  </si>
  <si>
    <t>143.75</t>
  </si>
  <si>
    <t>7762293.0</t>
  </si>
  <si>
    <t>1436.658</t>
  </si>
  <si>
    <t>7825447.0</t>
  </si>
  <si>
    <t>4164468.0</t>
  </si>
  <si>
    <t>3646441.0</t>
  </si>
  <si>
    <t>7775519.0</t>
  </si>
  <si>
    <t>1439.106</t>
  </si>
  <si>
    <t>7853006.0</t>
  </si>
  <si>
    <t>4174678.0</t>
  </si>
  <si>
    <t>3661190.0</t>
  </si>
  <si>
    <t>7787466.0</t>
  </si>
  <si>
    <t>1441.317</t>
  </si>
  <si>
    <t>7880342.0</t>
  </si>
  <si>
    <t>4184958.0</t>
  </si>
  <si>
    <t>3675173.0</t>
  </si>
  <si>
    <t>27336.0</t>
  </si>
  <si>
    <t>7797467.0</t>
  </si>
  <si>
    <t>1443.168</t>
  </si>
  <si>
    <t>7890320.0</t>
  </si>
  <si>
    <t>4187561.0</t>
  </si>
  <si>
    <t>3681488.0</t>
  </si>
  <si>
    <t>21271.0</t>
  </si>
  <si>
    <t>7801914.0</t>
  </si>
  <si>
    <t>1443.991</t>
  </si>
  <si>
    <t>7890800.0</t>
  </si>
  <si>
    <t>4187691.0</t>
  </si>
  <si>
    <t>3681788.0</t>
  </si>
  <si>
    <t>21321.0</t>
  </si>
  <si>
    <t>7806797.0</t>
  </si>
  <si>
    <t>1444.895</t>
  </si>
  <si>
    <t>7890838.0</t>
  </si>
  <si>
    <t>4187697.0</t>
  </si>
  <si>
    <t>3681813.0</t>
  </si>
  <si>
    <t>-587.3</t>
  </si>
  <si>
    <t>-108.072319574615</t>
  </si>
  <si>
    <t>7820755.0</t>
  </si>
  <si>
    <t>1447.478</t>
  </si>
  <si>
    <t>7895722.0</t>
  </si>
  <si>
    <t>4188848.0</t>
  </si>
  <si>
    <t>3684873.0</t>
  </si>
  <si>
    <t>7831872.0</t>
  </si>
  <si>
    <t>1449.536</t>
  </si>
  <si>
    <t>7905161.0</t>
  </si>
  <si>
    <t>4191588.0</t>
  </si>
  <si>
    <t>3690055.0</t>
  </si>
  <si>
    <t>7842713.0</t>
  </si>
  <si>
    <t>1451.542</t>
  </si>
  <si>
    <t>7919419.0</t>
  </si>
  <si>
    <t>4195311.0</t>
  </si>
  <si>
    <t>3697204.0</t>
  </si>
  <si>
    <t>7852777.0</t>
  </si>
  <si>
    <t>1453.405</t>
  </si>
  <si>
    <t>7935756.0</t>
  </si>
  <si>
    <t>4198837.0</t>
  </si>
  <si>
    <t>3704869.0</t>
  </si>
  <si>
    <t>7861092.0</t>
  </si>
  <si>
    <t>1454.944</t>
  </si>
  <si>
    <t>7945689.0</t>
  </si>
  <si>
    <t>4200249.0</t>
  </si>
  <si>
    <t>3708686.0</t>
  </si>
  <si>
    <t>7865083.0</t>
  </si>
  <si>
    <t>1455.682</t>
  </si>
  <si>
    <t>7945973.0</t>
  </si>
  <si>
    <t>4200289.0</t>
  </si>
  <si>
    <t>3708788.0</t>
  </si>
  <si>
    <t>7869109.0</t>
  </si>
  <si>
    <t>1456.428</t>
  </si>
  <si>
    <t>7946097.0</t>
  </si>
  <si>
    <t>4200308.0</t>
  </si>
  <si>
    <t>3708809.0</t>
  </si>
  <si>
    <t>-512.2</t>
  </si>
  <si>
    <t>-94.252753424345</t>
  </si>
  <si>
    <t>7880759.0</t>
  </si>
  <si>
    <t>1458.584</t>
  </si>
  <si>
    <t>7956779.0</t>
  </si>
  <si>
    <t>4201419.0</t>
  </si>
  <si>
    <t>3710781.0</t>
  </si>
  <si>
    <t>7889572.0</t>
  </si>
  <si>
    <t>1460.215</t>
  </si>
  <si>
    <t>7968852.0</t>
  </si>
  <si>
    <t>4202747.0</t>
  </si>
  <si>
    <t>3713420.0</t>
  </si>
  <si>
    <t>7898513.0</t>
  </si>
  <si>
    <t>1461.87</t>
  </si>
  <si>
    <t>7981436.0</t>
  </si>
  <si>
    <t>4204861.0</t>
  </si>
  <si>
    <t>3719059.0</t>
  </si>
  <si>
    <t>57516.0</t>
  </si>
  <si>
    <t>7906326.0</t>
  </si>
  <si>
    <t>1463.316</t>
  </si>
  <si>
    <t>7989154.0</t>
  </si>
  <si>
    <t>4206162.0</t>
  </si>
  <si>
    <t>3722659.0</t>
  </si>
  <si>
    <t>60333.0</t>
  </si>
  <si>
    <t>7913635.0</t>
  </si>
  <si>
    <t>1464.669</t>
  </si>
  <si>
    <t>7993884.0</t>
  </si>
  <si>
    <t>4207045.0</t>
  </si>
  <si>
    <t>3724872.0</t>
  </si>
  <si>
    <t>61967.0</t>
  </si>
  <si>
    <t>7917061.0</t>
  </si>
  <si>
    <t>1465.303</t>
  </si>
  <si>
    <t>7993979.0</t>
  </si>
  <si>
    <t>4207074.0</t>
  </si>
  <si>
    <t>3724925.0</t>
  </si>
  <si>
    <t>61980.0</t>
  </si>
  <si>
    <t>7920904.0</t>
  </si>
  <si>
    <t>1466.014</t>
  </si>
  <si>
    <t>7994038.0</t>
  </si>
  <si>
    <t>4207084.0</t>
  </si>
  <si>
    <t>3724947.0</t>
  </si>
  <si>
    <t>-457.3</t>
  </si>
  <si>
    <t>-84.1503009389945</t>
  </si>
  <si>
    <t>7932782.0</t>
  </si>
  <si>
    <t>1468.212</t>
  </si>
  <si>
    <t>7997570.0</t>
  </si>
  <si>
    <t>4207523.0</t>
  </si>
  <si>
    <t>3726348.0</t>
  </si>
  <si>
    <t>7942246.0</t>
  </si>
  <si>
    <t>1469.964</t>
  </si>
  <si>
    <t>8003178.0</t>
  </si>
  <si>
    <t>4208441.0</t>
  </si>
  <si>
    <t>3728767.0</t>
  </si>
  <si>
    <t>65970.0</t>
  </si>
  <si>
    <t>147.27</t>
  </si>
  <si>
    <t>7952429.0</t>
  </si>
  <si>
    <t>1471.849</t>
  </si>
  <si>
    <t>8014902.0</t>
  </si>
  <si>
    <t>4210823.0</t>
  </si>
  <si>
    <t>3733570.0</t>
  </si>
  <si>
    <t>70509.0</t>
  </si>
  <si>
    <t>7961695.0</t>
  </si>
  <si>
    <t>1473.564</t>
  </si>
  <si>
    <t>8027336.0</t>
  </si>
  <si>
    <t>4212793.0</t>
  </si>
  <si>
    <t>3738756.0</t>
  </si>
  <si>
    <t>75787.0</t>
  </si>
  <si>
    <t>7970406.0</t>
  </si>
  <si>
    <t>1475.176</t>
  </si>
  <si>
    <t>8033259.0</t>
  </si>
  <si>
    <t>4213671.0</t>
  </si>
  <si>
    <t>3741156.0</t>
  </si>
  <si>
    <t>7974715.0</t>
  </si>
  <si>
    <t>1475.973</t>
  </si>
  <si>
    <t>8033394.0</t>
  </si>
  <si>
    <t>4213719.0</t>
  </si>
  <si>
    <t>3741207.0</t>
  </si>
  <si>
    <t>78468.0</t>
  </si>
  <si>
    <t>7979539.0</t>
  </si>
  <si>
    <t>1476.866</t>
  </si>
  <si>
    <t>8033423.0</t>
  </si>
  <si>
    <t>4213727.0</t>
  </si>
  <si>
    <t>3741214.0</t>
  </si>
  <si>
    <t>78482.0</t>
  </si>
  <si>
    <t>-359.2</t>
  </si>
  <si>
    <t>-66.0983776454993</t>
  </si>
  <si>
    <t>7993725.0</t>
  </si>
  <si>
    <t>1479.492</t>
  </si>
  <si>
    <t>8037859.0</t>
  </si>
  <si>
    <t>4214288.0</t>
  </si>
  <si>
    <t>3742854.0</t>
  </si>
  <si>
    <t>80717.0</t>
  </si>
  <si>
    <t>8005881.0</t>
  </si>
  <si>
    <t>1481.742</t>
  </si>
  <si>
    <t>8043824.0</t>
  </si>
  <si>
    <t>4215249.0</t>
  </si>
  <si>
    <t>3744964.0</t>
  </si>
  <si>
    <t>83611.0</t>
  </si>
  <si>
    <t>8018724.0</t>
  </si>
  <si>
    <t>1484.119</t>
  </si>
  <si>
    <t>8056691.0</t>
  </si>
  <si>
    <t>4217023.0</t>
  </si>
  <si>
    <t>3750570.0</t>
  </si>
  <si>
    <t>148.26</t>
  </si>
  <si>
    <t>8031926.0</t>
  </si>
  <si>
    <t>1486.562</t>
  </si>
  <si>
    <t>8069980.0</t>
  </si>
  <si>
    <t>4218509.0</t>
  </si>
  <si>
    <t>3756569.0</t>
  </si>
  <si>
    <t>8043854.0</t>
  </si>
  <si>
    <t>1488.77</t>
  </si>
  <si>
    <t>8074983.0</t>
  </si>
  <si>
    <t>4219233.0</t>
  </si>
  <si>
    <t>97346.0</t>
  </si>
  <si>
    <t>8049221.0</t>
  </si>
  <si>
    <t>1489.763</t>
  </si>
  <si>
    <t>8075191.0</t>
  </si>
  <si>
    <t>4219305.0</t>
  </si>
  <si>
    <t>3758468.0</t>
  </si>
  <si>
    <t>97418.0</t>
  </si>
  <si>
    <t>8054901.0</t>
  </si>
  <si>
    <t>1490.814</t>
  </si>
  <si>
    <t>8075230.0</t>
  </si>
  <si>
    <t>4219314.0</t>
  </si>
  <si>
    <t>3758487.0</t>
  </si>
  <si>
    <t>-224.9</t>
  </si>
  <si>
    <t>-41.3850922396236</t>
  </si>
  <si>
    <t>8073233.0</t>
  </si>
  <si>
    <t>1494.207</t>
  </si>
  <si>
    <t>8079480.0</t>
  </si>
  <si>
    <t>4219871.0</t>
  </si>
  <si>
    <t>3759645.0</t>
  </si>
  <si>
    <t>99964.0</t>
  </si>
  <si>
    <t>8088916.0</t>
  </si>
  <si>
    <t>1497.11</t>
  </si>
  <si>
    <t>8089487.0</t>
  </si>
  <si>
    <t>4220846.0</t>
  </si>
  <si>
    <t>3761467.0</t>
  </si>
  <si>
    <t>107174.0</t>
  </si>
  <si>
    <t>8105844.0</t>
  </si>
  <si>
    <t>1500.243</t>
  </si>
  <si>
    <t>8111605.0</t>
  </si>
  <si>
    <t>4222918.0</t>
  </si>
  <si>
    <t>3766210.0</t>
  </si>
  <si>
    <t>122477.0</t>
  </si>
  <si>
    <t>8120708.0</t>
  </si>
  <si>
    <t>1502.994</t>
  </si>
  <si>
    <t>8135894.0</t>
  </si>
  <si>
    <t>4225172.0</t>
  </si>
  <si>
    <t>3770878.0</t>
  </si>
  <si>
    <t>139844.0</t>
  </si>
  <si>
    <t>8134846.0</t>
  </si>
  <si>
    <t>1505.611</t>
  </si>
  <si>
    <t>8148745.0</t>
  </si>
  <si>
    <t>4226238.0</t>
  </si>
  <si>
    <t>3773179.0</t>
  </si>
  <si>
    <t>149328.0</t>
  </si>
  <si>
    <t>8141650.0</t>
  </si>
  <si>
    <t>1506.87</t>
  </si>
  <si>
    <t>8150571.0</t>
  </si>
  <si>
    <t>4226314.0</t>
  </si>
  <si>
    <t>3773302.0</t>
  </si>
  <si>
    <t>150955.0</t>
  </si>
  <si>
    <t>8149069.0</t>
  </si>
  <si>
    <t>1508.243</t>
  </si>
  <si>
    <t>8151822.0</t>
  </si>
  <si>
    <t>4226331.0</t>
  </si>
  <si>
    <t>3773313.0</t>
  </si>
  <si>
    <t>152178.0</t>
  </si>
  <si>
    <t>-59.0000000000004</t>
  </si>
  <si>
    <t>-10.8569161500125</t>
  </si>
  <si>
    <t>36.251</t>
  </si>
  <si>
    <t>8169789.0</t>
  </si>
  <si>
    <t>20720.0</t>
  </si>
  <si>
    <t>1512.078</t>
  </si>
  <si>
    <t>8164284.0</t>
  </si>
  <si>
    <t>4227006.0</t>
  </si>
  <si>
    <t>3774914.0</t>
  </si>
  <si>
    <t>162364.0</t>
  </si>
  <si>
    <t>8187645.0</t>
  </si>
  <si>
    <t>1515.383</t>
  </si>
  <si>
    <t>8184036.0</t>
  </si>
  <si>
    <t>4228300.0</t>
  </si>
  <si>
    <t>3778133.0</t>
  </si>
  <si>
    <t>177603.0</t>
  </si>
  <si>
    <t>8206775.0</t>
  </si>
  <si>
    <t>1518.923</t>
  </si>
  <si>
    <t>8219847.0</t>
  </si>
  <si>
    <t>4230359.0</t>
  </si>
  <si>
    <t>3782335.0</t>
  </si>
  <si>
    <t>207153.0</t>
  </si>
  <si>
    <t>15463.0</t>
  </si>
  <si>
    <t>8224461.0</t>
  </si>
  <si>
    <t>1522.197</t>
  </si>
  <si>
    <t>14822.0</t>
  </si>
  <si>
    <t>8255019.0</t>
  </si>
  <si>
    <t>3787938.0</t>
  </si>
  <si>
    <t>234502.0</t>
  </si>
  <si>
    <t>8239670.0</t>
  </si>
  <si>
    <t>1525.012</t>
  </si>
  <si>
    <t>8270006.0</t>
  </si>
  <si>
    <t>4233562.0</t>
  </si>
  <si>
    <t>3789640.0</t>
  </si>
  <si>
    <t>246804.0</t>
  </si>
  <si>
    <t>8247329.0</t>
  </si>
  <si>
    <t>1526.429</t>
  </si>
  <si>
    <t>8270792.0</t>
  </si>
  <si>
    <t>4233655.0</t>
  </si>
  <si>
    <t>3789771.0</t>
  </si>
  <si>
    <t>247366.0</t>
  </si>
  <si>
    <t>8255330.0</t>
  </si>
  <si>
    <t>1527.91</t>
  </si>
  <si>
    <t>8270905.0</t>
  </si>
  <si>
    <t>4233664.0</t>
  </si>
  <si>
    <t>3789780.0</t>
  </si>
  <si>
    <t>17012.0</t>
  </si>
  <si>
    <t>24.7500885114689</t>
  </si>
  <si>
    <t>8278111.0</t>
  </si>
  <si>
    <t>22781.0</t>
  </si>
  <si>
    <t>1532.126</t>
  </si>
  <si>
    <t>8286923.0</t>
  </si>
  <si>
    <t>4234720.0</t>
  </si>
  <si>
    <t>3792252.0</t>
  </si>
  <si>
    <t>259951.0</t>
  </si>
  <si>
    <t>8296861.0</t>
  </si>
  <si>
    <t>1535.597</t>
  </si>
  <si>
    <t>8309886.0</t>
  </si>
  <si>
    <t>4236028.0</t>
  </si>
  <si>
    <t>3795248.0</t>
  </si>
  <si>
    <t>278610.0</t>
  </si>
  <si>
    <t>152.91</t>
  </si>
  <si>
    <t>8315882.0</t>
  </si>
  <si>
    <t>1539.117</t>
  </si>
  <si>
    <t>8354265.0</t>
  </si>
  <si>
    <t>4238251.0</t>
  </si>
  <si>
    <t>3801131.0</t>
  </si>
  <si>
    <t>314883.0</t>
  </si>
  <si>
    <t>8333052.0</t>
  </si>
  <si>
    <t>1542.295</t>
  </si>
  <si>
    <t>8397823.0</t>
  </si>
  <si>
    <t>4240360.0</t>
  </si>
  <si>
    <t>3805705.0</t>
  </si>
  <si>
    <t>351758.0</t>
  </si>
  <si>
    <t>43558.0</t>
  </si>
  <si>
    <t>8349189.0</t>
  </si>
  <si>
    <t>1545.282</t>
  </si>
  <si>
    <t>8418845.0</t>
  </si>
  <si>
    <t>4241386.0</t>
  </si>
  <si>
    <t>3808364.0</t>
  </si>
  <si>
    <t>369095.0</t>
  </si>
  <si>
    <t>21022.0</t>
  </si>
  <si>
    <t>8357379.0</t>
  </si>
  <si>
    <t>1546.797</t>
  </si>
  <si>
    <t>8420637.0</t>
  </si>
  <si>
    <t>4241494.0</t>
  </si>
  <si>
    <t>3809151.0</t>
  </si>
  <si>
    <t>369992.0</t>
  </si>
  <si>
    <t>8365755.0</t>
  </si>
  <si>
    <t>1548.348</t>
  </si>
  <si>
    <t>8420809.0</t>
  </si>
  <si>
    <t>4241510.0</t>
  </si>
  <si>
    <t>3809167.0</t>
  </si>
  <si>
    <t>370132.0</t>
  </si>
  <si>
    <t>269.4</t>
  </si>
  <si>
    <t>49.5737832341244</t>
  </si>
  <si>
    <t>8389223.0</t>
  </si>
  <si>
    <t>1552.691</t>
  </si>
  <si>
    <t>8442707.0</t>
  </si>
  <si>
    <t>4242443.0</t>
  </si>
  <si>
    <t>3811333.0</t>
  </si>
  <si>
    <t>388931.0</t>
  </si>
  <si>
    <t>155.36</t>
  </si>
  <si>
    <t>8408439.0</t>
  </si>
  <si>
    <t>1556.248</t>
  </si>
  <si>
    <t>8476282.0</t>
  </si>
  <si>
    <t>4243692.0</t>
  </si>
  <si>
    <t>3816199.0</t>
  </si>
  <si>
    <t>416391.0</t>
  </si>
  <si>
    <t>8427702.0</t>
  </si>
  <si>
    <t>1559.813</t>
  </si>
  <si>
    <t>8541401.0</t>
  </si>
  <si>
    <t>4246235.0</t>
  </si>
  <si>
    <t>3823793.0</t>
  </si>
  <si>
    <t>471373.0</t>
  </si>
  <si>
    <t>157.18</t>
  </si>
  <si>
    <t>8446199.0</t>
  </si>
  <si>
    <t>1563.236</t>
  </si>
  <si>
    <t>8606851.0</t>
  </si>
  <si>
    <t>4248783.0</t>
  </si>
  <si>
    <t>3832873.0</t>
  </si>
  <si>
    <t>525195.0</t>
  </si>
  <si>
    <t>65450.0</t>
  </si>
  <si>
    <t>8462700.0</t>
  </si>
  <si>
    <t>1566.29</t>
  </si>
  <si>
    <t>8636255.0</t>
  </si>
  <si>
    <t>4249907.0</t>
  </si>
  <si>
    <t>3836587.0</t>
  </si>
  <si>
    <t>549761.0</t>
  </si>
  <si>
    <t>8471977.0</t>
  </si>
  <si>
    <t>1568.007</t>
  </si>
  <si>
    <t>8640007.0</t>
  </si>
  <si>
    <t>4250057.0</t>
  </si>
  <si>
    <t>3836866.0</t>
  </si>
  <si>
    <t>553084.0</t>
  </si>
  <si>
    <t>8481635.0</t>
  </si>
  <si>
    <t>1569.795</t>
  </si>
  <si>
    <t>8640986.0</t>
  </si>
  <si>
    <t>4250066.0</t>
  </si>
  <si>
    <t>3836894.0</t>
  </si>
  <si>
    <t>554026.0</t>
  </si>
  <si>
    <t>439.7</t>
  </si>
  <si>
    <t>80.9116276467873</t>
  </si>
  <si>
    <t>8507981.0</t>
  </si>
  <si>
    <t>1574.671</t>
  </si>
  <si>
    <t>8668690.0</t>
  </si>
  <si>
    <t>4250957.0</t>
  </si>
  <si>
    <t>3840451.0</t>
  </si>
  <si>
    <t>577282.0</t>
  </si>
  <si>
    <t>8531901.0</t>
  </si>
  <si>
    <t>23920.0</t>
  </si>
  <si>
    <t>1579.098</t>
  </si>
  <si>
    <t>8709176.0</t>
  </si>
  <si>
    <t>4252299.0</t>
  </si>
  <si>
    <t>3846110.0</t>
  </si>
  <si>
    <t>610767.0</t>
  </si>
  <si>
    <t>40486.0</t>
  </si>
  <si>
    <t>33271.0</t>
  </si>
  <si>
    <t>8556179.0</t>
  </si>
  <si>
    <t>1583.592</t>
  </si>
  <si>
    <t>8776697.0</t>
  </si>
  <si>
    <t>4254810.0</t>
  </si>
  <si>
    <t>3854851.0</t>
  </si>
  <si>
    <t>667036.0</t>
  </si>
  <si>
    <t>33614.0</t>
  </si>
  <si>
    <t>161.5</t>
  </si>
  <si>
    <t>8582147.0</t>
  </si>
  <si>
    <t>1588.398</t>
  </si>
  <si>
    <t>8849083.0</t>
  </si>
  <si>
    <t>4257252.0</t>
  </si>
  <si>
    <t>3864887.0</t>
  </si>
  <si>
    <t>726944.0</t>
  </si>
  <si>
    <t>72386.0</t>
  </si>
  <si>
    <t>34605.0</t>
  </si>
  <si>
    <t>8607655.0</t>
  </si>
  <si>
    <t>1593.119</t>
  </si>
  <si>
    <t>8880638.0</t>
  </si>
  <si>
    <t>4258481.0</t>
  </si>
  <si>
    <t>3868420.0</t>
  </si>
  <si>
    <t>753737.0</t>
  </si>
  <si>
    <t>31555.0</t>
  </si>
  <si>
    <t>8621095.0</t>
  </si>
  <si>
    <t>1595.606</t>
  </si>
  <si>
    <t>8883083.0</t>
  </si>
  <si>
    <t>4258616.0</t>
  </si>
  <si>
    <t>3868633.0</t>
  </si>
  <si>
    <t>755834.0</t>
  </si>
  <si>
    <t>34725.0</t>
  </si>
  <si>
    <t>8635002.0</t>
  </si>
  <si>
    <t>1598.18</t>
  </si>
  <si>
    <t>8883918.0</t>
  </si>
  <si>
    <t>4258636.0</t>
  </si>
  <si>
    <t>3868670.0</t>
  </si>
  <si>
    <t>756612.0</t>
  </si>
  <si>
    <t>615.4</t>
  </si>
  <si>
    <t>113.243155910468</t>
  </si>
  <si>
    <t>8669764.0</t>
  </si>
  <si>
    <t>34762.0</t>
  </si>
  <si>
    <t>1604.614</t>
  </si>
  <si>
    <t>8913709.0</t>
  </si>
  <si>
    <t>4259680.0</t>
  </si>
  <si>
    <t>3871000.0</t>
  </si>
  <si>
    <t>8701117.0</t>
  </si>
  <si>
    <t>1610.417</t>
  </si>
  <si>
    <t>24174.0</t>
  </si>
  <si>
    <t>8957163.0</t>
  </si>
  <si>
    <t>4261183.0</t>
  </si>
  <si>
    <t>3874823.0</t>
  </si>
  <si>
    <t>821157.0</t>
  </si>
  <si>
    <t>43454.0</t>
  </si>
  <si>
    <t>8732775.0</t>
  </si>
  <si>
    <t>1616.276</t>
  </si>
  <si>
    <t>9033580.0</t>
  </si>
  <si>
    <t>4263850.0</t>
  </si>
  <si>
    <t>3880556.0</t>
  </si>
  <si>
    <t>889174.0</t>
  </si>
  <si>
    <t>76417.0</t>
  </si>
  <si>
    <t>8764703.0</t>
  </si>
  <si>
    <t>1622.186</t>
  </si>
  <si>
    <t>9118546.0</t>
  </si>
  <si>
    <t>4266733.0</t>
  </si>
  <si>
    <t>3886976.0</t>
  </si>
  <si>
    <t>964837.0</t>
  </si>
  <si>
    <t>38495.0</t>
  </si>
  <si>
    <t>8797857.0</t>
  </si>
  <si>
    <t>1628.322</t>
  </si>
  <si>
    <t>9153446.0</t>
  </si>
  <si>
    <t>4267998.0</t>
  </si>
  <si>
    <t>3889322.0</t>
  </si>
  <si>
    <t>996126.0</t>
  </si>
  <si>
    <t>34900.0</t>
  </si>
  <si>
    <t>1631.495</t>
  </si>
  <si>
    <t>27701.0</t>
  </si>
  <si>
    <t>9157490.0</t>
  </si>
  <si>
    <t>4268077.0</t>
  </si>
  <si>
    <t>3889595.0</t>
  </si>
  <si>
    <t>999818.0</t>
  </si>
  <si>
    <t>39201.0</t>
  </si>
  <si>
    <t>8832217.0</t>
  </si>
  <si>
    <t>1634.681</t>
  </si>
  <si>
    <t>28174.0</t>
  </si>
  <si>
    <t>9159614.0</t>
  </si>
  <si>
    <t>4268112.0</t>
  </si>
  <si>
    <t>3889640.0</t>
  </si>
  <si>
    <t>1001862.0</t>
  </si>
  <si>
    <t>168.55</t>
  </si>
  <si>
    <t>840.5</t>
  </si>
  <si>
    <t>154.665051255685</t>
  </si>
  <si>
    <t>8870656.0</t>
  </si>
  <si>
    <t>1641.796</t>
  </si>
  <si>
    <t>9191070.0</t>
  </si>
  <si>
    <t>4269392.0</t>
  </si>
  <si>
    <t>3891717.0</t>
  </si>
  <si>
    <t>1029961.0</t>
  </si>
  <si>
    <t>8906726.0</t>
  </si>
  <si>
    <t>1648.471</t>
  </si>
  <si>
    <t>29373.0</t>
  </si>
  <si>
    <t>9245292.0</t>
  </si>
  <si>
    <t>4271394.0</t>
  </si>
  <si>
    <t>3895512.0</t>
  </si>
  <si>
    <t>1078386.0</t>
  </si>
  <si>
    <t>41161.0</t>
  </si>
  <si>
    <t>69.006</t>
  </si>
  <si>
    <t>8942122.0</t>
  </si>
  <si>
    <t>1655.023</t>
  </si>
  <si>
    <t>5.535</t>
  </si>
  <si>
    <t>9334877.0</t>
  </si>
  <si>
    <t>4274962.0</t>
  </si>
  <si>
    <t>3901625.0</t>
  </si>
  <si>
    <t>1158290.0</t>
  </si>
  <si>
    <t>89585.0</t>
  </si>
  <si>
    <t>8975732.0</t>
  </si>
  <si>
    <t>33610.0</t>
  </si>
  <si>
    <t>1661.243</t>
  </si>
  <si>
    <t>30147.0</t>
  </si>
  <si>
    <t>9434514.0</t>
  </si>
  <si>
    <t>4279431.0</t>
  </si>
  <si>
    <t>3908867.0</t>
  </si>
  <si>
    <t>1246216.0</t>
  </si>
  <si>
    <t>45138.0</t>
  </si>
  <si>
    <t>9007582.0</t>
  </si>
  <si>
    <t>1667.138</t>
  </si>
  <si>
    <t>5.545</t>
  </si>
  <si>
    <t>4281430.0</t>
  </si>
  <si>
    <t>3911974.0</t>
  </si>
  <si>
    <t>1283901.0</t>
  </si>
  <si>
    <t>9025477.0</t>
  </si>
  <si>
    <t>1670.45</t>
  </si>
  <si>
    <t>30068.0</t>
  </si>
  <si>
    <t>9485337.0</t>
  </si>
  <si>
    <t>4281701.0</t>
  </si>
  <si>
    <t>3912450.0</t>
  </si>
  <si>
    <t>9042019.0</t>
  </si>
  <si>
    <t>1673.512</t>
  </si>
  <si>
    <t>9488478.0</t>
  </si>
  <si>
    <t>4281762.0</t>
  </si>
  <si>
    <t>3912662.0</t>
  </si>
  <si>
    <t>1294054.0</t>
  </si>
  <si>
    <t>183.537087593599</t>
  </si>
  <si>
    <t>9077446.0</t>
  </si>
  <si>
    <t>1680.069</t>
  </si>
  <si>
    <t>9545168.0</t>
  </si>
  <si>
    <t>4284036.0</t>
  </si>
  <si>
    <t>3915805.0</t>
  </si>
  <si>
    <t>1345327.0</t>
  </si>
  <si>
    <t>56690.0</t>
  </si>
  <si>
    <t>175.65</t>
  </si>
  <si>
    <t>9106746.0</t>
  </si>
  <si>
    <t>1685.492</t>
  </si>
  <si>
    <t>9612348.0</t>
  </si>
  <si>
    <t>4286756.0</t>
  </si>
  <si>
    <t>3919762.0</t>
  </si>
  <si>
    <t>1405830.0</t>
  </si>
  <si>
    <t>52437.0</t>
  </si>
  <si>
    <t>9130125.0</t>
  </si>
  <si>
    <t>1689.819</t>
  </si>
  <si>
    <t>9666952.0</t>
  </si>
  <si>
    <t>4288984.0</t>
  </si>
  <si>
    <t>3922971.0</t>
  </si>
  <si>
    <t>47439.0</t>
  </si>
  <si>
    <t>9146609.0</t>
  </si>
  <si>
    <t>16484.0</t>
  </si>
  <si>
    <t>1692.869</t>
  </si>
  <si>
    <t>9674899.0</t>
  </si>
  <si>
    <t>4289266.0</t>
  </si>
  <si>
    <t>3923614.0</t>
  </si>
  <si>
    <t>1462019.0</t>
  </si>
  <si>
    <t>9153433.0</t>
  </si>
  <si>
    <t>1694.132</t>
  </si>
  <si>
    <t>9674987.0</t>
  </si>
  <si>
    <t>4289271.0</t>
  </si>
  <si>
    <t>3923628.0</t>
  </si>
  <si>
    <t>1462088.0</t>
  </si>
  <si>
    <t>9160960.0</t>
  </si>
  <si>
    <t>1695.526</t>
  </si>
  <si>
    <t>9675023.0</t>
  </si>
  <si>
    <t>4289272.0</t>
  </si>
  <si>
    <t>3923632.0</t>
  </si>
  <si>
    <t>1462119.0</t>
  </si>
  <si>
    <t>178.04</t>
  </si>
  <si>
    <t>9170801.0</t>
  </si>
  <si>
    <t>1697.347</t>
  </si>
  <si>
    <t>9675066.0</t>
  </si>
  <si>
    <t>4289277.0</t>
  </si>
  <si>
    <t>3923640.0</t>
  </si>
  <si>
    <t>1462149.0</t>
  </si>
  <si>
    <t>1130.9</t>
  </si>
  <si>
    <t>208.103160577102</t>
  </si>
  <si>
    <t>9191413.0</t>
  </si>
  <si>
    <t>1701.162</t>
  </si>
  <si>
    <t>9695005.0</t>
  </si>
  <si>
    <t>4289889.0</t>
  </si>
  <si>
    <t>3924800.0</t>
  </si>
  <si>
    <t>1480316.0</t>
  </si>
  <si>
    <t>9210232.0</t>
  </si>
  <si>
    <t>1704.645</t>
  </si>
  <si>
    <t>9729353.0</t>
  </si>
  <si>
    <t>4290785.0</t>
  </si>
  <si>
    <t>3926421.0</t>
  </si>
  <si>
    <t>1512147.0</t>
  </si>
  <si>
    <t>34348.0</t>
  </si>
  <si>
    <t>9229116.0</t>
  </si>
  <si>
    <t>1708.14</t>
  </si>
  <si>
    <t>9770716.0</t>
  </si>
  <si>
    <t>4291972.0</t>
  </si>
  <si>
    <t>3928470.0</t>
  </si>
  <si>
    <t>1550274.0</t>
  </si>
  <si>
    <t>14823.0</t>
  </si>
  <si>
    <t>179.8</t>
  </si>
  <si>
    <t>9246243.0</t>
  </si>
  <si>
    <t>1711.31</t>
  </si>
  <si>
    <t>9788760.0</t>
  </si>
  <si>
    <t>4292380.0</t>
  </si>
  <si>
    <t>3929299.0</t>
  </si>
  <si>
    <t>1567081.0</t>
  </si>
  <si>
    <t>9256717.0</t>
  </si>
  <si>
    <t>1713.248</t>
  </si>
  <si>
    <t>9789464.0</t>
  </si>
  <si>
    <t>4292402.0</t>
  </si>
  <si>
    <t>3929338.0</t>
  </si>
  <si>
    <t>1567724.0</t>
  </si>
  <si>
    <t>9264771.0</t>
  </si>
  <si>
    <t>1714.739</t>
  </si>
  <si>
    <t>9789496.0</t>
  </si>
  <si>
    <t>4292405.0</t>
  </si>
  <si>
    <t>3929341.0</t>
  </si>
  <si>
    <t>1567750.0</t>
  </si>
  <si>
    <t>9277826.0</t>
  </si>
  <si>
    <t>1717.155</t>
  </si>
  <si>
    <t>9789574.0</t>
  </si>
  <si>
    <t>4292408.0</t>
  </si>
  <si>
    <t>3929347.0</t>
  </si>
  <si>
    <t>1567819.0</t>
  </si>
  <si>
    <t>217.506354056181</t>
  </si>
  <si>
    <t>9309484.0</t>
  </si>
  <si>
    <t>1723.015</t>
  </si>
  <si>
    <t>9824116.0</t>
  </si>
  <si>
    <t>4293010.0</t>
  </si>
  <si>
    <t>3930870.0</t>
  </si>
  <si>
    <t>1600236.0</t>
  </si>
  <si>
    <t>34542.0</t>
  </si>
  <si>
    <t>9336837.0</t>
  </si>
  <si>
    <t>1728.077</t>
  </si>
  <si>
    <t>9892780.0</t>
  </si>
  <si>
    <t>4294371.0</t>
  </si>
  <si>
    <t>1664402.0</t>
  </si>
  <si>
    <t>9363390.0</t>
  </si>
  <si>
    <t>26553.0</t>
  </si>
  <si>
    <t>1732.992</t>
  </si>
  <si>
    <t>9994156.0</t>
  </si>
  <si>
    <t>4296356.0</t>
  </si>
  <si>
    <t>3939036.0</t>
  </si>
  <si>
    <t>1758764.0</t>
  </si>
  <si>
    <t>101376.0</t>
  </si>
  <si>
    <t>31920.0</t>
  </si>
  <si>
    <t>9387971.0</t>
  </si>
  <si>
    <t>1737.541</t>
  </si>
  <si>
    <t>20247.0</t>
  </si>
  <si>
    <t>10092692.0</t>
  </si>
  <si>
    <t>4298708.0</t>
  </si>
  <si>
    <t>3944258.0</t>
  </si>
  <si>
    <t>1849726.0</t>
  </si>
  <si>
    <t>98536.0</t>
  </si>
  <si>
    <t>9409667.0</t>
  </si>
  <si>
    <t>21696.0</t>
  </si>
  <si>
    <t>1741.557</t>
  </si>
  <si>
    <t>10139164.0</t>
  </si>
  <si>
    <t>4299696.0</t>
  </si>
  <si>
    <t>3946814.0</t>
  </si>
  <si>
    <t>1892654.0</t>
  </si>
  <si>
    <t>46472.0</t>
  </si>
  <si>
    <t>9422588.0</t>
  </si>
  <si>
    <t>1743.948</t>
  </si>
  <si>
    <t>10156109.0</t>
  </si>
  <si>
    <t>4300130.0</t>
  </si>
  <si>
    <t>3947810.0</t>
  </si>
  <si>
    <t>1908169.0</t>
  </si>
  <si>
    <t>9436961.0</t>
  </si>
  <si>
    <t>1746.608</t>
  </si>
  <si>
    <t>22734.0</t>
  </si>
  <si>
    <t>10160104.0</t>
  </si>
  <si>
    <t>4300175.0</t>
  </si>
  <si>
    <t>3948046.0</t>
  </si>
  <si>
    <t>1911883.0</t>
  </si>
  <si>
    <t>52933.0</t>
  </si>
  <si>
    <t>186.96</t>
  </si>
  <si>
    <t>1216.2</t>
  </si>
  <si>
    <t>223.799685112628</t>
  </si>
  <si>
    <t>9470260.0</t>
  </si>
  <si>
    <t>1752.771</t>
  </si>
  <si>
    <t>10205917.0</t>
  </si>
  <si>
    <t>4301182.0</t>
  </si>
  <si>
    <t>3950557.0</t>
  </si>
  <si>
    <t>1954178.0</t>
  </si>
  <si>
    <t>9499326.0</t>
  </si>
  <si>
    <t>1758.151</t>
  </si>
  <si>
    <t>10276005.0</t>
  </si>
  <si>
    <t>4302658.0</t>
  </si>
  <si>
    <t>3954202.0</t>
  </si>
  <si>
    <t>2019145.0</t>
  </si>
  <si>
    <t>9529250.0</t>
  </si>
  <si>
    <t>1763.689</t>
  </si>
  <si>
    <t>23694.0</t>
  </si>
  <si>
    <t>10375944.0</t>
  </si>
  <si>
    <t>4304537.0</t>
  </si>
  <si>
    <t>3959051.0</t>
  </si>
  <si>
    <t>2112356.0</t>
  </si>
  <si>
    <t>99939.0</t>
  </si>
  <si>
    <t>54541.0</t>
  </si>
  <si>
    <t>9558446.0</t>
  </si>
  <si>
    <t>1769.093</t>
  </si>
  <si>
    <t>24354.0</t>
  </si>
  <si>
    <t>10476587.0</t>
  </si>
  <si>
    <t>4306448.0</t>
  </si>
  <si>
    <t>3963741.0</t>
  </si>
  <si>
    <t>2206398.0</t>
  </si>
  <si>
    <t>100643.0</t>
  </si>
  <si>
    <t>9585933.0</t>
  </si>
  <si>
    <t>1774.18</t>
  </si>
  <si>
    <t>10523192.0</t>
  </si>
  <si>
    <t>4307369.0</t>
  </si>
  <si>
    <t>3966208.0</t>
  </si>
  <si>
    <t>2249615.0</t>
  </si>
  <si>
    <t>9602594.0</t>
  </si>
  <si>
    <t>1777.264</t>
  </si>
  <si>
    <t>10540981.0</t>
  </si>
  <si>
    <t>4307786.0</t>
  </si>
  <si>
    <t>3966944.0</t>
  </si>
  <si>
    <t>2266251.0</t>
  </si>
  <si>
    <t>54982.0</t>
  </si>
  <si>
    <t>9620548.0</t>
  </si>
  <si>
    <t>1780.587</t>
  </si>
  <si>
    <t>10547940.0</t>
  </si>
  <si>
    <t>4307860.0</t>
  </si>
  <si>
    <t>3967166.0</t>
  </si>
  <si>
    <t>2272914.0</t>
  </si>
  <si>
    <t>55405.0</t>
  </si>
  <si>
    <t>1211.2</t>
  </si>
  <si>
    <t>222.879607472797</t>
  </si>
  <si>
    <t>9664035.0</t>
  </si>
  <si>
    <t>1788.635</t>
  </si>
  <si>
    <t>10585916.0</t>
  </si>
  <si>
    <t>4308543.0</t>
  </si>
  <si>
    <t>3968986.0</t>
  </si>
  <si>
    <t>2308387.0</t>
  </si>
  <si>
    <t>9703721.0</t>
  </si>
  <si>
    <t>39686.0</t>
  </si>
  <si>
    <t>1795.981</t>
  </si>
  <si>
    <t>10639882.0</t>
  </si>
  <si>
    <t>4309733.0</t>
  </si>
  <si>
    <t>3972002.0</t>
  </si>
  <si>
    <t>2358147.0</t>
  </si>
  <si>
    <t>53966.0</t>
  </si>
  <si>
    <t>195.79</t>
  </si>
  <si>
    <t>9742597.0</t>
  </si>
  <si>
    <t>1803.176</t>
  </si>
  <si>
    <t>10717500.0</t>
  </si>
  <si>
    <t>4311317.0</t>
  </si>
  <si>
    <t>3976011.0</t>
  </si>
  <si>
    <t>2430172.0</t>
  </si>
  <si>
    <t>77618.0</t>
  </si>
  <si>
    <t>48794.0</t>
  </si>
  <si>
    <t>197.22</t>
  </si>
  <si>
    <t>9780953.0</t>
  </si>
  <si>
    <t>1810.275</t>
  </si>
  <si>
    <t>10792189.0</t>
  </si>
  <si>
    <t>4312900.0</t>
  </si>
  <si>
    <t>3979985.0</t>
  </si>
  <si>
    <t>2499304.0</t>
  </si>
  <si>
    <t>74689.0</t>
  </si>
  <si>
    <t>9819094.0</t>
  </si>
  <si>
    <t>38141.0</t>
  </si>
  <si>
    <t>1817.334</t>
  </si>
  <si>
    <t>10822874.0</t>
  </si>
  <si>
    <t>4313619.0</t>
  </si>
  <si>
    <t>3981616.0</t>
  </si>
  <si>
    <t>2527639.0</t>
  </si>
  <si>
    <t>30685.0</t>
  </si>
  <si>
    <t>42812.0</t>
  </si>
  <si>
    <t>199.16</t>
  </si>
  <si>
    <t>9841289.0</t>
  </si>
  <si>
    <t>1821.442</t>
  </si>
  <si>
    <t>10826928.0</t>
  </si>
  <si>
    <t>4313775.0</t>
  </si>
  <si>
    <t>3981921.0</t>
  </si>
  <si>
    <t>2531232.0</t>
  </si>
  <si>
    <t>9863399.0</t>
  </si>
  <si>
    <t>22110.0</t>
  </si>
  <si>
    <t>1825.534</t>
  </si>
  <si>
    <t>10828598.0</t>
  </si>
  <si>
    <t>4313798.0</t>
  </si>
  <si>
    <t>3982013.0</t>
  </si>
  <si>
    <t>2532787.0</t>
  </si>
  <si>
    <t>40094.0</t>
  </si>
  <si>
    <t>207.863940390746</t>
  </si>
  <si>
    <t>9913765.0</t>
  </si>
  <si>
    <t>50366.0</t>
  </si>
  <si>
    <t>1834.856</t>
  </si>
  <si>
    <t>4314456.0</t>
  </si>
  <si>
    <t>3983729.0</t>
  </si>
  <si>
    <t>2556833.0</t>
  </si>
  <si>
    <t>26420.0</t>
  </si>
  <si>
    <t>9955368.0</t>
  </si>
  <si>
    <t>41603.0</t>
  </si>
  <si>
    <t>1842.556</t>
  </si>
  <si>
    <t>10889663.0</t>
  </si>
  <si>
    <t>4315514.0</t>
  </si>
  <si>
    <t>3986133.0</t>
  </si>
  <si>
    <t>2588016.0</t>
  </si>
  <si>
    <t>9994160.0</t>
  </si>
  <si>
    <t>1849.736</t>
  </si>
  <si>
    <t>35938.0</t>
  </si>
  <si>
    <t>10940082.0</t>
  </si>
  <si>
    <t>4316900.0</t>
  </si>
  <si>
    <t>3990097.0</t>
  </si>
  <si>
    <t>2633085.0</t>
  </si>
  <si>
    <t>50419.0</t>
  </si>
  <si>
    <t>10028862.0</t>
  </si>
  <si>
    <t>34702.0</t>
  </si>
  <si>
    <t>1856.158</t>
  </si>
  <si>
    <t>10991095.0</t>
  </si>
  <si>
    <t>4318611.0</t>
  </si>
  <si>
    <t>3994247.0</t>
  </si>
  <si>
    <t>2678237.0</t>
  </si>
  <si>
    <t>51013.0</t>
  </si>
  <si>
    <t>28415.0</t>
  </si>
  <si>
    <t>202.25</t>
  </si>
  <si>
    <t>10060361.0</t>
  </si>
  <si>
    <t>31499.0</t>
  </si>
  <si>
    <t>1861.988</t>
  </si>
  <si>
    <t>11012966.0</t>
  </si>
  <si>
    <t>3995807.0</t>
  </si>
  <si>
    <t>2697793.0</t>
  </si>
  <si>
    <t>202.66</t>
  </si>
  <si>
    <t>10077711.0</t>
  </si>
  <si>
    <t>1865.199</t>
  </si>
  <si>
    <t>11020587.0</t>
  </si>
  <si>
    <t>4319683.0</t>
  </si>
  <si>
    <t>3996328.0</t>
  </si>
  <si>
    <t>2704576.0</t>
  </si>
  <si>
    <t>27666.0</t>
  </si>
  <si>
    <t>10095670.0</t>
  </si>
  <si>
    <t>1868.523</t>
  </si>
  <si>
    <t>11021895.0</t>
  </si>
  <si>
    <t>4319742.0</t>
  </si>
  <si>
    <t>3996449.0</t>
  </si>
  <si>
    <t>2705704.0</t>
  </si>
  <si>
    <t>202.82</t>
  </si>
  <si>
    <t>1068.4</t>
  </si>
  <si>
    <t>196.602190079208</t>
  </si>
  <si>
    <t>10139420.0</t>
  </si>
  <si>
    <t>1876.621</t>
  </si>
  <si>
    <t>11038767.0</t>
  </si>
  <si>
    <t>4320429.0</t>
  </si>
  <si>
    <t>2720315.0</t>
  </si>
  <si>
    <t>26250.0</t>
  </si>
  <si>
    <t>10177065.0</t>
  </si>
  <si>
    <t>1883.588</t>
  </si>
  <si>
    <t>31671.0</t>
  </si>
  <si>
    <t>11060599.0</t>
  </si>
  <si>
    <t>4321392.0</t>
  </si>
  <si>
    <t>4000111.0</t>
  </si>
  <si>
    <t>2739096.0</t>
  </si>
  <si>
    <t>203.53</t>
  </si>
  <si>
    <t>10209733.0</t>
  </si>
  <si>
    <t>1889.634</t>
  </si>
  <si>
    <t>11090606.0</t>
  </si>
  <si>
    <t>4322814.0</t>
  </si>
  <si>
    <t>4003223.0</t>
  </si>
  <si>
    <t>2764569.0</t>
  </si>
  <si>
    <t>30007.0</t>
  </si>
  <si>
    <t>10237836.0</t>
  </si>
  <si>
    <t>1894.836</t>
  </si>
  <si>
    <t>29853.0</t>
  </si>
  <si>
    <t>11120427.0</t>
  </si>
  <si>
    <t>4324346.0</t>
  </si>
  <si>
    <t>4006175.0</t>
  </si>
  <si>
    <t>2789906.0</t>
  </si>
  <si>
    <t>29821.0</t>
  </si>
  <si>
    <t>10264242.0</t>
  </si>
  <si>
    <t>1899.723</t>
  </si>
  <si>
    <t>29126.0</t>
  </si>
  <si>
    <t>11132979.0</t>
  </si>
  <si>
    <t>4324894.0</t>
  </si>
  <si>
    <t>4007509.0</t>
  </si>
  <si>
    <t>2800576.0</t>
  </si>
  <si>
    <t>10279936.0</t>
  </si>
  <si>
    <t>1902.627</t>
  </si>
  <si>
    <t>11134177.0</t>
  </si>
  <si>
    <t>4325006.0</t>
  </si>
  <si>
    <t>4007662.0</t>
  </si>
  <si>
    <t>2801509.0</t>
  </si>
  <si>
    <t>10295996.0</t>
  </si>
  <si>
    <t>1905.6</t>
  </si>
  <si>
    <t>11134493.0</t>
  </si>
  <si>
    <t>4325022.0</t>
  </si>
  <si>
    <t>4007708.0</t>
  </si>
  <si>
    <t>2801763.0</t>
  </si>
  <si>
    <t>1095.8</t>
  </si>
  <si>
    <t>201.644215545485</t>
  </si>
  <si>
    <t>10336830.0</t>
  </si>
  <si>
    <t>1913.157</t>
  </si>
  <si>
    <t>11144422.0</t>
  </si>
  <si>
    <t>4325515.0</t>
  </si>
  <si>
    <t>4009012.0</t>
  </si>
  <si>
    <t>2809895.0</t>
  </si>
  <si>
    <t>10372816.0</t>
  </si>
  <si>
    <t>1919.818</t>
  </si>
  <si>
    <t>11157369.0</t>
  </si>
  <si>
    <t>4326252.0</t>
  </si>
  <si>
    <t>4010607.0</t>
  </si>
  <si>
    <t>2820510.0</t>
  </si>
  <si>
    <t>10407853.0</t>
  </si>
  <si>
    <t>1926.303</t>
  </si>
  <si>
    <t>11175603.0</t>
  </si>
  <si>
    <t>4327276.0</t>
  </si>
  <si>
    <t>4012667.0</t>
  </si>
  <si>
    <t>2835660.0</t>
  </si>
  <si>
    <t>18234.0</t>
  </si>
  <si>
    <t>10439537.0</t>
  </si>
  <si>
    <t>1932.167</t>
  </si>
  <si>
    <t>11193529.0</t>
  </si>
  <si>
    <t>4328379.0</t>
  </si>
  <si>
    <t>4014698.0</t>
  </si>
  <si>
    <t>2850452.0</t>
  </si>
  <si>
    <t>205.98</t>
  </si>
  <si>
    <t>10468617.0</t>
  </si>
  <si>
    <t>1937.549</t>
  </si>
  <si>
    <t>11200534.0</t>
  </si>
  <si>
    <t>4328717.0</t>
  </si>
  <si>
    <t>4015450.0</t>
  </si>
  <si>
    <t>2856367.0</t>
  </si>
  <si>
    <t>206.11</t>
  </si>
  <si>
    <t>10481296.0</t>
  </si>
  <si>
    <t>1939.895</t>
  </si>
  <si>
    <t>11202590.0</t>
  </si>
  <si>
    <t>4328908.0</t>
  </si>
  <si>
    <t>4015668.0</t>
  </si>
  <si>
    <t>2858014.0</t>
  </si>
  <si>
    <t>10492172.0</t>
  </si>
  <si>
    <t>1941.908</t>
  </si>
  <si>
    <t>11202765.0</t>
  </si>
  <si>
    <t>4328941.0</t>
  </si>
  <si>
    <t>4015687.0</t>
  </si>
  <si>
    <t>2858137.0</t>
  </si>
  <si>
    <t>1121.4</t>
  </si>
  <si>
    <t>206.355013061422</t>
  </si>
  <si>
    <t>10518833.0</t>
  </si>
  <si>
    <t>1946.843</t>
  </si>
  <si>
    <t>11208271.0</t>
  </si>
  <si>
    <t>4329304.0</t>
  </si>
  <si>
    <t>4016260.0</t>
  </si>
  <si>
    <t>2862707.0</t>
  </si>
  <si>
    <t>206.25</t>
  </si>
  <si>
    <t>10541484.0</t>
  </si>
  <si>
    <t>1951.035</t>
  </si>
  <si>
    <t>11215908.0</t>
  </si>
  <si>
    <t>4329643.0</t>
  </si>
  <si>
    <t>4017193.0</t>
  </si>
  <si>
    <t>2869072.0</t>
  </si>
  <si>
    <t>206.39</t>
  </si>
  <si>
    <t>10565278.0</t>
  </si>
  <si>
    <t>1955.439</t>
  </si>
  <si>
    <t>11226918.0</t>
  </si>
  <si>
    <t>4330200.0</t>
  </si>
  <si>
    <t>4018605.0</t>
  </si>
  <si>
    <t>2878113.0</t>
  </si>
  <si>
    <t>10587362.0</t>
  </si>
  <si>
    <t>1959.526</t>
  </si>
  <si>
    <t>11237402.0</t>
  </si>
  <si>
    <t>4330782.0</t>
  </si>
  <si>
    <t>4020022.0</t>
  </si>
  <si>
    <t>2886598.0</t>
  </si>
  <si>
    <t>10608590.0</t>
  </si>
  <si>
    <t>1963.455</t>
  </si>
  <si>
    <t>11242015.0</t>
  </si>
  <si>
    <t>4330998.0</t>
  </si>
  <si>
    <t>4020574.0</t>
  </si>
  <si>
    <t>2890443.0</t>
  </si>
  <si>
    <t>206.87</t>
  </si>
  <si>
    <t>10619099.0</t>
  </si>
  <si>
    <t>1965.4</t>
  </si>
  <si>
    <t>11242302.0</t>
  </si>
  <si>
    <t>4331024.0</t>
  </si>
  <si>
    <t>4020612.0</t>
  </si>
  <si>
    <t>2890666.0</t>
  </si>
  <si>
    <t>10629354.0</t>
  </si>
  <si>
    <t>1967.298</t>
  </si>
  <si>
    <t>11242347.0</t>
  </si>
  <si>
    <t>4331026.0</t>
  </si>
  <si>
    <t>4020624.0</t>
  </si>
  <si>
    <t>2890697.0</t>
  </si>
  <si>
    <t>1155.4</t>
  </si>
  <si>
    <t>212.611541012277</t>
  </si>
  <si>
    <t>10657567.0</t>
  </si>
  <si>
    <t>1972.52</t>
  </si>
  <si>
    <t>11245867.0</t>
  </si>
  <si>
    <t>4331166.0</t>
  </si>
  <si>
    <t>4021052.0</t>
  </si>
  <si>
    <t>2893649.0</t>
  </si>
  <si>
    <t>10681514.0</t>
  </si>
  <si>
    <t>1976.952</t>
  </si>
  <si>
    <t>11249699.0</t>
  </si>
  <si>
    <t>4331371.0</t>
  </si>
  <si>
    <t>4021562.0</t>
  </si>
  <si>
    <t>2896766.0</t>
  </si>
  <si>
    <t>10705110.0</t>
  </si>
  <si>
    <t>1981.319</t>
  </si>
  <si>
    <t>11255668.0</t>
  </si>
  <si>
    <t>4331647.0</t>
  </si>
  <si>
    <t>4022280.0</t>
  </si>
  <si>
    <t>2901741.0</t>
  </si>
  <si>
    <t>10725561.0</t>
  </si>
  <si>
    <t>1985.104</t>
  </si>
  <si>
    <t>11261222.0</t>
  </si>
  <si>
    <t>4331881.0</t>
  </si>
  <si>
    <t>4023181.0</t>
  </si>
  <si>
    <t>2906160.0</t>
  </si>
  <si>
    <t>10744313.0</t>
  </si>
  <si>
    <t>18752.0</t>
  </si>
  <si>
    <t>1988.575</t>
  </si>
  <si>
    <t>11264170.0</t>
  </si>
  <si>
    <t>4332014.0</t>
  </si>
  <si>
    <t>4023565.0</t>
  </si>
  <si>
    <t>2908591.0</t>
  </si>
  <si>
    <t>10752583.0</t>
  </si>
  <si>
    <t>1990.106</t>
  </si>
  <si>
    <t>11264388.0</t>
  </si>
  <si>
    <t>4332029.0</t>
  </si>
  <si>
    <t>4023610.0</t>
  </si>
  <si>
    <t>2908749.0</t>
  </si>
  <si>
    <t>10760751.0</t>
  </si>
  <si>
    <t>1991.617</t>
  </si>
  <si>
    <t>11264422.0</t>
  </si>
  <si>
    <t>4332030.0</t>
  </si>
  <si>
    <t>4023620.0</t>
  </si>
  <si>
    <t>2908772.0</t>
  </si>
  <si>
    <t>1281.4</t>
  </si>
  <si>
    <t>235.797497536032</t>
  </si>
  <si>
    <t>10783331.0</t>
  </si>
  <si>
    <t>1995.797</t>
  </si>
  <si>
    <t>11266569.0</t>
  </si>
  <si>
    <t>4332112.0</t>
  </si>
  <si>
    <t>4023927.0</t>
  </si>
  <si>
    <t>2910530.0</t>
  </si>
  <si>
    <t>10800194.0</t>
  </si>
  <si>
    <t>1998.918</t>
  </si>
  <si>
    <t>11269275.0</t>
  </si>
  <si>
    <t>4332256.0</t>
  </si>
  <si>
    <t>4024289.0</t>
  </si>
  <si>
    <t>2912730.0</t>
  </si>
  <si>
    <t>10815505.0</t>
  </si>
  <si>
    <t>2001.751</t>
  </si>
  <si>
    <t>11272850.0</t>
  </si>
  <si>
    <t>4332417.0</t>
  </si>
  <si>
    <t>4024806.0</t>
  </si>
  <si>
    <t>2915627.0</t>
  </si>
  <si>
    <t>10828152.0</t>
  </si>
  <si>
    <t>2004.092</t>
  </si>
  <si>
    <t>11276291.0</t>
  </si>
  <si>
    <t>4332578.0</t>
  </si>
  <si>
    <t>4025348.0</t>
  </si>
  <si>
    <t>2918365.0</t>
  </si>
  <si>
    <t>10839592.0</t>
  </si>
  <si>
    <t>2006.209</t>
  </si>
  <si>
    <t>11277854.0</t>
  </si>
  <si>
    <t>4332666.0</t>
  </si>
  <si>
    <t>4025577.0</t>
  </si>
  <si>
    <t>2919611.0</t>
  </si>
  <si>
    <t>10844954.0</t>
  </si>
  <si>
    <t>2007.202</t>
  </si>
  <si>
    <t>11278015.0</t>
  </si>
  <si>
    <t>4332677.0</t>
  </si>
  <si>
    <t>4025611.0</t>
  </si>
  <si>
    <t>2919727.0</t>
  </si>
  <si>
    <t>10850033.0</t>
  </si>
  <si>
    <t>2008.142</t>
  </si>
  <si>
    <t>11278032.0</t>
  </si>
  <si>
    <t>4332679.0</t>
  </si>
  <si>
    <t>4025617.0</t>
  </si>
  <si>
    <t>2919736.0</t>
  </si>
  <si>
    <t>1378.6</t>
  </si>
  <si>
    <t>253.683806854358</t>
  </si>
  <si>
    <t>10865760.0</t>
  </si>
  <si>
    <t>2011.053</t>
  </si>
  <si>
    <t>11279508.0</t>
  </si>
  <si>
    <t>4332769.0</t>
  </si>
  <si>
    <t>4025826.0</t>
  </si>
  <si>
    <t>2920913.0</t>
  </si>
  <si>
    <t>10876906.0</t>
  </si>
  <si>
    <t>2013.116</t>
  </si>
  <si>
    <t>11281484.0</t>
  </si>
  <si>
    <t>4332908.0</t>
  </si>
  <si>
    <t>4026104.0</t>
  </si>
  <si>
    <t>2922472.0</t>
  </si>
  <si>
    <t>10887692.0</t>
  </si>
  <si>
    <t>2015.112</t>
  </si>
  <si>
    <t>11284706.0</t>
  </si>
  <si>
    <t>4333123.0</t>
  </si>
  <si>
    <t>4026572.0</t>
  </si>
  <si>
    <t>2925011.0</t>
  </si>
  <si>
    <t>109.857</t>
  </si>
  <si>
    <t>10896694.0</t>
  </si>
  <si>
    <t>2016.778</t>
  </si>
  <si>
    <t>11288144.0</t>
  </si>
  <si>
    <t>4333384.0</t>
  </si>
  <si>
    <t>4027109.0</t>
  </si>
  <si>
    <t>2927651.0</t>
  </si>
  <si>
    <t>10905049.0</t>
  </si>
  <si>
    <t>2018.324</t>
  </si>
  <si>
    <t>11289604.0</t>
  </si>
  <si>
    <t>4333504.0</t>
  </si>
  <si>
    <t>4027334.0</t>
  </si>
  <si>
    <t>2928766.0</t>
  </si>
  <si>
    <t>10908501.0</t>
  </si>
  <si>
    <t>2018.963</t>
  </si>
  <si>
    <t>11289733.0</t>
  </si>
  <si>
    <t>4333516.0</t>
  </si>
  <si>
    <t>4027361.0</t>
  </si>
  <si>
    <t>2928856.0</t>
  </si>
  <si>
    <t>10912181.0</t>
  </si>
  <si>
    <t>2019.644</t>
  </si>
  <si>
    <t>11289749.0</t>
  </si>
  <si>
    <t>4333517.0</t>
  </si>
  <si>
    <t>4027368.0</t>
  </si>
  <si>
    <t>2928864.0</t>
  </si>
  <si>
    <t>1441.8</t>
  </si>
  <si>
    <t>265.313588221828</t>
  </si>
  <si>
    <t>10923582.0</t>
  </si>
  <si>
    <t>2021.754</t>
  </si>
  <si>
    <t>11290923.0</t>
  </si>
  <si>
    <t>4333582.0</t>
  </si>
  <si>
    <t>2929785.0</t>
  </si>
  <si>
    <t>106.361</t>
  </si>
  <si>
    <t>10931463.0</t>
  </si>
  <si>
    <t>2023.213</t>
  </si>
  <si>
    <t>11292832.0</t>
  </si>
  <si>
    <t>4333727.0</t>
  </si>
  <si>
    <t>4027874.0</t>
  </si>
  <si>
    <t>2931231.0</t>
  </si>
  <si>
    <t>10939289.0</t>
  </si>
  <si>
    <t>2024.662</t>
  </si>
  <si>
    <t>11295380.0</t>
  </si>
  <si>
    <t>4333917.0</t>
  </si>
  <si>
    <t>4028239.0</t>
  </si>
  <si>
    <t>2933224.0</t>
  </si>
  <si>
    <t>10946230.0</t>
  </si>
  <si>
    <t>2025.946</t>
  </si>
  <si>
    <t>11297630.0</t>
  </si>
  <si>
    <t>4334083.0</t>
  </si>
  <si>
    <t>4028564.0</t>
  </si>
  <si>
    <t>2934983.0</t>
  </si>
  <si>
    <t>10952386.0</t>
  </si>
  <si>
    <t>2027.086</t>
  </si>
  <si>
    <t>11298770.0</t>
  </si>
  <si>
    <t>4334167.0</t>
  </si>
  <si>
    <t>4028769.0</t>
  </si>
  <si>
    <t>2935834.0</t>
  </si>
  <si>
    <t>10955198.0</t>
  </si>
  <si>
    <t>2027.606</t>
  </si>
  <si>
    <t>11298872.0</t>
  </si>
  <si>
    <t>4334174.0</t>
  </si>
  <si>
    <t>4028791.0</t>
  </si>
  <si>
    <t>2935907.0</t>
  </si>
  <si>
    <t>10957754.0</t>
  </si>
  <si>
    <t>2028.079</t>
  </si>
  <si>
    <t>11298887.0</t>
  </si>
  <si>
    <t>4334176.0</t>
  </si>
  <si>
    <t>4028793.0</t>
  </si>
  <si>
    <t>2935918.0</t>
  </si>
  <si>
    <t>1606.2</t>
  </si>
  <si>
    <t>295.56574101949</t>
  </si>
  <si>
    <t>10966034.0</t>
  </si>
  <si>
    <t>2029.612</t>
  </si>
  <si>
    <t>11300031.0</t>
  </si>
  <si>
    <t>4334239.0</t>
  </si>
  <si>
    <t>4028982.0</t>
  </si>
  <si>
    <t>2936810.0</t>
  </si>
  <si>
    <t>10972178.0</t>
  </si>
  <si>
    <t>2030.749</t>
  </si>
  <si>
    <t>11301514.0</t>
  </si>
  <si>
    <t>4334350.0</t>
  </si>
  <si>
    <t>4029227.0</t>
  </si>
  <si>
    <t>2937937.0</t>
  </si>
  <si>
    <t>207.97</t>
  </si>
  <si>
    <t>10978681.0</t>
  </si>
  <si>
    <t>2031.952</t>
  </si>
  <si>
    <t>11303725.0</t>
  </si>
  <si>
    <t>4334505.0</t>
  </si>
  <si>
    <t>4029585.0</t>
  </si>
  <si>
    <t>2939635.0</t>
  </si>
  <si>
    <t>10984095.0</t>
  </si>
  <si>
    <t>2032.954</t>
  </si>
  <si>
    <t>11305941.0</t>
  </si>
  <si>
    <t>4334675.0</t>
  </si>
  <si>
    <t>4029941.0</t>
  </si>
  <si>
    <t>2941325.0</t>
  </si>
  <si>
    <t>10988973.0</t>
  </si>
  <si>
    <t>2033.857</t>
  </si>
  <si>
    <t>11307018.0</t>
  </si>
  <si>
    <t>4334743.0</t>
  </si>
  <si>
    <t>4030103.0</t>
  </si>
  <si>
    <t>2942172.0</t>
  </si>
  <si>
    <t>10991146.0</t>
  </si>
  <si>
    <t>2034.259</t>
  </si>
  <si>
    <t>11307133.0</t>
  </si>
  <si>
    <t>4334750.0</t>
  </si>
  <si>
    <t>4030126.0</t>
  </si>
  <si>
    <t>2942257.0</t>
  </si>
  <si>
    <t>10993131.0</t>
  </si>
  <si>
    <t>2034.627</t>
  </si>
  <si>
    <t>11307146.0</t>
  </si>
  <si>
    <t>4334751.0</t>
  </si>
  <si>
    <t>4030129.0</t>
  </si>
  <si>
    <t>2942266.0</t>
  </si>
  <si>
    <t>1777.8</t>
  </si>
  <si>
    <t>327.142805618509</t>
  </si>
  <si>
    <t>10999713.0</t>
  </si>
  <si>
    <t>2035.845</t>
  </si>
  <si>
    <t>11308107.0</t>
  </si>
  <si>
    <t>4334829.0</t>
  </si>
  <si>
    <t>4030294.0</t>
  </si>
  <si>
    <t>2942984.0</t>
  </si>
  <si>
    <t>11004405.0</t>
  </si>
  <si>
    <t>2036.713</t>
  </si>
  <si>
    <t>11309569.0</t>
  </si>
  <si>
    <t>4334939.0</t>
  </si>
  <si>
    <t>4030548.0</t>
  </si>
  <si>
    <t>2944082.0</t>
  </si>
  <si>
    <t>11009446.0</t>
  </si>
  <si>
    <t>2037.646</t>
  </si>
  <si>
    <t>11311744.0</t>
  </si>
  <si>
    <t>4335080.0</t>
  </si>
  <si>
    <t>4030873.0</t>
  </si>
  <si>
    <t>2945791.0</t>
  </si>
  <si>
    <t>11013756.0</t>
  </si>
  <si>
    <t>2038.444</t>
  </si>
  <si>
    <t>11313458.0</t>
  </si>
  <si>
    <t>4335221.0</t>
  </si>
  <si>
    <t>4031165.0</t>
  </si>
  <si>
    <t>2947072.0</t>
  </si>
  <si>
    <t>11017587.0</t>
  </si>
  <si>
    <t>2039.153</t>
  </si>
  <si>
    <t>11314432.0</t>
  </si>
  <si>
    <t>4335297.0</t>
  </si>
  <si>
    <t>4031327.0</t>
  </si>
  <si>
    <t>2947808.0</t>
  </si>
  <si>
    <t>11019156.0</t>
  </si>
  <si>
    <t>2039.443</t>
  </si>
  <si>
    <t>11314464.0</t>
  </si>
  <si>
    <t>4335301.0</t>
  </si>
  <si>
    <t>4031333.0</t>
  </si>
  <si>
    <t>2947830.0</t>
  </si>
  <si>
    <t>11020950.0</t>
  </si>
  <si>
    <t>2039.776</t>
  </si>
  <si>
    <t>11314482.0</t>
  </si>
  <si>
    <t>4335305.0</t>
  </si>
  <si>
    <t>4031339.0</t>
  </si>
  <si>
    <t>2947838.0</t>
  </si>
  <si>
    <t>1892.2</t>
  </si>
  <si>
    <t>348.194182017855</t>
  </si>
  <si>
    <t>11026395.0</t>
  </si>
  <si>
    <t>2040.783</t>
  </si>
  <si>
    <t>11315317.0</t>
  </si>
  <si>
    <t>4335366.0</t>
  </si>
  <si>
    <t>4031491.0</t>
  </si>
  <si>
    <t>2948460.0</t>
  </si>
  <si>
    <t>208.22</t>
  </si>
  <si>
    <t>11030676.0</t>
  </si>
  <si>
    <t>2041.576</t>
  </si>
  <si>
    <t>11316458.0</t>
  </si>
  <si>
    <t>4335452.0</t>
  </si>
  <si>
    <t>4031702.0</t>
  </si>
  <si>
    <t>2949304.0</t>
  </si>
  <si>
    <t>11034951.0</t>
  </si>
  <si>
    <t>2042.367</t>
  </si>
  <si>
    <t>11318134.0</t>
  </si>
  <si>
    <t>4335571.0</t>
  </si>
  <si>
    <t>4031970.0</t>
  </si>
  <si>
    <t>2950593.0</t>
  </si>
  <si>
    <t>11038671.0</t>
  </si>
  <si>
    <t>2043.055</t>
  </si>
  <si>
    <t>11320309.0</t>
  </si>
  <si>
    <t>4335761.0</t>
  </si>
  <si>
    <t>4032361.0</t>
  </si>
  <si>
    <t>2952187.0</t>
  </si>
  <si>
    <t>208.31</t>
  </si>
  <si>
    <t>11042116.0</t>
  </si>
  <si>
    <t>2043.693</t>
  </si>
  <si>
    <t>11321385.0</t>
  </si>
  <si>
    <t>4335859.0</t>
  </si>
  <si>
    <t>4032532.0</t>
  </si>
  <si>
    <t>2952994.0</t>
  </si>
  <si>
    <t>11043609.0</t>
  </si>
  <si>
    <t>2043.969</t>
  </si>
  <si>
    <t>11321451.0</t>
  </si>
  <si>
    <t>4335863.0</t>
  </si>
  <si>
    <t>4032541.0</t>
  </si>
  <si>
    <t>2953047.0</t>
  </si>
  <si>
    <t>11044943.0</t>
  </si>
  <si>
    <t>2044.216</t>
  </si>
  <si>
    <t>11321465.0</t>
  </si>
  <si>
    <t>4032542.0</t>
  </si>
  <si>
    <t>2953060.0</t>
  </si>
  <si>
    <t>2042.4</t>
  </si>
  <si>
    <t>375.833314318395</t>
  </si>
  <si>
    <t>11048607.0</t>
  </si>
  <si>
    <t>2044.894</t>
  </si>
  <si>
    <t>11322219.0</t>
  </si>
  <si>
    <t>4335942.0</t>
  </si>
  <si>
    <t>4032693.0</t>
  </si>
  <si>
    <t>2953584.0</t>
  </si>
  <si>
    <t>11051160.0</t>
  </si>
  <si>
    <t>2045.367</t>
  </si>
  <si>
    <t>11322831.0</t>
  </si>
  <si>
    <t>4336017.0</t>
  </si>
  <si>
    <t>4032805.0</t>
  </si>
  <si>
    <t>2954009.0</t>
  </si>
  <si>
    <t>11053044.0</t>
  </si>
  <si>
    <t>2045.716</t>
  </si>
  <si>
    <t>11323182.0</t>
  </si>
  <si>
    <t>4336051.0</t>
  </si>
  <si>
    <t>4032882.0</t>
  </si>
  <si>
    <t>2954249.0</t>
  </si>
  <si>
    <t>11054191.0</t>
  </si>
  <si>
    <t>2045.928</t>
  </si>
  <si>
    <t>11323202.0</t>
  </si>
  <si>
    <t>4032889.0</t>
  </si>
  <si>
    <t>2954262.0</t>
  </si>
  <si>
    <t>11055289.0</t>
  </si>
  <si>
    <t>2046.131</t>
  </si>
  <si>
    <t>11323214.0</t>
  </si>
  <si>
    <t>4336053.0</t>
  </si>
  <si>
    <t>4032891.0</t>
  </si>
  <si>
    <t>2954270.0</t>
  </si>
  <si>
    <t>11056396.0</t>
  </si>
  <si>
    <t>2046.336</t>
  </si>
  <si>
    <t>11323233.0</t>
  </si>
  <si>
    <t>4336054.0</t>
  </si>
  <si>
    <t>4032897.0</t>
  </si>
  <si>
    <t>2954282.0</t>
  </si>
  <si>
    <t>11057423.0</t>
  </si>
  <si>
    <t>2046.526</t>
  </si>
  <si>
    <t>11323236.0</t>
  </si>
  <si>
    <t>4336056.0</t>
  </si>
  <si>
    <t>2954283.0</t>
  </si>
  <si>
    <t>2120.4</t>
  </si>
  <si>
    <t>390.186525499768</t>
  </si>
  <si>
    <t>11059018.0</t>
  </si>
  <si>
    <t>2046.821</t>
  </si>
  <si>
    <t>11323242.0</t>
  </si>
  <si>
    <t>4336058.0</t>
  </si>
  <si>
    <t>2954287.0</t>
  </si>
  <si>
    <t>11062676.0</t>
  </si>
  <si>
    <t>2047.498</t>
  </si>
  <si>
    <t>11324506.0</t>
  </si>
  <si>
    <t>4336176.0</t>
  </si>
  <si>
    <t>4033123.0</t>
  </si>
  <si>
    <t>2955207.0</t>
  </si>
  <si>
    <t>11065538.0</t>
  </si>
  <si>
    <t>2048.028</t>
  </si>
  <si>
    <t>11326125.0</t>
  </si>
  <si>
    <t>4336302.0</t>
  </si>
  <si>
    <t>4033426.0</t>
  </si>
  <si>
    <t>2956397.0</t>
  </si>
  <si>
    <t>11067992.0</t>
  </si>
  <si>
    <t>2048.482</t>
  </si>
  <si>
    <t>11328402.0</t>
  </si>
  <si>
    <t>4336528.0</t>
  </si>
  <si>
    <t>4033795.0</t>
  </si>
  <si>
    <t>2958079.0</t>
  </si>
  <si>
    <t>11070202.0</t>
  </si>
  <si>
    <t>2048.891</t>
  </si>
  <si>
    <t>11329307.0</t>
  </si>
  <si>
    <t>4336600.0</t>
  </si>
  <si>
    <t>4033940.0</t>
  </si>
  <si>
    <t>2958767.0</t>
  </si>
  <si>
    <t>11071059.0</t>
  </si>
  <si>
    <t>2049.05</t>
  </si>
  <si>
    <t>11329360.0</t>
  </si>
  <si>
    <t>4336613.0</t>
  </si>
  <si>
    <t>4033956.0</t>
  </si>
  <si>
    <t>2958791.0</t>
  </si>
  <si>
    <t>11071885.0</t>
  </si>
  <si>
    <t>2049.203</t>
  </si>
  <si>
    <t>11329373.0</t>
  </si>
  <si>
    <t>4336615.0</t>
  </si>
  <si>
    <t>4033957.0</t>
  </si>
  <si>
    <t>2958801.0</t>
  </si>
  <si>
    <t>2198.2</t>
  </si>
  <si>
    <t>404.502933575547</t>
  </si>
  <si>
    <t>11074472.0</t>
  </si>
  <si>
    <t>2049.681</t>
  </si>
  <si>
    <t>11330264.0</t>
  </si>
  <si>
    <t>4336731.0</t>
  </si>
  <si>
    <t>4034109.0</t>
  </si>
  <si>
    <t>2959424.0</t>
  </si>
  <si>
    <t>11076428.0</t>
  </si>
  <si>
    <t>2050.043</t>
  </si>
  <si>
    <t>11331704.0</t>
  </si>
  <si>
    <t>4336860.0</t>
  </si>
  <si>
    <t>4034329.0</t>
  </si>
  <si>
    <t>2960515.0</t>
  </si>
  <si>
    <t>11078487.0</t>
  </si>
  <si>
    <t>2050.425</t>
  </si>
  <si>
    <t>11333915.0</t>
  </si>
  <si>
    <t>4337026.0</t>
  </si>
  <si>
    <t>4034654.0</t>
  </si>
  <si>
    <t>2962235.0</t>
  </si>
  <si>
    <t>11080431.0</t>
  </si>
  <si>
    <t>2050.784</t>
  </si>
  <si>
    <t>11336188.0</t>
  </si>
  <si>
    <t>4337252.0</t>
  </si>
  <si>
    <t>4034990.0</t>
  </si>
  <si>
    <t>2963946.0</t>
  </si>
  <si>
    <t>11082113.0</t>
  </si>
  <si>
    <t>2051.096</t>
  </si>
  <si>
    <t>11337153.0</t>
  </si>
  <si>
    <t>4337327.0</t>
  </si>
  <si>
    <t>4035117.0</t>
  </si>
  <si>
    <t>2964709.0</t>
  </si>
  <si>
    <t>11082858.0</t>
  </si>
  <si>
    <t>2051.234</t>
  </si>
  <si>
    <t>11337246.0</t>
  </si>
  <si>
    <t>4337341.0</t>
  </si>
  <si>
    <t>4035134.0</t>
  </si>
  <si>
    <t>2964771.0</t>
  </si>
  <si>
    <t>11083542.0</t>
  </si>
  <si>
    <t>2051.36</t>
  </si>
  <si>
    <t>11337253.0</t>
  </si>
  <si>
    <t>4337342.0</t>
  </si>
  <si>
    <t>2964777.0</t>
  </si>
  <si>
    <t>2260.8</t>
  </si>
  <si>
    <t>416.022305626238</t>
  </si>
  <si>
    <t>11085650.0</t>
  </si>
  <si>
    <t>2051.75</t>
  </si>
  <si>
    <t>11338102.0</t>
  </si>
  <si>
    <t>4337398.0</t>
  </si>
  <si>
    <t>4035251.0</t>
  </si>
  <si>
    <t>2965453.0</t>
  </si>
  <si>
    <t>11087402.0</t>
  </si>
  <si>
    <t>2052.075</t>
  </si>
  <si>
    <t>11339497.0</t>
  </si>
  <si>
    <t>4337520.0</t>
  </si>
  <si>
    <t>4035460.0</t>
  </si>
  <si>
    <t>2966517.0</t>
  </si>
  <si>
    <t>11089238.0</t>
  </si>
  <si>
    <t>2052.414</t>
  </si>
  <si>
    <t>11341434.0</t>
  </si>
  <si>
    <t>4337682.0</t>
  </si>
  <si>
    <t>4035732.0</t>
  </si>
  <si>
    <t>2968020.0</t>
  </si>
  <si>
    <t>11090833.0</t>
  </si>
  <si>
    <t>2052.71</t>
  </si>
  <si>
    <t>11343669.0</t>
  </si>
  <si>
    <t>4337846.0</t>
  </si>
  <si>
    <t>4036061.0</t>
  </si>
  <si>
    <t>2969762.0</t>
  </si>
  <si>
    <t>208.74</t>
  </si>
  <si>
    <t>11092432.0</t>
  </si>
  <si>
    <t>2053.006</t>
  </si>
  <si>
    <t>11344668.0</t>
  </si>
  <si>
    <t>4337944.0</t>
  </si>
  <si>
    <t>4036233.0</t>
  </si>
  <si>
    <t>2970491.0</t>
  </si>
  <si>
    <t>11093013.0</t>
  </si>
  <si>
    <t>2053.113</t>
  </si>
  <si>
    <t>11344821.0</t>
  </si>
  <si>
    <t>4337970.0</t>
  </si>
  <si>
    <t>4036266.0</t>
  </si>
  <si>
    <t>2970585.0</t>
  </si>
  <si>
    <t>11093604.0</t>
  </si>
  <si>
    <t>2053.222</t>
  </si>
  <si>
    <t>11344843.0</t>
  </si>
  <si>
    <t>4337976.0</t>
  </si>
  <si>
    <t>4036270.0</t>
  </si>
  <si>
    <t>2970597.0</t>
  </si>
  <si>
    <t>2354.8</t>
  </si>
  <si>
    <t>433.319765255071</t>
  </si>
  <si>
    <t>11095682.0</t>
  </si>
  <si>
    <t>2053.607</t>
  </si>
  <si>
    <t>11345750.0</t>
  </si>
  <si>
    <t>4338071.0</t>
  </si>
  <si>
    <t>4036409.0</t>
  </si>
  <si>
    <t>2971270.0</t>
  </si>
  <si>
    <t>11097352.0</t>
  </si>
  <si>
    <t>2053.916</t>
  </si>
  <si>
    <t>11347414.0</t>
  </si>
  <si>
    <t>4338190.0</t>
  </si>
  <si>
    <t>4036641.0</t>
  </si>
  <si>
    <t>2972583.0</t>
  </si>
  <si>
    <t>11098919.0</t>
  </si>
  <si>
    <t>2054.206</t>
  </si>
  <si>
    <t>11349824.0</t>
  </si>
  <si>
    <t>4338366.0</t>
  </si>
  <si>
    <t>4036947.0</t>
  </si>
  <si>
    <t>2974511.0</t>
  </si>
  <si>
    <t>11100533.0</t>
  </si>
  <si>
    <t>2054.505</t>
  </si>
  <si>
    <t>11352240.0</t>
  </si>
  <si>
    <t>4338560.0</t>
  </si>
  <si>
    <t>4037342.0</t>
  </si>
  <si>
    <t>2976338.0</t>
  </si>
  <si>
    <t>11102012.0</t>
  </si>
  <si>
    <t>2054.779</t>
  </si>
  <si>
    <t>11353338.0</t>
  </si>
  <si>
    <t>4338640.0</t>
  </si>
  <si>
    <t>4037522.0</t>
  </si>
  <si>
    <t>2977176.0</t>
  </si>
  <si>
    <t>11102556.0</t>
  </si>
  <si>
    <t>2054.879</t>
  </si>
  <si>
    <t>11353490.0</t>
  </si>
  <si>
    <t>4338654.0</t>
  </si>
  <si>
    <t>4037543.0</t>
  </si>
  <si>
    <t>2977293.0</t>
  </si>
  <si>
    <t>11103126.0</t>
  </si>
  <si>
    <t>2054.985</t>
  </si>
  <si>
    <t>11353531.0</t>
  </si>
  <si>
    <t>4338662.0</t>
  </si>
  <si>
    <t>4037547.0</t>
  </si>
  <si>
    <t>2977322.0</t>
  </si>
  <si>
    <t>451.02205904543</t>
  </si>
  <si>
    <t>11105004.0</t>
  </si>
  <si>
    <t>2055.332</t>
  </si>
  <si>
    <t>11354247.0</t>
  </si>
  <si>
    <t>4338720.0</t>
  </si>
  <si>
    <t>4037672.0</t>
  </si>
  <si>
    <t>2977855.0</t>
  </si>
  <si>
    <t>11105432.0</t>
  </si>
  <si>
    <t>2055.412</t>
  </si>
  <si>
    <t>11354257.0</t>
  </si>
  <si>
    <t>4037673.0</t>
  </si>
  <si>
    <t>2977864.0</t>
  </si>
  <si>
    <t>11107360.0</t>
  </si>
  <si>
    <t>2055.768</t>
  </si>
  <si>
    <t>11356410.0</t>
  </si>
  <si>
    <t>4338874.0</t>
  </si>
  <si>
    <t>4038021.0</t>
  </si>
  <si>
    <t>2979515.0</t>
  </si>
  <si>
    <t>11109123.0</t>
  </si>
  <si>
    <t>2056.095</t>
  </si>
  <si>
    <t>11359208.0</t>
  </si>
  <si>
    <t>4339116.0</t>
  </si>
  <si>
    <t>4038553.0</t>
  </si>
  <si>
    <t>2981539.0</t>
  </si>
  <si>
    <t>11110677.0</t>
  </si>
  <si>
    <t>2056.382</t>
  </si>
  <si>
    <t>11360506.0</t>
  </si>
  <si>
    <t>4339216.0</t>
  </si>
  <si>
    <t>4038800.0</t>
  </si>
  <si>
    <t>2982490.0</t>
  </si>
  <si>
    <t>11111260.0</t>
  </si>
  <si>
    <t>2056.49</t>
  </si>
  <si>
    <t>11360670.0</t>
  </si>
  <si>
    <t>4339243.0</t>
  </si>
  <si>
    <t>4038845.0</t>
  </si>
  <si>
    <t>2982582.0</t>
  </si>
  <si>
    <t>11111855.0</t>
  </si>
  <si>
    <t>2056.6</t>
  </si>
  <si>
    <t>11360717.0</t>
  </si>
  <si>
    <t>4339244.0</t>
  </si>
  <si>
    <t>4038847.0</t>
  </si>
  <si>
    <t>2982626.0</t>
  </si>
  <si>
    <t>472.919906873421</t>
  </si>
  <si>
    <t>11114012.0</t>
  </si>
  <si>
    <t>11362190.0</t>
  </si>
  <si>
    <t>4339362.0</t>
  </si>
  <si>
    <t>4039088.0</t>
  </si>
  <si>
    <t>2983740.0</t>
  </si>
  <si>
    <t>11115691.0</t>
  </si>
  <si>
    <t>2057.31</t>
  </si>
  <si>
    <t>11365152.0</t>
  </si>
  <si>
    <t>4339578.0</t>
  </si>
  <si>
    <t>4039660.0</t>
  </si>
  <si>
    <t>2985914.0</t>
  </si>
  <si>
    <t>11117268.0</t>
  </si>
  <si>
    <t>2057.602</t>
  </si>
  <si>
    <t>11368193.0</t>
  </si>
  <si>
    <t>4339795.0</t>
  </si>
  <si>
    <t>4040243.0</t>
  </si>
  <si>
    <t>2988155.0</t>
  </si>
  <si>
    <t>11117750.0</t>
  </si>
  <si>
    <t>2057.691</t>
  </si>
  <si>
    <t>11368205.0</t>
  </si>
  <si>
    <t>4339796.0</t>
  </si>
  <si>
    <t>4040244.0</t>
  </si>
  <si>
    <t>2988165.0</t>
  </si>
  <si>
    <t>11119249.0</t>
  </si>
  <si>
    <t>2057.969</t>
  </si>
  <si>
    <t>11369531.0</t>
  </si>
  <si>
    <t>4339929.0</t>
  </si>
  <si>
    <t>4040516.0</t>
  </si>
  <si>
    <t>2989086.0</t>
  </si>
  <si>
    <t>11119726.0</t>
  </si>
  <si>
    <t>2058.057</t>
  </si>
  <si>
    <t>11369710.0</t>
  </si>
  <si>
    <t>4339956.0</t>
  </si>
  <si>
    <t>4040561.0</t>
  </si>
  <si>
    <t>2989193.0</t>
  </si>
  <si>
    <t>11120259.0</t>
  </si>
  <si>
    <t>2058.156</t>
  </si>
  <si>
    <t>11369753.0</t>
  </si>
  <si>
    <t>4339969.0</t>
  </si>
  <si>
    <t>4040574.0</t>
  </si>
  <si>
    <t>2989210.0</t>
  </si>
  <si>
    <t>2589.4</t>
  </si>
  <si>
    <t>476.489808115968</t>
  </si>
  <si>
    <t>11122302.0</t>
  </si>
  <si>
    <t>2058.534</t>
  </si>
  <si>
    <t>11371096.0</t>
  </si>
  <si>
    <t>4340075.0</t>
  </si>
  <si>
    <t>4040846.0</t>
  </si>
  <si>
    <t>2990175.0</t>
  </si>
  <si>
    <t>11123808.0</t>
  </si>
  <si>
    <t>2058.813</t>
  </si>
  <si>
    <t>11373203.0</t>
  </si>
  <si>
    <t>4340241.0</t>
  </si>
  <si>
    <t>4041248.0</t>
  </si>
  <si>
    <t>2991714.0</t>
  </si>
  <si>
    <t>11125279.0</t>
  </si>
  <si>
    <t>2059.085</t>
  </si>
  <si>
    <t>11375853.0</t>
  </si>
  <si>
    <t>4340440.0</t>
  </si>
  <si>
    <t>4041742.0</t>
  </si>
  <si>
    <t>2993671.0</t>
  </si>
  <si>
    <t>209.33</t>
  </si>
  <si>
    <t>11126685.0</t>
  </si>
  <si>
    <t>2059.345</t>
  </si>
  <si>
    <t>11378874.0</t>
  </si>
  <si>
    <t>4340709.0</t>
  </si>
  <si>
    <t>4042398.0</t>
  </si>
  <si>
    <t>2995767.0</t>
  </si>
  <si>
    <t>11128081.0</t>
  </si>
  <si>
    <t>2059.604</t>
  </si>
  <si>
    <t>11380036.0</t>
  </si>
  <si>
    <t>4340799.0</t>
  </si>
  <si>
    <t>4042679.0</t>
  </si>
  <si>
    <t>2996558.0</t>
  </si>
  <si>
    <t>11128605.0</t>
  </si>
  <si>
    <t>2059.7</t>
  </si>
  <si>
    <t>11380073.0</t>
  </si>
  <si>
    <t>4340801.0</t>
  </si>
  <si>
    <t>4042688.0</t>
  </si>
  <si>
    <t>2996584.0</t>
  </si>
  <si>
    <t>11129159.0</t>
  </si>
  <si>
    <t>2059.803</t>
  </si>
  <si>
    <t>11380079.0</t>
  </si>
  <si>
    <t>4042689.0</t>
  </si>
  <si>
    <t>2996589.0</t>
  </si>
  <si>
    <t>2683.4</t>
  </si>
  <si>
    <t>493.787267744801</t>
  </si>
  <si>
    <t>11129786.0</t>
  </si>
  <si>
    <t>2059.919</t>
  </si>
  <si>
    <t>11380092.0</t>
  </si>
  <si>
    <t>4042691.0</t>
  </si>
  <si>
    <t>2996600.0</t>
  </si>
  <si>
    <t>11131673.0</t>
  </si>
  <si>
    <t>2060.268</t>
  </si>
  <si>
    <t>11381969.0</t>
  </si>
  <si>
    <t>4340950.0</t>
  </si>
  <si>
    <t>4043100.0</t>
  </si>
  <si>
    <t>2997919.0</t>
  </si>
  <si>
    <t>209.45</t>
  </si>
  <si>
    <t>11133394.0</t>
  </si>
  <si>
    <t>2060.587</t>
  </si>
  <si>
    <t>11383964.0</t>
  </si>
  <si>
    <t>4341116.0</t>
  </si>
  <si>
    <t>4043481.0</t>
  </si>
  <si>
    <t>2999367.0</t>
  </si>
  <si>
    <t>11135044.0</t>
  </si>
  <si>
    <t>2060.892</t>
  </si>
  <si>
    <t>11386319.0</t>
  </si>
  <si>
    <t>4341352.0</t>
  </si>
  <si>
    <t>4044035.0</t>
  </si>
  <si>
    <t>3000932.0</t>
  </si>
  <si>
    <t>11136776.0</t>
  </si>
  <si>
    <t>2061.213</t>
  </si>
  <si>
    <t>11387498.0</t>
  </si>
  <si>
    <t>4341449.0</t>
  </si>
  <si>
    <t>4044318.0</t>
  </si>
  <si>
    <t>3001731.0</t>
  </si>
  <si>
    <t>11137476.0</t>
  </si>
  <si>
    <t>2061.342</t>
  </si>
  <si>
    <t>11387638.0</t>
  </si>
  <si>
    <t>4341475.0</t>
  </si>
  <si>
    <t>4044344.0</t>
  </si>
  <si>
    <t>3001819.0</t>
  </si>
  <si>
    <t>11138478.0</t>
  </si>
  <si>
    <t>2061.528</t>
  </si>
  <si>
    <t>11387661.0</t>
  </si>
  <si>
    <t>4341479.0</t>
  </si>
  <si>
    <t>4044354.0</t>
  </si>
  <si>
    <t>3001828.0</t>
  </si>
  <si>
    <t>2747.8</t>
  </si>
  <si>
    <t>505.637867745832</t>
  </si>
  <si>
    <t>11140652.0</t>
  </si>
  <si>
    <t>2061.93</t>
  </si>
  <si>
    <t>11388822.0</t>
  </si>
  <si>
    <t>4341571.0</t>
  </si>
  <si>
    <t>4044614.0</t>
  </si>
  <si>
    <t>3002637.0</t>
  </si>
  <si>
    <t>11142504.0</t>
  </si>
  <si>
    <t>2062.273</t>
  </si>
  <si>
    <t>11390208.0</t>
  </si>
  <si>
    <t>4341693.0</t>
  </si>
  <si>
    <t>4044908.0</t>
  </si>
  <si>
    <t>3003607.0</t>
  </si>
  <si>
    <t>11144361.0</t>
  </si>
  <si>
    <t>2062.617</t>
  </si>
  <si>
    <t>11392534.0</t>
  </si>
  <si>
    <t>4341800.0</t>
  </si>
  <si>
    <t>4045268.0</t>
  </si>
  <si>
    <t>3005466.0</t>
  </si>
  <si>
    <t>11146224.0</t>
  </si>
  <si>
    <t>2062.961</t>
  </si>
  <si>
    <t>11395456.0</t>
  </si>
  <si>
    <t>4341989.0</t>
  </si>
  <si>
    <t>4045752.0</t>
  </si>
  <si>
    <t>3007715.0</t>
  </si>
  <si>
    <t>11148313.0</t>
  </si>
  <si>
    <t>2063.348</t>
  </si>
  <si>
    <t>11396918.0</t>
  </si>
  <si>
    <t>4342064.0</t>
  </si>
  <si>
    <t>4045995.0</t>
  </si>
  <si>
    <t>3008859.0</t>
  </si>
  <si>
    <t>11149027.0</t>
  </si>
  <si>
    <t>2063.48</t>
  </si>
  <si>
    <t>11397063.0</t>
  </si>
  <si>
    <t>4342086.0</t>
  </si>
  <si>
    <t>4046038.0</t>
  </si>
  <si>
    <t>3008939.0</t>
  </si>
  <si>
    <t>11149930.0</t>
  </si>
  <si>
    <t>2063.647</t>
  </si>
  <si>
    <t>11397105.0</t>
  </si>
  <si>
    <t>4342096.0</t>
  </si>
  <si>
    <t>4046049.0</t>
  </si>
  <si>
    <t>3008960.0</t>
  </si>
  <si>
    <t>2833.8</t>
  </si>
  <si>
    <t>521.463203150935</t>
  </si>
  <si>
    <t>11152621.0</t>
  </si>
  <si>
    <t>2064.145</t>
  </si>
  <si>
    <t>11398595.0</t>
  </si>
  <si>
    <t>4342193.0</t>
  </si>
  <si>
    <t>4046279.0</t>
  </si>
  <si>
    <t>3010123.0</t>
  </si>
  <si>
    <t>11154564.0</t>
  </si>
  <si>
    <t>2064.505</t>
  </si>
  <si>
    <t>11400631.0</t>
  </si>
  <si>
    <t>4342298.0</t>
  </si>
  <si>
    <t>4046615.0</t>
  </si>
  <si>
    <t>3011718.0</t>
  </si>
  <si>
    <t>11403392.0</t>
  </si>
  <si>
    <t>4342439.0</t>
  </si>
  <si>
    <t>4046978.0</t>
  </si>
  <si>
    <t>3013975.0</t>
  </si>
  <si>
    <t>11406078.0</t>
  </si>
  <si>
    <t>4342608.0</t>
  </si>
  <si>
    <t>4047385.0</t>
  </si>
  <si>
    <t>3016085.0</t>
  </si>
  <si>
    <t>11407431.0</t>
  </si>
  <si>
    <t>4342673.0</t>
  </si>
  <si>
    <t>4047558.0</t>
  </si>
  <si>
    <t>3017200.0</t>
  </si>
  <si>
    <t>11407516.0</t>
  </si>
  <si>
    <t>4342677.0</t>
  </si>
  <si>
    <t>4047572.0</t>
  </si>
  <si>
    <t>3017267.0</t>
  </si>
  <si>
    <t>11407564.0</t>
  </si>
  <si>
    <t>4342683.0</t>
  </si>
  <si>
    <t>4047577.0</t>
  </si>
  <si>
    <t>3017304.0</t>
  </si>
  <si>
    <t>3002.4</t>
  </si>
  <si>
    <t>552.488221166055</t>
  </si>
  <si>
    <t>11408761.0</t>
  </si>
  <si>
    <t>4342743.0</t>
  </si>
  <si>
    <t>4047784.0</t>
  </si>
  <si>
    <t>3018234.0</t>
  </si>
  <si>
    <t>11410656.0</t>
  </si>
  <si>
    <t>4342840.0</t>
  </si>
  <si>
    <t>4048018.0</t>
  </si>
  <si>
    <t>3019798.0</t>
  </si>
  <si>
    <t>209.97</t>
  </si>
  <si>
    <t>11413244.0</t>
  </si>
  <si>
    <t>4342964.0</t>
  </si>
  <si>
    <t>4048308.0</t>
  </si>
  <si>
    <t>3021972.0</t>
  </si>
  <si>
    <t>11416160.0</t>
  </si>
  <si>
    <t>4343109.0</t>
  </si>
  <si>
    <t>4048614.0</t>
  </si>
  <si>
    <t>3024437.0</t>
  </si>
  <si>
    <t>11418261.0</t>
  </si>
  <si>
    <t>4343174.0</t>
  </si>
  <si>
    <t>4048744.0</t>
  </si>
  <si>
    <t>3026343.0</t>
  </si>
  <si>
    <t>210.11</t>
  </si>
  <si>
    <t>11418368.0</t>
  </si>
  <si>
    <t>4048751.0</t>
  </si>
  <si>
    <t>3026443.0</t>
  </si>
  <si>
    <t>11418387.0</t>
  </si>
  <si>
    <t>3026462.0</t>
  </si>
  <si>
    <t>3071.8</t>
  </si>
  <si>
    <t>565.258898806917</t>
  </si>
  <si>
    <t>11420743.0</t>
  </si>
  <si>
    <t>4343232.0</t>
  </si>
  <si>
    <t>4048872.0</t>
  </si>
  <si>
    <t>3028639.0</t>
  </si>
  <si>
    <t>210.16</t>
  </si>
  <si>
    <t>11425209.0</t>
  </si>
  <si>
    <t>4343310.0</t>
  </si>
  <si>
    <t>4049045.0</t>
  </si>
  <si>
    <t>3032854.0</t>
  </si>
  <si>
    <t>11431215.0</t>
  </si>
  <si>
    <t>4343377.0</t>
  </si>
  <si>
    <t>4049229.0</t>
  </si>
  <si>
    <t>3038609.0</t>
  </si>
  <si>
    <t>11436910.0</t>
  </si>
  <si>
    <t>4343446.0</t>
  </si>
  <si>
    <t>4049405.0</t>
  </si>
  <si>
    <t>3044059.0</t>
  </si>
  <si>
    <t>11440407.0</t>
  </si>
  <si>
    <t>4343484.0</t>
  </si>
  <si>
    <t>4049485.0</t>
  </si>
  <si>
    <t>3047438.0</t>
  </si>
  <si>
    <t>11440523.0</t>
  </si>
  <si>
    <t>4343487.0</t>
  </si>
  <si>
    <t>4049497.0</t>
  </si>
  <si>
    <t>3047539.0</t>
  </si>
  <si>
    <t>11440526.0</t>
  </si>
  <si>
    <t>3047542.0</t>
  </si>
  <si>
    <t>3180.8</t>
  </si>
  <si>
    <t>585.316591355245</t>
  </si>
  <si>
    <t>11443674.0</t>
  </si>
  <si>
    <t>4343533.0</t>
  </si>
  <si>
    <t>4049603.0</t>
  </si>
  <si>
    <t>3050538.0</t>
  </si>
  <si>
    <t>11449444.0</t>
  </si>
  <si>
    <t>4343601.0</t>
  </si>
  <si>
    <t>4049728.0</t>
  </si>
  <si>
    <t>3056115.0</t>
  </si>
  <si>
    <t>11456074.0</t>
  </si>
  <si>
    <t>4343657.0</t>
  </si>
  <si>
    <t>4049853.0</t>
  </si>
  <si>
    <t>3062564.0</t>
  </si>
  <si>
    <t>11461343.0</t>
  </si>
  <si>
    <t>4343708.0</t>
  </si>
  <si>
    <t>4049991.0</t>
  </si>
  <si>
    <t>11464184.0</t>
  </si>
  <si>
    <t>4343737.0</t>
  </si>
  <si>
    <t>4050056.0</t>
  </si>
  <si>
    <t>3070391.0</t>
  </si>
  <si>
    <t>11464347.0</t>
  </si>
  <si>
    <t>4343738.0</t>
  </si>
  <si>
    <t>4050062.0</t>
  </si>
  <si>
    <t>3070547.0</t>
  </si>
  <si>
    <t>11464352.0</t>
  </si>
  <si>
    <t>3070552.0</t>
  </si>
  <si>
    <t>3346.4</t>
  </si>
  <si>
    <t>615.789562786466</t>
  </si>
  <si>
    <t>11466932.0</t>
  </si>
  <si>
    <t>4343777.0</t>
  </si>
  <si>
    <t>4050132.0</t>
  </si>
  <si>
    <t>3073023.0</t>
  </si>
  <si>
    <t>211.01</t>
  </si>
  <si>
    <t>11471431.0</t>
  </si>
  <si>
    <t>4343864.0</t>
  </si>
  <si>
    <t>4050210.0</t>
  </si>
  <si>
    <t>3077357.0</t>
  </si>
  <si>
    <t>211.09</t>
  </si>
  <si>
    <t>11476837.0</t>
  </si>
  <si>
    <t>4343893.0</t>
  </si>
  <si>
    <t>4050290.0</t>
  </si>
  <si>
    <t>3082654.0</t>
  </si>
  <si>
    <t>11483641.0</t>
  </si>
  <si>
    <t>4343941.0</t>
  </si>
  <si>
    <t>4050366.0</t>
  </si>
  <si>
    <t>3089334.0</t>
  </si>
  <si>
    <t>11486916.0</t>
  </si>
  <si>
    <t>4343978.0</t>
  </si>
  <si>
    <t>4050422.0</t>
  </si>
  <si>
    <t>3092516.0</t>
  </si>
  <si>
    <t>11487098.0</t>
  </si>
  <si>
    <t>4343980.0</t>
  </si>
  <si>
    <t>4050423.0</t>
  </si>
  <si>
    <t>3092695.0</t>
  </si>
  <si>
    <t>11487106.0</t>
  </si>
  <si>
    <t>3092703.0</t>
  </si>
  <si>
    <t>3490.8</t>
  </si>
  <si>
    <t>642.361405024802</t>
  </si>
  <si>
    <t>11490294.0</t>
  </si>
  <si>
    <t>4344010.0</t>
  </si>
  <si>
    <t>4050484.0</t>
  </si>
  <si>
    <t>3095800.0</t>
  </si>
  <si>
    <t>11496677.0</t>
  </si>
  <si>
    <t>4344056.0</t>
  </si>
  <si>
    <t>4050567.0</t>
  </si>
  <si>
    <t>3102054.0</t>
  </si>
  <si>
    <t>11503974.0</t>
  </si>
  <si>
    <t>4344106.0</t>
  </si>
  <si>
    <t>4050669.0</t>
  </si>
  <si>
    <t>3109199.0</t>
  </si>
  <si>
    <t>11509185.0</t>
  </si>
  <si>
    <t>4344134.0</t>
  </si>
  <si>
    <t>4050721.0</t>
  </si>
  <si>
    <t>3114330.0</t>
  </si>
  <si>
    <t>11511951.0</t>
  </si>
  <si>
    <t>4344159.0</t>
  </si>
  <si>
    <t>4050766.0</t>
  </si>
  <si>
    <t>3117026.0</t>
  </si>
  <si>
    <t>11512089.0</t>
  </si>
  <si>
    <t>4344160.0</t>
  </si>
  <si>
    <t>4050768.0</t>
  </si>
  <si>
    <t>3117161.0</t>
  </si>
  <si>
    <t>11512091.0</t>
  </si>
  <si>
    <t>3117163.0</t>
  </si>
  <si>
    <t>656.935434839733</t>
  </si>
  <si>
    <t>11515449.0</t>
  </si>
  <si>
    <t>4344192.0</t>
  </si>
  <si>
    <t>4050840.0</t>
  </si>
  <si>
    <t>3120417.0</t>
  </si>
  <si>
    <t>11521691.0</t>
  </si>
  <si>
    <t>4344245.0</t>
  </si>
  <si>
    <t>4050915.0</t>
  </si>
  <si>
    <t>3126531.0</t>
  </si>
  <si>
    <t>11528955.0</t>
  </si>
  <si>
    <t>4344293.0</t>
  </si>
  <si>
    <t>4050985.0</t>
  </si>
  <si>
    <t>3133677.0</t>
  </si>
  <si>
    <t>11535714.0</t>
  </si>
  <si>
    <t>4344331.0</t>
  </si>
  <si>
    <t>4051053.0</t>
  </si>
  <si>
    <t>3140330.0</t>
  </si>
  <si>
    <t>11539042.0</t>
  </si>
  <si>
    <t>4344350.0</t>
  </si>
  <si>
    <t>4051099.0</t>
  </si>
  <si>
    <t>3143593.0</t>
  </si>
  <si>
    <t>11539188.0</t>
  </si>
  <si>
    <t>4344352.0</t>
  </si>
  <si>
    <t>4051102.0</t>
  </si>
  <si>
    <t>3143734.0</t>
  </si>
  <si>
    <t>11539197.0</t>
  </si>
  <si>
    <t>4051103.0</t>
  </si>
  <si>
    <t>3143742.0</t>
  </si>
  <si>
    <t>3691.2</t>
  </si>
  <si>
    <t>679.23811682925</t>
  </si>
  <si>
    <t>11542217.0</t>
  </si>
  <si>
    <t>4344374.0</t>
  </si>
  <si>
    <t>4051141.0</t>
  </si>
  <si>
    <t>3146702.0</t>
  </si>
  <si>
    <t>11549031.0</t>
  </si>
  <si>
    <t>4344410.0</t>
  </si>
  <si>
    <t>4051209.0</t>
  </si>
  <si>
    <t>3153412.0</t>
  </si>
  <si>
    <t>11558765.0</t>
  </si>
  <si>
    <t>4344474.0</t>
  </si>
  <si>
    <t>4051288.0</t>
  </si>
  <si>
    <t>3163003.0</t>
  </si>
  <si>
    <t>11568281.0</t>
  </si>
  <si>
    <t>4344523.0</t>
  </si>
  <si>
    <t>4051364.0</t>
  </si>
  <si>
    <t>3172394.0</t>
  </si>
  <si>
    <t>11571863.0</t>
  </si>
  <si>
    <t>4344550.0</t>
  </si>
  <si>
    <t>4051395.0</t>
  </si>
  <si>
    <t>3175918.0</t>
  </si>
  <si>
    <t>11571989.0</t>
  </si>
  <si>
    <t>3176044.0</t>
  </si>
  <si>
    <t>3766.6</t>
  </si>
  <si>
    <t>693.11288763791</t>
  </si>
  <si>
    <t>11578569.0</t>
  </si>
  <si>
    <t>4344580.0</t>
  </si>
  <si>
    <t>4051442.0</t>
  </si>
  <si>
    <t>3182547.0</t>
  </si>
  <si>
    <t>11590867.0</t>
  </si>
  <si>
    <t>4344626.0</t>
  </si>
  <si>
    <t>4051500.0</t>
  </si>
  <si>
    <t>3194741.0</t>
  </si>
  <si>
    <t>11605445.0</t>
  </si>
  <si>
    <t>4344674.0</t>
  </si>
  <si>
    <t>4051574.0</t>
  </si>
  <si>
    <t>3209197.0</t>
  </si>
  <si>
    <t>11621562.0</t>
  </si>
  <si>
    <t>4344725.0</t>
  </si>
  <si>
    <t>4051673.0</t>
  </si>
  <si>
    <t>3225164.0</t>
  </si>
  <si>
    <t>11630007.0</t>
  </si>
  <si>
    <t>4344763.0</t>
  </si>
  <si>
    <t>4051727.0</t>
  </si>
  <si>
    <t>3233517.0</t>
  </si>
  <si>
    <t>11630654.0</t>
  </si>
  <si>
    <t>4344767.0</t>
  </si>
  <si>
    <t>4051731.0</t>
  </si>
  <si>
    <t>3234156.0</t>
  </si>
  <si>
    <t>214.02</t>
  </si>
  <si>
    <t>714.164264037256</t>
  </si>
  <si>
    <t>11637963.0</t>
  </si>
  <si>
    <t>4344801.0</t>
  </si>
  <si>
    <t>4051764.0</t>
  </si>
  <si>
    <t>3241398.0</t>
  </si>
  <si>
    <t>11651679.0</t>
  </si>
  <si>
    <t>4344854.0</t>
  </si>
  <si>
    <t>4051813.0</t>
  </si>
  <si>
    <t>3255012.0</t>
  </si>
  <si>
    <t>13716.0</t>
  </si>
  <si>
    <t>11670449.0</t>
  </si>
  <si>
    <t>4344886.0</t>
  </si>
  <si>
    <t>4051874.0</t>
  </si>
  <si>
    <t>3273689.0</t>
  </si>
  <si>
    <t>11692214.0</t>
  </si>
  <si>
    <t>4344950.0</t>
  </si>
  <si>
    <t>4051978.0</t>
  </si>
  <si>
    <t>3295286.0</t>
  </si>
  <si>
    <t>11700141.0</t>
  </si>
  <si>
    <t>4344980.0</t>
  </si>
  <si>
    <t>4052015.0</t>
  </si>
  <si>
    <t>3303146.0</t>
  </si>
  <si>
    <t>11700874.0</t>
  </si>
  <si>
    <t>4344982.0</t>
  </si>
  <si>
    <t>4052017.0</t>
  </si>
  <si>
    <t>3303875.0</t>
  </si>
  <si>
    <t>11701224.0</t>
  </si>
  <si>
    <t>3304225.0</t>
  </si>
  <si>
    <t>3938.4</t>
  </si>
  <si>
    <t>724.726755342523</t>
  </si>
  <si>
    <t>11709526.0</t>
  </si>
  <si>
    <t>4345012.0</t>
  </si>
  <si>
    <t>4052058.0</t>
  </si>
  <si>
    <t>3312456.0</t>
  </si>
  <si>
    <t>215.47</t>
  </si>
  <si>
    <t>11723619.0</t>
  </si>
  <si>
    <t>4345057.0</t>
  </si>
  <si>
    <t>4052116.0</t>
  </si>
  <si>
    <t>3326446.0</t>
  </si>
  <si>
    <t>215.73</t>
  </si>
  <si>
    <t>11745233.0</t>
  </si>
  <si>
    <t>4345111.0</t>
  </si>
  <si>
    <t>3347940.0</t>
  </si>
  <si>
    <t>21614.0</t>
  </si>
  <si>
    <t>11765756.0</t>
  </si>
  <si>
    <t>4345159.0</t>
  </si>
  <si>
    <t>4052249.0</t>
  </si>
  <si>
    <t>3368348.0</t>
  </si>
  <si>
    <t>11773058.0</t>
  </si>
  <si>
    <t>4345182.0</t>
  </si>
  <si>
    <t>4052291.0</t>
  </si>
  <si>
    <t>3375585.0</t>
  </si>
  <si>
    <t>11775052.0</t>
  </si>
  <si>
    <t>4345196.0</t>
  </si>
  <si>
    <t>4052295.0</t>
  </si>
  <si>
    <t>3377561.0</t>
  </si>
  <si>
    <t>216.68</t>
  </si>
  <si>
    <t>11776063.0</t>
  </si>
  <si>
    <t>4345198.0</t>
  </si>
  <si>
    <t>4052299.0</t>
  </si>
  <si>
    <t>3378566.0</t>
  </si>
  <si>
    <t>3971.6</t>
  </si>
  <si>
    <t>730.836070871004</t>
  </si>
  <si>
    <t>11783346.0</t>
  </si>
  <si>
    <t>4345227.0</t>
  </si>
  <si>
    <t>4052357.0</t>
  </si>
  <si>
    <t>3385762.0</t>
  </si>
  <si>
    <t>11796301.0</t>
  </si>
  <si>
    <t>4345287.0</t>
  </si>
  <si>
    <t>4052417.0</t>
  </si>
  <si>
    <t>3398597.0</t>
  </si>
  <si>
    <t>217.07</t>
  </si>
  <si>
    <t>11812915.0</t>
  </si>
  <si>
    <t>4345350.0</t>
  </si>
  <si>
    <t>4052482.0</t>
  </si>
  <si>
    <t>3415083.0</t>
  </si>
  <si>
    <t>11829114.0</t>
  </si>
  <si>
    <t>4345406.0</t>
  </si>
  <si>
    <t>4052566.0</t>
  </si>
  <si>
    <t>3431142.0</t>
  </si>
  <si>
    <t>11834721.0</t>
  </si>
  <si>
    <t>4345447.0</t>
  </si>
  <si>
    <t>4052622.0</t>
  </si>
  <si>
    <t>3436652.0</t>
  </si>
  <si>
    <t>11835386.0</t>
  </si>
  <si>
    <t>4345449.0</t>
  </si>
  <si>
    <t>4052626.0</t>
  </si>
  <si>
    <t>3437311.0</t>
  </si>
  <si>
    <t>19.847</t>
  </si>
  <si>
    <t>4070.4</t>
  </si>
  <si>
    <t>749.016805034076</t>
  </si>
  <si>
    <t>11839468.0</t>
  </si>
  <si>
    <t>4345480.0</t>
  </si>
  <si>
    <t>4052651.0</t>
  </si>
  <si>
    <t>3441337.0</t>
  </si>
  <si>
    <t>11849252.0</t>
  </si>
  <si>
    <t>4345521.0</t>
  </si>
  <si>
    <t>4052707.0</t>
  </si>
  <si>
    <t>3451024.0</t>
  </si>
  <si>
    <t>11861504.0</t>
  </si>
  <si>
    <t>4345575.0</t>
  </si>
  <si>
    <t>4052766.0</t>
  </si>
  <si>
    <t>3463163.0</t>
  </si>
  <si>
    <t>11872803.0</t>
  </si>
  <si>
    <t>4345640.0</t>
  </si>
  <si>
    <t>4052851.0</t>
  </si>
  <si>
    <t>3474312.0</t>
  </si>
  <si>
    <t>11877817.0</t>
  </si>
  <si>
    <t>4345666.0</t>
  </si>
  <si>
    <t>4052895.0</t>
  </si>
  <si>
    <t>3479256.0</t>
  </si>
  <si>
    <t>11878197.0</t>
  </si>
  <si>
    <t>4052897.0</t>
  </si>
  <si>
    <t>3479634.0</t>
  </si>
  <si>
    <t>11878814.0</t>
  </si>
  <si>
    <t>3480251.0</t>
  </si>
  <si>
    <t>4163.6</t>
  </si>
  <si>
    <t>766.167052240536</t>
  </si>
  <si>
    <t>11884979.0</t>
  </si>
  <si>
    <t>4345696.0</t>
  </si>
  <si>
    <t>4052937.0</t>
  </si>
  <si>
    <t>3486346.0</t>
  </si>
  <si>
    <t>11896342.0</t>
  </si>
  <si>
    <t>4345724.0</t>
  </si>
  <si>
    <t>4052989.0</t>
  </si>
  <si>
    <t>3497629.0</t>
  </si>
  <si>
    <t>11912158.0</t>
  </si>
  <si>
    <t>4345769.0</t>
  </si>
  <si>
    <t>4053067.0</t>
  </si>
  <si>
    <t>3513322.0</t>
  </si>
  <si>
    <t>11930241.0</t>
  </si>
  <si>
    <t>4345840.0</t>
  </si>
  <si>
    <t>4053139.0</t>
  </si>
  <si>
    <t>3531262.0</t>
  </si>
  <si>
    <t>11937372.0</t>
  </si>
  <si>
    <t>4345875.0</t>
  </si>
  <si>
    <t>3538290.0</t>
  </si>
  <si>
    <t>11937441.0</t>
  </si>
  <si>
    <t>4053209.0</t>
  </si>
  <si>
    <t>3538357.0</t>
  </si>
  <si>
    <t>11937442.0</t>
  </si>
  <si>
    <t>3538358.0</t>
  </si>
  <si>
    <t>4290.6</t>
  </si>
  <si>
    <t>789.537024292258</t>
  </si>
  <si>
    <t>11944532.0</t>
  </si>
  <si>
    <t>4345908.0</t>
  </si>
  <si>
    <t>4053250.0</t>
  </si>
  <si>
    <t>3545374.0</t>
  </si>
  <si>
    <t>11955726.0</t>
  </si>
  <si>
    <t>4345939.0</t>
  </si>
  <si>
    <t>4053296.0</t>
  </si>
  <si>
    <t>3556491.0</t>
  </si>
  <si>
    <t>11969916.0</t>
  </si>
  <si>
    <t>4346008.0</t>
  </si>
  <si>
    <t>4053354.0</t>
  </si>
  <si>
    <t>3570554.0</t>
  </si>
  <si>
    <t>11983977.0</t>
  </si>
  <si>
    <t>4346058.0</t>
  </si>
  <si>
    <t>4053422.0</t>
  </si>
  <si>
    <t>3584497.0</t>
  </si>
  <si>
    <t>11988926.0</t>
  </si>
  <si>
    <t>4346076.0</t>
  </si>
  <si>
    <t>4053456.0</t>
  </si>
  <si>
    <t>3589394.0</t>
  </si>
  <si>
    <t>11989222.0</t>
  </si>
  <si>
    <t>4346077.0</t>
  </si>
  <si>
    <t>4053457.0</t>
  </si>
  <si>
    <t>3589688.0</t>
  </si>
  <si>
    <t>11989410.0</t>
  </si>
  <si>
    <t>4053458.0</t>
  </si>
  <si>
    <t>3589875.0</t>
  </si>
  <si>
    <t>4394.8</t>
  </si>
  <si>
    <t>808.711442306347</t>
  </si>
  <si>
    <t>11993501.0</t>
  </si>
  <si>
    <t>4346101.0</t>
  </si>
  <si>
    <t>4053489.0</t>
  </si>
  <si>
    <t>3593911.0</t>
  </si>
  <si>
    <t>12001603.0</t>
  </si>
  <si>
    <t>4346147.0</t>
  </si>
  <si>
    <t>4053540.0</t>
  </si>
  <si>
    <t>3601916.0</t>
  </si>
  <si>
    <t>12009674.0</t>
  </si>
  <si>
    <t>4346179.0</t>
  </si>
  <si>
    <t>3609890.0</t>
  </si>
  <si>
    <t>12018858.0</t>
  </si>
  <si>
    <t>4346210.0</t>
  </si>
  <si>
    <t>4053663.0</t>
  </si>
  <si>
    <t>3618985.0</t>
  </si>
  <si>
    <t>12021714.0</t>
  </si>
  <si>
    <t>4346235.0</t>
  </si>
  <si>
    <t>4053687.0</t>
  </si>
  <si>
    <t>3621792.0</t>
  </si>
  <si>
    <t>12021950.0</t>
  </si>
  <si>
    <t>4346236.0</t>
  </si>
  <si>
    <t>4053689.0</t>
  </si>
  <si>
    <t>3622025.0</t>
  </si>
  <si>
    <t>12021961.0</t>
  </si>
  <si>
    <t>3622036.0</t>
  </si>
  <si>
    <t>4479.2</t>
  </si>
  <si>
    <t>824.242352866704</t>
  </si>
  <si>
    <t>12025532.0</t>
  </si>
  <si>
    <t>4346258.0</t>
  </si>
  <si>
    <t>4053717.0</t>
  </si>
  <si>
    <t>3625557.0</t>
  </si>
  <si>
    <t>12030805.0</t>
  </si>
  <si>
    <t>4346282.0</t>
  </si>
  <si>
    <t>4053756.0</t>
  </si>
  <si>
    <t>3630767.0</t>
  </si>
  <si>
    <t>12037804.0</t>
  </si>
  <si>
    <t>4346321.0</t>
  </si>
  <si>
    <t>4053800.0</t>
  </si>
  <si>
    <t>3637683.0</t>
  </si>
  <si>
    <t>12044142.0</t>
  </si>
  <si>
    <t>4346346.0</t>
  </si>
  <si>
    <t>4053827.0</t>
  </si>
  <si>
    <t>3643969.0</t>
  </si>
  <si>
    <t>12047280.0</t>
  </si>
  <si>
    <t>4346370.0</t>
  </si>
  <si>
    <t>4053867.0</t>
  </si>
  <si>
    <t>3647043.0</t>
  </si>
  <si>
    <t>12047427.0</t>
  </si>
  <si>
    <t>4346373.0</t>
  </si>
  <si>
    <t>4053871.0</t>
  </si>
  <si>
    <t>3647183.0</t>
  </si>
  <si>
    <t>12047428.0</t>
  </si>
  <si>
    <t>3647184.0</t>
  </si>
  <si>
    <t>4588.4</t>
  </si>
  <si>
    <t>844.336848520625</t>
  </si>
  <si>
    <t>12051381.0</t>
  </si>
  <si>
    <t>4346386.0</t>
  </si>
  <si>
    <t>4053904.0</t>
  </si>
  <si>
    <t>3651091.0</t>
  </si>
  <si>
    <t>12057147.0</t>
  </si>
  <si>
    <t>4346420.0</t>
  </si>
  <si>
    <t>4053944.0</t>
  </si>
  <si>
    <t>3656783.0</t>
  </si>
  <si>
    <t>12064636.0</t>
  </si>
  <si>
    <t>4346456.0</t>
  </si>
  <si>
    <t>4053996.0</t>
  </si>
  <si>
    <t>3664184.0</t>
  </si>
  <si>
    <t>12073419.0</t>
  </si>
  <si>
    <t>4346503.0</t>
  </si>
  <si>
    <t>4054050.0</t>
  </si>
  <si>
    <t>3672866.0</t>
  </si>
  <si>
    <t>12077472.0</t>
  </si>
  <si>
    <t>4346545.0</t>
  </si>
  <si>
    <t>4054094.0</t>
  </si>
  <si>
    <t>3676833.0</t>
  </si>
  <si>
    <t>12077614.0</t>
  </si>
  <si>
    <t>4346547.0</t>
  </si>
  <si>
    <t>4054095.0</t>
  </si>
  <si>
    <t>3676972.0</t>
  </si>
  <si>
    <t>4690.8</t>
  </si>
  <si>
    <t>863.180038584376</t>
  </si>
  <si>
    <t>12080988.0</t>
  </si>
  <si>
    <t>4346566.0</t>
  </si>
  <si>
    <t>4054128.0</t>
  </si>
  <si>
    <t>3680294.0</t>
  </si>
  <si>
    <t>12087650.0</t>
  </si>
  <si>
    <t>4346595.0</t>
  </si>
  <si>
    <t>4054163.0</t>
  </si>
  <si>
    <t>3686892.0</t>
  </si>
  <si>
    <t>12094332.0</t>
  </si>
  <si>
    <t>4346630.0</t>
  </si>
  <si>
    <t>4054203.0</t>
  </si>
  <si>
    <t>3693499.0</t>
  </si>
  <si>
    <t>12101805.0</t>
  </si>
  <si>
    <t>4346669.0</t>
  </si>
  <si>
    <t>4054271.0</t>
  </si>
  <si>
    <t>3700865.0</t>
  </si>
  <si>
    <t>12104844.0</t>
  </si>
  <si>
    <t>4346690.0</t>
  </si>
  <si>
    <t>4054295.0</t>
  </si>
  <si>
    <t>3703859.0</t>
  </si>
  <si>
    <t>12104872.0</t>
  </si>
  <si>
    <t>3703887.0</t>
  </si>
  <si>
    <t>4776.4</t>
  </si>
  <si>
    <t>878.931767778292</t>
  </si>
  <si>
    <t>12107373.0</t>
  </si>
  <si>
    <t>4346703.0</t>
  </si>
  <si>
    <t>3706340.0</t>
  </si>
  <si>
    <t>12111359.0</t>
  </si>
  <si>
    <t>4346740.0</t>
  </si>
  <si>
    <t>4054379.0</t>
  </si>
  <si>
    <t>3710240.0</t>
  </si>
  <si>
    <t>12116718.0</t>
  </si>
  <si>
    <t>4346789.0</t>
  </si>
  <si>
    <t>4054438.0</t>
  </si>
  <si>
    <t>3715491.0</t>
  </si>
  <si>
    <t>12121635.0</t>
  </si>
  <si>
    <t>4346824.0</t>
  </si>
  <si>
    <t>4054499.0</t>
  </si>
  <si>
    <t>3720312.0</t>
  </si>
  <si>
    <t>12124042.0</t>
  </si>
  <si>
    <t>4346852.0</t>
  </si>
  <si>
    <t>4054528.0</t>
  </si>
  <si>
    <t>3722662.0</t>
  </si>
  <si>
    <t>12124078.0</t>
  </si>
  <si>
    <t>4346854.0</t>
  </si>
  <si>
    <t>3722696.0</t>
  </si>
  <si>
    <t>4887.6</t>
  </si>
  <si>
    <t>899.394294488146</t>
  </si>
  <si>
    <t>12126245.0</t>
  </si>
  <si>
    <t>4346870.0</t>
  </si>
  <si>
    <t>4054553.0</t>
  </si>
  <si>
    <t>3724822.0</t>
  </si>
  <si>
    <t>12130441.0</t>
  </si>
  <si>
    <t>4346893.0</t>
  </si>
  <si>
    <t>4054584.0</t>
  </si>
  <si>
    <t>3728964.0</t>
  </si>
  <si>
    <t>12136761.0</t>
  </si>
  <si>
    <t>4346936.0</t>
  </si>
  <si>
    <t>4054643.0</t>
  </si>
  <si>
    <t>3735182.0</t>
  </si>
  <si>
    <t>12142645.0</t>
  </si>
  <si>
    <t>4346978.0</t>
  </si>
  <si>
    <t>4054701.0</t>
  </si>
  <si>
    <t>3740966.0</t>
  </si>
  <si>
    <t>12145493.0</t>
  </si>
  <si>
    <t>4346994.0</t>
  </si>
  <si>
    <t>4054726.0</t>
  </si>
  <si>
    <t>3743773.0</t>
  </si>
  <si>
    <t>12145557.0</t>
  </si>
  <si>
    <t>4346995.0</t>
  </si>
  <si>
    <t>3743836.0</t>
  </si>
  <si>
    <t>12145560.0</t>
  </si>
  <si>
    <t>3743839.0</t>
  </si>
  <si>
    <t>4959.4</t>
  </si>
  <si>
    <t>912.606609396127</t>
  </si>
  <si>
    <t>5045.6</t>
  </si>
  <si>
    <t>928.468747906823</t>
  </si>
  <si>
    <t>5176.2</t>
  </si>
  <si>
    <t>952.501175859224</t>
  </si>
  <si>
    <t>5257.2</t>
  </si>
  <si>
    <t>967.406433624495</t>
  </si>
  <si>
    <t>OWID_OCE</t>
  </si>
  <si>
    <t>46999.0</t>
  </si>
  <si>
    <t>53856.0</t>
  </si>
  <si>
    <t>75239.0</t>
  </si>
  <si>
    <t>82795.0</t>
  </si>
  <si>
    <t>106003.0</t>
  </si>
  <si>
    <t>111012.0</t>
  </si>
  <si>
    <t>106635.0</t>
  </si>
  <si>
    <t>116548.0</t>
  </si>
  <si>
    <t>126160.0</t>
  </si>
  <si>
    <t>141780.0</t>
  </si>
  <si>
    <t>166619.0</t>
  </si>
  <si>
    <t>159766.0</t>
  </si>
  <si>
    <t>19784.0</t>
  </si>
  <si>
    <t>203296.0</t>
  </si>
  <si>
    <t>196431.0</t>
  </si>
  <si>
    <t>13688.0</t>
  </si>
  <si>
    <t>207310.0</t>
  </si>
  <si>
    <t>200439.0</t>
  </si>
  <si>
    <t>210131.0</t>
  </si>
  <si>
    <t>203245.0</t>
  </si>
  <si>
    <t>229668.0</t>
  </si>
  <si>
    <t>222327.0</t>
  </si>
  <si>
    <t>21334.0</t>
  </si>
  <si>
    <t>265530.0</t>
  </si>
  <si>
    <t>255203.0</t>
  </si>
  <si>
    <t>25078.0</t>
  </si>
  <si>
    <t>290039.0</t>
  </si>
  <si>
    <t>278526.0</t>
  </si>
  <si>
    <t>306804.0</t>
  </si>
  <si>
    <t>294082.0</t>
  </si>
  <si>
    <t>322346.0</t>
  </si>
  <si>
    <t>308162.0</t>
  </si>
  <si>
    <t>17477.0</t>
  </si>
  <si>
    <t>326567.0</t>
  </si>
  <si>
    <t>311514.0</t>
  </si>
  <si>
    <t>353334.0</t>
  </si>
  <si>
    <t>320882.0</t>
  </si>
  <si>
    <t>386130.0</t>
  </si>
  <si>
    <t>348951.0</t>
  </si>
  <si>
    <t>18262.0</t>
  </si>
  <si>
    <t>448031.0</t>
  </si>
  <si>
    <t>406268.0</t>
  </si>
  <si>
    <t>26120.0</t>
  </si>
  <si>
    <t>501498.0</t>
  </si>
  <si>
    <t>453952.0</t>
  </si>
  <si>
    <t>47545.0</t>
  </si>
  <si>
    <t>25489.0</t>
  </si>
  <si>
    <t>556598.0</t>
  </si>
  <si>
    <t>503231.0</t>
  </si>
  <si>
    <t>607576.0</t>
  </si>
  <si>
    <t>551085.0</t>
  </si>
  <si>
    <t>56490.0</t>
  </si>
  <si>
    <t>627333.0</t>
  </si>
  <si>
    <t>568694.0</t>
  </si>
  <si>
    <t>58638.0</t>
  </si>
  <si>
    <t>43445.0</t>
  </si>
  <si>
    <t>37111.0</t>
  </si>
  <si>
    <t>646081.0</t>
  </si>
  <si>
    <t>586244.0</t>
  </si>
  <si>
    <t>59836.0</t>
  </si>
  <si>
    <t>42307.0</t>
  </si>
  <si>
    <t>636302.0</t>
  </si>
  <si>
    <t>46302.0</t>
  </si>
  <si>
    <t>799492.0</t>
  </si>
  <si>
    <t>720086.0</t>
  </si>
  <si>
    <t>80884.0</t>
  </si>
  <si>
    <t>50567.0</t>
  </si>
  <si>
    <t>880272.0</t>
  </si>
  <si>
    <t>776810.0</t>
  </si>
  <si>
    <t>103461.0</t>
  </si>
  <si>
    <t>82884.0</t>
  </si>
  <si>
    <t>54440.0</t>
  </si>
  <si>
    <t>46406.0</t>
  </si>
  <si>
    <t>966010.0</t>
  </si>
  <si>
    <t>854775.0</t>
  </si>
  <si>
    <t>111234.0</t>
  </si>
  <si>
    <t>58774.0</t>
  </si>
  <si>
    <t>50412.0</t>
  </si>
  <si>
    <t>972476.0</t>
  </si>
  <si>
    <t>859829.0</t>
  </si>
  <si>
    <t>989347.0</t>
  </si>
  <si>
    <t>875408.0</t>
  </si>
  <si>
    <t>43830.0</t>
  </si>
  <si>
    <t>991431.0</t>
  </si>
  <si>
    <t>876984.0</t>
  </si>
  <si>
    <t>114446.0</t>
  </si>
  <si>
    <t>41456.0</t>
  </si>
  <si>
    <t>1003318.0</t>
  </si>
  <si>
    <t>887199.0</t>
  </si>
  <si>
    <t>116118.0</t>
  </si>
  <si>
    <t>1073631.0</t>
  </si>
  <si>
    <t>948709.0</t>
  </si>
  <si>
    <t>124921.0</t>
  </si>
  <si>
    <t>1170639.0</t>
  </si>
  <si>
    <t>1030616.0</t>
  </si>
  <si>
    <t>140022.0</t>
  </si>
  <si>
    <t>85256.0</t>
  </si>
  <si>
    <t>1260170.0</t>
  </si>
  <si>
    <t>1077681.0</t>
  </si>
  <si>
    <t>182488.0</t>
  </si>
  <si>
    <t>92658.0</t>
  </si>
  <si>
    <t>1329051.0</t>
  </si>
  <si>
    <t>1136702.0</t>
  </si>
  <si>
    <t>51500.0</t>
  </si>
  <si>
    <t>1360713.0</t>
  </si>
  <si>
    <t>1164973.0</t>
  </si>
  <si>
    <t>34837.0</t>
  </si>
  <si>
    <t>1376008.0</t>
  </si>
  <si>
    <t>1178268.0</t>
  </si>
  <si>
    <t>197739.0</t>
  </si>
  <si>
    <t>55711.0</t>
  </si>
  <si>
    <t>43460.0</t>
  </si>
  <si>
    <t>1232401.0</t>
  </si>
  <si>
    <t>207755.0</t>
  </si>
  <si>
    <t>63315.0</t>
  </si>
  <si>
    <t>1535206.0</t>
  </si>
  <si>
    <t>1308859.0</t>
  </si>
  <si>
    <t>226345.0</t>
  </si>
  <si>
    <t>72605.0</t>
  </si>
  <si>
    <t>1606996.0</t>
  </si>
  <si>
    <t>1372295.0</t>
  </si>
  <si>
    <t>234699.0</t>
  </si>
  <si>
    <t>85072.0</t>
  </si>
  <si>
    <t>63290.0</t>
  </si>
  <si>
    <t>49627.0</t>
  </si>
  <si>
    <t>1698429.0</t>
  </si>
  <si>
    <t>1454778.0</t>
  </si>
  <si>
    <t>243649.0</t>
  </si>
  <si>
    <t>1790210.0</t>
  </si>
  <si>
    <t>1537763.0</t>
  </si>
  <si>
    <t>252445.0</t>
  </si>
  <si>
    <t>94349.0</t>
  </si>
  <si>
    <t>65134.0</t>
  </si>
  <si>
    <t>1817615.0</t>
  </si>
  <si>
    <t>1562112.0</t>
  </si>
  <si>
    <t>1909331.0</t>
  </si>
  <si>
    <t>1652534.0</t>
  </si>
  <si>
    <t>256795.0</t>
  </si>
  <si>
    <t>94284.0</t>
  </si>
  <si>
    <t>1983193.0</t>
  </si>
  <si>
    <t>1716918.0</t>
  </si>
  <si>
    <t>266273.0</t>
  </si>
  <si>
    <t>68573.0</t>
  </si>
  <si>
    <t>2077562.0</t>
  </si>
  <si>
    <t>1793988.0</t>
  </si>
  <si>
    <t>283572.0</t>
  </si>
  <si>
    <t>76474.0</t>
  </si>
  <si>
    <t>68949.0</t>
  </si>
  <si>
    <t>2155342.0</t>
  </si>
  <si>
    <t>83874.0</t>
  </si>
  <si>
    <t>77496.0</t>
  </si>
  <si>
    <t>2235667.0</t>
  </si>
  <si>
    <t>1919201.0</t>
  </si>
  <si>
    <t>316464.0</t>
  </si>
  <si>
    <t>86419.0</t>
  </si>
  <si>
    <t>77854.0</t>
  </si>
  <si>
    <t>2305809.0</t>
  </si>
  <si>
    <t>1981467.0</t>
  </si>
  <si>
    <t>324340.0</t>
  </si>
  <si>
    <t>76236.0</t>
  </si>
  <si>
    <t>75176.0</t>
  </si>
  <si>
    <t>64320.0</t>
  </si>
  <si>
    <t>2330496.0</t>
  </si>
  <si>
    <t>2003675.0</t>
  </si>
  <si>
    <t>326819.0</t>
  </si>
  <si>
    <t>64296.0</t>
  </si>
  <si>
    <t>2336285.0</t>
  </si>
  <si>
    <t>2008533.0</t>
  </si>
  <si>
    <t>327750.0</t>
  </si>
  <si>
    <t>63339.0</t>
  </si>
  <si>
    <t>52357.0</t>
  </si>
  <si>
    <t>2370390.0</t>
  </si>
  <si>
    <t>2040935.0</t>
  </si>
  <si>
    <t>329453.0</t>
  </si>
  <si>
    <t>2471664.0</t>
  </si>
  <si>
    <t>2119519.0</t>
  </si>
  <si>
    <t>352143.0</t>
  </si>
  <si>
    <t>2565382.0</t>
  </si>
  <si>
    <t>2202847.0</t>
  </si>
  <si>
    <t>362533.0</t>
  </si>
  <si>
    <t>99169.0</t>
  </si>
  <si>
    <t>60143.0</t>
  </si>
  <si>
    <t>52182.0</t>
  </si>
  <si>
    <t>2645125.0</t>
  </si>
  <si>
    <t>375123.0</t>
  </si>
  <si>
    <t>85194.0</t>
  </si>
  <si>
    <t>2713836.0</t>
  </si>
  <si>
    <t>2328018.0</t>
  </si>
  <si>
    <t>385816.0</t>
  </si>
  <si>
    <t>74162.0</t>
  </si>
  <si>
    <t>59671.0</t>
  </si>
  <si>
    <t>2738548.0</t>
  </si>
  <si>
    <t>2349256.0</t>
  </si>
  <si>
    <t>389290.0</t>
  </si>
  <si>
    <t>30163.0</t>
  </si>
  <si>
    <t>2748634.0</t>
  </si>
  <si>
    <t>2356716.0</t>
  </si>
  <si>
    <t>391916.0</t>
  </si>
  <si>
    <t>2815729.0</t>
  </si>
  <si>
    <t>2414641.0</t>
  </si>
  <si>
    <t>401086.0</t>
  </si>
  <si>
    <t>72546.0</t>
  </si>
  <si>
    <t>64726.0</t>
  </si>
  <si>
    <t>55470.0</t>
  </si>
  <si>
    <t>2940285.0</t>
  </si>
  <si>
    <t>2520806.0</t>
  </si>
  <si>
    <t>419477.0</t>
  </si>
  <si>
    <t>98443.0</t>
  </si>
  <si>
    <t>58268.0</t>
  </si>
  <si>
    <t>3032269.0</t>
  </si>
  <si>
    <t>2600760.0</t>
  </si>
  <si>
    <t>431507.0</t>
  </si>
  <si>
    <t>99098.0</t>
  </si>
  <si>
    <t>68434.0</t>
  </si>
  <si>
    <t>3128304.0</t>
  </si>
  <si>
    <t>2683711.0</t>
  </si>
  <si>
    <t>444591.0</t>
  </si>
  <si>
    <t>3218391.0</t>
  </si>
  <si>
    <t>2760167.0</t>
  </si>
  <si>
    <t>458222.0</t>
  </si>
  <si>
    <t>97201.0</t>
  </si>
  <si>
    <t>74104.0</t>
  </si>
  <si>
    <t>63572.0</t>
  </si>
  <si>
    <t>3252263.0</t>
  </si>
  <si>
    <t>2789551.0</t>
  </si>
  <si>
    <t>462710.0</t>
  </si>
  <si>
    <t>3264496.0</t>
  </si>
  <si>
    <t>2799568.0</t>
  </si>
  <si>
    <t>464926.0</t>
  </si>
  <si>
    <t>76010.0</t>
  </si>
  <si>
    <t>3349387.0</t>
  </si>
  <si>
    <t>2874082.0</t>
  </si>
  <si>
    <t>475303.0</t>
  </si>
  <si>
    <t>92005.0</t>
  </si>
  <si>
    <t>67716.0</t>
  </si>
  <si>
    <t>3510720.0</t>
  </si>
  <si>
    <t>3013781.0</t>
  </si>
  <si>
    <t>496937.0</t>
  </si>
  <si>
    <t>98618.0</t>
  </si>
  <si>
    <t>78629.0</t>
  </si>
  <si>
    <t>67563.0</t>
  </si>
  <si>
    <t>3608299.0</t>
  </si>
  <si>
    <t>3097564.0</t>
  </si>
  <si>
    <t>510733.0</t>
  </si>
  <si>
    <t>103427.0</t>
  </si>
  <si>
    <t>79247.0</t>
  </si>
  <si>
    <t>67916.0</t>
  </si>
  <si>
    <t>3709968.0</t>
  </si>
  <si>
    <t>3187191.0</t>
  </si>
  <si>
    <t>522775.0</t>
  </si>
  <si>
    <t>107517.0</t>
  </si>
  <si>
    <t>79871.0</t>
  </si>
  <si>
    <t>3802196.0</t>
  </si>
  <si>
    <t>3264086.0</t>
  </si>
  <si>
    <t>538108.0</t>
  </si>
  <si>
    <t>79997.0</t>
  </si>
  <si>
    <t>68551.0</t>
  </si>
  <si>
    <t>3840820.0</t>
  </si>
  <si>
    <t>3297419.0</t>
  </si>
  <si>
    <t>543399.0</t>
  </si>
  <si>
    <t>44472.0</t>
  </si>
  <si>
    <t>80495.0</t>
  </si>
  <si>
    <t>68922.0</t>
  </si>
  <si>
    <t>3855995.0</t>
  </si>
  <si>
    <t>3309999.0</t>
  </si>
  <si>
    <t>545994.0</t>
  </si>
  <si>
    <t>80735.0</t>
  </si>
  <si>
    <t>3950234.0</t>
  </si>
  <si>
    <t>3321359.0</t>
  </si>
  <si>
    <t>628873.0</t>
  </si>
  <si>
    <t>81889.0</t>
  </si>
  <si>
    <t>59883.0</t>
  </si>
  <si>
    <t>4101013.0</t>
  </si>
  <si>
    <t>3450876.0</t>
  </si>
  <si>
    <t>650135.0</t>
  </si>
  <si>
    <t>116171.0</t>
  </si>
  <si>
    <t>84396.0</t>
  </si>
  <si>
    <t>62303.0</t>
  </si>
  <si>
    <t>4209349.0</t>
  </si>
  <si>
    <t>3545103.0</t>
  </si>
  <si>
    <t>664243.0</t>
  </si>
  <si>
    <t>114663.0</t>
  </si>
  <si>
    <t>86002.0</t>
  </si>
  <si>
    <t>63852.0</t>
  </si>
  <si>
    <t>4325976.0</t>
  </si>
  <si>
    <t>3645635.0</t>
  </si>
  <si>
    <t>680338.0</t>
  </si>
  <si>
    <t>122954.0</t>
  </si>
  <si>
    <t>4431161.0</t>
  </si>
  <si>
    <t>3736550.0</t>
  </si>
  <si>
    <t>687639.0</t>
  </si>
  <si>
    <t>111512.0</t>
  </si>
  <si>
    <t>90127.0</t>
  </si>
  <si>
    <t>4476604.0</t>
  </si>
  <si>
    <t>3776307.0</t>
  </si>
  <si>
    <t>91170.0</t>
  </si>
  <si>
    <t>68505.0</t>
  </si>
  <si>
    <t>4493504.0</t>
  </si>
  <si>
    <t>3791279.0</t>
  </si>
  <si>
    <t>692750.0</t>
  </si>
  <si>
    <t>91483.0</t>
  </si>
  <si>
    <t>68902.0</t>
  </si>
  <si>
    <t>4584079.0</t>
  </si>
  <si>
    <t>3885133.0</t>
  </si>
  <si>
    <t>698941.0</t>
  </si>
  <si>
    <t>96902.0</t>
  </si>
  <si>
    <t>80746.0</t>
  </si>
  <si>
    <t>4763165.0</t>
  </si>
  <si>
    <t>4005007.0</t>
  </si>
  <si>
    <t>759502.0</t>
  </si>
  <si>
    <t>128313.0</t>
  </si>
  <si>
    <t>92763.0</t>
  </si>
  <si>
    <t>4893278.0</t>
  </si>
  <si>
    <t>4120642.0</t>
  </si>
  <si>
    <t>773980.0</t>
  </si>
  <si>
    <t>139533.0</t>
  </si>
  <si>
    <t>96796.0</t>
  </si>
  <si>
    <t>5035048.0</t>
  </si>
  <si>
    <t>4246831.0</t>
  </si>
  <si>
    <t>789561.0</t>
  </si>
  <si>
    <t>151190.0</t>
  </si>
  <si>
    <t>100750.0</t>
  </si>
  <si>
    <t>85786.0</t>
  </si>
  <si>
    <t>5177354.0</t>
  </si>
  <si>
    <t>4371993.0</t>
  </si>
  <si>
    <t>806705.0</t>
  </si>
  <si>
    <t>151726.0</t>
  </si>
  <si>
    <t>106415.0</t>
  </si>
  <si>
    <t>5247342.0</t>
  </si>
  <si>
    <t>4436226.0</t>
  </si>
  <si>
    <t>812460.0</t>
  </si>
  <si>
    <t>79408.0</t>
  </si>
  <si>
    <t>110284.0</t>
  </si>
  <si>
    <t>5283249.0</t>
  </si>
  <si>
    <t>4468973.0</t>
  </si>
  <si>
    <t>113359.0</t>
  </si>
  <si>
    <t>5416859.0</t>
  </si>
  <si>
    <t>4590737.0</t>
  </si>
  <si>
    <t>827465.0</t>
  </si>
  <si>
    <t>119871.0</t>
  </si>
  <si>
    <t>102625.0</t>
  </si>
  <si>
    <t>5641226.0</t>
  </si>
  <si>
    <t>4765679.0</t>
  </si>
  <si>
    <t>878453.0</t>
  </si>
  <si>
    <t>168071.0</t>
  </si>
  <si>
    <t>108946.0</t>
  </si>
  <si>
    <t>5803468.0</t>
  </si>
  <si>
    <t>4910419.0</t>
  </si>
  <si>
    <t>895953.0</t>
  </si>
  <si>
    <t>178990.0</t>
  </si>
  <si>
    <t>131394.0</t>
  </si>
  <si>
    <t>114290.0</t>
  </si>
  <si>
    <t>5970565.0</t>
  </si>
  <si>
    <t>5058843.0</t>
  </si>
  <si>
    <t>914624.0</t>
  </si>
  <si>
    <t>183575.0</t>
  </si>
  <si>
    <t>135973.0</t>
  </si>
  <si>
    <t>118278.0</t>
  </si>
  <si>
    <t>6132264.0</t>
  </si>
  <si>
    <t>5202374.0</t>
  </si>
  <si>
    <t>932792.0</t>
  </si>
  <si>
    <t>178430.0</t>
  </si>
  <si>
    <t>139737.0</t>
  </si>
  <si>
    <t>6230559.0</t>
  </si>
  <si>
    <t>5293536.0</t>
  </si>
  <si>
    <t>939925.0</t>
  </si>
  <si>
    <t>115026.0</t>
  </si>
  <si>
    <t>144776.0</t>
  </si>
  <si>
    <t>126438.0</t>
  </si>
  <si>
    <t>6295836.0</t>
  </si>
  <si>
    <t>5317557.0</t>
  </si>
  <si>
    <t>981181.0</t>
  </si>
  <si>
    <t>82008.0</t>
  </si>
  <si>
    <t>149968.0</t>
  </si>
  <si>
    <t>126038.0</t>
  </si>
  <si>
    <t>6428709.0</t>
  </si>
  <si>
    <t>5426596.0</t>
  </si>
  <si>
    <t>1005015.0</t>
  </si>
  <si>
    <t>149604.0</t>
  </si>
  <si>
    <t>150861.0</t>
  </si>
  <si>
    <t>6705961.0</t>
  </si>
  <si>
    <t>5668221.0</t>
  </si>
  <si>
    <t>1041208.0</t>
  </si>
  <si>
    <t>179475.0</t>
  </si>
  <si>
    <t>152444.0</t>
  </si>
  <si>
    <t>129025.0</t>
  </si>
  <si>
    <t>6860199.0</t>
  </si>
  <si>
    <t>5800046.0</t>
  </si>
  <si>
    <t>1063620.0</t>
  </si>
  <si>
    <t>149917.0</t>
  </si>
  <si>
    <t>125888.0</t>
  </si>
  <si>
    <t>7036952.0</t>
  </si>
  <si>
    <t>5950766.0</t>
  </si>
  <si>
    <t>183824.0</t>
  </si>
  <si>
    <t>124968.0</t>
  </si>
  <si>
    <t>7191437.0</t>
  </si>
  <si>
    <t>1116345.0</t>
  </si>
  <si>
    <t>161556.0</t>
  </si>
  <si>
    <t>147544.0</t>
  </si>
  <si>
    <t>7264205.0</t>
  </si>
  <si>
    <t>5970193.0</t>
  </si>
  <si>
    <t>1127910.0</t>
  </si>
  <si>
    <t>79839.0</t>
  </si>
  <si>
    <t>142518.0</t>
  </si>
  <si>
    <t>96061.0</t>
  </si>
  <si>
    <t>7304071.0</t>
  </si>
  <si>
    <t>6020982.0</t>
  </si>
  <si>
    <t>1286553.0</t>
  </si>
  <si>
    <t>137506.0</t>
  </si>
  <si>
    <t>94179.0</t>
  </si>
  <si>
    <t>7385935.0</t>
  </si>
  <si>
    <t>6059630.0</t>
  </si>
  <si>
    <t>1329769.0</t>
  </si>
  <si>
    <t>88935.0</t>
  </si>
  <si>
    <t>128837.0</t>
  </si>
  <si>
    <t>82837.0</t>
  </si>
  <si>
    <t>7607093.0</t>
  </si>
  <si>
    <t>6241842.0</t>
  </si>
  <si>
    <t>1368715.0</t>
  </si>
  <si>
    <t>181382.0</t>
  </si>
  <si>
    <t>129112.0</t>
  </si>
  <si>
    <t>82058.0</t>
  </si>
  <si>
    <t>7767537.0</t>
  </si>
  <si>
    <t>6357042.0</t>
  </si>
  <si>
    <t>1413959.0</t>
  </si>
  <si>
    <t>170627.0</t>
  </si>
  <si>
    <t>7932167.0</t>
  </si>
  <si>
    <t>6452503.0</t>
  </si>
  <si>
    <t>1483128.0</t>
  </si>
  <si>
    <t>174813.0</t>
  </si>
  <si>
    <t>129155.0</t>
  </si>
  <si>
    <t>71712.0</t>
  </si>
  <si>
    <t>8083798.0</t>
  </si>
  <si>
    <t>6570432.0</t>
  </si>
  <si>
    <t>1516830.0</t>
  </si>
  <si>
    <t>161814.0</t>
  </si>
  <si>
    <t>129191.0</t>
  </si>
  <si>
    <t>84599.0</t>
  </si>
  <si>
    <t>8160639.0</t>
  </si>
  <si>
    <t>6630024.0</t>
  </si>
  <si>
    <t>1534079.0</t>
  </si>
  <si>
    <t>130219.0</t>
  </si>
  <si>
    <t>89803.0</t>
  </si>
  <si>
    <t>8202660.0</t>
  </si>
  <si>
    <t>6644279.0</t>
  </si>
  <si>
    <t>1561845.0</t>
  </si>
  <si>
    <t>8410840.0</t>
  </si>
  <si>
    <t>6807959.0</t>
  </si>
  <si>
    <t>1602866.0</t>
  </si>
  <si>
    <t>8574465.0</t>
  </si>
  <si>
    <t>6834414.0</t>
  </si>
  <si>
    <t>1740036.0</t>
  </si>
  <si>
    <t>174383.0</t>
  </si>
  <si>
    <t>8738391.0</t>
  </si>
  <si>
    <t>6958286.0</t>
  </si>
  <si>
    <t>1780090.0</t>
  </si>
  <si>
    <t>174684.0</t>
  </si>
  <si>
    <t>140259.0</t>
  </si>
  <si>
    <t>8901266.0</t>
  </si>
  <si>
    <t>6990929.0</t>
  </si>
  <si>
    <t>1910322.0</t>
  </si>
  <si>
    <t>173633.0</t>
  </si>
  <si>
    <t>77805.0</t>
  </si>
  <si>
    <t>9042980.0</t>
  </si>
  <si>
    <t>7094609.0</t>
  </si>
  <si>
    <t>1948356.0</t>
  </si>
  <si>
    <t>152472.0</t>
  </si>
  <si>
    <t>9126334.0</t>
  </si>
  <si>
    <t>7108275.0</t>
  </si>
  <si>
    <t>2018044.0</t>
  </si>
  <si>
    <t>139721.0</t>
  </si>
  <si>
    <t>9181716.0</t>
  </si>
  <si>
    <t>7132487.0</t>
  </si>
  <si>
    <t>2049214.0</t>
  </si>
  <si>
    <t>141696.0</t>
  </si>
  <si>
    <t>9324136.0</t>
  </si>
  <si>
    <t>7267047.0</t>
  </si>
  <si>
    <t>2057074.0</t>
  </si>
  <si>
    <t>153178.0</t>
  </si>
  <si>
    <t>141229.0</t>
  </si>
  <si>
    <t>9570646.0</t>
  </si>
  <si>
    <t>7395478.0</t>
  </si>
  <si>
    <t>2175153.0</t>
  </si>
  <si>
    <t>176623.0</t>
  </si>
  <si>
    <t>141549.0</t>
  </si>
  <si>
    <t>9690495.0</t>
  </si>
  <si>
    <t>7418430.0</t>
  </si>
  <si>
    <t>2272050.0</t>
  </si>
  <si>
    <t>135497.0</t>
  </si>
  <si>
    <t>65973.0</t>
  </si>
  <si>
    <t>9898774.0</t>
  </si>
  <si>
    <t>7524013.0</t>
  </si>
  <si>
    <t>2374746.0</t>
  </si>
  <si>
    <t>220767.0</t>
  </si>
  <si>
    <t>142232.0</t>
  </si>
  <si>
    <t>10073678.0</t>
  </si>
  <si>
    <t>7606606.0</t>
  </si>
  <si>
    <t>2467057.0</t>
  </si>
  <si>
    <t>187392.0</t>
  </si>
  <si>
    <t>147223.0</t>
  </si>
  <si>
    <t>10179381.0</t>
  </si>
  <si>
    <t>7659495.0</t>
  </si>
  <si>
    <t>2519871.0</t>
  </si>
  <si>
    <t>118191.0</t>
  </si>
  <si>
    <t>150661.0</t>
  </si>
  <si>
    <t>80513.0</t>
  </si>
  <si>
    <t>10236127.0</t>
  </si>
  <si>
    <t>7691440.0</t>
  </si>
  <si>
    <t>2544672.0</t>
  </si>
  <si>
    <t>69234.0</t>
  </si>
  <si>
    <t>151102.0</t>
  </si>
  <si>
    <t>82130.0</t>
  </si>
  <si>
    <t>10386920.0</t>
  </si>
  <si>
    <t>7767658.0</t>
  </si>
  <si>
    <t>2619246.0</t>
  </si>
  <si>
    <t>163281.0</t>
  </si>
  <si>
    <t>152545.0</t>
  </si>
  <si>
    <t>74304.0</t>
  </si>
  <si>
    <t>10639227.0</t>
  </si>
  <si>
    <t>7910820.0</t>
  </si>
  <si>
    <t>2728391.0</t>
  </si>
  <si>
    <t>192873.0</t>
  </si>
  <si>
    <t>74993.0</t>
  </si>
  <si>
    <t>10812015.0</t>
  </si>
  <si>
    <t>7996192.0</t>
  </si>
  <si>
    <t>2815807.0</t>
  </si>
  <si>
    <t>182809.0</t>
  </si>
  <si>
    <t>162078.0</t>
  </si>
  <si>
    <t>83573.0</t>
  </si>
  <si>
    <t>10993377.0</t>
  </si>
  <si>
    <t>8084584.0</t>
  </si>
  <si>
    <t>2908776.0</t>
  </si>
  <si>
    <t>191383.0</t>
  </si>
  <si>
    <t>157880.0</t>
  </si>
  <si>
    <t>11159814.0</t>
  </si>
  <si>
    <t>8166442.0</t>
  </si>
  <si>
    <t>2993355.0</t>
  </si>
  <si>
    <t>176458.0</t>
  </si>
  <si>
    <t>156319.0</t>
  </si>
  <si>
    <t>11274292.0</t>
  </si>
  <si>
    <t>8225182.0</t>
  </si>
  <si>
    <t>3049093.0</t>
  </si>
  <si>
    <t>124499.0</t>
  </si>
  <si>
    <t>157220.0</t>
  </si>
  <si>
    <t>80834.0</t>
  </si>
  <si>
    <t>11335347.0</t>
  </si>
  <si>
    <t>8261120.0</t>
  </si>
  <si>
    <t>3074210.0</t>
  </si>
  <si>
    <t>157482.0</t>
  </si>
  <si>
    <t>81063.0</t>
  </si>
  <si>
    <t>11499098.0</t>
  </si>
  <si>
    <t>8341723.0</t>
  </si>
  <si>
    <t>3157358.0</t>
  </si>
  <si>
    <t>81351.0</t>
  </si>
  <si>
    <t>11761541.0</t>
  </si>
  <si>
    <t>8485526.0</t>
  </si>
  <si>
    <t>3275997.0</t>
  </si>
  <si>
    <t>201502.0</t>
  </si>
  <si>
    <t>160214.0</t>
  </si>
  <si>
    <t>81555.0</t>
  </si>
  <si>
    <t>11956432.0</t>
  </si>
  <si>
    <t>8579105.0</t>
  </si>
  <si>
    <t>3377309.0</t>
  </si>
  <si>
    <t>208195.0</t>
  </si>
  <si>
    <t>163840.0</t>
  </si>
  <si>
    <t>83025.0</t>
  </si>
  <si>
    <t>12151902.0</t>
  </si>
  <si>
    <t>8672226.0</t>
  </si>
  <si>
    <t>3479657.0</t>
  </si>
  <si>
    <t>208774.0</t>
  </si>
  <si>
    <t>166325.0</t>
  </si>
  <si>
    <t>12336524.0</t>
  </si>
  <si>
    <t>8763358.0</t>
  </si>
  <si>
    <t>3573147.0</t>
  </si>
  <si>
    <t>197926.0</t>
  </si>
  <si>
    <t>169391.0</t>
  </si>
  <si>
    <t>85624.0</t>
  </si>
  <si>
    <t>12455591.0</t>
  </si>
  <si>
    <t>8826985.0</t>
  </si>
  <si>
    <t>3628587.0</t>
  </si>
  <si>
    <t>132371.0</t>
  </si>
  <si>
    <t>170517.0</t>
  </si>
  <si>
    <t>86620.0</t>
  </si>
  <si>
    <t>12521650.0</t>
  </si>
  <si>
    <t>8863577.0</t>
  </si>
  <si>
    <t>3658054.0</t>
  </si>
  <si>
    <t>79363.0</t>
  </si>
  <si>
    <t>171701.0</t>
  </si>
  <si>
    <t>87013.0</t>
  </si>
  <si>
    <t>12711179.0</t>
  </si>
  <si>
    <t>8965372.0</t>
  </si>
  <si>
    <t>3745788.0</t>
  </si>
  <si>
    <t>202833.0</t>
  </si>
  <si>
    <t>175852.0</t>
  </si>
  <si>
    <t>90338.0</t>
  </si>
  <si>
    <t>13008993.0</t>
  </si>
  <si>
    <t>9126886.0</t>
  </si>
  <si>
    <t>3882087.0</t>
  </si>
  <si>
    <t>217422.0</t>
  </si>
  <si>
    <t>178126.0</t>
  </si>
  <si>
    <t>13237926.0</t>
  </si>
  <si>
    <t>9247196.0</t>
  </si>
  <si>
    <t>3990710.0</t>
  </si>
  <si>
    <t>245961.0</t>
  </si>
  <si>
    <t>183522.0</t>
  </si>
  <si>
    <t>96435.0</t>
  </si>
  <si>
    <t>13458463.0</t>
  </si>
  <si>
    <t>9361918.0</t>
  </si>
  <si>
    <t>4096525.0</t>
  </si>
  <si>
    <t>187634.0</t>
  </si>
  <si>
    <t>99901.0</t>
  </si>
  <si>
    <t>13673903.0</t>
  </si>
  <si>
    <t>9477502.0</t>
  </si>
  <si>
    <t>4196381.0</t>
  </si>
  <si>
    <t>232468.0</t>
  </si>
  <si>
    <t>192570.0</t>
  </si>
  <si>
    <t>13817735.0</t>
  </si>
  <si>
    <t>9558346.0</t>
  </si>
  <si>
    <t>4259369.0</t>
  </si>
  <si>
    <t>160860.0</t>
  </si>
  <si>
    <t>196639.0</t>
  </si>
  <si>
    <t>106619.0</t>
  </si>
  <si>
    <t>13901294.0</t>
  </si>
  <si>
    <t>9605181.0</t>
  </si>
  <si>
    <t>4296093.0</t>
  </si>
  <si>
    <t>100587.0</t>
  </si>
  <si>
    <t>199671.0</t>
  </si>
  <si>
    <t>108463.0</t>
  </si>
  <si>
    <t>14111499.0</t>
  </si>
  <si>
    <t>9719386.0</t>
  </si>
  <si>
    <t>4392092.0</t>
  </si>
  <si>
    <t>227233.0</t>
  </si>
  <si>
    <t>110615.0</t>
  </si>
  <si>
    <t>14469125.0</t>
  </si>
  <si>
    <t>9923223.0</t>
  </si>
  <si>
    <t>4545881.0</t>
  </si>
  <si>
    <t>247413.0</t>
  </si>
  <si>
    <t>207441.0</t>
  </si>
  <si>
    <t>113092.0</t>
  </si>
  <si>
    <t>14733950.0</t>
  </si>
  <si>
    <t>10064392.0</t>
  </si>
  <si>
    <t>4669537.0</t>
  </si>
  <si>
    <t>288873.0</t>
  </si>
  <si>
    <t>213571.0</t>
  </si>
  <si>
    <t>116081.0</t>
  </si>
  <si>
    <t>14979122.0</t>
  </si>
  <si>
    <t>10192100.0</t>
  </si>
  <si>
    <t>4787001.0</t>
  </si>
  <si>
    <t>269220.0</t>
  </si>
  <si>
    <t>218092.0</t>
  </si>
  <si>
    <t>117941.0</t>
  </si>
  <si>
    <t>15232065.0</t>
  </si>
  <si>
    <t>10330610.0</t>
  </si>
  <si>
    <t>4901433.0</t>
  </si>
  <si>
    <t>276991.0</t>
  </si>
  <si>
    <t>224455.0</t>
  </si>
  <si>
    <t>121222.0</t>
  </si>
  <si>
    <t>15394937.0</t>
  </si>
  <si>
    <t>10423125.0</t>
  </si>
  <si>
    <t>4971789.0</t>
  </si>
  <si>
    <t>186920.0</t>
  </si>
  <si>
    <t>228178.0</t>
  </si>
  <si>
    <t>122897.0</t>
  </si>
  <si>
    <t>15493651.0</t>
  </si>
  <si>
    <t>10479494.0</t>
  </si>
  <si>
    <t>5014134.0</t>
  </si>
  <si>
    <t>122762.0</t>
  </si>
  <si>
    <t>15860256.0</t>
  </si>
  <si>
    <t>10664148.0</t>
  </si>
  <si>
    <t>5196082.0</t>
  </si>
  <si>
    <t>248509.0</t>
  </si>
  <si>
    <t>234384.0</t>
  </si>
  <si>
    <t>16122196.0</t>
  </si>
  <si>
    <t>10801441.0</t>
  </si>
  <si>
    <t>5320729.0</t>
  </si>
  <si>
    <t>278543.0</t>
  </si>
  <si>
    <t>238831.0</t>
  </si>
  <si>
    <t>127118.0</t>
  </si>
  <si>
    <t>16390392.0</t>
  </si>
  <si>
    <t>10940901.0</t>
  </si>
  <si>
    <t>5449464.0</t>
  </si>
  <si>
    <t>284799.0</t>
  </si>
  <si>
    <t>238249.0</t>
  </si>
  <si>
    <t>126580.0</t>
  </si>
  <si>
    <t>16672600.0</t>
  </si>
  <si>
    <t>11091090.0</t>
  </si>
  <si>
    <t>5581483.0</t>
  </si>
  <si>
    <t>298811.0</t>
  </si>
  <si>
    <t>242476.0</t>
  </si>
  <si>
    <t>16950694.0</t>
  </si>
  <si>
    <t>11239687.0</t>
  </si>
  <si>
    <t>5710978.0</t>
  </si>
  <si>
    <t>294697.0</t>
  </si>
  <si>
    <t>245007.0</t>
  </si>
  <si>
    <t>130644.0</t>
  </si>
  <si>
    <t>17143463.0</t>
  </si>
  <si>
    <t>11338820.0</t>
  </si>
  <si>
    <t>5804613.0</t>
  </si>
  <si>
    <t>209372.0</t>
  </si>
  <si>
    <t>17251379.0</t>
  </si>
  <si>
    <t>11401462.0</t>
  </si>
  <si>
    <t>5849886.0</t>
  </si>
  <si>
    <t>124519.0</t>
  </si>
  <si>
    <t>248467.0</t>
  </si>
  <si>
    <t>17624610.0</t>
  </si>
  <si>
    <t>11609066.0</t>
  </si>
  <si>
    <t>6015512.0</t>
  </si>
  <si>
    <t>272949.0</t>
  </si>
  <si>
    <t>134130.0</t>
  </si>
  <si>
    <t>17937961.0</t>
  </si>
  <si>
    <t>11775351.0</t>
  </si>
  <si>
    <t>6162576.0</t>
  </si>
  <si>
    <t>328562.0</t>
  </si>
  <si>
    <t>259102.0</t>
  </si>
  <si>
    <t>138040.0</t>
  </si>
  <si>
    <t>18249914.0</t>
  </si>
  <si>
    <t>11939300.0</t>
  </si>
  <si>
    <t>6310579.0</t>
  </si>
  <si>
    <t>327164.0</t>
  </si>
  <si>
    <t>265155.0</t>
  </si>
  <si>
    <t>141306.0</t>
  </si>
  <si>
    <t>18568768.0</t>
  </si>
  <si>
    <t>12106492.0</t>
  </si>
  <si>
    <t>6462240.0</t>
  </si>
  <si>
    <t>334065.0</t>
  </si>
  <si>
    <t>270190.0</t>
  </si>
  <si>
    <t>143501.0</t>
  </si>
  <si>
    <t>18894863.0</t>
  </si>
  <si>
    <t>12279531.0</t>
  </si>
  <si>
    <t>6615295.0</t>
  </si>
  <si>
    <t>341306.0</t>
  </si>
  <si>
    <t>276848.0</t>
  </si>
  <si>
    <t>146760.0</t>
  </si>
  <si>
    <t>19103186.0</t>
  </si>
  <si>
    <t>12397418.0</t>
  </si>
  <si>
    <t>6705730.0</t>
  </si>
  <si>
    <t>223534.0</t>
  </si>
  <si>
    <t>278871.0</t>
  </si>
  <si>
    <t>149206.0</t>
  </si>
  <si>
    <t>19223184.0</t>
  </si>
  <si>
    <t>12473209.0</t>
  </si>
  <si>
    <t>6749937.0</t>
  </si>
  <si>
    <t>135209.0</t>
  </si>
  <si>
    <t>280398.0</t>
  </si>
  <si>
    <t>150851.0</t>
  </si>
  <si>
    <t>19664588.0</t>
  </si>
  <si>
    <t>12713483.0</t>
  </si>
  <si>
    <t>6951066.0</t>
  </si>
  <si>
    <t>340475.0</t>
  </si>
  <si>
    <t>290045.0</t>
  </si>
  <si>
    <t>156496.0</t>
  </si>
  <si>
    <t>19994185.0</t>
  </si>
  <si>
    <t>12893434.0</t>
  </si>
  <si>
    <t>7100710.0</t>
  </si>
  <si>
    <t>342758.0</t>
  </si>
  <si>
    <t>292073.0</t>
  </si>
  <si>
    <t>20303042.0</t>
  </si>
  <si>
    <t>13057799.0</t>
  </si>
  <si>
    <t>7245202.0</t>
  </si>
  <si>
    <t>322018.0</t>
  </si>
  <si>
    <t>291337.0</t>
  </si>
  <si>
    <t>157904.0</t>
  </si>
  <si>
    <t>20636099.0</t>
  </si>
  <si>
    <t>13239182.0</t>
  </si>
  <si>
    <t>7396876.0</t>
  </si>
  <si>
    <t>346218.0</t>
  </si>
  <si>
    <t>293073.0</t>
  </si>
  <si>
    <t>159632.0</t>
  </si>
  <si>
    <t>21004991.0</t>
  </si>
  <si>
    <t>13443144.0</t>
  </si>
  <si>
    <t>7561806.0</t>
  </si>
  <si>
    <t>382053.0</t>
  </si>
  <si>
    <t>298896.0</t>
  </si>
  <si>
    <t>163748.0</t>
  </si>
  <si>
    <t>21254886.0</t>
  </si>
  <si>
    <t>13589982.0</t>
  </si>
  <si>
    <t>7664860.0</t>
  </si>
  <si>
    <t>304541.0</t>
  </si>
  <si>
    <t>167585.0</t>
  </si>
  <si>
    <t>21431762.0</t>
  </si>
  <si>
    <t>13707680.0</t>
  </si>
  <si>
    <t>7724036.0</t>
  </si>
  <si>
    <t>190037.0</t>
  </si>
  <si>
    <t>312373.0</t>
  </si>
  <si>
    <t>21866445.0</t>
  </si>
  <si>
    <t>13949127.0</t>
  </si>
  <si>
    <t>7917268.0</t>
  </si>
  <si>
    <t>368710.0</t>
  </si>
  <si>
    <t>316407.0</t>
  </si>
  <si>
    <t>177473.0</t>
  </si>
  <si>
    <t>22255647.0</t>
  </si>
  <si>
    <t>14174855.0</t>
  </si>
  <si>
    <t>8080740.0</t>
  </si>
  <si>
    <t>404641.0</t>
  </si>
  <si>
    <t>325249.0</t>
  </si>
  <si>
    <t>22679601.0</t>
  </si>
  <si>
    <t>14419289.0</t>
  </si>
  <si>
    <t>8260256.0</t>
  </si>
  <si>
    <t>439393.0</t>
  </si>
  <si>
    <t>342017.0</t>
  </si>
  <si>
    <t>195925.0</t>
  </si>
  <si>
    <t>23081893.0</t>
  </si>
  <si>
    <t>14646548.0</t>
  </si>
  <si>
    <t>8435288.0</t>
  </si>
  <si>
    <t>351889.0</t>
  </si>
  <si>
    <t>202689.0</t>
  </si>
  <si>
    <t>23489623.0</t>
  </si>
  <si>
    <t>14887873.0</t>
  </si>
  <si>
    <t>8601690.0</t>
  </si>
  <si>
    <t>422940.0</t>
  </si>
  <si>
    <t>357732.0</t>
  </si>
  <si>
    <t>208262.0</t>
  </si>
  <si>
    <t>23789071.0</t>
  </si>
  <si>
    <t>15070766.0</t>
  </si>
  <si>
    <t>8718241.0</t>
  </si>
  <si>
    <t>314658.0</t>
  </si>
  <si>
    <t>365101.0</t>
  </si>
  <si>
    <t>213647.0</t>
  </si>
  <si>
    <t>23995771.0</t>
  </si>
  <si>
    <t>15214650.0</t>
  </si>
  <si>
    <t>8781056.0</t>
  </si>
  <si>
    <t>221910.0</t>
  </si>
  <si>
    <t>369654.0</t>
  </si>
  <si>
    <t>217622.0</t>
  </si>
  <si>
    <t>24351076.0</t>
  </si>
  <si>
    <t>15419209.0</t>
  </si>
  <si>
    <t>8931798.0</t>
  </si>
  <si>
    <t>369912.0</t>
  </si>
  <si>
    <t>217338.0</t>
  </si>
  <si>
    <t>24906969.0</t>
  </si>
  <si>
    <t>15731388.0</t>
  </si>
  <si>
    <t>9175508.0</t>
  </si>
  <si>
    <t>374399.0</t>
  </si>
  <si>
    <t>220306.0</t>
  </si>
  <si>
    <t>25328143.0</t>
  </si>
  <si>
    <t>15981594.0</t>
  </si>
  <si>
    <t>9346473.0</t>
  </si>
  <si>
    <t>435758.0</t>
  </si>
  <si>
    <t>373878.0</t>
  </si>
  <si>
    <t>220930.0</t>
  </si>
  <si>
    <t>25719418.0</t>
  </si>
  <si>
    <t>16206439.0</t>
  </si>
  <si>
    <t>9512902.0</t>
  </si>
  <si>
    <t>405859.0</t>
  </si>
  <si>
    <t>372528.0</t>
  </si>
  <si>
    <t>220409.0</t>
  </si>
  <si>
    <t>26118822.0</t>
  </si>
  <si>
    <t>16440199.0</t>
  </si>
  <si>
    <t>9678545.0</t>
  </si>
  <si>
    <t>413988.0</t>
  </si>
  <si>
    <t>219129.0</t>
  </si>
  <si>
    <t>26410669.0</t>
  </si>
  <si>
    <t>16623308.0</t>
  </si>
  <si>
    <t>9787279.0</t>
  </si>
  <si>
    <t>306431.0</t>
  </si>
  <si>
    <t>370072.0</t>
  </si>
  <si>
    <t>218959.0</t>
  </si>
  <si>
    <t>26580009.0</t>
  </si>
  <si>
    <t>16735376.0</t>
  </si>
  <si>
    <t>9844550.0</t>
  </si>
  <si>
    <t>364646.0</t>
  </si>
  <si>
    <t>214213.0</t>
  </si>
  <si>
    <t>26905460.0</t>
  </si>
  <si>
    <t>16917140.0</t>
  </si>
  <si>
    <t>9988234.0</t>
  </si>
  <si>
    <t>340035.0</t>
  </si>
  <si>
    <t>360290.0</t>
  </si>
  <si>
    <t>210755.0</t>
  </si>
  <si>
    <t>27365069.0</t>
  </si>
  <si>
    <t>17150252.0</t>
  </si>
  <si>
    <t>10214728.0</t>
  </si>
  <si>
    <t>381957.0</t>
  </si>
  <si>
    <t>352564.0</t>
  </si>
  <si>
    <t>204408.0</t>
  </si>
  <si>
    <t>27743270.0</t>
  </si>
  <si>
    <t>17366202.0</t>
  </si>
  <si>
    <t>10376974.0</t>
  </si>
  <si>
    <t>397607.0</t>
  </si>
  <si>
    <t>199989.0</t>
  </si>
  <si>
    <t>28123726.0</t>
  </si>
  <si>
    <t>17578891.0</t>
  </si>
  <si>
    <t>10544739.0</t>
  </si>
  <si>
    <t>399862.0</t>
  </si>
  <si>
    <t>346258.0</t>
  </si>
  <si>
    <t>198727.0</t>
  </si>
  <si>
    <t>28492077.0</t>
  </si>
  <si>
    <t>17777058.0</t>
  </si>
  <si>
    <t>10714916.0</t>
  </si>
  <si>
    <t>387588.0</t>
  </si>
  <si>
    <t>342486.0</t>
  </si>
  <si>
    <t>194113.0</t>
  </si>
  <si>
    <t>28749761.0</t>
  </si>
  <si>
    <t>17922572.0</t>
  </si>
  <si>
    <t>10827084.0</t>
  </si>
  <si>
    <t>277109.0</t>
  </si>
  <si>
    <t>338298.0</t>
  </si>
  <si>
    <t>189215.0</t>
  </si>
  <si>
    <t>28916789.0</t>
  </si>
  <si>
    <t>18022653.0</t>
  </si>
  <si>
    <t>10894031.0</t>
  </si>
  <si>
    <t>186453.0</t>
  </si>
  <si>
    <t>338660.0</t>
  </si>
  <si>
    <t>187977.0</t>
  </si>
  <si>
    <t>29312641.0</t>
  </si>
  <si>
    <t>18250109.0</t>
  </si>
  <si>
    <t>11062422.0</t>
  </si>
  <si>
    <t>349410.0</t>
  </si>
  <si>
    <t>194982.0</t>
  </si>
  <si>
    <t>29823866.0</t>
  </si>
  <si>
    <t>18519922.0</t>
  </si>
  <si>
    <t>11303827.0</t>
  </si>
  <si>
    <t>383657.0</t>
  </si>
  <si>
    <t>349650.0</t>
  </si>
  <si>
    <t>194429.0</t>
  </si>
  <si>
    <t>30192229.0</t>
  </si>
  <si>
    <t>18715495.0</t>
  </si>
  <si>
    <t>11476608.0</t>
  </si>
  <si>
    <t>388144.0</t>
  </si>
  <si>
    <t>348298.0</t>
  </si>
  <si>
    <t>191634.0</t>
  </si>
  <si>
    <t>30555234.0</t>
  </si>
  <si>
    <t>18909702.0</t>
  </si>
  <si>
    <t>11645397.0</t>
  </si>
  <si>
    <t>382786.0</t>
  </si>
  <si>
    <t>345858.0</t>
  </si>
  <si>
    <t>189107.0</t>
  </si>
  <si>
    <t>30953811.0</t>
  </si>
  <si>
    <t>19111169.0</t>
  </si>
  <si>
    <t>11842492.0</t>
  </si>
  <si>
    <t>418358.0</t>
  </si>
  <si>
    <t>350255.0</t>
  </si>
  <si>
    <t>189696.0</t>
  </si>
  <si>
    <t>31234230.0</t>
  </si>
  <si>
    <t>19263598.0</t>
  </si>
  <si>
    <t>11970481.0</t>
  </si>
  <si>
    <t>353555.0</t>
  </si>
  <si>
    <t>190797.0</t>
  </si>
  <si>
    <t>31433428.0</t>
  </si>
  <si>
    <t>19382696.0</t>
  </si>
  <si>
    <t>12050577.0</t>
  </si>
  <si>
    <t>218979.0</t>
  </si>
  <si>
    <t>358201.0</t>
  </si>
  <si>
    <t>193629.0</t>
  </si>
  <si>
    <t>31804556.0</t>
  </si>
  <si>
    <t>19574798.0</t>
  </si>
  <si>
    <t>12229594.0</t>
  </si>
  <si>
    <t>390909.0</t>
  </si>
  <si>
    <t>354720.0</t>
  </si>
  <si>
    <t>188691.0</t>
  </si>
  <si>
    <t>32313091.0</t>
  </si>
  <si>
    <t>19826975.0</t>
  </si>
  <si>
    <t>12485943.0</t>
  </si>
  <si>
    <t>405270.0</t>
  </si>
  <si>
    <t>357807.0</t>
  </si>
  <si>
    <t>188439.0</t>
  </si>
  <si>
    <t>32699689.0</t>
  </si>
  <si>
    <t>20023008.0</t>
  </si>
  <si>
    <t>12676503.0</t>
  </si>
  <si>
    <t>403481.0</t>
  </si>
  <si>
    <t>359998.0</t>
  </si>
  <si>
    <t>188167.0</t>
  </si>
  <si>
    <t>33096477.0</t>
  </si>
  <si>
    <t>20219647.0</t>
  </si>
  <si>
    <t>12876649.0</t>
  </si>
  <si>
    <t>413671.0</t>
  </si>
  <si>
    <t>364408.0</t>
  </si>
  <si>
    <t>188175.0</t>
  </si>
  <si>
    <t>33457941.0</t>
  </si>
  <si>
    <t>20381955.0</t>
  </si>
  <si>
    <t>13075799.0</t>
  </si>
  <si>
    <t>378347.0</t>
  </si>
  <si>
    <t>182243.0</t>
  </si>
  <si>
    <t>33728529.0</t>
  </si>
  <si>
    <t>20507884.0</t>
  </si>
  <si>
    <t>13220457.0</t>
  </si>
  <si>
    <t>287471.0</t>
  </si>
  <si>
    <t>356875.0</t>
  </si>
  <si>
    <t>178119.0</t>
  </si>
  <si>
    <t>33898407.0</t>
  </si>
  <si>
    <t>20592024.0</t>
  </si>
  <si>
    <t>13306194.0</t>
  </si>
  <si>
    <t>352273.0</t>
  </si>
  <si>
    <t>172788.0</t>
  </si>
  <si>
    <t>34242198.0</t>
  </si>
  <si>
    <t>20749439.0</t>
  </si>
  <si>
    <t>13492565.0</t>
  </si>
  <si>
    <t>360674.0</t>
  </si>
  <si>
    <t>347952.0</t>
  </si>
  <si>
    <t>167495.0</t>
  </si>
  <si>
    <t>34724016.0</t>
  </si>
  <si>
    <t>20961664.0</t>
  </si>
  <si>
    <t>13762148.0</t>
  </si>
  <si>
    <t>392775.0</t>
  </si>
  <si>
    <t>346168.0</t>
  </si>
  <si>
    <t>163328.0</t>
  </si>
  <si>
    <t>35073100.0</t>
  </si>
  <si>
    <t>21120554.0</t>
  </si>
  <si>
    <t>13952339.0</t>
  </si>
  <si>
    <t>368471.0</t>
  </si>
  <si>
    <t>341165.0</t>
  </si>
  <si>
    <t>157973.0</t>
  </si>
  <si>
    <t>35459931.0</t>
  </si>
  <si>
    <t>21291229.0</t>
  </si>
  <si>
    <t>14168486.0</t>
  </si>
  <si>
    <t>406218.0</t>
  </si>
  <si>
    <t>340102.0</t>
  </si>
  <si>
    <t>35833865.0</t>
  </si>
  <si>
    <t>21444520.0</t>
  </si>
  <si>
    <t>14389122.0</t>
  </si>
  <si>
    <t>393321.0</t>
  </si>
  <si>
    <t>342241.0</t>
  </si>
  <si>
    <t>152875.0</t>
  </si>
  <si>
    <t>36094968.0</t>
  </si>
  <si>
    <t>21549636.0</t>
  </si>
  <si>
    <t>14545104.0</t>
  </si>
  <si>
    <t>341244.0</t>
  </si>
  <si>
    <t>149853.0</t>
  </si>
  <si>
    <t>36260317.0</t>
  </si>
  <si>
    <t>21617983.0</t>
  </si>
  <si>
    <t>14642103.0</t>
  </si>
  <si>
    <t>184736.0</t>
  </si>
  <si>
    <t>340955.0</t>
  </si>
  <si>
    <t>147547.0</t>
  </si>
  <si>
    <t>36501817.0</t>
  </si>
  <si>
    <t>21716181.0</t>
  </si>
  <si>
    <t>14785399.0</t>
  </si>
  <si>
    <t>260887.0</t>
  </si>
  <si>
    <t>326700.0</t>
  </si>
  <si>
    <t>139036.0</t>
  </si>
  <si>
    <t>37075940.0</t>
  </si>
  <si>
    <t>21942944.0</t>
  </si>
  <si>
    <t>15132753.0</t>
  </si>
  <si>
    <t>433442.0</t>
  </si>
  <si>
    <t>332509.0</t>
  </si>
  <si>
    <t>136795.0</t>
  </si>
  <si>
    <t>37482221.0</t>
  </si>
  <si>
    <t>22089122.0</t>
  </si>
  <si>
    <t>15392841.0</t>
  </si>
  <si>
    <t>427472.0</t>
  </si>
  <si>
    <t>340937.0</t>
  </si>
  <si>
    <t>135075.0</t>
  </si>
  <si>
    <t>37895822.0</t>
  </si>
  <si>
    <t>22229479.0</t>
  </si>
  <si>
    <t>15665922.0</t>
  </si>
  <si>
    <t>434792.0</t>
  </si>
  <si>
    <t>345020.0</t>
  </si>
  <si>
    <t>130837.0</t>
  </si>
  <si>
    <t>38312626.0</t>
  </si>
  <si>
    <t>22360883.0</t>
  </si>
  <si>
    <t>15951170.0</t>
  </si>
  <si>
    <t>437995.0</t>
  </si>
  <si>
    <t>351402.0</t>
  </si>
  <si>
    <t>127805.0</t>
  </si>
  <si>
    <t>38630570.0</t>
  </si>
  <si>
    <t>22452008.0</t>
  </si>
  <si>
    <t>16177840.0</t>
  </si>
  <si>
    <t>339135.0</t>
  </si>
  <si>
    <t>359779.0</t>
  </si>
  <si>
    <t>125900.0</t>
  </si>
  <si>
    <t>38838561.0</t>
  </si>
  <si>
    <t>22512061.0</t>
  </si>
  <si>
    <t>16325726.0</t>
  </si>
  <si>
    <t>229182.0</t>
  </si>
  <si>
    <t>366129.0</t>
  </si>
  <si>
    <t>124812.0</t>
  </si>
  <si>
    <t>39220572.0</t>
  </si>
  <si>
    <t>22625251.0</t>
  </si>
  <si>
    <t>16594305.0</t>
  </si>
  <si>
    <t>403202.0</t>
  </si>
  <si>
    <t>386460.0</t>
  </si>
  <si>
    <t>127047.0</t>
  </si>
  <si>
    <t>39736588.0</t>
  </si>
  <si>
    <t>22780635.0</t>
  </si>
  <si>
    <t>16954594.0</t>
  </si>
  <si>
    <t>430929.0</t>
  </si>
  <si>
    <t>386101.0</t>
  </si>
  <si>
    <t>122498.0</t>
  </si>
  <si>
    <t>40124465.0</t>
  </si>
  <si>
    <t>22889261.0</t>
  </si>
  <si>
    <t>17233563.0</t>
  </si>
  <si>
    <t>409277.0</t>
  </si>
  <si>
    <t>383503.0</t>
  </si>
  <si>
    <t>117495.0</t>
  </si>
  <si>
    <t>40505567.0</t>
  </si>
  <si>
    <t>22998070.0</t>
  </si>
  <si>
    <t>17505517.0</t>
  </si>
  <si>
    <t>402502.0</t>
  </si>
  <si>
    <t>378887.0</t>
  </si>
  <si>
    <t>113352.0</t>
  </si>
  <si>
    <t>40874500.0</t>
  </si>
  <si>
    <t>23100307.0</t>
  </si>
  <si>
    <t>17771750.0</t>
  </si>
  <si>
    <t>390333.0</t>
  </si>
  <si>
    <t>372081.0</t>
  </si>
  <si>
    <t>109549.0</t>
  </si>
  <si>
    <t>41201899.0</t>
  </si>
  <si>
    <t>23191726.0</t>
  </si>
  <si>
    <t>18007362.0</t>
  </si>
  <si>
    <t>348799.0</t>
  </si>
  <si>
    <t>373461.0</t>
  </si>
  <si>
    <t>109952.0</t>
  </si>
  <si>
    <t>41390751.0</t>
  </si>
  <si>
    <t>23241836.0</t>
  </si>
  <si>
    <t>18145883.0</t>
  </si>
  <si>
    <t>370757.0</t>
  </si>
  <si>
    <t>41810052.0</t>
  </si>
  <si>
    <t>23369348.0</t>
  </si>
  <si>
    <t>18437166.0</t>
  </si>
  <si>
    <t>341798.0</t>
  </si>
  <si>
    <t>361985.0</t>
  </si>
  <si>
    <t>92.83</t>
  </si>
  <si>
    <t>105779.0</t>
  </si>
  <si>
    <t>42128478.0</t>
  </si>
  <si>
    <t>23460150.0</t>
  </si>
  <si>
    <t>18664214.0</t>
  </si>
  <si>
    <t>333361.0</t>
  </si>
  <si>
    <t>348046.0</t>
  </si>
  <si>
    <t>101446.0</t>
  </si>
  <si>
    <t>42446250.0</t>
  </si>
  <si>
    <t>23550522.0</t>
  </si>
  <si>
    <t>18890710.0</t>
  </si>
  <si>
    <t>332707.0</t>
  </si>
  <si>
    <t>337107.0</t>
  </si>
  <si>
    <t>98184.0</t>
  </si>
  <si>
    <t>42765042.0</t>
  </si>
  <si>
    <t>23638797.0</t>
  </si>
  <si>
    <t>19120406.0</t>
  </si>
  <si>
    <t>333727.0</t>
  </si>
  <si>
    <t>327282.0</t>
  </si>
  <si>
    <t>94594.0</t>
  </si>
  <si>
    <t>43081579.0</t>
  </si>
  <si>
    <t>23722547.0</t>
  </si>
  <si>
    <t>19352346.0</t>
  </si>
  <si>
    <t>330219.0</t>
  </si>
  <si>
    <t>318694.0</t>
  </si>
  <si>
    <t>91298.0</t>
  </si>
  <si>
    <t>43316205.0</t>
  </si>
  <si>
    <t>23783733.0</t>
  </si>
  <si>
    <t>19525356.0</t>
  </si>
  <si>
    <t>249534.0</t>
  </si>
  <si>
    <t>304514.0</t>
  </si>
  <si>
    <t>86324.0</t>
  </si>
  <si>
    <t>43460879.0</t>
  </si>
  <si>
    <t>23829367.0</t>
  </si>
  <si>
    <t>19624131.0</t>
  </si>
  <si>
    <t>297274.0</t>
  </si>
  <si>
    <t>43885734.0</t>
  </si>
  <si>
    <t>23986370.0</t>
  </si>
  <si>
    <t>19891222.0</t>
  </si>
  <si>
    <t>258077.0</t>
  </si>
  <si>
    <t>285315.0</t>
  </si>
  <si>
    <t>81786.0</t>
  </si>
  <si>
    <t>44152489.0</t>
  </si>
  <si>
    <t>24061015.0</t>
  </si>
  <si>
    <t>20082468.0</t>
  </si>
  <si>
    <t>282107.0</t>
  </si>
  <si>
    <t>277993.0</t>
  </si>
  <si>
    <t>79640.0</t>
  </si>
  <si>
    <t>44409715.0</t>
  </si>
  <si>
    <t>24131843.0</t>
  </si>
  <si>
    <t>20267485.0</t>
  </si>
  <si>
    <t>272578.0</t>
  </si>
  <si>
    <t>269404.0</t>
  </si>
  <si>
    <t>44678715.0</t>
  </si>
  <si>
    <t>24204944.0</t>
  </si>
  <si>
    <t>20462086.0</t>
  </si>
  <si>
    <t>262349.0</t>
  </si>
  <si>
    <t>44929180.0</t>
  </si>
  <si>
    <t>24268217.0</t>
  </si>
  <si>
    <t>20645485.0</t>
  </si>
  <si>
    <t>265817.0</t>
  </si>
  <si>
    <t>253148.0</t>
  </si>
  <si>
    <t>45114260.0</t>
  </si>
  <si>
    <t>24312112.0</t>
  </si>
  <si>
    <t>20783387.0</t>
  </si>
  <si>
    <t>200432.0</t>
  </si>
  <si>
    <t>246135.0</t>
  </si>
  <si>
    <t>45221780.0</t>
  </si>
  <si>
    <t>24340258.0</t>
  </si>
  <si>
    <t>20858848.0</t>
  </si>
  <si>
    <t>122872.0</t>
  </si>
  <si>
    <t>240891.0</t>
  </si>
  <si>
    <t>100.41</t>
  </si>
  <si>
    <t>67602.0</t>
  </si>
  <si>
    <t>45530620.0</t>
  </si>
  <si>
    <t>24419196.0</t>
  </si>
  <si>
    <t>21063979.0</t>
  </si>
  <si>
    <t>265351.0</t>
  </si>
  <si>
    <t>65571.0</t>
  </si>
  <si>
    <t>45724620.0</t>
  </si>
  <si>
    <t>24464901.0</t>
  </si>
  <si>
    <t>21184071.0</t>
  </si>
  <si>
    <t>207742.0</t>
  </si>
  <si>
    <t>231307.0</t>
  </si>
  <si>
    <t>61532.0</t>
  </si>
  <si>
    <t>45947163.0</t>
  </si>
  <si>
    <t>24510153.0</t>
  </si>
  <si>
    <t>21334442.0</t>
  </si>
  <si>
    <t>102568.0</t>
  </si>
  <si>
    <t>236285.0</t>
  </si>
  <si>
    <t>226122.0</t>
  </si>
  <si>
    <t>46168326.0</t>
  </si>
  <si>
    <t>24558111.0</t>
  </si>
  <si>
    <t>21479927.0</t>
  </si>
  <si>
    <t>130288.0</t>
  </si>
  <si>
    <t>219058.0</t>
  </si>
  <si>
    <t>46393918.0</t>
  </si>
  <si>
    <t>24607749.0</t>
  </si>
  <si>
    <t>21632677.0</t>
  </si>
  <si>
    <t>239334.0</t>
  </si>
  <si>
    <t>215273.0</t>
  </si>
  <si>
    <t>46549094.0</t>
  </si>
  <si>
    <t>24639317.0</t>
  </si>
  <si>
    <t>21733126.0</t>
  </si>
  <si>
    <t>176651.0</t>
  </si>
  <si>
    <t>168918.0</t>
  </si>
  <si>
    <t>210773.0</t>
  </si>
  <si>
    <t>50954.0</t>
  </si>
  <si>
    <t>46629889.0</t>
  </si>
  <si>
    <t>24659814.0</t>
  </si>
  <si>
    <t>21789599.0</t>
  </si>
  <si>
    <t>180476.0</t>
  </si>
  <si>
    <t>94537.0</t>
  </si>
  <si>
    <t>206726.0</t>
  </si>
  <si>
    <t>103.53</t>
  </si>
  <si>
    <t>46864534.0</t>
  </si>
  <si>
    <t>24737406.0</t>
  </si>
  <si>
    <t>21931853.0</t>
  </si>
  <si>
    <t>190824.0</t>
  </si>
  <si>
    <t>196078.0</t>
  </si>
  <si>
    <t>47036730.0</t>
  </si>
  <si>
    <t>24778879.0</t>
  </si>
  <si>
    <t>22046357.0</t>
  </si>
  <si>
    <t>184826.0</t>
  </si>
  <si>
    <t>192805.0</t>
  </si>
  <si>
    <t>47213417.0</t>
  </si>
  <si>
    <t>24828392.0</t>
  </si>
  <si>
    <t>22158222.0</t>
  </si>
  <si>
    <t>226803.0</t>
  </si>
  <si>
    <t>189317.0</t>
  </si>
  <si>
    <t>186094.0</t>
  </si>
  <si>
    <t>47398962.0</t>
  </si>
  <si>
    <t>24883741.0</t>
  </si>
  <si>
    <t>22272760.0</t>
  </si>
  <si>
    <t>180847.0</t>
  </si>
  <si>
    <t>47582761.0</t>
  </si>
  <si>
    <t>24938128.0</t>
  </si>
  <si>
    <t>22387168.0</t>
  </si>
  <si>
    <t>257465.0</t>
  </si>
  <si>
    <t>196429.0</t>
  </si>
  <si>
    <t>174719.0</t>
  </si>
  <si>
    <t>47700592.0</t>
  </si>
  <si>
    <t>24972890.0</t>
  </si>
  <si>
    <t>22463860.0</t>
  </si>
  <si>
    <t>263842.0</t>
  </si>
  <si>
    <t>169225.0</t>
  </si>
  <si>
    <t>47776651.0</t>
  </si>
  <si>
    <t>24998651.0</t>
  </si>
  <si>
    <t>22510929.0</t>
  </si>
  <si>
    <t>88689.0</t>
  </si>
  <si>
    <t>168388.0</t>
  </si>
  <si>
    <t>106.08</t>
  </si>
  <si>
    <t>49533.0</t>
  </si>
  <si>
    <t>47994156.0</t>
  </si>
  <si>
    <t>25075599.0</t>
  </si>
  <si>
    <t>22640168.0</t>
  </si>
  <si>
    <t>278389.0</t>
  </si>
  <si>
    <t>174794.0</t>
  </si>
  <si>
    <t>166099.0</t>
  </si>
  <si>
    <t>50791.0</t>
  </si>
  <si>
    <t>48152254.0</t>
  </si>
  <si>
    <t>25122833.0</t>
  </si>
  <si>
    <t>22737107.0</t>
  </si>
  <si>
    <t>292314.0</t>
  </si>
  <si>
    <t>171707.0</t>
  </si>
  <si>
    <t>164225.0</t>
  </si>
  <si>
    <t>51625.0</t>
  </si>
  <si>
    <t>48301758.0</t>
  </si>
  <si>
    <t>25167478.0</t>
  </si>
  <si>
    <t>22827373.0</t>
  </si>
  <si>
    <t>306907.0</t>
  </si>
  <si>
    <t>160483.0</t>
  </si>
  <si>
    <t>48451030.0</t>
  </si>
  <si>
    <t>25213053.0</t>
  </si>
  <si>
    <t>22916968.0</t>
  </si>
  <si>
    <t>321009.0</t>
  </si>
  <si>
    <t>162881.0</t>
  </si>
  <si>
    <t>155440.0</t>
  </si>
  <si>
    <t>48594614.0</t>
  </si>
  <si>
    <t>25254472.0</t>
  </si>
  <si>
    <t>23006583.0</t>
  </si>
  <si>
    <t>333559.0</t>
  </si>
  <si>
    <t>157193.0</t>
  </si>
  <si>
    <t>149834.0</t>
  </si>
  <si>
    <t>47716.0</t>
  </si>
  <si>
    <t>48688515.0</t>
  </si>
  <si>
    <t>25281870.0</t>
  </si>
  <si>
    <t>23065443.0</t>
  </si>
  <si>
    <t>341202.0</t>
  </si>
  <si>
    <t>107510.0</t>
  </si>
  <si>
    <t>146557.0</t>
  </si>
  <si>
    <t>48721931.0</t>
  </si>
  <si>
    <t>25292830.0</t>
  </si>
  <si>
    <t>23086003.0</t>
  </si>
  <si>
    <t>343098.0</t>
  </si>
  <si>
    <t>47025.0</t>
  </si>
  <si>
    <t>140607.0</t>
  </si>
  <si>
    <t>49079600.0</t>
  </si>
  <si>
    <t>25442048.0</t>
  </si>
  <si>
    <t>23280685.0</t>
  </si>
  <si>
    <t>356867.0</t>
  </si>
  <si>
    <t>172098.0</t>
  </si>
  <si>
    <t>140218.0</t>
  </si>
  <si>
    <t>49208010.0</t>
  </si>
  <si>
    <t>25480503.0</t>
  </si>
  <si>
    <t>23354849.0</t>
  </si>
  <si>
    <t>372658.0</t>
  </si>
  <si>
    <t>135886.0</t>
  </si>
  <si>
    <t>49333671.0</t>
  </si>
  <si>
    <t>25518367.0</t>
  </si>
  <si>
    <t>23427569.0</t>
  </si>
  <si>
    <t>387459.0</t>
  </si>
  <si>
    <t>49458773.0</t>
  </si>
  <si>
    <t>25554742.0</t>
  </si>
  <si>
    <t>23500414.0</t>
  </si>
  <si>
    <t>403341.0</t>
  </si>
  <si>
    <t>138062.0</t>
  </si>
  <si>
    <t>49586326.0</t>
  </si>
  <si>
    <t>25588765.0</t>
  </si>
  <si>
    <t>23573684.0</t>
  </si>
  <si>
    <t>423601.0</t>
  </si>
  <si>
    <t>140513.0</t>
  </si>
  <si>
    <t>126417.0</t>
  </si>
  <si>
    <t>49663580.0</t>
  </si>
  <si>
    <t>25610064.0</t>
  </si>
  <si>
    <t>23618752.0</t>
  </si>
  <si>
    <t>434488.0</t>
  </si>
  <si>
    <t>90214.0</t>
  </si>
  <si>
    <t>123946.0</t>
  </si>
  <si>
    <t>49710457.0</t>
  </si>
  <si>
    <t>25624057.0</t>
  </si>
  <si>
    <t>23645997.0</t>
  </si>
  <si>
    <t>440127.0</t>
  </si>
  <si>
    <t>59837.0</t>
  </si>
  <si>
    <t>125777.0</t>
  </si>
  <si>
    <t>49847541.0</t>
  </si>
  <si>
    <t>25655713.0</t>
  </si>
  <si>
    <t>23712328.0</t>
  </si>
  <si>
    <t>479224.0</t>
  </si>
  <si>
    <t>150044.0</t>
  </si>
  <si>
    <t>122625.0</t>
  </si>
  <si>
    <t>110.68</t>
  </si>
  <si>
    <t>50094211.0</t>
  </si>
  <si>
    <t>25738641.0</t>
  </si>
  <si>
    <t>23837887.0</t>
  </si>
  <si>
    <t>517407.0</t>
  </si>
  <si>
    <t>146959.0</t>
  </si>
  <si>
    <t>50227110.0</t>
  </si>
  <si>
    <t>25768762.0</t>
  </si>
  <si>
    <t>23901680.0</t>
  </si>
  <si>
    <t>556392.0</t>
  </si>
  <si>
    <t>141756.0</t>
  </si>
  <si>
    <t>123912.0</t>
  </si>
  <si>
    <t>50366136.0</t>
  </si>
  <si>
    <t>25798800.0</t>
  </si>
  <si>
    <t>23970800.0</t>
  </si>
  <si>
    <t>50503907.0</t>
  </si>
  <si>
    <t>25826503.0</t>
  </si>
  <si>
    <t>24039779.0</t>
  </si>
  <si>
    <t>637349.0</t>
  </si>
  <si>
    <t>146628.0</t>
  </si>
  <si>
    <t>126191.0</t>
  </si>
  <si>
    <t>50580129.0</t>
  </si>
  <si>
    <t>25842708.0</t>
  </si>
  <si>
    <t>24082175.0</t>
  </si>
  <si>
    <t>654970.0</t>
  </si>
  <si>
    <t>85079.0</t>
  </si>
  <si>
    <t>125455.0</t>
  </si>
  <si>
    <t>50622720.0</t>
  </si>
  <si>
    <t>25852710.0</t>
  </si>
  <si>
    <t>24107234.0</t>
  </si>
  <si>
    <t>662500.0</t>
  </si>
  <si>
    <t>51448.0</t>
  </si>
  <si>
    <t>124257.0</t>
  </si>
  <si>
    <t>30181.0</t>
  </si>
  <si>
    <t>50760005.0</t>
  </si>
  <si>
    <t>25888845.0</t>
  </si>
  <si>
    <t>24176264.0</t>
  </si>
  <si>
    <t>694620.0</t>
  </si>
  <si>
    <t>120969.0</t>
  </si>
  <si>
    <t>120103.0</t>
  </si>
  <si>
    <t>50872717.0</t>
  </si>
  <si>
    <t>25911260.0</t>
  </si>
  <si>
    <t>24232369.0</t>
  </si>
  <si>
    <t>728812.0</t>
  </si>
  <si>
    <t>122741.0</t>
  </si>
  <si>
    <t>116644.0</t>
  </si>
  <si>
    <t>50991114.0</t>
  </si>
  <si>
    <t>25933890.0</t>
  </si>
  <si>
    <t>24289848.0</t>
  </si>
  <si>
    <t>767100.0</t>
  </si>
  <si>
    <t>128426.0</t>
  </si>
  <si>
    <t>114739.0</t>
  </si>
  <si>
    <t>51109537.0</t>
  </si>
  <si>
    <t>25956225.0</t>
  </si>
  <si>
    <t>24346675.0</t>
  </si>
  <si>
    <t>806361.0</t>
  </si>
  <si>
    <t>128452.0</t>
  </si>
  <si>
    <t>111964.0</t>
  </si>
  <si>
    <t>51216927.0</t>
  </si>
  <si>
    <t>25974785.0</t>
  </si>
  <si>
    <t>24397279.0</t>
  </si>
  <si>
    <t>844587.0</t>
  </si>
  <si>
    <t>117419.0</t>
  </si>
  <si>
    <t>107791.0</t>
  </si>
  <si>
    <t>113.72</t>
  </si>
  <si>
    <t>23311.0</t>
  </si>
  <si>
    <t>51282423.0</t>
  </si>
  <si>
    <t>25986702.0</t>
  </si>
  <si>
    <t>24429917.0</t>
  </si>
  <si>
    <t>865528.0</t>
  </si>
  <si>
    <t>75525.0</t>
  </si>
  <si>
    <t>106425.0</t>
  </si>
  <si>
    <t>51312829.0</t>
  </si>
  <si>
    <t>25991430.0</t>
  </si>
  <si>
    <t>24443236.0</t>
  </si>
  <si>
    <t>877887.0</t>
  </si>
  <si>
    <t>104852.0</t>
  </si>
  <si>
    <t>51575925.0</t>
  </si>
  <si>
    <t>26055667.0</t>
  </si>
  <si>
    <t>24558264.0</t>
  </si>
  <si>
    <t>961718.0</t>
  </si>
  <si>
    <t>182378.0</t>
  </si>
  <si>
    <t>113626.0</t>
  </si>
  <si>
    <t>51758100.0</t>
  </si>
  <si>
    <t>26077081.0</t>
  </si>
  <si>
    <t>24612335.0</t>
  </si>
  <si>
    <t>1068408.0</t>
  </si>
  <si>
    <t>51962105.0</t>
  </si>
  <si>
    <t>26099100.0</t>
  </si>
  <si>
    <t>24666546.0</t>
  </si>
  <si>
    <t>1196183.0</t>
  </si>
  <si>
    <t>210215.0</t>
  </si>
  <si>
    <t>134687.0</t>
  </si>
  <si>
    <t>21295.0</t>
  </si>
  <si>
    <t>52182096.0</t>
  </si>
  <si>
    <t>26121724.0</t>
  </si>
  <si>
    <t>24721700.0</t>
  </si>
  <si>
    <t>1338396.0</t>
  </si>
  <si>
    <t>226201.0</t>
  </si>
  <si>
    <t>148651.0</t>
  </si>
  <si>
    <t>52412316.0</t>
  </si>
  <si>
    <t>26144441.0</t>
  </si>
  <si>
    <t>24776422.0</t>
  </si>
  <si>
    <t>236430.0</t>
  </si>
  <si>
    <t>165653.0</t>
  </si>
  <si>
    <t>52533041.0</t>
  </si>
  <si>
    <t>26157087.0</t>
  </si>
  <si>
    <t>24806472.0</t>
  </si>
  <si>
    <t>1569206.0</t>
  </si>
  <si>
    <t>126935.0</t>
  </si>
  <si>
    <t>172995.0</t>
  </si>
  <si>
    <t>116.64</t>
  </si>
  <si>
    <t>52603740.0</t>
  </si>
  <si>
    <t>26165878.0</t>
  </si>
  <si>
    <t>24824354.0</t>
  </si>
  <si>
    <t>1613232.0</t>
  </si>
  <si>
    <t>76909.0</t>
  </si>
  <si>
    <t>178208.0</t>
  </si>
  <si>
    <t>52863614.0</t>
  </si>
  <si>
    <t>26198258.0</t>
  </si>
  <si>
    <t>24897538.0</t>
  </si>
  <si>
    <t>1767542.0</t>
  </si>
  <si>
    <t>221030.0</t>
  </si>
  <si>
    <t>183729.0</t>
  </si>
  <si>
    <t>20524.0</t>
  </si>
  <si>
    <t>53092368.0</t>
  </si>
  <si>
    <t>26217647.0</t>
  </si>
  <si>
    <t>24937300.0</t>
  </si>
  <si>
    <t>1937145.0</t>
  </si>
  <si>
    <t>232614.0</t>
  </si>
  <si>
    <t>53330848.0</t>
  </si>
  <si>
    <t>26236386.0</t>
  </si>
  <si>
    <t>24975453.0</t>
  </si>
  <si>
    <t>2118733.0</t>
  </si>
  <si>
    <t>194634.0</t>
  </si>
  <si>
    <t>53544664.0</t>
  </si>
  <si>
    <t>26253899.0</t>
  </si>
  <si>
    <t>25010085.0</t>
  </si>
  <si>
    <t>2280404.0</t>
  </si>
  <si>
    <t>217676.0</t>
  </si>
  <si>
    <t>193419.0</t>
  </si>
  <si>
    <t>53558232.0</t>
  </si>
  <si>
    <t>26254608.0</t>
  </si>
  <si>
    <t>25014562.0</t>
  </si>
  <si>
    <t>2288786.0</t>
  </si>
  <si>
    <t>65381.0</t>
  </si>
  <si>
    <t>168982.0</t>
  </si>
  <si>
    <t>53558341.0</t>
  </si>
  <si>
    <t>26254613.0</t>
  </si>
  <si>
    <t>25014614.0</t>
  </si>
  <si>
    <t>2288838.0</t>
  </si>
  <si>
    <t>158268.0</t>
  </si>
  <si>
    <t>14969.0</t>
  </si>
  <si>
    <t>53703957.0</t>
  </si>
  <si>
    <t>26268353.0</t>
  </si>
  <si>
    <t>25036370.0</t>
  </si>
  <si>
    <t>2398958.0</t>
  </si>
  <si>
    <t>53569.0</t>
  </si>
  <si>
    <t>154933.0</t>
  </si>
  <si>
    <t>53739138.0</t>
  </si>
  <si>
    <t>26271708.0</t>
  </si>
  <si>
    <t>25042366.0</t>
  </si>
  <si>
    <t>2424788.0</t>
  </si>
  <si>
    <t>128935.0</t>
  </si>
  <si>
    <t>11913.0</t>
  </si>
  <si>
    <t>53781362.0</t>
  </si>
  <si>
    <t>26275924.0</t>
  </si>
  <si>
    <t>25049674.0</t>
  </si>
  <si>
    <t>2455488.0</t>
  </si>
  <si>
    <t>46084.0</t>
  </si>
  <si>
    <t>102288.0</t>
  </si>
  <si>
    <t>119.41</t>
  </si>
  <si>
    <t>53953924.0</t>
  </si>
  <si>
    <t>26289586.0</t>
  </si>
  <si>
    <t>25079879.0</t>
  </si>
  <si>
    <t>2584183.0</t>
  </si>
  <si>
    <t>176422.0</t>
  </si>
  <si>
    <t>92871.0</t>
  </si>
  <si>
    <t>54137255.0</t>
  </si>
  <si>
    <t>26304547.0</t>
  </si>
  <si>
    <t>25107622.0</t>
  </si>
  <si>
    <t>2724810.0</t>
  </si>
  <si>
    <t>187191.0</t>
  </si>
  <si>
    <t>88515.0</t>
  </si>
  <si>
    <t>54154963.0</t>
  </si>
  <si>
    <t>26305213.0</t>
  </si>
  <si>
    <t>25111161.0</t>
  </si>
  <si>
    <t>2738313.0</t>
  </si>
  <si>
    <t>84145.0</t>
  </si>
  <si>
    <t>54156401.0</t>
  </si>
  <si>
    <t>26305268.0</t>
  </si>
  <si>
    <t>25111518.0</t>
  </si>
  <si>
    <t>2739339.0</t>
  </si>
  <si>
    <t>67875.0</t>
  </si>
  <si>
    <t>93476.0</t>
  </si>
  <si>
    <t>54347121.0</t>
  </si>
  <si>
    <t>26321290.0</t>
  </si>
  <si>
    <t>25134332.0</t>
  </si>
  <si>
    <t>2891223.0</t>
  </si>
  <si>
    <t>95741.0</t>
  </si>
  <si>
    <t>54397747.0</t>
  </si>
  <si>
    <t>26325258.0</t>
  </si>
  <si>
    <t>25140145.0</t>
  </si>
  <si>
    <t>2932068.0</t>
  </si>
  <si>
    <t>97947.0</t>
  </si>
  <si>
    <t>54675325.0</t>
  </si>
  <si>
    <t>26359356.0</t>
  </si>
  <si>
    <t>25202061.0</t>
  </si>
  <si>
    <t>3113632.0</t>
  </si>
  <si>
    <t>222921.0</t>
  </si>
  <si>
    <t>54984688.0</t>
  </si>
  <si>
    <t>26373859.0</t>
  </si>
  <si>
    <t>25232475.0</t>
  </si>
  <si>
    <t>3378078.0</t>
  </si>
  <si>
    <t>313993.0</t>
  </si>
  <si>
    <t>142862.0</t>
  </si>
  <si>
    <t>55306768.0</t>
  </si>
  <si>
    <t>26389653.0</t>
  </si>
  <si>
    <t>25261853.0</t>
  </si>
  <si>
    <t>3654986.0</t>
  </si>
  <si>
    <t>326710.0</t>
  </si>
  <si>
    <t>162793.0</t>
  </si>
  <si>
    <t>55622565.0</t>
  </si>
  <si>
    <t>26404465.0</t>
  </si>
  <si>
    <t>25290519.0</t>
  </si>
  <si>
    <t>3927305.0</t>
  </si>
  <si>
    <t>196548.0</t>
  </si>
  <si>
    <t>55811119.0</t>
  </si>
  <si>
    <t>26413463.0</t>
  </si>
  <si>
    <t>25306870.0</t>
  </si>
  <si>
    <t>4090510.0</t>
  </si>
  <si>
    <t>214451.0</t>
  </si>
  <si>
    <t>55923281.0</t>
  </si>
  <si>
    <t>26418985.0</t>
  </si>
  <si>
    <t>25316722.0</t>
  </si>
  <si>
    <t>4187298.0</t>
  </si>
  <si>
    <t>221216.0</t>
  </si>
  <si>
    <t>56265198.0</t>
  </si>
  <si>
    <t>26469353.0</t>
  </si>
  <si>
    <t>25344254.0</t>
  </si>
  <si>
    <t>4451315.0</t>
  </si>
  <si>
    <t>346547.0</t>
  </si>
  <si>
    <t>262941.0</t>
  </si>
  <si>
    <t>124.93</t>
  </si>
  <si>
    <t>56661716.0</t>
  </si>
  <si>
    <t>26544781.0</t>
  </si>
  <si>
    <t>25375681.0</t>
  </si>
  <si>
    <t>4740978.0</t>
  </si>
  <si>
    <t>383261.0</t>
  </si>
  <si>
    <t>285845.0</t>
  </si>
  <si>
    <t>57054890.0</t>
  </si>
  <si>
    <t>26616191.0</t>
  </si>
  <si>
    <t>25400493.0</t>
  </si>
  <si>
    <t>5037930.0</t>
  </si>
  <si>
    <t>396476.0</t>
  </si>
  <si>
    <t>297628.0</t>
  </si>
  <si>
    <t>57447900.0</t>
  </si>
  <si>
    <t>26688168.0</t>
  </si>
  <si>
    <t>25424619.0</t>
  </si>
  <si>
    <t>5334837.0</t>
  </si>
  <si>
    <t>396312.0</t>
  </si>
  <si>
    <t>307572.0</t>
  </si>
  <si>
    <t>57832043.0</t>
  </si>
  <si>
    <t>26762596.0</t>
  </si>
  <si>
    <t>25447039.0</t>
  </si>
  <si>
    <t>5622132.0</t>
  </si>
  <si>
    <t>387445.0</t>
  </si>
  <si>
    <t>317145.0</t>
  </si>
  <si>
    <t>51596.0</t>
  </si>
  <si>
    <t>58047865.0</t>
  </si>
  <si>
    <t>26811285.0</t>
  </si>
  <si>
    <t>25457844.0</t>
  </si>
  <si>
    <t>5778460.0</t>
  </si>
  <si>
    <t>219124.0</t>
  </si>
  <si>
    <t>58174054.0</t>
  </si>
  <si>
    <t>26844616.0</t>
  </si>
  <si>
    <t>25463816.0</t>
  </si>
  <si>
    <t>5865346.0</t>
  </si>
  <si>
    <t>129491.0</t>
  </si>
  <si>
    <t>322666.0</t>
  </si>
  <si>
    <t>61018.0</t>
  </si>
  <si>
    <t>58557435.0</t>
  </si>
  <si>
    <t>26930960.0</t>
  </si>
  <si>
    <t>25481666.0</t>
  </si>
  <si>
    <t>6144533.0</t>
  </si>
  <si>
    <t>386683.0</t>
  </si>
  <si>
    <t>328399.0</t>
  </si>
  <si>
    <t>58960470.0</t>
  </si>
  <si>
    <t>27025332.0</t>
  </si>
  <si>
    <t>25514360.0</t>
  </si>
  <si>
    <t>6420502.0</t>
  </si>
  <si>
    <t>380104.0</t>
  </si>
  <si>
    <t>327948.0</t>
  </si>
  <si>
    <t>59344533.0</t>
  </si>
  <si>
    <t>27108964.0</t>
  </si>
  <si>
    <t>25532460.0</t>
  </si>
  <si>
    <t>6702833.0</t>
  </si>
  <si>
    <t>326790.0</t>
  </si>
  <si>
    <t>70165.0</t>
  </si>
  <si>
    <t>59749635.0</t>
  </si>
  <si>
    <t>27191576.0</t>
  </si>
  <si>
    <t>25551631.0</t>
  </si>
  <si>
    <t>7006152.0</t>
  </si>
  <si>
    <t>409407.0</t>
  </si>
  <si>
    <t>328659.0</t>
  </si>
  <si>
    <t>71753.0</t>
  </si>
  <si>
    <t>60142340.0</t>
  </si>
  <si>
    <t>27271174.0</t>
  </si>
  <si>
    <t>25569442.0</t>
  </si>
  <si>
    <t>7301448.0</t>
  </si>
  <si>
    <t>397010.0</t>
  </si>
  <si>
    <t>60373810.0</t>
  </si>
  <si>
    <t>27321591.0</t>
  </si>
  <si>
    <t>25578088.0</t>
  </si>
  <si>
    <t>7473855.0</t>
  </si>
  <si>
    <t>332406.0</t>
  </si>
  <si>
    <t>60523505.0</t>
  </si>
  <si>
    <t>27357237.0</t>
  </si>
  <si>
    <t>25583801.0</t>
  </si>
  <si>
    <t>7582191.0</t>
  </si>
  <si>
    <t>154000.0</t>
  </si>
  <si>
    <t>73280.0</t>
  </si>
  <si>
    <t>60961232.0</t>
  </si>
  <si>
    <t>27447229.0</t>
  </si>
  <si>
    <t>25627355.0</t>
  </si>
  <si>
    <t>7886372.0</t>
  </si>
  <si>
    <t>399571.0</t>
  </si>
  <si>
    <t>135.35</t>
  </si>
  <si>
    <t>71985.0</t>
  </si>
  <si>
    <t>61359093.0</t>
  </si>
  <si>
    <t>27522628.0</t>
  </si>
  <si>
    <t>25644173.0</t>
  </si>
  <si>
    <t>8192016.0</t>
  </si>
  <si>
    <t>401013.0</t>
  </si>
  <si>
    <t>340735.0</t>
  </si>
  <si>
    <t>70769.0</t>
  </si>
  <si>
    <t>61510838.0</t>
  </si>
  <si>
    <t>27555726.0</t>
  </si>
  <si>
    <t>25651308.0</t>
  </si>
  <si>
    <t>8303528.0</t>
  </si>
  <si>
    <t>307380.0</t>
  </si>
  <si>
    <t>63482.0</t>
  </si>
  <si>
    <t>61878581.0</t>
  </si>
  <si>
    <t>27623195.0</t>
  </si>
  <si>
    <t>25671124.0</t>
  </si>
  <si>
    <t>8583986.0</t>
  </si>
  <si>
    <t>370895.0</t>
  </si>
  <si>
    <t>301879.0</t>
  </si>
  <si>
    <t>61250.0</t>
  </si>
  <si>
    <t>62248274.0</t>
  </si>
  <si>
    <t>27690853.0</t>
  </si>
  <si>
    <t>25691243.0</t>
  </si>
  <si>
    <t>8865902.0</t>
  </si>
  <si>
    <t>372845.0</t>
  </si>
  <si>
    <t>298427.0</t>
  </si>
  <si>
    <t>138.21</t>
  </si>
  <si>
    <t>62462596.0</t>
  </si>
  <si>
    <t>27732930.0</t>
  </si>
  <si>
    <t>25702906.0</t>
  </si>
  <si>
    <t>9026484.0</t>
  </si>
  <si>
    <t>58218.0</t>
  </si>
  <si>
    <t>62571965.0</t>
  </si>
  <si>
    <t>27756314.0</t>
  </si>
  <si>
    <t>25709937.0</t>
  </si>
  <si>
    <t>9105438.0</t>
  </si>
  <si>
    <t>112521.0</t>
  </si>
  <si>
    <t>289887.0</t>
  </si>
  <si>
    <t>62872406.0</t>
  </si>
  <si>
    <t>27802297.0</t>
  </si>
  <si>
    <t>25734864.0</t>
  </si>
  <si>
    <t>9334969.0</t>
  </si>
  <si>
    <t>292621.0</t>
  </si>
  <si>
    <t>274609.0</t>
  </si>
  <si>
    <t>63189505.0</t>
  </si>
  <si>
    <t>27840925.0</t>
  </si>
  <si>
    <t>25754125.0</t>
  </si>
  <si>
    <t>9594179.0</t>
  </si>
  <si>
    <t>321014.0</t>
  </si>
  <si>
    <t>263181.0</t>
  </si>
  <si>
    <t>63503294.0</t>
  </si>
  <si>
    <t>27873963.0</t>
  </si>
  <si>
    <t>25771186.0</t>
  </si>
  <si>
    <t>9857869.0</t>
  </si>
  <si>
    <t>317704.0</t>
  </si>
  <si>
    <t>63809891.0</t>
  </si>
  <si>
    <t>27904645.0</t>
  </si>
  <si>
    <t>25787886.0</t>
  </si>
  <si>
    <t>10117084.0</t>
  </si>
  <si>
    <t>277813.0</t>
  </si>
  <si>
    <t>141.68</t>
  </si>
  <si>
    <t>64131252.0</t>
  </si>
  <si>
    <t>27934031.0</t>
  </si>
  <si>
    <t>25805168.0</t>
  </si>
  <si>
    <t>10391777.0</t>
  </si>
  <si>
    <t>325276.0</t>
  </si>
  <si>
    <t>271017.0</t>
  </si>
  <si>
    <t>142.39</t>
  </si>
  <si>
    <t>64314774.0</t>
  </si>
  <si>
    <t>27955455.0</t>
  </si>
  <si>
    <t>25815008.0</t>
  </si>
  <si>
    <t>10544035.0</t>
  </si>
  <si>
    <t>187437.0</t>
  </si>
  <si>
    <t>266726.0</t>
  </si>
  <si>
    <t>64412678.0</t>
  </si>
  <si>
    <t>27966704.0</t>
  </si>
  <si>
    <t>25820505.0</t>
  </si>
  <si>
    <t>10625193.0</t>
  </si>
  <si>
    <t>265198.0</t>
  </si>
  <si>
    <t>64684455.0</t>
  </si>
  <si>
    <t>28002069.0</t>
  </si>
  <si>
    <t>25853330.0</t>
  </si>
  <si>
    <t>10828780.0</t>
  </si>
  <si>
    <t>240545.0</t>
  </si>
  <si>
    <t>257758.0</t>
  </si>
  <si>
    <t>143.62</t>
  </si>
  <si>
    <t>64969901.0</t>
  </si>
  <si>
    <t>28022945.0</t>
  </si>
  <si>
    <t>25868158.0</t>
  </si>
  <si>
    <t>11078522.0</t>
  </si>
  <si>
    <t>288533.0</t>
  </si>
  <si>
    <t>253118.0</t>
  </si>
  <si>
    <t>65245089.0</t>
  </si>
  <si>
    <t>28042675.0</t>
  </si>
  <si>
    <t>25883546.0</t>
  </si>
  <si>
    <t>11318592.0</t>
  </si>
  <si>
    <t>278275.0</t>
  </si>
  <si>
    <t>247484.0</t>
  </si>
  <si>
    <t>65501424.0</t>
  </si>
  <si>
    <t>28060267.0</t>
  </si>
  <si>
    <t>25898278.0</t>
  </si>
  <si>
    <t>11542603.0</t>
  </si>
  <si>
    <t>259422.0</t>
  </si>
  <si>
    <t>240187.0</t>
  </si>
  <si>
    <t>65766347.0</t>
  </si>
  <si>
    <t>28078472.0</t>
  </si>
  <si>
    <t>25913063.0</t>
  </si>
  <si>
    <t>11774536.0</t>
  </si>
  <si>
    <t>268010.0</t>
  </si>
  <si>
    <t>232006.0</t>
  </si>
  <si>
    <t>65931001.0</t>
  </si>
  <si>
    <t>28094403.0</t>
  </si>
  <si>
    <t>25921371.0</t>
  </si>
  <si>
    <t>11914951.0</t>
  </si>
  <si>
    <t>167741.0</t>
  </si>
  <si>
    <t>229193.0</t>
  </si>
  <si>
    <t>146.39</t>
  </si>
  <si>
    <t>66003324.0</t>
  </si>
  <si>
    <t>28100375.0</t>
  </si>
  <si>
    <t>25925213.0</t>
  </si>
  <si>
    <t>11977460.0</t>
  </si>
  <si>
    <t>75410.0</t>
  </si>
  <si>
    <t>225419.0</t>
  </si>
  <si>
    <t>66239029.0</t>
  </si>
  <si>
    <t>28121713.0</t>
  </si>
  <si>
    <t>25947251.0</t>
  </si>
  <si>
    <t>12169789.0</t>
  </si>
  <si>
    <t>220889.0</t>
  </si>
  <si>
    <t>222611.0</t>
  </si>
  <si>
    <t>147.07</t>
  </si>
  <si>
    <t>66449737.0</t>
  </si>
  <si>
    <t>28134511.0</t>
  </si>
  <si>
    <t>25959185.0</t>
  </si>
  <si>
    <t>12355765.0</t>
  </si>
  <si>
    <t>214144.0</t>
  </si>
  <si>
    <t>211984.0</t>
  </si>
  <si>
    <t>66650590.0</t>
  </si>
  <si>
    <t>28147359.0</t>
  </si>
  <si>
    <t>25969794.0</t>
  </si>
  <si>
    <t>12533161.0</t>
  </si>
  <si>
    <t>204289.0</t>
  </si>
  <si>
    <t>201415.0</t>
  </si>
  <si>
    <t>66840806.0</t>
  </si>
  <si>
    <t>28160399.0</t>
  </si>
  <si>
    <t>25981182.0</t>
  </si>
  <si>
    <t>12698949.0</t>
  </si>
  <si>
    <t>193652.0</t>
  </si>
  <si>
    <t>67039943.0</t>
  </si>
  <si>
    <t>28176126.0</t>
  </si>
  <si>
    <t>25993453.0</t>
  </si>
  <si>
    <t>12870088.0</t>
  </si>
  <si>
    <t>182671.0</t>
  </si>
  <si>
    <t>67165420.0</t>
  </si>
  <si>
    <t>28189020.0</t>
  </si>
  <si>
    <t>26000759.0</t>
  </si>
  <si>
    <t>12975365.0</t>
  </si>
  <si>
    <t>128913.0</t>
  </si>
  <si>
    <t>177125.0</t>
  </si>
  <si>
    <t>67224114.0</t>
  </si>
  <si>
    <t>28194306.0</t>
  </si>
  <si>
    <t>26004271.0</t>
  </si>
  <si>
    <t>13025261.0</t>
  </si>
  <si>
    <t>62130.0</t>
  </si>
  <si>
    <t>175226.0</t>
  </si>
  <si>
    <t>149.26</t>
  </si>
  <si>
    <t>67428844.0</t>
  </si>
  <si>
    <t>28221522.0</t>
  </si>
  <si>
    <t>26034937.0</t>
  </si>
  <si>
    <t>13172109.0</t>
  </si>
  <si>
    <t>174791.0</t>
  </si>
  <si>
    <t>67590035.0</t>
  </si>
  <si>
    <t>28235355.0</t>
  </si>
  <si>
    <t>26045244.0</t>
  </si>
  <si>
    <t>13309160.0</t>
  </si>
  <si>
    <t>169811.0</t>
  </si>
  <si>
    <t>162308.0</t>
  </si>
  <si>
    <t>67742144.0</t>
  </si>
  <si>
    <t>28248620.0</t>
  </si>
  <si>
    <t>26055166.0</t>
  </si>
  <si>
    <t>13438082.0</t>
  </si>
  <si>
    <t>160729.0</t>
  </si>
  <si>
    <t>156086.0</t>
  </si>
  <si>
    <t>67894563.0</t>
  </si>
  <si>
    <t>28261614.0</t>
  </si>
  <si>
    <t>26065146.0</t>
  </si>
  <si>
    <t>13567527.0</t>
  </si>
  <si>
    <t>161039.0</t>
  </si>
  <si>
    <t>151425.0</t>
  </si>
  <si>
    <t>68051912.0</t>
  </si>
  <si>
    <t>28274985.0</t>
  </si>
  <si>
    <t>26075574.0</t>
  </si>
  <si>
    <t>13701077.0</t>
  </si>
  <si>
    <t>165969.0</t>
  </si>
  <si>
    <t>68151982.0</t>
  </si>
  <si>
    <t>28285434.0</t>
  </si>
  <si>
    <t>26081895.0</t>
  </si>
  <si>
    <t>13784377.0</t>
  </si>
  <si>
    <t>108690.0</t>
  </si>
  <si>
    <t>143309.0</t>
  </si>
  <si>
    <t>68198369.0</t>
  </si>
  <si>
    <t>28289826.0</t>
  </si>
  <si>
    <t>26084809.0</t>
  </si>
  <si>
    <t>13823458.0</t>
  </si>
  <si>
    <t>142290.0</t>
  </si>
  <si>
    <t>68378666.0</t>
  </si>
  <si>
    <t>28314347.0</t>
  </si>
  <si>
    <t>26131274.0</t>
  </si>
  <si>
    <t>13932769.0</t>
  </si>
  <si>
    <t>137079.0</t>
  </si>
  <si>
    <t>136904.0</t>
  </si>
  <si>
    <t>68490790.0</t>
  </si>
  <si>
    <t>28323853.0</t>
  </si>
  <si>
    <t>26139532.0</t>
  </si>
  <si>
    <t>14027129.0</t>
  </si>
  <si>
    <t>129543.0</t>
  </si>
  <si>
    <t>68598340.0</t>
  </si>
  <si>
    <t>28332788.0</t>
  </si>
  <si>
    <t>26147867.0</t>
  </si>
  <si>
    <t>14117409.0</t>
  </si>
  <si>
    <t>113712.0</t>
  </si>
  <si>
    <t>122824.0</t>
  </si>
  <si>
    <t>68702207.0</t>
  </si>
  <si>
    <t>28341740.0</t>
  </si>
  <si>
    <t>26156381.0</t>
  </si>
  <si>
    <t>14203810.0</t>
  </si>
  <si>
    <t>110029.0</t>
  </si>
  <si>
    <t>115538.0</t>
  </si>
  <si>
    <t>68811835.0</t>
  </si>
  <si>
    <t>28351068.0</t>
  </si>
  <si>
    <t>26166066.0</t>
  </si>
  <si>
    <t>14294425.0</t>
  </si>
  <si>
    <t>115790.0</t>
  </si>
  <si>
    <t>108369.0</t>
  </si>
  <si>
    <t>68881194.0</t>
  </si>
  <si>
    <t>28358521.0</t>
  </si>
  <si>
    <t>26174307.0</t>
  </si>
  <si>
    <t>14348090.0</t>
  </si>
  <si>
    <t>75521.0</t>
  </si>
  <si>
    <t>103632.0</t>
  </si>
  <si>
    <t>68910926.0</t>
  </si>
  <si>
    <t>28361509.0</t>
  </si>
  <si>
    <t>26178351.0</t>
  </si>
  <si>
    <t>14370790.0</t>
  </si>
  <si>
    <t>100902.0</t>
  </si>
  <si>
    <t>11623.0</t>
  </si>
  <si>
    <t>69037376.0</t>
  </si>
  <si>
    <t>28386381.0</t>
  </si>
  <si>
    <t>26216566.0</t>
  </si>
  <si>
    <t>14434153.0</t>
  </si>
  <si>
    <t>95061.0</t>
  </si>
  <si>
    <t>69138163.0</t>
  </si>
  <si>
    <t>28393955.0</t>
  </si>
  <si>
    <t>26242136.0</t>
  </si>
  <si>
    <t>14501796.0</t>
  </si>
  <si>
    <t>107568.0</t>
  </si>
  <si>
    <t>93531.0</t>
  </si>
  <si>
    <t>153.51</t>
  </si>
  <si>
    <t>69239576.0</t>
  </si>
  <si>
    <t>28400963.0</t>
  </si>
  <si>
    <t>26270913.0</t>
  </si>
  <si>
    <t>14567424.0</t>
  </si>
  <si>
    <t>108194.0</t>
  </si>
  <si>
    <t>92741.0</t>
  </si>
  <si>
    <t>69342183.0</t>
  </si>
  <si>
    <t>28407685.0</t>
  </si>
  <si>
    <t>26301784.0</t>
  </si>
  <si>
    <t>14632438.0</t>
  </si>
  <si>
    <t>109388.0</t>
  </si>
  <si>
    <t>69459311.0</t>
  </si>
  <si>
    <t>28415122.0</t>
  </si>
  <si>
    <t>26338619.0</t>
  </si>
  <si>
    <t>14705294.0</t>
  </si>
  <si>
    <t>123909.0</t>
  </si>
  <si>
    <t>93810.0</t>
  </si>
  <si>
    <t>154.22</t>
  </si>
  <si>
    <t>69541427.0</t>
  </si>
  <si>
    <t>28420437.0</t>
  </si>
  <si>
    <t>26374394.0</t>
  </si>
  <si>
    <t>14746320.0</t>
  </si>
  <si>
    <t>88897.0</t>
  </si>
  <si>
    <t>95721.0</t>
  </si>
  <si>
    <t>69580193.0</t>
  </si>
  <si>
    <t>28423181.0</t>
  </si>
  <si>
    <t>26393026.0</t>
  </si>
  <si>
    <t>14764804.0</t>
  </si>
  <si>
    <t>69683116.0</t>
  </si>
  <si>
    <t>28441694.0</t>
  </si>
  <si>
    <t>26431946.0</t>
  </si>
  <si>
    <t>14810294.0</t>
  </si>
  <si>
    <t>90953.0</t>
  </si>
  <si>
    <t>96350.0</t>
  </si>
  <si>
    <t>69789851.0</t>
  </si>
  <si>
    <t>28448029.0</t>
  </si>
  <si>
    <t>26473568.0</t>
  </si>
  <si>
    <t>14869072.0</t>
  </si>
  <si>
    <t>112266.0</t>
  </si>
  <si>
    <t>69893922.0</t>
  </si>
  <si>
    <t>28454453.0</t>
  </si>
  <si>
    <t>26515043.0</t>
  </si>
  <si>
    <t>14925244.0</t>
  </si>
  <si>
    <t>109602.0</t>
  </si>
  <si>
    <t>97222.0</t>
  </si>
  <si>
    <t>69996007.0</t>
  </si>
  <si>
    <t>28460922.0</t>
  </si>
  <si>
    <t>26555197.0</t>
  </si>
  <si>
    <t>14980706.0</t>
  </si>
  <si>
    <t>107616.0</t>
  </si>
  <si>
    <t>70107597.0</t>
  </si>
  <si>
    <t>28467349.0</t>
  </si>
  <si>
    <t>26601481.0</t>
  </si>
  <si>
    <t>15039585.0</t>
  </si>
  <si>
    <t>96001.0</t>
  </si>
  <si>
    <t>70192001.0</t>
  </si>
  <si>
    <t>28471896.0</t>
  </si>
  <si>
    <t>26647580.0</t>
  </si>
  <si>
    <t>15073343.0</t>
  </si>
  <si>
    <t>96149.0</t>
  </si>
  <si>
    <t>70234158.0</t>
  </si>
  <si>
    <t>28474189.0</t>
  </si>
  <si>
    <t>26672481.0</t>
  </si>
  <si>
    <t>15088306.0</t>
  </si>
  <si>
    <t>96455.0</t>
  </si>
  <si>
    <t>70395709.0</t>
  </si>
  <si>
    <t>28523056.0</t>
  </si>
  <si>
    <t>26735458.0</t>
  </si>
  <si>
    <t>15138013.0</t>
  </si>
  <si>
    <t>97786.0</t>
  </si>
  <si>
    <t>70487192.0</t>
  </si>
  <si>
    <t>28528402.0</t>
  </si>
  <si>
    <t>26771762.0</t>
  </si>
  <si>
    <t>15187846.0</t>
  </si>
  <si>
    <t>98211.0</t>
  </si>
  <si>
    <t>95778.0</t>
  </si>
  <si>
    <t>70567198.0</t>
  </si>
  <si>
    <t>28533160.0</t>
  </si>
  <si>
    <t>26800020.0</t>
  </si>
  <si>
    <t>15234836.0</t>
  </si>
  <si>
    <t>86734.0</t>
  </si>
  <si>
    <t>70653474.0</t>
  </si>
  <si>
    <t>28538359.0</t>
  </si>
  <si>
    <t>26832978.0</t>
  </si>
  <si>
    <t>15282955.0</t>
  </si>
  <si>
    <t>90425.0</t>
  </si>
  <si>
    <t>156.87</t>
  </si>
  <si>
    <t>70747597.0</t>
  </si>
  <si>
    <t>28543552.0</t>
  </si>
  <si>
    <t>26871010.0</t>
  </si>
  <si>
    <t>15333853.0</t>
  </si>
  <si>
    <t>70818321.0</t>
  </si>
  <si>
    <t>28547361.0</t>
  </si>
  <si>
    <t>26910232.0</t>
  </si>
  <si>
    <t>15361546.0</t>
  </si>
  <si>
    <t>77452.0</t>
  </si>
  <si>
    <t>70852601.0</t>
  </si>
  <si>
    <t>28549478.0</t>
  </si>
  <si>
    <t>26929686.0</t>
  </si>
  <si>
    <t>15374255.0</t>
  </si>
  <si>
    <t>70960329.0</t>
  </si>
  <si>
    <t>28570102.0</t>
  </si>
  <si>
    <t>26973517.0</t>
  </si>
  <si>
    <t>15417395.0</t>
  </si>
  <si>
    <t>83772.0</t>
  </si>
  <si>
    <t>83004.0</t>
  </si>
  <si>
    <t>71029605.0</t>
  </si>
  <si>
    <t>28574583.0</t>
  </si>
  <si>
    <t>26997650.0</t>
  </si>
  <si>
    <t>15458057.0</t>
  </si>
  <si>
    <t>117232.0</t>
  </si>
  <si>
    <t>71094970.0</t>
  </si>
  <si>
    <t>28578879.0</t>
  </si>
  <si>
    <t>27019626.0</t>
  </si>
  <si>
    <t>15497150.0</t>
  </si>
  <si>
    <t>113321.0</t>
  </si>
  <si>
    <t>71159880.0</t>
  </si>
  <si>
    <t>28583055.0</t>
  </si>
  <si>
    <t>27043164.0</t>
  </si>
  <si>
    <t>15534346.0</t>
  </si>
  <si>
    <t>112866.0</t>
  </si>
  <si>
    <t>71224512.0</t>
  </si>
  <si>
    <t>28587385.0</t>
  </si>
  <si>
    <t>27066209.0</t>
  </si>
  <si>
    <t>15571603.0</t>
  </si>
  <si>
    <t>112588.0</t>
  </si>
  <si>
    <t>71270689.0</t>
  </si>
  <si>
    <t>28590444.0</t>
  </si>
  <si>
    <t>27090246.0</t>
  </si>
  <si>
    <t>15590684.0</t>
  </si>
  <si>
    <t>94133.0</t>
  </si>
  <si>
    <t>96416.0</t>
  </si>
  <si>
    <t>71292956.0</t>
  </si>
  <si>
    <t>28591656.0</t>
  </si>
  <si>
    <t>27102373.0</t>
  </si>
  <si>
    <t>15599612.0</t>
  </si>
  <si>
    <t>70223.0</t>
  </si>
  <si>
    <t>100590.0</t>
  </si>
  <si>
    <t>71715383.0</t>
  </si>
  <si>
    <t>28609195.0</t>
  </si>
  <si>
    <t>27122689.0</t>
  </si>
  <si>
    <t>15984184.0</t>
  </si>
  <si>
    <t>71766032.0</t>
  </si>
  <si>
    <t>28612755.0</t>
  </si>
  <si>
    <t>27138743.0</t>
  </si>
  <si>
    <t>16015219.0</t>
  </si>
  <si>
    <t>96701.0</t>
  </si>
  <si>
    <t>71814404.0</t>
  </si>
  <si>
    <t>28616161.0</t>
  </si>
  <si>
    <t>27153619.0</t>
  </si>
  <si>
    <t>16045309.0</t>
  </si>
  <si>
    <t>69757.0</t>
  </si>
  <si>
    <t>90475.0</t>
  </si>
  <si>
    <t>159.45</t>
  </si>
  <si>
    <t>71862306.0</t>
  </si>
  <si>
    <t>28619410.0</t>
  </si>
  <si>
    <t>27168082.0</t>
  </si>
  <si>
    <t>16075499.0</t>
  </si>
  <si>
    <t>71913318.0</t>
  </si>
  <si>
    <t>28619571.0</t>
  </si>
  <si>
    <t>27184765.0</t>
  </si>
  <si>
    <t>16106251.0</t>
  </si>
  <si>
    <t>71941421.0</t>
  </si>
  <si>
    <t>28619807.0</t>
  </si>
  <si>
    <t>27196720.0</t>
  </si>
  <si>
    <t>16120432.0</t>
  </si>
  <si>
    <t>72107384.0</t>
  </si>
  <si>
    <t>28619869.0</t>
  </si>
  <si>
    <t>27202966.0</t>
  </si>
  <si>
    <t>16279108.0</t>
  </si>
  <si>
    <t>187348.0</t>
  </si>
  <si>
    <t>88862.0</t>
  </si>
  <si>
    <t>72307240.0</t>
  </si>
  <si>
    <t>28654718.0</t>
  </si>
  <si>
    <t>27276188.0</t>
  </si>
  <si>
    <t>16366675.0</t>
  </si>
  <si>
    <t>72353311.0</t>
  </si>
  <si>
    <t>28654846.0</t>
  </si>
  <si>
    <t>27290475.0</t>
  </si>
  <si>
    <t>16394803.0</t>
  </si>
  <si>
    <t>82549.0</t>
  </si>
  <si>
    <t>160.65</t>
  </si>
  <si>
    <t>72394833.0</t>
  </si>
  <si>
    <t>28654952.0</t>
  </si>
  <si>
    <t>27303666.0</t>
  </si>
  <si>
    <t>16419744.0</t>
  </si>
  <si>
    <t>79356.0</t>
  </si>
  <si>
    <t>160.74</t>
  </si>
  <si>
    <t>72438245.0</t>
  </si>
  <si>
    <t>28655121.0</t>
  </si>
  <si>
    <t>27317019.0</t>
  </si>
  <si>
    <t>16446345.0</t>
  </si>
  <si>
    <t>160.83</t>
  </si>
  <si>
    <t>72442092.0</t>
  </si>
  <si>
    <t>28655133.0</t>
  </si>
  <si>
    <t>27318361.0</t>
  </si>
  <si>
    <t>16448501.0</t>
  </si>
  <si>
    <t>67553.0</t>
  </si>
  <si>
    <t>72452983.0</t>
  </si>
  <si>
    <t>28655204.0</t>
  </si>
  <si>
    <t>27322403.0</t>
  </si>
  <si>
    <t>16454506.0</t>
  </si>
  <si>
    <t>72517939.0</t>
  </si>
  <si>
    <t>28655222.0</t>
  </si>
  <si>
    <t>27323176.0</t>
  </si>
  <si>
    <t>16518408.0</t>
  </si>
  <si>
    <t>70851.0</t>
  </si>
  <si>
    <t>72551133.0</t>
  </si>
  <si>
    <t>28666482.0</t>
  </si>
  <si>
    <t>27338152.0</t>
  </si>
  <si>
    <t>16524992.0</t>
  </si>
  <si>
    <t>36984.0</t>
  </si>
  <si>
    <t>72590100.0</t>
  </si>
  <si>
    <t>28666617.0</t>
  </si>
  <si>
    <t>27350329.0</t>
  </si>
  <si>
    <t>16548103.0</t>
  </si>
  <si>
    <t>46940.0</t>
  </si>
  <si>
    <t>72626609.0</t>
  </si>
  <si>
    <t>28666764.0</t>
  </si>
  <si>
    <t>27361482.0</t>
  </si>
  <si>
    <t>16570340.0</t>
  </si>
  <si>
    <t>35849.0</t>
  </si>
  <si>
    <t>72662473.0</t>
  </si>
  <si>
    <t>28666887.0</t>
  </si>
  <si>
    <t>27372125.0</t>
  </si>
  <si>
    <t>16592443.0</t>
  </si>
  <si>
    <t>43837.0</t>
  </si>
  <si>
    <t>35066.0</t>
  </si>
  <si>
    <t>72699444.0</t>
  </si>
  <si>
    <t>28667017.0</t>
  </si>
  <si>
    <t>27384044.0</t>
  </si>
  <si>
    <t>16614430.0</t>
  </si>
  <si>
    <t>44944.0</t>
  </si>
  <si>
    <t>72720672.0</t>
  </si>
  <si>
    <t>28667128.0</t>
  </si>
  <si>
    <t>27392904.0</t>
  </si>
  <si>
    <t>16625232.0</t>
  </si>
  <si>
    <t>72861509.0</t>
  </si>
  <si>
    <t>28667183.0</t>
  </si>
  <si>
    <t>27396620.0</t>
  </si>
  <si>
    <t>16761363.0</t>
  </si>
  <si>
    <t>148810.0</t>
  </si>
  <si>
    <t>53006.0</t>
  </si>
  <si>
    <t>72922126.0</t>
  </si>
  <si>
    <t>28701080.0</t>
  </si>
  <si>
    <t>27409141.0</t>
  </si>
  <si>
    <t>16775262.0</t>
  </si>
  <si>
    <t>52799.0</t>
  </si>
  <si>
    <t>72953172.0</t>
  </si>
  <si>
    <t>28701261.0</t>
  </si>
  <si>
    <t>27418187.0</t>
  </si>
  <si>
    <t>16794580.0</t>
  </si>
  <si>
    <t>51430.0</t>
  </si>
  <si>
    <t>72980445.0</t>
  </si>
  <si>
    <t>28701408.0</t>
  </si>
  <si>
    <t>27425780.0</t>
  </si>
  <si>
    <t>16812110.0</t>
  </si>
  <si>
    <t>73007264.0</t>
  </si>
  <si>
    <t>28701586.0</t>
  </si>
  <si>
    <t>27432956.0</t>
  </si>
  <si>
    <t>16829566.0</t>
  </si>
  <si>
    <t>33121.0</t>
  </si>
  <si>
    <t>73035515.0</t>
  </si>
  <si>
    <t>28701756.0</t>
  </si>
  <si>
    <t>27441070.0</t>
  </si>
  <si>
    <t>16847385.0</t>
  </si>
  <si>
    <t>162.16</t>
  </si>
  <si>
    <t>73052716.0</t>
  </si>
  <si>
    <t>28701890.0</t>
  </si>
  <si>
    <t>27447949.0</t>
  </si>
  <si>
    <t>16856380.0</t>
  </si>
  <si>
    <t>73213908.0</t>
  </si>
  <si>
    <t>28701941.0</t>
  </si>
  <si>
    <t>27450003.0</t>
  </si>
  <si>
    <t>17014966.0</t>
  </si>
  <si>
    <t>73291129.0</t>
  </si>
  <si>
    <t>28714970.0</t>
  </si>
  <si>
    <t>27482646.0</t>
  </si>
  <si>
    <t>17045017.0</t>
  </si>
  <si>
    <t>50742.0</t>
  </si>
  <si>
    <t>73312265.0</t>
  </si>
  <si>
    <t>28715059.0</t>
  </si>
  <si>
    <t>27487232.0</t>
  </si>
  <si>
    <t>17059716.0</t>
  </si>
  <si>
    <t>23872.0</t>
  </si>
  <si>
    <t>73332717.0</t>
  </si>
  <si>
    <t>28715136.0</t>
  </si>
  <si>
    <t>27491695.0</t>
  </si>
  <si>
    <t>17073884.0</t>
  </si>
  <si>
    <t>47332.0</t>
  </si>
  <si>
    <t>73353904.0</t>
  </si>
  <si>
    <t>28715197.0</t>
  </si>
  <si>
    <t>27496170.0</t>
  </si>
  <si>
    <t>17088701.0</t>
  </si>
  <si>
    <t>73375150.0</t>
  </si>
  <si>
    <t>28715285.0</t>
  </si>
  <si>
    <t>27501267.0</t>
  </si>
  <si>
    <t>17103032.0</t>
  </si>
  <si>
    <t>44506.0</t>
  </si>
  <si>
    <t>73387052.0</t>
  </si>
  <si>
    <t>28715419.0</t>
  </si>
  <si>
    <t>27505244.0</t>
  </si>
  <si>
    <t>17109904.0</t>
  </si>
  <si>
    <t>73597002.0</t>
  </si>
  <si>
    <t>28715440.0</t>
  </si>
  <si>
    <t>27506267.0</t>
  </si>
  <si>
    <t>17318382.0</t>
  </si>
  <si>
    <t>73616143.0</t>
  </si>
  <si>
    <t>28715678.0</t>
  </si>
  <si>
    <t>27509898.0</t>
  </si>
  <si>
    <t>17331958.0</t>
  </si>
  <si>
    <t>73634552.0</t>
  </si>
  <si>
    <t>28715731.0</t>
  </si>
  <si>
    <t>27513396.0</t>
  </si>
  <si>
    <t>17345330.0</t>
  </si>
  <si>
    <t>73652861.0</t>
  </si>
  <si>
    <t>28715814.0</t>
  </si>
  <si>
    <t>27516997.0</t>
  </si>
  <si>
    <t>17358438.0</t>
  </si>
  <si>
    <t>73671426.0</t>
  </si>
  <si>
    <t>28715881.0</t>
  </si>
  <si>
    <t>27520615.0</t>
  </si>
  <si>
    <t>17371681.0</t>
  </si>
  <si>
    <t>21322.0</t>
  </si>
  <si>
    <t>73690537.0</t>
  </si>
  <si>
    <t>28715948.0</t>
  </si>
  <si>
    <t>27524665.0</t>
  </si>
  <si>
    <t>17384880.0</t>
  </si>
  <si>
    <t>73697609.0</t>
  </si>
  <si>
    <t>28716078.0</t>
  </si>
  <si>
    <t>27525263.0</t>
  </si>
  <si>
    <t>17391224.0</t>
  </si>
  <si>
    <t>73958003.0</t>
  </si>
  <si>
    <t>28716113.0</t>
  </si>
  <si>
    <t>27529128.0</t>
  </si>
  <si>
    <t>17646340.0</t>
  </si>
  <si>
    <t>263151.0</t>
  </si>
  <si>
    <t>54245.0</t>
  </si>
  <si>
    <t>73976168.0</t>
  </si>
  <si>
    <t>28716655.0</t>
  </si>
  <si>
    <t>27532288.0</t>
  </si>
  <si>
    <t>17658971.0</t>
  </si>
  <si>
    <t>164.25</t>
  </si>
  <si>
    <t>73992628.0</t>
  </si>
  <si>
    <t>28716741.0</t>
  </si>
  <si>
    <t>27535278.0</t>
  </si>
  <si>
    <t>17670848.0</t>
  </si>
  <si>
    <t>164.29</t>
  </si>
  <si>
    <t>74009718.0</t>
  </si>
  <si>
    <t>28716804.0</t>
  </si>
  <si>
    <t>27538446.0</t>
  </si>
  <si>
    <t>17683170.0</t>
  </si>
  <si>
    <t>19937.0</t>
  </si>
  <si>
    <t>74027079.0</t>
  </si>
  <si>
    <t>28716892.0</t>
  </si>
  <si>
    <t>27541817.0</t>
  </si>
  <si>
    <t>17695364.0</t>
  </si>
  <si>
    <t>53502.0</t>
  </si>
  <si>
    <t>74044397.0</t>
  </si>
  <si>
    <t>28716960.0</t>
  </si>
  <si>
    <t>27545424.0</t>
  </si>
  <si>
    <t>17707327.0</t>
  </si>
  <si>
    <t>74053803.0</t>
  </si>
  <si>
    <t>28717060.0</t>
  </si>
  <si>
    <t>27548114.0</t>
  </si>
  <si>
    <t>17713049.0</t>
  </si>
  <si>
    <t>74323204.0</t>
  </si>
  <si>
    <t>28717093.0</t>
  </si>
  <si>
    <t>27549291.0</t>
  </si>
  <si>
    <t>17980813.0</t>
  </si>
  <si>
    <t>272248.0</t>
  </si>
  <si>
    <t>74436564.0</t>
  </si>
  <si>
    <t>28741592.0</t>
  </si>
  <si>
    <t>27578598.0</t>
  </si>
  <si>
    <t>18038924.0</t>
  </si>
  <si>
    <t>74499939.0</t>
  </si>
  <si>
    <t>28741706.0</t>
  </si>
  <si>
    <t>27581350.0</t>
  </si>
  <si>
    <t>18097967.0</t>
  </si>
  <si>
    <t>165.41</t>
  </si>
  <si>
    <t>74563104.0</t>
  </si>
  <si>
    <t>28741783.0</t>
  </si>
  <si>
    <t>27584030.0</t>
  </si>
  <si>
    <t>18156916.0</t>
  </si>
  <si>
    <t>73579.0</t>
  </si>
  <si>
    <t>165.55</t>
  </si>
  <si>
    <t>74627773.0</t>
  </si>
  <si>
    <t>28741935.0</t>
  </si>
  <si>
    <t>27586827.0</t>
  </si>
  <si>
    <t>18217169.0</t>
  </si>
  <si>
    <t>80251.0</t>
  </si>
  <si>
    <t>74689251.0</t>
  </si>
  <si>
    <t>28742026.0</t>
  </si>
  <si>
    <t>27590163.0</t>
  </si>
  <si>
    <t>18273577.0</t>
  </si>
  <si>
    <t>86472.0</t>
  </si>
  <si>
    <t>74704685.0</t>
  </si>
  <si>
    <t>28742212.0</t>
  </si>
  <si>
    <t>27590857.0</t>
  </si>
  <si>
    <t>18288131.0</t>
  </si>
  <si>
    <t>87246.0</t>
  </si>
  <si>
    <t>74721974.0</t>
  </si>
  <si>
    <t>28742237.0</t>
  </si>
  <si>
    <t>27594359.0</t>
  </si>
  <si>
    <t>18300537.0</t>
  </si>
  <si>
    <t>165.91</t>
  </si>
  <si>
    <t>74778538.0</t>
  </si>
  <si>
    <t>28742535.0</t>
  </si>
  <si>
    <t>27597386.0</t>
  </si>
  <si>
    <t>18352316.0</t>
  </si>
  <si>
    <t>50785.0</t>
  </si>
  <si>
    <t>74838843.0</t>
  </si>
  <si>
    <t>28742620.0</t>
  </si>
  <si>
    <t>27599900.0</t>
  </si>
  <si>
    <t>18408490.0</t>
  </si>
  <si>
    <t>50417.0</t>
  </si>
  <si>
    <t>74899655.0</t>
  </si>
  <si>
    <t>28742716.0</t>
  </si>
  <si>
    <t>27602450.0</t>
  </si>
  <si>
    <t>18465306.0</t>
  </si>
  <si>
    <t>74960429.0</t>
  </si>
  <si>
    <t>28742806.0</t>
  </si>
  <si>
    <t>27605049.0</t>
  </si>
  <si>
    <t>18522010.0</t>
  </si>
  <si>
    <t>75016597.0</t>
  </si>
  <si>
    <t>28742916.0</t>
  </si>
  <si>
    <t>27608346.0</t>
  </si>
  <si>
    <t>18573306.0</t>
  </si>
  <si>
    <t>48975.0</t>
  </si>
  <si>
    <t>75029068.0</t>
  </si>
  <si>
    <t>28742993.0</t>
  </si>
  <si>
    <t>27608807.0</t>
  </si>
  <si>
    <t>18585239.0</t>
  </si>
  <si>
    <t>48620.0</t>
  </si>
  <si>
    <t>75042733.0</t>
  </si>
  <si>
    <t>28743007.0</t>
  </si>
  <si>
    <t>27611520.0</t>
  </si>
  <si>
    <t>18595058.0</t>
  </si>
  <si>
    <t>75107726.0</t>
  </si>
  <si>
    <t>28750676.0</t>
  </si>
  <si>
    <t>27621233.0</t>
  </si>
  <si>
    <t>18641343.0</t>
  </si>
  <si>
    <t>46814.0</t>
  </si>
  <si>
    <t>75164916.0</t>
  </si>
  <si>
    <t>28750764.0</t>
  </si>
  <si>
    <t>27623727.0</t>
  </si>
  <si>
    <t>18694737.0</t>
  </si>
  <si>
    <t>58761.0</t>
  </si>
  <si>
    <t>46204.0</t>
  </si>
  <si>
    <t>75218782.0</t>
  </si>
  <si>
    <t>28750845.0</t>
  </si>
  <si>
    <t>27626123.0</t>
  </si>
  <si>
    <t>18744838.0</t>
  </si>
  <si>
    <t>75274726.0</t>
  </si>
  <si>
    <t>28750918.0</t>
  </si>
  <si>
    <t>27628754.0</t>
  </si>
  <si>
    <t>18796756.0</t>
  </si>
  <si>
    <t>44191.0</t>
  </si>
  <si>
    <t>167.13</t>
  </si>
  <si>
    <t>75322137.0</t>
  </si>
  <si>
    <t>28750997.0</t>
  </si>
  <si>
    <t>27631552.0</t>
  </si>
  <si>
    <t>18839867.0</t>
  </si>
  <si>
    <t>48982.0</t>
  </si>
  <si>
    <t>42776.0</t>
  </si>
  <si>
    <t>75323964.0</t>
  </si>
  <si>
    <t>28751140.0</t>
  </si>
  <si>
    <t>27632210.0</t>
  </si>
  <si>
    <t>18840893.0</t>
  </si>
  <si>
    <t>41822.0</t>
  </si>
  <si>
    <t>75334858.0</t>
  </si>
  <si>
    <t>28751182.0</t>
  </si>
  <si>
    <t>27632447.0</t>
  </si>
  <si>
    <t>18849168.0</t>
  </si>
  <si>
    <t>167.27</t>
  </si>
  <si>
    <t>75364218.0</t>
  </si>
  <si>
    <t>28751415.0</t>
  </si>
  <si>
    <t>27640725.0</t>
  </si>
  <si>
    <t>18872921.0</t>
  </si>
  <si>
    <t>75420852.0</t>
  </si>
  <si>
    <t>28751525.0</t>
  </si>
  <si>
    <t>27645303.0</t>
  </si>
  <si>
    <t>18921259.0</t>
  </si>
  <si>
    <t>75471420.0</t>
  </si>
  <si>
    <t>28751601.0</t>
  </si>
  <si>
    <t>27647654.0</t>
  </si>
  <si>
    <t>18968217.0</t>
  </si>
  <si>
    <t>75519659.0</t>
  </si>
  <si>
    <t>28751664.0</t>
  </si>
  <si>
    <t>27648596.0</t>
  </si>
  <si>
    <t>19015624.0</t>
  </si>
  <si>
    <t>75571717.0</t>
  </si>
  <si>
    <t>28754653.0</t>
  </si>
  <si>
    <t>27653648.0</t>
  </si>
  <si>
    <t>19056781.0</t>
  </si>
  <si>
    <t>75588306.0</t>
  </si>
  <si>
    <t>28754800.0</t>
  </si>
  <si>
    <t>27654382.0</t>
  </si>
  <si>
    <t>19070162.0</t>
  </si>
  <si>
    <t>18765.0</t>
  </si>
  <si>
    <t>37394.0</t>
  </si>
  <si>
    <t>167.83</t>
  </si>
  <si>
    <t>75591783.0</t>
  </si>
  <si>
    <t>28754825.0</t>
  </si>
  <si>
    <t>27654664.0</t>
  </si>
  <si>
    <t>19073332.0</t>
  </si>
  <si>
    <t>37152.0</t>
  </si>
  <si>
    <t>75642250.0</t>
  </si>
  <si>
    <t>28755104.0</t>
  </si>
  <si>
    <t>27660380.0</t>
  </si>
  <si>
    <t>19113633.0</t>
  </si>
  <si>
    <t>167.95</t>
  </si>
  <si>
    <t>75688988.0</t>
  </si>
  <si>
    <t>28755175.0</t>
  </si>
  <si>
    <t>27660709.0</t>
  </si>
  <si>
    <t>19156932.0</t>
  </si>
  <si>
    <t>75733083.0</t>
  </si>
  <si>
    <t>28755250.0</t>
  </si>
  <si>
    <t>27661022.0</t>
  </si>
  <si>
    <t>19197545.0</t>
  </si>
  <si>
    <t>38182.0</t>
  </si>
  <si>
    <t>75779709.0</t>
  </si>
  <si>
    <t>28755341.0</t>
  </si>
  <si>
    <t>27661490.0</t>
  </si>
  <si>
    <t>19240138.0</t>
  </si>
  <si>
    <t>49457.0</t>
  </si>
  <si>
    <t>75818860.0</t>
  </si>
  <si>
    <t>28755368.0</t>
  </si>
  <si>
    <t>27661647.0</t>
  </si>
  <si>
    <t>19275524.0</t>
  </si>
  <si>
    <t>75832613.0</t>
  </si>
  <si>
    <t>28755488.0</t>
  </si>
  <si>
    <t>27662299.0</t>
  </si>
  <si>
    <t>19286206.0</t>
  </si>
  <si>
    <t>75838436.0</t>
  </si>
  <si>
    <t>28755522.0</t>
  </si>
  <si>
    <t>27662492.0</t>
  </si>
  <si>
    <t>19290658.0</t>
  </si>
  <si>
    <t>36996.0</t>
  </si>
  <si>
    <t>75893981.0</t>
  </si>
  <si>
    <t>28762224.0</t>
  </si>
  <si>
    <t>27669736.0</t>
  </si>
  <si>
    <t>19328691.0</t>
  </si>
  <si>
    <t>75940101.0</t>
  </si>
  <si>
    <t>28762294.0</t>
  </si>
  <si>
    <t>27670055.0</t>
  </si>
  <si>
    <t>19370928.0</t>
  </si>
  <si>
    <t>75984418.0</t>
  </si>
  <si>
    <t>28762362.0</t>
  </si>
  <si>
    <t>27670416.0</t>
  </si>
  <si>
    <t>19411186.0</t>
  </si>
  <si>
    <t>46242.0</t>
  </si>
  <si>
    <t>35660.0</t>
  </si>
  <si>
    <t>76028408.0</t>
  </si>
  <si>
    <t>28762443.0</t>
  </si>
  <si>
    <t>27670810.0</t>
  </si>
  <si>
    <t>19451123.0</t>
  </si>
  <si>
    <t>76067655.0</t>
  </si>
  <si>
    <t>28762529.0</t>
  </si>
  <si>
    <t>27671214.0</t>
  </si>
  <si>
    <t>19486348.0</t>
  </si>
  <si>
    <t>35038.0</t>
  </si>
  <si>
    <t>168.89</t>
  </si>
  <si>
    <t>76081207.0</t>
  </si>
  <si>
    <t>28762656.0</t>
  </si>
  <si>
    <t>27671828.0</t>
  </si>
  <si>
    <t>19497411.0</t>
  </si>
  <si>
    <t>76084588.0</t>
  </si>
  <si>
    <t>28762706.0</t>
  </si>
  <si>
    <t>27672096.0</t>
  </si>
  <si>
    <t>19500474.0</t>
  </si>
  <si>
    <t>76130365.0</t>
  </si>
  <si>
    <t>28763730.0</t>
  </si>
  <si>
    <t>27672634.0</t>
  </si>
  <si>
    <t>19540005.0</t>
  </si>
  <si>
    <t>76178370.0</t>
  </si>
  <si>
    <t>28763785.0</t>
  </si>
  <si>
    <t>27672970.0</t>
  </si>
  <si>
    <t>19583484.0</t>
  </si>
  <si>
    <t>76231667.0</t>
  </si>
  <si>
    <t>28763860.0</t>
  </si>
  <si>
    <t>27673307.0</t>
  </si>
  <si>
    <t>19632263.0</t>
  </si>
  <si>
    <t>55349.0</t>
  </si>
  <si>
    <t>76292562.0</t>
  </si>
  <si>
    <t>28763930.0</t>
  </si>
  <si>
    <t>27673616.0</t>
  </si>
  <si>
    <t>19688535.0</t>
  </si>
  <si>
    <t>62947.0</t>
  </si>
  <si>
    <t>39200.0</t>
  </si>
  <si>
    <t>76365227.0</t>
  </si>
  <si>
    <t>28764008.0</t>
  </si>
  <si>
    <t>27673959.0</t>
  </si>
  <si>
    <t>19755987.0</t>
  </si>
  <si>
    <t>76393287.0</t>
  </si>
  <si>
    <t>28764089.0</t>
  </si>
  <si>
    <t>27674568.0</t>
  </si>
  <si>
    <t>19781264.0</t>
  </si>
  <si>
    <t>30112.0</t>
  </si>
  <si>
    <t>76404397.0</t>
  </si>
  <si>
    <t>28764134.0</t>
  </si>
  <si>
    <t>27674843.0</t>
  </si>
  <si>
    <t>19791368.0</t>
  </si>
  <si>
    <t>47206.0</t>
  </si>
  <si>
    <t>76536282.0</t>
  </si>
  <si>
    <t>28768328.0</t>
  </si>
  <si>
    <t>27681953.0</t>
  </si>
  <si>
    <t>19907710.0</t>
  </si>
  <si>
    <t>120593.0</t>
  </si>
  <si>
    <t>76669864.0</t>
  </si>
  <si>
    <t>28768441.0</t>
  </si>
  <si>
    <t>27682446.0</t>
  </si>
  <si>
    <t>20036233.0</t>
  </si>
  <si>
    <t>70504.0</t>
  </si>
  <si>
    <t>76803352.0</t>
  </si>
  <si>
    <t>28768554.0</t>
  </si>
  <si>
    <t>27682973.0</t>
  </si>
  <si>
    <t>20164738.0</t>
  </si>
  <si>
    <t>136561.0</t>
  </si>
  <si>
    <t>82106.0</t>
  </si>
  <si>
    <t>76938311.0</t>
  </si>
  <si>
    <t>28768675.0</t>
  </si>
  <si>
    <t>27683524.0</t>
  </si>
  <si>
    <t>20294357.0</t>
  </si>
  <si>
    <t>138032.0</t>
  </si>
  <si>
    <t>77074270.0</t>
  </si>
  <si>
    <t>28768780.0</t>
  </si>
  <si>
    <t>27684140.0</t>
  </si>
  <si>
    <t>20424621.0</t>
  </si>
  <si>
    <t>139032.0</t>
  </si>
  <si>
    <t>77131334.0</t>
  </si>
  <si>
    <t>28768897.0</t>
  </si>
  <si>
    <t>27684668.0</t>
  </si>
  <si>
    <t>20478225.0</t>
  </si>
  <si>
    <t>60137.0</t>
  </si>
  <si>
    <t>106311.0</t>
  </si>
  <si>
    <t>77154768.0</t>
  </si>
  <si>
    <t>28768942.0</t>
  </si>
  <si>
    <t>27684841.0</t>
  </si>
  <si>
    <t>20500292.0</t>
  </si>
  <si>
    <t>26507.0</t>
  </si>
  <si>
    <t>77287322.0</t>
  </si>
  <si>
    <t>28775518.0</t>
  </si>
  <si>
    <t>27692252.0</t>
  </si>
  <si>
    <t>20614459.0</t>
  </si>
  <si>
    <t>120681.0</t>
  </si>
  <si>
    <t>77412739.0</t>
  </si>
  <si>
    <t>28775624.0</t>
  </si>
  <si>
    <t>27692795.0</t>
  </si>
  <si>
    <t>20735305.0</t>
  </si>
  <si>
    <t>128797.0</t>
  </si>
  <si>
    <t>77534256.0</t>
  </si>
  <si>
    <t>28775736.0</t>
  </si>
  <si>
    <t>27693330.0</t>
  </si>
  <si>
    <t>20852302.0</t>
  </si>
  <si>
    <t>124897.0</t>
  </si>
  <si>
    <t>105440.0</t>
  </si>
  <si>
    <t>77662975.0</t>
  </si>
  <si>
    <t>28776030.0</t>
  </si>
  <si>
    <t>27695885.0</t>
  </si>
  <si>
    <t>20973706.0</t>
  </si>
  <si>
    <t>124629.0</t>
  </si>
  <si>
    <t>103526.0</t>
  </si>
  <si>
    <t>172.44</t>
  </si>
  <si>
    <t>77783791.0</t>
  </si>
  <si>
    <t>28776168.0</t>
  </si>
  <si>
    <t>27696608.0</t>
  </si>
  <si>
    <t>21089246.0</t>
  </si>
  <si>
    <t>124021.0</t>
  </si>
  <si>
    <t>101381.0</t>
  </si>
  <si>
    <t>77834211.0</t>
  </si>
  <si>
    <t>28776267.0</t>
  </si>
  <si>
    <t>27697143.0</t>
  </si>
  <si>
    <t>21136116.0</t>
  </si>
  <si>
    <t>53625.0</t>
  </si>
  <si>
    <t>100451.0</t>
  </si>
  <si>
    <t>77852000.0</t>
  </si>
  <si>
    <t>28776353.0</t>
  </si>
  <si>
    <t>27697351.0</t>
  </si>
  <si>
    <t>21152698.0</t>
  </si>
  <si>
    <t>99665.0</t>
  </si>
  <si>
    <t>77964247.0</t>
  </si>
  <si>
    <t>28782460.0</t>
  </si>
  <si>
    <t>27703994.0</t>
  </si>
  <si>
    <t>21252195.0</t>
  </si>
  <si>
    <t>97258.0</t>
  </si>
  <si>
    <t>96317.0</t>
  </si>
  <si>
    <t>78071219.0</t>
  </si>
  <si>
    <t>28782503.0</t>
  </si>
  <si>
    <t>27704181.0</t>
  </si>
  <si>
    <t>21351712.0</t>
  </si>
  <si>
    <t>114198.0</t>
  </si>
  <si>
    <t>78168400.0</t>
  </si>
  <si>
    <t>28782552.0</t>
  </si>
  <si>
    <t>27704397.0</t>
  </si>
  <si>
    <t>21445170.0</t>
  </si>
  <si>
    <t>91304.0</t>
  </si>
  <si>
    <t>78263574.0</t>
  </si>
  <si>
    <t>28782613.0</t>
  </si>
  <si>
    <t>27704612.0</t>
  </si>
  <si>
    <t>21536421.0</t>
  </si>
  <si>
    <t>88127.0</t>
  </si>
  <si>
    <t>78350397.0</t>
  </si>
  <si>
    <t>28782708.0</t>
  </si>
  <si>
    <t>27704857.0</t>
  </si>
  <si>
    <t>21619208.0</t>
  </si>
  <si>
    <t>78387994.0</t>
  </si>
  <si>
    <t>28782829.0</t>
  </si>
  <si>
    <t>27705252.0</t>
  </si>
  <si>
    <t>21653939.0</t>
  </si>
  <si>
    <t>44823.0</t>
  </si>
  <si>
    <t>82589.0</t>
  </si>
  <si>
    <t>174.05</t>
  </si>
  <si>
    <t>78399784.0</t>
  </si>
  <si>
    <t>28782860.0</t>
  </si>
  <si>
    <t>27705388.0</t>
  </si>
  <si>
    <t>21664875.0</t>
  </si>
  <si>
    <t>78490335.0</t>
  </si>
  <si>
    <t>28783388.0</t>
  </si>
  <si>
    <t>27705537.0</t>
  </si>
  <si>
    <t>21732732.0</t>
  </si>
  <si>
    <t>74469.0</t>
  </si>
  <si>
    <t>79051.0</t>
  </si>
  <si>
    <t>78561384.0</t>
  </si>
  <si>
    <t>28783430.0</t>
  </si>
  <si>
    <t>27705688.0</t>
  </si>
  <si>
    <t>21800628.0</t>
  </si>
  <si>
    <t>73522.0</t>
  </si>
  <si>
    <t>78627519.0</t>
  </si>
  <si>
    <t>28783488.0</t>
  </si>
  <si>
    <t>27705842.0</t>
  </si>
  <si>
    <t>21863885.0</t>
  </si>
  <si>
    <t>174.58</t>
  </si>
  <si>
    <t>78693717.0</t>
  </si>
  <si>
    <t>28783559.0</t>
  </si>
  <si>
    <t>27705996.0</t>
  </si>
  <si>
    <t>21926838.0</t>
  </si>
  <si>
    <t>70640.0</t>
  </si>
  <si>
    <t>64152.0</t>
  </si>
  <si>
    <t>78704504.0</t>
  </si>
  <si>
    <t>28783610.0</t>
  </si>
  <si>
    <t>27706141.0</t>
  </si>
  <si>
    <t>21937429.0</t>
  </si>
  <si>
    <t>78709910.0</t>
  </si>
  <si>
    <t>28783683.0</t>
  </si>
  <si>
    <t>27706450.0</t>
  </si>
  <si>
    <t>21942453.0</t>
  </si>
  <si>
    <t>38595.0</t>
  </si>
  <si>
    <t>78711891.0</t>
  </si>
  <si>
    <t>28783721.0</t>
  </si>
  <si>
    <t>27706563.0</t>
  </si>
  <si>
    <t>21944283.0</t>
  </si>
  <si>
    <t>78933715.0</t>
  </si>
  <si>
    <t>28790619.0</t>
  </si>
  <si>
    <t>27736532.0</t>
  </si>
  <si>
    <t>22119767.0</t>
  </si>
  <si>
    <t>175.26</t>
  </si>
  <si>
    <t>78984381.0</t>
  </si>
  <si>
    <t>28790661.0</t>
  </si>
  <si>
    <t>27736648.0</t>
  </si>
  <si>
    <t>22167781.0</t>
  </si>
  <si>
    <t>54215.0</t>
  </si>
  <si>
    <t>50741.0</t>
  </si>
  <si>
    <t>79031271.0</t>
  </si>
  <si>
    <t>28790720.0</t>
  </si>
  <si>
    <t>27736781.0</t>
  </si>
  <si>
    <t>22212212.0</t>
  </si>
  <si>
    <t>50439.0</t>
  </si>
  <si>
    <t>175.47</t>
  </si>
  <si>
    <t>79077044.0</t>
  </si>
  <si>
    <t>28790774.0</t>
  </si>
  <si>
    <t>27736920.0</t>
  </si>
  <si>
    <t>22255317.0</t>
  </si>
  <si>
    <t>49322.0</t>
  </si>
  <si>
    <t>175.58</t>
  </si>
  <si>
    <t>79086032.0</t>
  </si>
  <si>
    <t>28790823.0</t>
  </si>
  <si>
    <t>27737088.0</t>
  </si>
  <si>
    <t>22264088.0</t>
  </si>
  <si>
    <t>79090603.0</t>
  </si>
  <si>
    <t>28790894.0</t>
  </si>
  <si>
    <t>27737319.0</t>
  </si>
  <si>
    <t>22268357.0</t>
  </si>
  <si>
    <t>79145578.0</t>
  </si>
  <si>
    <t>28790914.0</t>
  </si>
  <si>
    <t>27737394.0</t>
  </si>
  <si>
    <t>22318488.0</t>
  </si>
  <si>
    <t>175.73</t>
  </si>
  <si>
    <t>79198256.0</t>
  </si>
  <si>
    <t>28794581.0</t>
  </si>
  <si>
    <t>27738815.0</t>
  </si>
  <si>
    <t>22362789.0</t>
  </si>
  <si>
    <t>39427.0</t>
  </si>
  <si>
    <t>79237437.0</t>
  </si>
  <si>
    <t>28794619.0</t>
  </si>
  <si>
    <t>27738906.0</t>
  </si>
  <si>
    <t>22399617.0</t>
  </si>
  <si>
    <t>42466.0</t>
  </si>
  <si>
    <t>79278628.0</t>
  </si>
  <si>
    <t>28794666.0</t>
  </si>
  <si>
    <t>27739026.0</t>
  </si>
  <si>
    <t>22438444.0</t>
  </si>
  <si>
    <t>176.02</t>
  </si>
  <si>
    <t>79314448.0</t>
  </si>
  <si>
    <t>28794735.0</t>
  </si>
  <si>
    <t>27739129.0</t>
  </si>
  <si>
    <t>22471933.0</t>
  </si>
  <si>
    <t>79322318.0</t>
  </si>
  <si>
    <t>28794784.0</t>
  </si>
  <si>
    <t>27739272.0</t>
  </si>
  <si>
    <t>22479611.0</t>
  </si>
  <si>
    <t>79326255.0</t>
  </si>
  <si>
    <t>28794845.0</t>
  </si>
  <si>
    <t>27739503.0</t>
  </si>
  <si>
    <t>22483256.0</t>
  </si>
  <si>
    <t>79367943.0</t>
  </si>
  <si>
    <t>28794873.0</t>
  </si>
  <si>
    <t>27739593.0</t>
  </si>
  <si>
    <t>22520600.0</t>
  </si>
  <si>
    <t>79412826.0</t>
  </si>
  <si>
    <t>28803473.0</t>
  </si>
  <si>
    <t>27744056.0</t>
  </si>
  <si>
    <t>22548153.0</t>
  </si>
  <si>
    <t>79442589.0</t>
  </si>
  <si>
    <t>28803522.0</t>
  </si>
  <si>
    <t>27744169.0</t>
  </si>
  <si>
    <t>22575863.0</t>
  </si>
  <si>
    <t>29969.0</t>
  </si>
  <si>
    <t>79470585.0</t>
  </si>
  <si>
    <t>28803573.0</t>
  </si>
  <si>
    <t>27744269.0</t>
  </si>
  <si>
    <t>22601983.0</t>
  </si>
  <si>
    <t>79498171.0</t>
  </si>
  <si>
    <t>28803615.0</t>
  </si>
  <si>
    <t>27744378.0</t>
  </si>
  <si>
    <t>22627574.0</t>
  </si>
  <si>
    <t>79504803.0</t>
  </si>
  <si>
    <t>28803679.0</t>
  </si>
  <si>
    <t>27744529.0</t>
  </si>
  <si>
    <t>22633991.0</t>
  </si>
  <si>
    <t>79508112.0</t>
  </si>
  <si>
    <t>28803755.0</t>
  </si>
  <si>
    <t>27744764.0</t>
  </si>
  <si>
    <t>22636989.0</t>
  </si>
  <si>
    <t>79509335.0</t>
  </si>
  <si>
    <t>28803797.0</t>
  </si>
  <si>
    <t>27744839.0</t>
  </si>
  <si>
    <t>22665574.0</t>
  </si>
  <si>
    <t>79536918.0</t>
  </si>
  <si>
    <t>28811916.0</t>
  </si>
  <si>
    <t>27751691.0</t>
  </si>
  <si>
    <t>22691854.0</t>
  </si>
  <si>
    <t>79542418.0</t>
  </si>
  <si>
    <t>28811949.0</t>
  </si>
  <si>
    <t>27751799.0</t>
  </si>
  <si>
    <t>22714888.0</t>
  </si>
  <si>
    <t>79549553.0</t>
  </si>
  <si>
    <t>28812146.0</t>
  </si>
  <si>
    <t>27752214.0</t>
  </si>
  <si>
    <t>22736068.0</t>
  </si>
  <si>
    <t>176.62</t>
  </si>
  <si>
    <t>79554555.0</t>
  </si>
  <si>
    <t>28812198.0</t>
  </si>
  <si>
    <t>27752306.0</t>
  </si>
  <si>
    <t>22755831.0</t>
  </si>
  <si>
    <t>79559881.0</t>
  </si>
  <si>
    <t>28812239.0</t>
  </si>
  <si>
    <t>27752435.0</t>
  </si>
  <si>
    <t>22760987.0</t>
  </si>
  <si>
    <t>176.65</t>
  </si>
  <si>
    <t>79562157.0</t>
  </si>
  <si>
    <t>28812307.0</t>
  </si>
  <si>
    <t>27752558.0</t>
  </si>
  <si>
    <t>22763072.0</t>
  </si>
  <si>
    <t>79562951.0</t>
  </si>
  <si>
    <t>28812318.0</t>
  </si>
  <si>
    <t>27752614.0</t>
  </si>
  <si>
    <t>22785934.0</t>
  </si>
  <si>
    <t>79566827.0</t>
  </si>
  <si>
    <t>28812410.0</t>
  </si>
  <si>
    <t>27752773.0</t>
  </si>
  <si>
    <t>22801346.0</t>
  </si>
  <si>
    <t>176.66</t>
  </si>
  <si>
    <t>79570949.0</t>
  </si>
  <si>
    <t>28812449.0</t>
  </si>
  <si>
    <t>27752859.0</t>
  </si>
  <si>
    <t>22818796.0</t>
  </si>
  <si>
    <t>79575049.0</t>
  </si>
  <si>
    <t>28812479.0</t>
  </si>
  <si>
    <t>27752954.0</t>
  </si>
  <si>
    <t>22835432.0</t>
  </si>
  <si>
    <t>176.68</t>
  </si>
  <si>
    <t>79579275.0</t>
  </si>
  <si>
    <t>28812520.0</t>
  </si>
  <si>
    <t>27753035.0</t>
  </si>
  <si>
    <t>22852566.0</t>
  </si>
  <si>
    <t>79583298.0</t>
  </si>
  <si>
    <t>28812559.0</t>
  </si>
  <si>
    <t>27753162.0</t>
  </si>
  <si>
    <t>22856423.0</t>
  </si>
  <si>
    <t>79585741.0</t>
  </si>
  <si>
    <t>28812618.0</t>
  </si>
  <si>
    <t>27753309.0</t>
  </si>
  <si>
    <t>22858660.0</t>
  </si>
  <si>
    <t>79586585.0</t>
  </si>
  <si>
    <t>28812645.0</t>
  </si>
  <si>
    <t>27753388.0</t>
  </si>
  <si>
    <t>22859398.0</t>
  </si>
  <si>
    <t>79614790.0</t>
  </si>
  <si>
    <t>28822418.0</t>
  </si>
  <si>
    <t>27764048.0</t>
  </si>
  <si>
    <t>22866598.0</t>
  </si>
  <si>
    <t>79618770.0</t>
  </si>
  <si>
    <t>28822445.0</t>
  </si>
  <si>
    <t>27764106.0</t>
  </si>
  <si>
    <t>22870493.0</t>
  </si>
  <si>
    <t>79622621.0</t>
  </si>
  <si>
    <t>28822469.0</t>
  </si>
  <si>
    <t>27764177.0</t>
  </si>
  <si>
    <t>22874249.0</t>
  </si>
  <si>
    <t>79626313.0</t>
  </si>
  <si>
    <t>28822504.0</t>
  </si>
  <si>
    <t>27764295.0</t>
  </si>
  <si>
    <t>22929101.0</t>
  </si>
  <si>
    <t>79629797.0</t>
  </si>
  <si>
    <t>28822547.0</t>
  </si>
  <si>
    <t>27764383.0</t>
  </si>
  <si>
    <t>22932454.0</t>
  </si>
  <si>
    <t>79631703.0</t>
  </si>
  <si>
    <t>28822600.0</t>
  </si>
  <si>
    <t>27764511.0</t>
  </si>
  <si>
    <t>22934179.0</t>
  </si>
  <si>
    <t>176.81</t>
  </si>
  <si>
    <t>79632316.0</t>
  </si>
  <si>
    <t>28822612.0</t>
  </si>
  <si>
    <t>27764543.0</t>
  </si>
  <si>
    <t>22934748.0</t>
  </si>
  <si>
    <t>79639737.0</t>
  </si>
  <si>
    <t>28824005.0</t>
  </si>
  <si>
    <t>27765847.0</t>
  </si>
  <si>
    <t>22938270.0</t>
  </si>
  <si>
    <t>79642373.0</t>
  </si>
  <si>
    <t>28824035.0</t>
  </si>
  <si>
    <t>27765920.0</t>
  </si>
  <si>
    <t>22940803.0</t>
  </si>
  <si>
    <t>79645480.0</t>
  </si>
  <si>
    <t>28824061.0</t>
  </si>
  <si>
    <t>27765989.0</t>
  </si>
  <si>
    <t>22943815.0</t>
  </si>
  <si>
    <t>176.84</t>
  </si>
  <si>
    <t>79648313.0</t>
  </si>
  <si>
    <t>28824077.0</t>
  </si>
  <si>
    <t>27766045.0</t>
  </si>
  <si>
    <t>22994908.0</t>
  </si>
  <si>
    <t>79650968.0</t>
  </si>
  <si>
    <t>28824111.0</t>
  </si>
  <si>
    <t>27766105.0</t>
  </si>
  <si>
    <t>22997469.0</t>
  </si>
  <si>
    <t>79652510.0</t>
  </si>
  <si>
    <t>28824138.0</t>
  </si>
  <si>
    <t>27766211.0</t>
  </si>
  <si>
    <t>22998878.0</t>
  </si>
  <si>
    <t>79653040.0</t>
  </si>
  <si>
    <t>28824154.0</t>
  </si>
  <si>
    <t>27766262.0</t>
  </si>
  <si>
    <t>22999341.0</t>
  </si>
  <si>
    <t>79669628.0</t>
  </si>
  <si>
    <t>28831410.0</t>
  </si>
  <si>
    <t>27772997.0</t>
  </si>
  <si>
    <t>23001495.0</t>
  </si>
  <si>
    <t>79672002.0</t>
  </si>
  <si>
    <t>28831435.0</t>
  </si>
  <si>
    <t>27773054.0</t>
  </si>
  <si>
    <t>23003787.0</t>
  </si>
  <si>
    <t>79674468.0</t>
  </si>
  <si>
    <t>28831467.0</t>
  </si>
  <si>
    <t>27773112.0</t>
  </si>
  <si>
    <t>23006163.0</t>
  </si>
  <si>
    <t>79676879.0</t>
  </si>
  <si>
    <t>28831500.0</t>
  </si>
  <si>
    <t>27773175.0</t>
  </si>
  <si>
    <t>23008478.0</t>
  </si>
  <si>
    <t>79679027.0</t>
  </si>
  <si>
    <t>28831526.0</t>
  </si>
  <si>
    <t>27773230.0</t>
  </si>
  <si>
    <t>23010545.0</t>
  </si>
  <si>
    <t>79680318.0</t>
  </si>
  <si>
    <t>28831568.0</t>
  </si>
  <si>
    <t>27773343.0</t>
  </si>
  <si>
    <t>23011681.0</t>
  </si>
  <si>
    <t>79680661.0</t>
  </si>
  <si>
    <t>28831578.0</t>
  </si>
  <si>
    <t>27773373.0</t>
  </si>
  <si>
    <t>23011984.0</t>
  </si>
  <si>
    <t>79682799.0</t>
  </si>
  <si>
    <t>28831622.0</t>
  </si>
  <si>
    <t>27773470.0</t>
  </si>
  <si>
    <t>23013981.0</t>
  </si>
  <si>
    <t>79694337.0</t>
  </si>
  <si>
    <t>28835682.0</t>
  </si>
  <si>
    <t>27777715.0</t>
  </si>
  <si>
    <t>23017036.0</t>
  </si>
  <si>
    <t>79698421.0</t>
  </si>
  <si>
    <t>28835760.0</t>
  </si>
  <si>
    <t>27777866.0</t>
  </si>
  <si>
    <t>23019660.0</t>
  </si>
  <si>
    <t>79715136.0</t>
  </si>
  <si>
    <t>28835810.0</t>
  </si>
  <si>
    <t>27779618.0</t>
  </si>
  <si>
    <t>23067290.0</t>
  </si>
  <si>
    <t>79717781.0</t>
  </si>
  <si>
    <t>28835857.0</t>
  </si>
  <si>
    <t>27779724.0</t>
  </si>
  <si>
    <t>23069782.0</t>
  </si>
  <si>
    <t>79719025.0</t>
  </si>
  <si>
    <t>28835874.0</t>
  </si>
  <si>
    <t>27779802.0</t>
  </si>
  <si>
    <t>23070931.0</t>
  </si>
  <si>
    <t>79719398.0</t>
  </si>
  <si>
    <t>28835879.0</t>
  </si>
  <si>
    <t>27779837.0</t>
  </si>
  <si>
    <t>23071264.0</t>
  </si>
  <si>
    <t>79743630.0</t>
  </si>
  <si>
    <t>28847817.0</t>
  </si>
  <si>
    <t>27788438.0</t>
  </si>
  <si>
    <t>23074273.0</t>
  </si>
  <si>
    <t>177.06</t>
  </si>
  <si>
    <t>79746116.0</t>
  </si>
  <si>
    <t>28847859.0</t>
  </si>
  <si>
    <t>27788538.0</t>
  </si>
  <si>
    <t>23076617.0</t>
  </si>
  <si>
    <t>79748997.0</t>
  </si>
  <si>
    <t>28847897.0</t>
  </si>
  <si>
    <t>27788647.0</t>
  </si>
  <si>
    <t>23079351.0</t>
  </si>
  <si>
    <t>79791715.0</t>
  </si>
  <si>
    <t>28850526.0</t>
  </si>
  <si>
    <t>27789500.0</t>
  </si>
  <si>
    <t>23121438.0</t>
  </si>
  <si>
    <t>79795031.0</t>
  </si>
  <si>
    <t>28850573.0</t>
  </si>
  <si>
    <t>27789617.0</t>
  </si>
  <si>
    <t>23124590.0</t>
  </si>
  <si>
    <t>79797093.0</t>
  </si>
  <si>
    <t>28850615.0</t>
  </si>
  <si>
    <t>27789714.0</t>
  </si>
  <si>
    <t>23126513.0</t>
  </si>
  <si>
    <t>79797770.0</t>
  </si>
  <si>
    <t>28850629.0</t>
  </si>
  <si>
    <t>27789745.0</t>
  </si>
  <si>
    <t>23127145.0</t>
  </si>
  <si>
    <t>79814349.0</t>
  </si>
  <si>
    <t>28857913.0</t>
  </si>
  <si>
    <t>27794192.0</t>
  </si>
  <si>
    <t>23132173.0</t>
  </si>
  <si>
    <t>79818695.0</t>
  </si>
  <si>
    <t>28858319.0</t>
  </si>
  <si>
    <t>27794660.0</t>
  </si>
  <si>
    <t>23135632.0</t>
  </si>
  <si>
    <t>79822121.0</t>
  </si>
  <si>
    <t>28858343.0</t>
  </si>
  <si>
    <t>27794715.0</t>
  </si>
  <si>
    <t>23138979.0</t>
  </si>
  <si>
    <t>177.23</t>
  </si>
  <si>
    <t>79867996.0</t>
  </si>
  <si>
    <t>28858593.0</t>
  </si>
  <si>
    <t>27795581.0</t>
  </si>
  <si>
    <t>23183738.0</t>
  </si>
  <si>
    <t>177.33</t>
  </si>
  <si>
    <t>79870708.0</t>
  </si>
  <si>
    <t>28858618.0</t>
  </si>
  <si>
    <t>27795646.0</t>
  </si>
  <si>
    <t>23186360.0</t>
  </si>
  <si>
    <t>79872044.0</t>
  </si>
  <si>
    <t>28858638.0</t>
  </si>
  <si>
    <t>27795738.0</t>
  </si>
  <si>
    <t>23187584.0</t>
  </si>
  <si>
    <t>79872386.0</t>
  </si>
  <si>
    <t>28858649.0</t>
  </si>
  <si>
    <t>27795757.0</t>
  </si>
  <si>
    <t>23187896.0</t>
  </si>
  <si>
    <t>79879111.0</t>
  </si>
  <si>
    <t>28860854.0</t>
  </si>
  <si>
    <t>27799360.0</t>
  </si>
  <si>
    <t>23188712.0</t>
  </si>
  <si>
    <t>79881567.0</t>
  </si>
  <si>
    <t>28860886.0</t>
  </si>
  <si>
    <t>27799409.0</t>
  </si>
  <si>
    <t>23191087.0</t>
  </si>
  <si>
    <t>79884691.0</t>
  </si>
  <si>
    <t>28860919.0</t>
  </si>
  <si>
    <t>27799465.0</t>
  </si>
  <si>
    <t>23194122.0</t>
  </si>
  <si>
    <t>79923698.0</t>
  </si>
  <si>
    <t>28861016.0</t>
  </si>
  <si>
    <t>27800137.0</t>
  </si>
  <si>
    <t>23232360.0</t>
  </si>
  <si>
    <t>177.45</t>
  </si>
  <si>
    <t>79926815.0</t>
  </si>
  <si>
    <t>28861049.0</t>
  </si>
  <si>
    <t>27800195.0</t>
  </si>
  <si>
    <t>23235386.0</t>
  </si>
  <si>
    <t>79928376.0</t>
  </si>
  <si>
    <t>28861087.0</t>
  </si>
  <si>
    <t>27800291.0</t>
  </si>
  <si>
    <t>23236813.0</t>
  </si>
  <si>
    <t>79928953.0</t>
  </si>
  <si>
    <t>28861098.0</t>
  </si>
  <si>
    <t>27800321.0</t>
  </si>
  <si>
    <t>23237349.0</t>
  </si>
  <si>
    <t>80044527.0</t>
  </si>
  <si>
    <t>28891901.0</t>
  </si>
  <si>
    <t>27844775.0</t>
  </si>
  <si>
    <t>23269494.0</t>
  </si>
  <si>
    <t>80047193.0</t>
  </si>
  <si>
    <t>28891921.0</t>
  </si>
  <si>
    <t>27844827.0</t>
  </si>
  <si>
    <t>23272088.0</t>
  </si>
  <si>
    <t>80050192.0</t>
  </si>
  <si>
    <t>28891950.0</t>
  </si>
  <si>
    <t>27844878.0</t>
  </si>
  <si>
    <t>23275007.0</t>
  </si>
  <si>
    <t>80088748.0</t>
  </si>
  <si>
    <t>28892016.0</t>
  </si>
  <si>
    <t>27845455.0</t>
  </si>
  <si>
    <t>23312920.0</t>
  </si>
  <si>
    <t>177.82</t>
  </si>
  <si>
    <t>80091621.0</t>
  </si>
  <si>
    <t>28892045.0</t>
  </si>
  <si>
    <t>27845546.0</t>
  </si>
  <si>
    <t>23315673.0</t>
  </si>
  <si>
    <t>177.83</t>
  </si>
  <si>
    <t>80093065.0</t>
  </si>
  <si>
    <t>28892104.0</t>
  </si>
  <si>
    <t>27845646.0</t>
  </si>
  <si>
    <t>23316958.0</t>
  </si>
  <si>
    <t>80093527.0</t>
  </si>
  <si>
    <t>28892114.0</t>
  </si>
  <si>
    <t>27845692.0</t>
  </si>
  <si>
    <t>23317364.0</t>
  </si>
  <si>
    <t>80101364.0</t>
  </si>
  <si>
    <t>28893955.0</t>
  </si>
  <si>
    <t>27847566.0</t>
  </si>
  <si>
    <t>23320505.0</t>
  </si>
  <si>
    <t>80103784.0</t>
  </si>
  <si>
    <t>28893981.0</t>
  </si>
  <si>
    <t>27847610.0</t>
  </si>
  <si>
    <t>23322855.0</t>
  </si>
  <si>
    <t>80106450.0</t>
  </si>
  <si>
    <t>28894007.0</t>
  </si>
  <si>
    <t>27847660.0</t>
  </si>
  <si>
    <t>23325445.0</t>
  </si>
  <si>
    <t>80165245.0</t>
  </si>
  <si>
    <t>28894086.0</t>
  </si>
  <si>
    <t>27848397.0</t>
  </si>
  <si>
    <t>23383424.0</t>
  </si>
  <si>
    <t>80167413.0</t>
  </si>
  <si>
    <t>28894122.0</t>
  </si>
  <si>
    <t>27848479.0</t>
  </si>
  <si>
    <t>23385474.0</t>
  </si>
  <si>
    <t>80168648.0</t>
  </si>
  <si>
    <t>28894149.0</t>
  </si>
  <si>
    <t>27848569.0</t>
  </si>
  <si>
    <t>23386592.0</t>
  </si>
  <si>
    <t>80169119.0</t>
  </si>
  <si>
    <t>28894162.0</t>
  </si>
  <si>
    <t>27848613.0</t>
  </si>
  <si>
    <t>23387006.0</t>
  </si>
  <si>
    <t>80180428.0</t>
  </si>
  <si>
    <t>28895734.0</t>
  </si>
  <si>
    <t>27850326.0</t>
  </si>
  <si>
    <t>23394802.0</t>
  </si>
  <si>
    <t>80182416.0</t>
  </si>
  <si>
    <t>28895757.0</t>
  </si>
  <si>
    <t>27850389.0</t>
  </si>
  <si>
    <t>23396704.0</t>
  </si>
  <si>
    <t>80184871.0</t>
  </si>
  <si>
    <t>28895778.0</t>
  </si>
  <si>
    <t>27850442.0</t>
  </si>
  <si>
    <t>23399085.0</t>
  </si>
  <si>
    <t>80283911.0</t>
  </si>
  <si>
    <t>28895803.0</t>
  </si>
  <si>
    <t>27852092.0</t>
  </si>
  <si>
    <t>23495291.0</t>
  </si>
  <si>
    <t>80287063.0</t>
  </si>
  <si>
    <t>28895832.0</t>
  </si>
  <si>
    <t>27852155.0</t>
  </si>
  <si>
    <t>23498351.0</t>
  </si>
  <si>
    <t>80288926.0</t>
  </si>
  <si>
    <t>28895877.0</t>
  </si>
  <si>
    <t>27852253.0</t>
  </si>
  <si>
    <t>23500071.0</t>
  </si>
  <si>
    <t>80289632.0</t>
  </si>
  <si>
    <t>28895898.0</t>
  </si>
  <si>
    <t>27852287.0</t>
  </si>
  <si>
    <t>23500722.0</t>
  </si>
  <si>
    <t>80306046.0</t>
  </si>
  <si>
    <t>28901980.0</t>
  </si>
  <si>
    <t>27858848.0</t>
  </si>
  <si>
    <t>23504320.0</t>
  </si>
  <si>
    <t>80308657.0</t>
  </si>
  <si>
    <t>28902004.0</t>
  </si>
  <si>
    <t>27858905.0</t>
  </si>
  <si>
    <t>23506850.0</t>
  </si>
  <si>
    <t>178.31</t>
  </si>
  <si>
    <t>80311157.0</t>
  </si>
  <si>
    <t>28902030.0</t>
  </si>
  <si>
    <t>27858951.0</t>
  </si>
  <si>
    <t>23509278.0</t>
  </si>
  <si>
    <t>80387895.0</t>
  </si>
  <si>
    <t>28902065.0</t>
  </si>
  <si>
    <t>27860193.0</t>
  </si>
  <si>
    <t>23583963.0</t>
  </si>
  <si>
    <t>178.49</t>
  </si>
  <si>
    <t>80390330.0</t>
  </si>
  <si>
    <t>28902092.0</t>
  </si>
  <si>
    <t>27860270.0</t>
  </si>
  <si>
    <t>23586294.0</t>
  </si>
  <si>
    <t>80391890.0</t>
  </si>
  <si>
    <t>28902127.0</t>
  </si>
  <si>
    <t>27860352.0</t>
  </si>
  <si>
    <t>23587737.0</t>
  </si>
  <si>
    <t>80392371.0</t>
  </si>
  <si>
    <t>28902135.0</t>
  </si>
  <si>
    <t>27860374.0</t>
  </si>
  <si>
    <t>23588188.0</t>
  </si>
  <si>
    <t>80407237.0</t>
  </si>
  <si>
    <t>28905816.0</t>
  </si>
  <si>
    <t>27863578.0</t>
  </si>
  <si>
    <t>23595976.0</t>
  </si>
  <si>
    <t>178.53</t>
  </si>
  <si>
    <t>80409745.0</t>
  </si>
  <si>
    <t>28905862.0</t>
  </si>
  <si>
    <t>27863639.0</t>
  </si>
  <si>
    <t>23598377.0</t>
  </si>
  <si>
    <t>80412695.0</t>
  </si>
  <si>
    <t>28905896.0</t>
  </si>
  <si>
    <t>27863697.0</t>
  </si>
  <si>
    <t>23601235.0</t>
  </si>
  <si>
    <t>178.54</t>
  </si>
  <si>
    <t>80469003.0</t>
  </si>
  <si>
    <t>28905928.0</t>
  </si>
  <si>
    <t>27864695.0</t>
  </si>
  <si>
    <t>23656170.0</t>
  </si>
  <si>
    <t>80471210.0</t>
  </si>
  <si>
    <t>28905961.0</t>
  </si>
  <si>
    <t>27864771.0</t>
  </si>
  <si>
    <t>23658268.0</t>
  </si>
  <si>
    <t>80473001.0</t>
  </si>
  <si>
    <t>28905999.0</t>
  </si>
  <si>
    <t>27864892.0</t>
  </si>
  <si>
    <t>23659900.0</t>
  </si>
  <si>
    <t>80473683.0</t>
  </si>
  <si>
    <t>28906007.0</t>
  </si>
  <si>
    <t>27864908.0</t>
  </si>
  <si>
    <t>23660558.0</t>
  </si>
  <si>
    <t>178.68</t>
  </si>
  <si>
    <t>80557614.0</t>
  </si>
  <si>
    <t>28948131.0</t>
  </si>
  <si>
    <t>27904262.0</t>
  </si>
  <si>
    <t>23662984.0</t>
  </si>
  <si>
    <t>80560139.0</t>
  </si>
  <si>
    <t>28948160.0</t>
  </si>
  <si>
    <t>27904312.0</t>
  </si>
  <si>
    <t>23665430.0</t>
  </si>
  <si>
    <t>80605330.0</t>
  </si>
  <si>
    <t>27904441.0</t>
  </si>
  <si>
    <t>23711924.0</t>
  </si>
  <si>
    <t>178.97</t>
  </si>
  <si>
    <t>80607085.0</t>
  </si>
  <si>
    <t>28948238.0</t>
  </si>
  <si>
    <t>27904581.0</t>
  </si>
  <si>
    <t>23712810.0</t>
  </si>
  <si>
    <t>80650288.0</t>
  </si>
  <si>
    <t>28948931.0</t>
  </si>
  <si>
    <t>23755980.0</t>
  </si>
  <si>
    <t>80651000.0</t>
  </si>
  <si>
    <t>28948992.0</t>
  </si>
  <si>
    <t>27904684.0</t>
  </si>
  <si>
    <t>23756397.0</t>
  </si>
  <si>
    <t>80685800.0</t>
  </si>
  <si>
    <t>28949063.0</t>
  </si>
  <si>
    <t>27904804.0</t>
  </si>
  <si>
    <t>23791192.0</t>
  </si>
  <si>
    <t>80706144.0</t>
  </si>
  <si>
    <t>28954767.0</t>
  </si>
  <si>
    <t>27910335.0</t>
  </si>
  <si>
    <t>23800187.0</t>
  </si>
  <si>
    <t>OMN</t>
  </si>
  <si>
    <t>Oman</t>
  </si>
  <si>
    <t>-30.8</t>
  </si>
  <si>
    <t>-6.73032799423115</t>
  </si>
  <si>
    <t>-160.4</t>
  </si>
  <si>
    <t>-15.79</t>
  </si>
  <si>
    <t>-35.0501496842427</t>
  </si>
  <si>
    <t>-247.8</t>
  </si>
  <si>
    <t>-7.76</t>
  </si>
  <si>
    <t>-54.148547953587</t>
  </si>
  <si>
    <t>-302.2</t>
  </si>
  <si>
    <t>-7.66</t>
  </si>
  <si>
    <t>-66.0358805148264</t>
  </si>
  <si>
    <t>-174.2</t>
  </si>
  <si>
    <t>-38.0656862530866</t>
  </si>
  <si>
    <t>21.8080108384503</t>
  </si>
  <si>
    <t>75.7817450779014</t>
  </si>
  <si>
    <t>686.6</t>
  </si>
  <si>
    <t>150.033870157114</t>
  </si>
  <si>
    <t>1053.4</t>
  </si>
  <si>
    <t>230.185958088412</t>
  </si>
  <si>
    <t>1222.4</t>
  </si>
  <si>
    <t>267.115355199615</t>
  </si>
  <si>
    <t>1283.2</t>
  </si>
  <si>
    <t>280.401197473942</t>
  </si>
  <si>
    <t>32765.0</t>
  </si>
  <si>
    <t>34606.0</t>
  </si>
  <si>
    <t>36206.0</t>
  </si>
  <si>
    <t>1268.5</t>
  </si>
  <si>
    <t>277.188995476695</t>
  </si>
  <si>
    <t>39146.0</t>
  </si>
  <si>
    <t>45065.0</t>
  </si>
  <si>
    <t>34557.0</t>
  </si>
  <si>
    <t>34926.0</t>
  </si>
  <si>
    <t>36547.0</t>
  </si>
  <si>
    <t>50100.0</t>
  </si>
  <si>
    <t>37828.0</t>
  </si>
  <si>
    <t>58255.0</t>
  </si>
  <si>
    <t>39236.0</t>
  </si>
  <si>
    <t>59878.0</t>
  </si>
  <si>
    <t>42952.0</t>
  </si>
  <si>
    <t>43468.0</t>
  </si>
  <si>
    <t>64538.0</t>
  </si>
  <si>
    <t>45519.0</t>
  </si>
  <si>
    <t>67660.0</t>
  </si>
  <si>
    <t>1293.6</t>
  </si>
  <si>
    <t>282.673775757708</t>
  </si>
  <si>
    <t>94518.0</t>
  </si>
  <si>
    <t>75499.0</t>
  </si>
  <si>
    <t>98168.0</t>
  </si>
  <si>
    <t>79149.0</t>
  </si>
  <si>
    <t>85984.0</t>
  </si>
  <si>
    <t>109844.0</t>
  </si>
  <si>
    <t>90825.0</t>
  </si>
  <si>
    <t>120837.0</t>
  </si>
  <si>
    <t>129198.0</t>
  </si>
  <si>
    <t>110179.0</t>
  </si>
  <si>
    <t>139897.0</t>
  </si>
  <si>
    <t>120878.0</t>
  </si>
  <si>
    <t>132493.0</t>
  </si>
  <si>
    <t>1378.1</t>
  </si>
  <si>
    <t>301.13847431331</t>
  </si>
  <si>
    <t>171055.0</t>
  </si>
  <si>
    <t>152036.0</t>
  </si>
  <si>
    <t>217582.0</t>
  </si>
  <si>
    <t>244821.0</t>
  </si>
  <si>
    <t>1743.8</t>
  </si>
  <si>
    <t>381.050193387671</t>
  </si>
  <si>
    <t>296894.0</t>
  </si>
  <si>
    <t>216549.0</t>
  </si>
  <si>
    <t>80345.0</t>
  </si>
  <si>
    <t>2201.5</t>
  </si>
  <si>
    <t>481.065489587658</t>
  </si>
  <si>
    <t>335866.0</t>
  </si>
  <si>
    <t>605845.0</t>
  </si>
  <si>
    <t>435090.0</t>
  </si>
  <si>
    <t>170755.0</t>
  </si>
  <si>
    <t>720199.0</t>
  </si>
  <si>
    <t>535578.0</t>
  </si>
  <si>
    <t>28896.0</t>
  </si>
  <si>
    <t>31503.0</t>
  </si>
  <si>
    <t>33834.0</t>
  </si>
  <si>
    <t>859000.0</t>
  </si>
  <si>
    <t>666000.0</t>
  </si>
  <si>
    <t>193000.0</t>
  </si>
  <si>
    <t>36165.0</t>
  </si>
  <si>
    <t>32560.0</t>
  </si>
  <si>
    <t>27215.0</t>
  </si>
  <si>
    <t>30748.0</t>
  </si>
  <si>
    <t>3199.6</t>
  </si>
  <si>
    <t>699.167449686428</t>
  </si>
  <si>
    <t>1338142.0</t>
  </si>
  <si>
    <t>1096838.0</t>
  </si>
  <si>
    <t>1480949.0</t>
  </si>
  <si>
    <t>1229331.0</t>
  </si>
  <si>
    <t>251618.0</t>
  </si>
  <si>
    <t>39444.0</t>
  </si>
  <si>
    <t>39047.0</t>
  </si>
  <si>
    <t>42677.0</t>
  </si>
  <si>
    <t>42407.0</t>
  </si>
  <si>
    <t>1631205.0</t>
  </si>
  <si>
    <t>1359065.0</t>
  </si>
  <si>
    <t>272141.0</t>
  </si>
  <si>
    <t>41866.0</t>
  </si>
  <si>
    <t>38624.0</t>
  </si>
  <si>
    <t>33562.0</t>
  </si>
  <si>
    <t>1728618.0</t>
  </si>
  <si>
    <t>1436973.0</t>
  </si>
  <si>
    <t>291645.0</t>
  </si>
  <si>
    <t>35381.0</t>
  </si>
  <si>
    <t>1887421.0</t>
  </si>
  <si>
    <t>336511.0</t>
  </si>
  <si>
    <t>10056.0</t>
  </si>
  <si>
    <t>4216.7</t>
  </si>
  <si>
    <t>921.421235495925</t>
  </si>
  <si>
    <t>2656658.0</t>
  </si>
  <si>
    <t>2008140.0</t>
  </si>
  <si>
    <t>48671.0</t>
  </si>
  <si>
    <t>44754.0</t>
  </si>
  <si>
    <t>2951658.0</t>
  </si>
  <si>
    <t>2155932.0</t>
  </si>
  <si>
    <t>795726.0</t>
  </si>
  <si>
    <t>21113.0</t>
  </si>
  <si>
    <t>44861.0</t>
  </si>
  <si>
    <t>50298.0</t>
  </si>
  <si>
    <t>3379862.0</t>
  </si>
  <si>
    <t>2336980.0</t>
  </si>
  <si>
    <t>1042882.0</t>
  </si>
  <si>
    <t>58901.0</t>
  </si>
  <si>
    <t>57765.0</t>
  </si>
  <si>
    <t>55494.0</t>
  </si>
  <si>
    <t>54358.0</t>
  </si>
  <si>
    <t>3752420.0</t>
  </si>
  <si>
    <t>2504214.0</t>
  </si>
  <si>
    <t>1048206.0</t>
  </si>
  <si>
    <t>23891.0</t>
  </si>
  <si>
    <t>52380.0</t>
  </si>
  <si>
    <t>4441.8</t>
  </si>
  <si>
    <t>970.609444310906</t>
  </si>
  <si>
    <t>51537.0</t>
  </si>
  <si>
    <t>50694.0</t>
  </si>
  <si>
    <t>49851.0</t>
  </si>
  <si>
    <t>49008.0</t>
  </si>
  <si>
    <t>4036350.0</t>
  </si>
  <si>
    <t>2592464.0</t>
  </si>
  <si>
    <t>1443886.0</t>
  </si>
  <si>
    <t>48165.0</t>
  </si>
  <si>
    <t>45928.0</t>
  </si>
  <si>
    <t>4336872.0</t>
  </si>
  <si>
    <t>2710021.0</t>
  </si>
  <si>
    <t>1626851.0</t>
  </si>
  <si>
    <t>38313.0</t>
  </si>
  <si>
    <t>14641.0</t>
  </si>
  <si>
    <t>41306.0</t>
  </si>
  <si>
    <t>4636486.0</t>
  </si>
  <si>
    <t>2810262.0</t>
  </si>
  <si>
    <t>1826224.0</t>
  </si>
  <si>
    <t>4946987.0</t>
  </si>
  <si>
    <t>2896271.0</t>
  </si>
  <si>
    <t>2050716.0</t>
  </si>
  <si>
    <t>36647.0</t>
  </si>
  <si>
    <t>4397.7</t>
  </si>
  <si>
    <t>960.972838319166</t>
  </si>
  <si>
    <t>23652.0</t>
  </si>
  <si>
    <t>5254466.0</t>
  </si>
  <si>
    <t>2959586.0</t>
  </si>
  <si>
    <t>2294880.0</t>
  </si>
  <si>
    <t>33773.0</t>
  </si>
  <si>
    <t>5679984.0</t>
  </si>
  <si>
    <t>3065137.0</t>
  </si>
  <si>
    <t>2614847.0</t>
  </si>
  <si>
    <t>31593.0</t>
  </si>
  <si>
    <t>27726.0</t>
  </si>
  <si>
    <t>4391.6</t>
  </si>
  <si>
    <t>959.63988374888</t>
  </si>
  <si>
    <t>5822656.0</t>
  </si>
  <si>
    <t>3089635.0</t>
  </si>
  <si>
    <t>2733021.0</t>
  </si>
  <si>
    <t>5934585.0</t>
  </si>
  <si>
    <t>4372.7</t>
  </si>
  <si>
    <t>955.50990975242</t>
  </si>
  <si>
    <t>3120714.0</t>
  </si>
  <si>
    <t>2889245.0</t>
  </si>
  <si>
    <t>6046310.0</t>
  </si>
  <si>
    <t>3121257.0</t>
  </si>
  <si>
    <t>2890827.0</t>
  </si>
  <si>
    <t>21814.0</t>
  </si>
  <si>
    <t>6118018.0</t>
  </si>
  <si>
    <t>3121894.0</t>
  </si>
  <si>
    <t>2902254.0</t>
  </si>
  <si>
    <t>4363.6</t>
  </si>
  <si>
    <t>953.521403754124</t>
  </si>
  <si>
    <t>6375600.0</t>
  </si>
  <si>
    <t>3148894.0</t>
  </si>
  <si>
    <t>2936467.0</t>
  </si>
  <si>
    <t>6600551.0</t>
  </si>
  <si>
    <t>3181438.0</t>
  </si>
  <si>
    <t>2967168.0</t>
  </si>
  <si>
    <t>963.879116316675</t>
  </si>
  <si>
    <t>6692790.0</t>
  </si>
  <si>
    <t>3194312.0</t>
  </si>
  <si>
    <t>2979513.0</t>
  </si>
  <si>
    <t>146.25</t>
  </si>
  <si>
    <t>6771544.0</t>
  </si>
  <si>
    <t>2990954.0</t>
  </si>
  <si>
    <t>6822641.0</t>
  </si>
  <si>
    <t>3212139.0</t>
  </si>
  <si>
    <t>2997719.0</t>
  </si>
  <si>
    <t>1986264.0</t>
  </si>
  <si>
    <t>439.393</t>
  </si>
  <si>
    <t>6878593.0</t>
  </si>
  <si>
    <t>3220696.0</t>
  </si>
  <si>
    <t>3004483.0</t>
  </si>
  <si>
    <t>4584.2</t>
  </si>
  <si>
    <t>1001.72628542709</t>
  </si>
  <si>
    <t>6920193.0</t>
  </si>
  <si>
    <t>3226399.0</t>
  </si>
  <si>
    <t>3010075.0</t>
  </si>
  <si>
    <t>0.7041</t>
  </si>
  <si>
    <t>0.3787</t>
  </si>
  <si>
    <t>6986946.0</t>
  </si>
  <si>
    <t>3242461.0</t>
  </si>
  <si>
    <t>3021149.0</t>
  </si>
  <si>
    <t>723336.0</t>
  </si>
  <si>
    <t>7012356.0</t>
  </si>
  <si>
    <t>3255730.0</t>
  </si>
  <si>
    <t>3024079.0</t>
  </si>
  <si>
    <t>732547.0</t>
  </si>
  <si>
    <t>4567.8</t>
  </si>
  <si>
    <t>998.142604287306</t>
  </si>
  <si>
    <t>7023686.0</t>
  </si>
  <si>
    <t>3026373.0</t>
  </si>
  <si>
    <t>7030077.0</t>
  </si>
  <si>
    <t>3027855.0</t>
  </si>
  <si>
    <t>743032.0</t>
  </si>
  <si>
    <t>7039789.0</t>
  </si>
  <si>
    <t>3030281.0</t>
  </si>
  <si>
    <t>747831.0</t>
  </si>
  <si>
    <t>153.83</t>
  </si>
  <si>
    <t>4486.6</t>
  </si>
  <si>
    <t>980.399012302515</t>
  </si>
  <si>
    <t>751888.0</t>
  </si>
  <si>
    <t>753713.0</t>
  </si>
  <si>
    <t>2031675.0</t>
  </si>
  <si>
    <t>449.439</t>
  </si>
  <si>
    <t>4433.4</t>
  </si>
  <si>
    <t>-6.66</t>
  </si>
  <si>
    <t>968.77390031248</t>
  </si>
  <si>
    <t>7064677.0</t>
  </si>
  <si>
    <t>3038492.0</t>
  </si>
  <si>
    <t>760101.0</t>
  </si>
  <si>
    <t>7068002.0</t>
  </si>
  <si>
    <t>3039478.0</t>
  </si>
  <si>
    <t>761795.0</t>
  </si>
  <si>
    <t>4311.6</t>
  </si>
  <si>
    <t>-15.6</t>
  </si>
  <si>
    <t>942.158512335293</t>
  </si>
  <si>
    <t>7075878.0</t>
  </si>
  <si>
    <t>3041332.0</t>
  </si>
  <si>
    <t>154.62</t>
  </si>
  <si>
    <t>4299.8</t>
  </si>
  <si>
    <t>939.580010051788</t>
  </si>
  <si>
    <t>3044224.0</t>
  </si>
  <si>
    <t>772906.0</t>
  </si>
  <si>
    <t>3044761.0</t>
  </si>
  <si>
    <t>773970.0</t>
  </si>
  <si>
    <t>944.431090619059</t>
  </si>
  <si>
    <t>3047381.0</t>
  </si>
  <si>
    <t>3047955.0</t>
  </si>
  <si>
    <t>929.35340777484</t>
  </si>
  <si>
    <t>7084586.0</t>
  </si>
  <si>
    <t>3048323.0</t>
  </si>
  <si>
    <t>779165.0</t>
  </si>
  <si>
    <t>154.81</t>
  </si>
  <si>
    <t>7086050.0</t>
  </si>
  <si>
    <t>3257365.0</t>
  </si>
  <si>
    <t>3048826.0</t>
  </si>
  <si>
    <t>779859.0</t>
  </si>
  <si>
    <t>943.55702204838</t>
  </si>
  <si>
    <t>PAK</t>
  </si>
  <si>
    <t>Pakistan</t>
  </si>
  <si>
    <t>42159.0</t>
  </si>
  <si>
    <t>61801.0</t>
  </si>
  <si>
    <t>69928.0</t>
  </si>
  <si>
    <t>78979.0</t>
  </si>
  <si>
    <t>84704.0</t>
  </si>
  <si>
    <t>92548.0</t>
  </si>
  <si>
    <t>104302.0</t>
  </si>
  <si>
    <t>111806.0</t>
  </si>
  <si>
    <t>118020.0</t>
  </si>
  <si>
    <t>124549.0</t>
  </si>
  <si>
    <t>131365.0</t>
  </si>
  <si>
    <t>138147.0</t>
  </si>
  <si>
    <t>150756.0</t>
  </si>
  <si>
    <t>157223.0</t>
  </si>
  <si>
    <t>165911.0</t>
  </si>
  <si>
    <t>174160.0</t>
  </si>
  <si>
    <t>182131.0</t>
  </si>
  <si>
    <t>193859.0</t>
  </si>
  <si>
    <t>203025.0</t>
  </si>
  <si>
    <t>212511.0</t>
  </si>
  <si>
    <t>222404.0</t>
  </si>
  <si>
    <t>232582.0</t>
  </si>
  <si>
    <t>244778.0</t>
  </si>
  <si>
    <t>270025.0</t>
  </si>
  <si>
    <t>283517.0</t>
  </si>
  <si>
    <t>294894.0</t>
  </si>
  <si>
    <t>317699.0</t>
  </si>
  <si>
    <t>330750.0</t>
  </si>
  <si>
    <t>344450.0</t>
  </si>
  <si>
    <t>359264.0</t>
  </si>
  <si>
    <t>373410.0</t>
  </si>
  <si>
    <t>387335.0</t>
  </si>
  <si>
    <t>400292.0</t>
  </si>
  <si>
    <t>414254.0</t>
  </si>
  <si>
    <t>429600.0</t>
  </si>
  <si>
    <t>445987.0</t>
  </si>
  <si>
    <t>460692.0</t>
  </si>
  <si>
    <t>473607.0</t>
  </si>
  <si>
    <t>483656.0</t>
  </si>
  <si>
    <t>490908.0</t>
  </si>
  <si>
    <t>499399.0</t>
  </si>
  <si>
    <t>508086.0</t>
  </si>
  <si>
    <t>532037.0</t>
  </si>
  <si>
    <t>547030.0</t>
  </si>
  <si>
    <t>561136.0</t>
  </si>
  <si>
    <t>577974.0</t>
  </si>
  <si>
    <t>595344.0</t>
  </si>
  <si>
    <t>615511.0</t>
  </si>
  <si>
    <t>638323.0</t>
  </si>
  <si>
    <t>660508.0</t>
  </si>
  <si>
    <t>683608.0</t>
  </si>
  <si>
    <t>705833.0</t>
  </si>
  <si>
    <t>22225.0</t>
  </si>
  <si>
    <t>730453.0</t>
  </si>
  <si>
    <t>754252.0</t>
  </si>
  <si>
    <t>780825.0</t>
  </si>
  <si>
    <t>23616.0</t>
  </si>
  <si>
    <t>809169.0</t>
  </si>
  <si>
    <t>28344.0</t>
  </si>
  <si>
    <t>839019.0</t>
  </si>
  <si>
    <t>868565.0</t>
  </si>
  <si>
    <t>897650.0</t>
  </si>
  <si>
    <t>27402.0</t>
  </si>
  <si>
    <t>922665.0</t>
  </si>
  <si>
    <t>950782.0</t>
  </si>
  <si>
    <t>28076.0</t>
  </si>
  <si>
    <t>982012.0</t>
  </si>
  <si>
    <t>1011106.0</t>
  </si>
  <si>
    <t>29094.0</t>
  </si>
  <si>
    <t>1042787.0</t>
  </si>
  <si>
    <t>31681.0</t>
  </si>
  <si>
    <t>1071642.0</t>
  </si>
  <si>
    <t>1102162.0</t>
  </si>
  <si>
    <t>29216.0</t>
  </si>
  <si>
    <t>1126761.0</t>
  </si>
  <si>
    <t>1150141.0</t>
  </si>
  <si>
    <t>1171976.0</t>
  </si>
  <si>
    <t>21835.0</t>
  </si>
  <si>
    <t>27138.0</t>
  </si>
  <si>
    <t>1193017.0</t>
  </si>
  <si>
    <t>1214140.0</t>
  </si>
  <si>
    <t>1239153.0</t>
  </si>
  <si>
    <t>23930.0</t>
  </si>
  <si>
    <t>1283092.0</t>
  </si>
  <si>
    <t>20930.0</t>
  </si>
  <si>
    <t>1305510.0</t>
  </si>
  <si>
    <t>1327638.0</t>
  </si>
  <si>
    <t>1350773.0</t>
  </si>
  <si>
    <t>1372825.0</t>
  </si>
  <si>
    <t>1398352.0</t>
  </si>
  <si>
    <t>25527.0</t>
  </si>
  <si>
    <t>1420623.0</t>
  </si>
  <si>
    <t>1445153.0</t>
  </si>
  <si>
    <t>24530.0</t>
  </si>
  <si>
    <t>1467104.0</t>
  </si>
  <si>
    <t>1491437.0</t>
  </si>
  <si>
    <t>24333.0</t>
  </si>
  <si>
    <t>1514858.0</t>
  </si>
  <si>
    <t>1538427.0</t>
  </si>
  <si>
    <t>23569.0</t>
  </si>
  <si>
    <t>1562638.0</t>
  </si>
  <si>
    <t>23469.0</t>
  </si>
  <si>
    <t>1585170.0</t>
  </si>
  <si>
    <t>1606190.0</t>
  </si>
  <si>
    <t>1627939.0</t>
  </si>
  <si>
    <t>21749.0</t>
  </si>
  <si>
    <t>1652183.0</t>
  </si>
  <si>
    <t>24244.0</t>
  </si>
  <si>
    <t>1676090.0</t>
  </si>
  <si>
    <t>1699101.0</t>
  </si>
  <si>
    <t>1721660.0</t>
  </si>
  <si>
    <t>1740768.0</t>
  </si>
  <si>
    <t>1758551.0</t>
  </si>
  <si>
    <t>1776882.0</t>
  </si>
  <si>
    <t>1799290.0</t>
  </si>
  <si>
    <t>1821296.0</t>
  </si>
  <si>
    <t>1844926.0</t>
  </si>
  <si>
    <t>1868180.0</t>
  </si>
  <si>
    <t>1909846.0</t>
  </si>
  <si>
    <t>1931102.0</t>
  </si>
  <si>
    <t>1952730.0</t>
  </si>
  <si>
    <t>1973237.0</t>
  </si>
  <si>
    <t>2010170.0</t>
  </si>
  <si>
    <t>2021196.0</t>
  </si>
  <si>
    <t>8.735</t>
  </si>
  <si>
    <t>2031955.0</t>
  </si>
  <si>
    <t>8.781</t>
  </si>
  <si>
    <t>2043870.0</t>
  </si>
  <si>
    <t>2058872.0</t>
  </si>
  <si>
    <t>2079333.0</t>
  </si>
  <si>
    <t>2103699.0</t>
  </si>
  <si>
    <t>2127089.0</t>
  </si>
  <si>
    <t>2147584.0</t>
  </si>
  <si>
    <t>16518.0</t>
  </si>
  <si>
    <t>2165811.0</t>
  </si>
  <si>
    <t>2186442.0</t>
  </si>
  <si>
    <t>2205664.0</t>
  </si>
  <si>
    <t>2229409.0</t>
  </si>
  <si>
    <t>2253131.0</t>
  </si>
  <si>
    <t>9.737</t>
  </si>
  <si>
    <t>2277153.0</t>
  </si>
  <si>
    <t>21438.0</t>
  </si>
  <si>
    <t>2299601.0</t>
  </si>
  <si>
    <t>2317213.0</t>
  </si>
  <si>
    <t>2340072.0</t>
  </si>
  <si>
    <t>2363752.0</t>
  </si>
  <si>
    <t>10.215</t>
  </si>
  <si>
    <t>2389365.0</t>
  </si>
  <si>
    <t>25613.0</t>
  </si>
  <si>
    <t>22851.0</t>
  </si>
  <si>
    <t>2414902.0</t>
  </si>
  <si>
    <t>23110.0</t>
  </si>
  <si>
    <t>2439858.0</t>
  </si>
  <si>
    <t>2463513.0</t>
  </si>
  <si>
    <t>23416.0</t>
  </si>
  <si>
    <t>2487744.0</t>
  </si>
  <si>
    <t>24362.0</t>
  </si>
  <si>
    <t>2512337.0</t>
  </si>
  <si>
    <t>2535778.0</t>
  </si>
  <si>
    <t>2559261.0</t>
  </si>
  <si>
    <t>24271.0</t>
  </si>
  <si>
    <t>2581695.0</t>
  </si>
  <si>
    <t>2603129.0</t>
  </si>
  <si>
    <t>23324.0</t>
  </si>
  <si>
    <t>2621146.0</t>
  </si>
  <si>
    <t>11.327</t>
  </si>
  <si>
    <t>2642068.0</t>
  </si>
  <si>
    <t>2662508.0</t>
  </si>
  <si>
    <t>11.506</t>
  </si>
  <si>
    <t>2684252.0</t>
  </si>
  <si>
    <t>2707470.0</t>
  </si>
  <si>
    <t>21173.0</t>
  </si>
  <si>
    <t>2732325.0</t>
  </si>
  <si>
    <t>24855.0</t>
  </si>
  <si>
    <t>11.808</t>
  </si>
  <si>
    <t>2757709.0</t>
  </si>
  <si>
    <t>25384.0</t>
  </si>
  <si>
    <t>11.917</t>
  </si>
  <si>
    <t>2778689.0</t>
  </si>
  <si>
    <t>12.008</t>
  </si>
  <si>
    <t>22506.0</t>
  </si>
  <si>
    <t>2802210.0</t>
  </si>
  <si>
    <t>2825040.0</t>
  </si>
  <si>
    <t>2850121.0</t>
  </si>
  <si>
    <t>12.317</t>
  </si>
  <si>
    <t>2879655.0</t>
  </si>
  <si>
    <t>2908379.0</t>
  </si>
  <si>
    <t>2939790.0</t>
  </si>
  <si>
    <t>2968613.0</t>
  </si>
  <si>
    <t>2995890.0</t>
  </si>
  <si>
    <t>3024987.0</t>
  </si>
  <si>
    <t>3056795.0</t>
  </si>
  <si>
    <t>31808.0</t>
  </si>
  <si>
    <t>29525.0</t>
  </si>
  <si>
    <t>3090660.0</t>
  </si>
  <si>
    <t>3126380.0</t>
  </si>
  <si>
    <t>35720.0</t>
  </si>
  <si>
    <t>31143.0</t>
  </si>
  <si>
    <t>3160924.0</t>
  </si>
  <si>
    <t>31591.0</t>
  </si>
  <si>
    <t>3194317.0</t>
  </si>
  <si>
    <t>33393.0</t>
  </si>
  <si>
    <t>3230472.0</t>
  </si>
  <si>
    <t>3264216.0</t>
  </si>
  <si>
    <t>34176.0</t>
  </si>
  <si>
    <t>3306515.0</t>
  </si>
  <si>
    <t>42299.0</t>
  </si>
  <si>
    <t>3344019.0</t>
  </si>
  <si>
    <t>14.451</t>
  </si>
  <si>
    <t>3384186.0</t>
  </si>
  <si>
    <t>14.625</t>
  </si>
  <si>
    <t>3420654.0</t>
  </si>
  <si>
    <t>14.782</t>
  </si>
  <si>
    <t>3449541.0</t>
  </si>
  <si>
    <t>14.907</t>
  </si>
  <si>
    <t>3482206.0</t>
  </si>
  <si>
    <t>3514237.0</t>
  </si>
  <si>
    <t>3548476.0</t>
  </si>
  <si>
    <t>34239.0</t>
  </si>
  <si>
    <t>15.335</t>
  </si>
  <si>
    <t>3580173.0</t>
  </si>
  <si>
    <t>15.472</t>
  </si>
  <si>
    <t>3615244.0</t>
  </si>
  <si>
    <t>3644762.0</t>
  </si>
  <si>
    <t>15.751</t>
  </si>
  <si>
    <t>3678534.0</t>
  </si>
  <si>
    <t>3702607.0</t>
  </si>
  <si>
    <t>3730221.0</t>
  </si>
  <si>
    <t>3761389.0</t>
  </si>
  <si>
    <t>16.255</t>
  </si>
  <si>
    <t>3795287.0</t>
  </si>
  <si>
    <t>33898.0</t>
  </si>
  <si>
    <t>30731.0</t>
  </si>
  <si>
    <t>3828952.0</t>
  </si>
  <si>
    <t>33665.0</t>
  </si>
  <si>
    <t>3857845.0</t>
  </si>
  <si>
    <t>16.672</t>
  </si>
  <si>
    <t>3884796.0</t>
  </si>
  <si>
    <t>16.788</t>
  </si>
  <si>
    <t>3914818.0</t>
  </si>
  <si>
    <t>16.918</t>
  </si>
  <si>
    <t>3943734.0</t>
  </si>
  <si>
    <t>28916.0</t>
  </si>
  <si>
    <t>3975596.0</t>
  </si>
  <si>
    <t>30601.0</t>
  </si>
  <si>
    <t>4009497.0</t>
  </si>
  <si>
    <t>33901.0</t>
  </si>
  <si>
    <t>4041962.0</t>
  </si>
  <si>
    <t>4074024.0</t>
  </si>
  <si>
    <t>17.606</t>
  </si>
  <si>
    <t>4101115.0</t>
  </si>
  <si>
    <t>4122069.0</t>
  </si>
  <si>
    <t>17.813</t>
  </si>
  <si>
    <t>29607.0</t>
  </si>
  <si>
    <t>4148739.0</t>
  </si>
  <si>
    <t>17.929</t>
  </si>
  <si>
    <t>4177270.0</t>
  </si>
  <si>
    <t>18.052</t>
  </si>
  <si>
    <t>28811.0</t>
  </si>
  <si>
    <t>4204320.0</t>
  </si>
  <si>
    <t>4235329.0</t>
  </si>
  <si>
    <t>27624.0</t>
  </si>
  <si>
    <t>4264053.0</t>
  </si>
  <si>
    <t>18.427</t>
  </si>
  <si>
    <t>4290545.0</t>
  </si>
  <si>
    <t>18.542</t>
  </si>
  <si>
    <t>4317678.0</t>
  </si>
  <si>
    <t>4347155.0</t>
  </si>
  <si>
    <t>18.786</t>
  </si>
  <si>
    <t>4376604.0</t>
  </si>
  <si>
    <t>28476.0</t>
  </si>
  <si>
    <t>4409537.0</t>
  </si>
  <si>
    <t>19.056</t>
  </si>
  <si>
    <t>4431225.0</t>
  </si>
  <si>
    <t>19.149</t>
  </si>
  <si>
    <t>4458890.0</t>
  </si>
  <si>
    <t>19.269</t>
  </si>
  <si>
    <t>4486843.0</t>
  </si>
  <si>
    <t>4514827.0</t>
  </si>
  <si>
    <t>19.511</t>
  </si>
  <si>
    <t>28164.0</t>
  </si>
  <si>
    <t>4541392.0</t>
  </si>
  <si>
    <t>19.626</t>
  </si>
  <si>
    <t>27748.0</t>
  </si>
  <si>
    <t>4573768.0</t>
  </si>
  <si>
    <t>19.765</t>
  </si>
  <si>
    <t>4609513.0</t>
  </si>
  <si>
    <t>4643913.0</t>
  </si>
  <si>
    <t>20.069</t>
  </si>
  <si>
    <t>4676263.0</t>
  </si>
  <si>
    <t>31053.0</t>
  </si>
  <si>
    <t>4709603.0</t>
  </si>
  <si>
    <t>33340.0</t>
  </si>
  <si>
    <t>20.352</t>
  </si>
  <si>
    <t>4741507.0</t>
  </si>
  <si>
    <t>4773496.0</t>
  </si>
  <si>
    <t>20.629</t>
  </si>
  <si>
    <t>33158.0</t>
  </si>
  <si>
    <t>4810182.0</t>
  </si>
  <si>
    <t>20.787</t>
  </si>
  <si>
    <t>4847105.0</t>
  </si>
  <si>
    <t>4881640.0</t>
  </si>
  <si>
    <t>21.096</t>
  </si>
  <si>
    <t>33961.0</t>
  </si>
  <si>
    <t>4921050.0</t>
  </si>
  <si>
    <t>4950561.0</t>
  </si>
  <si>
    <t>29511.0</t>
  </si>
  <si>
    <t>21.394</t>
  </si>
  <si>
    <t>4979939.0</t>
  </si>
  <si>
    <t>5018483.0</t>
  </si>
  <si>
    <t>38544.0</t>
  </si>
  <si>
    <t>21.687</t>
  </si>
  <si>
    <t>34998.0</t>
  </si>
  <si>
    <t>5055382.0</t>
  </si>
  <si>
    <t>21.847</t>
  </si>
  <si>
    <t>5098291.0</t>
  </si>
  <si>
    <t>22.032</t>
  </si>
  <si>
    <t>35884.0</t>
  </si>
  <si>
    <t>5141403.0</t>
  </si>
  <si>
    <t>37109.0</t>
  </si>
  <si>
    <t>5180026.0</t>
  </si>
  <si>
    <t>22.385</t>
  </si>
  <si>
    <t>36997.0</t>
  </si>
  <si>
    <t>5216955.0</t>
  </si>
  <si>
    <t>5256120.0</t>
  </si>
  <si>
    <t>22.714</t>
  </si>
  <si>
    <t>39454.0</t>
  </si>
  <si>
    <t>5297703.0</t>
  </si>
  <si>
    <t>5343702.0</t>
  </si>
  <si>
    <t>45999.0</t>
  </si>
  <si>
    <t>5386916.0</t>
  </si>
  <si>
    <t>43214.0</t>
  </si>
  <si>
    <t>23.279</t>
  </si>
  <si>
    <t>5435139.0</t>
  </si>
  <si>
    <t>48223.0</t>
  </si>
  <si>
    <t>23.488</t>
  </si>
  <si>
    <t>5475508.0</t>
  </si>
  <si>
    <t>40369.0</t>
  </si>
  <si>
    <t>23.662</t>
  </si>
  <si>
    <t>42212.0</t>
  </si>
  <si>
    <t>5508810.0</t>
  </si>
  <si>
    <t>5549779.0</t>
  </si>
  <si>
    <t>23.983</t>
  </si>
  <si>
    <t>41951.0</t>
  </si>
  <si>
    <t>5584976.0</t>
  </si>
  <si>
    <t>5627539.0</t>
  </si>
  <si>
    <t>24.319</t>
  </si>
  <si>
    <t>5672166.0</t>
  </si>
  <si>
    <t>24.512</t>
  </si>
  <si>
    <t>40750.0</t>
  </si>
  <si>
    <t>5713341.0</t>
  </si>
  <si>
    <t>5754986.0</t>
  </si>
  <si>
    <t>5794242.0</t>
  </si>
  <si>
    <t>5827852.0</t>
  </si>
  <si>
    <t>25.185</t>
  </si>
  <si>
    <t>5865944.0</t>
  </si>
  <si>
    <t>5906146.0</t>
  </si>
  <si>
    <t>40202.0</t>
  </si>
  <si>
    <t>25.523</t>
  </si>
  <si>
    <t>5948742.0</t>
  </si>
  <si>
    <t>42596.0</t>
  </si>
  <si>
    <t>25.707</t>
  </si>
  <si>
    <t>5990168.0</t>
  </si>
  <si>
    <t>25.886</t>
  </si>
  <si>
    <t>6032390.0</t>
  </si>
  <si>
    <t>42222.0</t>
  </si>
  <si>
    <t>26.069</t>
  </si>
  <si>
    <t>6064220.0</t>
  </si>
  <si>
    <t>38568.0</t>
  </si>
  <si>
    <t>6136799.0</t>
  </si>
  <si>
    <t>6176889.0</t>
  </si>
  <si>
    <t>26.693</t>
  </si>
  <si>
    <t>38678.0</t>
  </si>
  <si>
    <t>6216060.0</t>
  </si>
  <si>
    <t>26.863</t>
  </si>
  <si>
    <t>6264135.0</t>
  </si>
  <si>
    <t>48075.0</t>
  </si>
  <si>
    <t>6301341.0</t>
  </si>
  <si>
    <t>27.231</t>
  </si>
  <si>
    <t>6336113.0</t>
  </si>
  <si>
    <t>6370707.0</t>
  </si>
  <si>
    <t>38600.0</t>
  </si>
  <si>
    <t>6406281.0</t>
  </si>
  <si>
    <t>35574.0</t>
  </si>
  <si>
    <t>6428240.0</t>
  </si>
  <si>
    <t>6482889.0</t>
  </si>
  <si>
    <t>6523842.0</t>
  </si>
  <si>
    <t>40953.0</t>
  </si>
  <si>
    <t>28.193</t>
  </si>
  <si>
    <t>6557112.0</t>
  </si>
  <si>
    <t>33270.0</t>
  </si>
  <si>
    <t>36539.0</t>
  </si>
  <si>
    <t>6589317.0</t>
  </si>
  <si>
    <t>28.476</t>
  </si>
  <si>
    <t>6619983.0</t>
  </si>
  <si>
    <t>28.608</t>
  </si>
  <si>
    <t>6656373.0</t>
  </si>
  <si>
    <t>36390.0</t>
  </si>
  <si>
    <t>28.765</t>
  </si>
  <si>
    <t>6696068.0</t>
  </si>
  <si>
    <t>28.937</t>
  </si>
  <si>
    <t>6737107.0</t>
  </si>
  <si>
    <t>36317.0</t>
  </si>
  <si>
    <t>6775307.0</t>
  </si>
  <si>
    <t>29.279</t>
  </si>
  <si>
    <t>6819699.0</t>
  </si>
  <si>
    <t>44392.0</t>
  </si>
  <si>
    <t>29.471</t>
  </si>
  <si>
    <t>6849867.0</t>
  </si>
  <si>
    <t>29.602</t>
  </si>
  <si>
    <t>37221.0</t>
  </si>
  <si>
    <t>6884940.0</t>
  </si>
  <si>
    <t>29.753</t>
  </si>
  <si>
    <t>37851.0</t>
  </si>
  <si>
    <t>6923857.0</t>
  </si>
  <si>
    <t>29.921</t>
  </si>
  <si>
    <t>6964337.0</t>
  </si>
  <si>
    <t>7002706.0</t>
  </si>
  <si>
    <t>38369.0</t>
  </si>
  <si>
    <t>30.262</t>
  </si>
  <si>
    <t>7043604.0</t>
  </si>
  <si>
    <t>38328.0</t>
  </si>
  <si>
    <t>7088014.0</t>
  </si>
  <si>
    <t>44410.0</t>
  </si>
  <si>
    <t>38331.0</t>
  </si>
  <si>
    <t>7122538.0</t>
  </si>
  <si>
    <t>7162626.0</t>
  </si>
  <si>
    <t>30.953</t>
  </si>
  <si>
    <t>39669.0</t>
  </si>
  <si>
    <t>7202076.0</t>
  </si>
  <si>
    <t>7243650.0</t>
  </si>
  <si>
    <t>31.303</t>
  </si>
  <si>
    <t>7284009.0</t>
  </si>
  <si>
    <t>7326431.0</t>
  </si>
  <si>
    <t>31.661</t>
  </si>
  <si>
    <t>7367622.0</t>
  </si>
  <si>
    <t>31.839</t>
  </si>
  <si>
    <t>7405571.0</t>
  </si>
  <si>
    <t>37949.0</t>
  </si>
  <si>
    <t>7442084.0</t>
  </si>
  <si>
    <t>36513.0</t>
  </si>
  <si>
    <t>32.161</t>
  </si>
  <si>
    <t>39923.0</t>
  </si>
  <si>
    <t>7481688.0</t>
  </si>
  <si>
    <t>39945.0</t>
  </si>
  <si>
    <t>7525432.0</t>
  </si>
  <si>
    <t>43744.0</t>
  </si>
  <si>
    <t>32.521</t>
  </si>
  <si>
    <t>7561977.0</t>
  </si>
  <si>
    <t>32.679</t>
  </si>
  <si>
    <t>7602380.0</t>
  </si>
  <si>
    <t>39421.0</t>
  </si>
  <si>
    <t>7642665.0</t>
  </si>
  <si>
    <t>33.028</t>
  </si>
  <si>
    <t>39292.0</t>
  </si>
  <si>
    <t>7680242.0</t>
  </si>
  <si>
    <t>39239.0</t>
  </si>
  <si>
    <t>7722829.0</t>
  </si>
  <si>
    <t>7764114.0</t>
  </si>
  <si>
    <t>7804935.0</t>
  </si>
  <si>
    <t>40821.0</t>
  </si>
  <si>
    <t>7848316.0</t>
  </si>
  <si>
    <t>7889741.0</t>
  </si>
  <si>
    <t>34.095</t>
  </si>
  <si>
    <t>7932196.0</t>
  </si>
  <si>
    <t>7966981.0</t>
  </si>
  <si>
    <t>8005794.0</t>
  </si>
  <si>
    <t>34.597</t>
  </si>
  <si>
    <t>8041254.0</t>
  </si>
  <si>
    <t>8085427.0</t>
  </si>
  <si>
    <t>44173.0</t>
  </si>
  <si>
    <t>40070.0</t>
  </si>
  <si>
    <t>8122447.0</t>
  </si>
  <si>
    <t>37020.0</t>
  </si>
  <si>
    <t>35.101</t>
  </si>
  <si>
    <t>8224869.0</t>
  </si>
  <si>
    <t>8325543.0</t>
  </si>
  <si>
    <t>35.979</t>
  </si>
  <si>
    <t>8360823.0</t>
  </si>
  <si>
    <t>34054.0</t>
  </si>
  <si>
    <t>34410.0</t>
  </si>
  <si>
    <t>8434098.0</t>
  </si>
  <si>
    <t>36.448</t>
  </si>
  <si>
    <t>8466117.0</t>
  </si>
  <si>
    <t>32019.0</t>
  </si>
  <si>
    <t>8498022.0</t>
  </si>
  <si>
    <t>36.724</t>
  </si>
  <si>
    <t>8531218.0</t>
  </si>
  <si>
    <t>33196.0</t>
  </si>
  <si>
    <t>36.868</t>
  </si>
  <si>
    <t>8567761.0</t>
  </si>
  <si>
    <t>36543.0</t>
  </si>
  <si>
    <t>37.025</t>
  </si>
  <si>
    <t>8602515.0</t>
  </si>
  <si>
    <t>34754.0</t>
  </si>
  <si>
    <t>37.176</t>
  </si>
  <si>
    <t>8644847.0</t>
  </si>
  <si>
    <t>35341.0</t>
  </si>
  <si>
    <t>8686242.0</t>
  </si>
  <si>
    <t>41395.0</t>
  </si>
  <si>
    <t>72882.0</t>
  </si>
  <si>
    <t>8718555.0</t>
  </si>
  <si>
    <t>8752533.0</t>
  </si>
  <si>
    <t>37.824</t>
  </si>
  <si>
    <t>8790986.0</t>
  </si>
  <si>
    <t>38453.0</t>
  </si>
  <si>
    <t>8831892.0</t>
  </si>
  <si>
    <t>38.167</t>
  </si>
  <si>
    <t>37733.0</t>
  </si>
  <si>
    <t>8873741.0</t>
  </si>
  <si>
    <t>38.348</t>
  </si>
  <si>
    <t>8912918.0</t>
  </si>
  <si>
    <t>38.517</t>
  </si>
  <si>
    <t>8951838.0</t>
  </si>
  <si>
    <t>38.685</t>
  </si>
  <si>
    <t>8990176.0</t>
  </si>
  <si>
    <t>38338.0</t>
  </si>
  <si>
    <t>38803.0</t>
  </si>
  <si>
    <t>9022124.0</t>
  </si>
  <si>
    <t>38.989</t>
  </si>
  <si>
    <t>9055069.0</t>
  </si>
  <si>
    <t>9097413.0</t>
  </si>
  <si>
    <t>37932.0</t>
  </si>
  <si>
    <t>9135393.0</t>
  </si>
  <si>
    <t>39.478</t>
  </si>
  <si>
    <t>9173593.0</t>
  </si>
  <si>
    <t>39.644</t>
  </si>
  <si>
    <t>37239.0</t>
  </si>
  <si>
    <t>9212480.0</t>
  </si>
  <si>
    <t>38887.0</t>
  </si>
  <si>
    <t>39.812</t>
  </si>
  <si>
    <t>9246827.0</t>
  </si>
  <si>
    <t>9402639.0</t>
  </si>
  <si>
    <t>39273.0</t>
  </si>
  <si>
    <t>9529763.0</t>
  </si>
  <si>
    <t>41.183</t>
  </si>
  <si>
    <t>40419.0</t>
  </si>
  <si>
    <t>9691087.0</t>
  </si>
  <si>
    <t>41138.0</t>
  </si>
  <si>
    <t>26471.0</t>
  </si>
  <si>
    <t>9817491.0</t>
  </si>
  <si>
    <t>9857233.0</t>
  </si>
  <si>
    <t>42.598</t>
  </si>
  <si>
    <t>9934373.0</t>
  </si>
  <si>
    <t>9976791.0</t>
  </si>
  <si>
    <t>10021070.0</t>
  </si>
  <si>
    <t>43.306</t>
  </si>
  <si>
    <t>41121.0</t>
  </si>
  <si>
    <t>10066726.0</t>
  </si>
  <si>
    <t>43.503</t>
  </si>
  <si>
    <t>41624.0</t>
  </si>
  <si>
    <t>10107095.0</t>
  </si>
  <si>
    <t>10153364.0</t>
  </si>
  <si>
    <t>46269.0</t>
  </si>
  <si>
    <t>43.878</t>
  </si>
  <si>
    <t>10197329.0</t>
  </si>
  <si>
    <t>43965.0</t>
  </si>
  <si>
    <t>44.068</t>
  </si>
  <si>
    <t>10247374.0</t>
  </si>
  <si>
    <t>10297544.0</t>
  </si>
  <si>
    <t>10347730.0</t>
  </si>
  <si>
    <t>50186.0</t>
  </si>
  <si>
    <t>44.718</t>
  </si>
  <si>
    <t>24868.0</t>
  </si>
  <si>
    <t>10403335.0</t>
  </si>
  <si>
    <t>48087.0</t>
  </si>
  <si>
    <t>10446697.0</t>
  </si>
  <si>
    <t>45.145</t>
  </si>
  <si>
    <t>48515.0</t>
  </si>
  <si>
    <t>10493362.0</t>
  </si>
  <si>
    <t>46665.0</t>
  </si>
  <si>
    <t>45.347</t>
  </si>
  <si>
    <t>936383.0</t>
  </si>
  <si>
    <t>10535061.0</t>
  </si>
  <si>
    <t>45.527</t>
  </si>
  <si>
    <t>48247.0</t>
  </si>
  <si>
    <t>10584877.0</t>
  </si>
  <si>
    <t>45.742</t>
  </si>
  <si>
    <t>48215.0</t>
  </si>
  <si>
    <t>41610.0</t>
  </si>
  <si>
    <t>10639825.0</t>
  </si>
  <si>
    <t>10688894.0</t>
  </si>
  <si>
    <t>46.192</t>
  </si>
  <si>
    <t>10734960.0</t>
  </si>
  <si>
    <t>46.391</t>
  </si>
  <si>
    <t>47375.0</t>
  </si>
  <si>
    <t>47811.0</t>
  </si>
  <si>
    <t>10779474.0</t>
  </si>
  <si>
    <t>47540.0</t>
  </si>
  <si>
    <t>49878.0</t>
  </si>
  <si>
    <t>10829994.0</t>
  </si>
  <si>
    <t>46.802</t>
  </si>
  <si>
    <t>51945.0</t>
  </si>
  <si>
    <t>10878086.0</t>
  </si>
  <si>
    <t>47.009</t>
  </si>
  <si>
    <t>10942771.0</t>
  </si>
  <si>
    <t>47.289</t>
  </si>
  <si>
    <t>51128.0</t>
  </si>
  <si>
    <t>41810.0</t>
  </si>
  <si>
    <t>11007252.0</t>
  </si>
  <si>
    <t>47.568</t>
  </si>
  <si>
    <t>44114.0</t>
  </si>
  <si>
    <t>57687.0</t>
  </si>
  <si>
    <t>48724.0</t>
  </si>
  <si>
    <t>11204529.0</t>
  </si>
  <si>
    <t>11272531.0</t>
  </si>
  <si>
    <t>68002.0</t>
  </si>
  <si>
    <t>48.714</t>
  </si>
  <si>
    <t>63220.0</t>
  </si>
  <si>
    <t>11319832.0</t>
  </si>
  <si>
    <t>11377423.0</t>
  </si>
  <si>
    <t>57591.0</t>
  </si>
  <si>
    <t>49.167</t>
  </si>
  <si>
    <t>62093.0</t>
  </si>
  <si>
    <t>11431241.0</t>
  </si>
  <si>
    <t>60570.0</t>
  </si>
  <si>
    <t>11483643.0</t>
  </si>
  <si>
    <t>52402.0</t>
  </si>
  <si>
    <t>49.626</t>
  </si>
  <si>
    <t>11538771.0</t>
  </si>
  <si>
    <t>49.865</t>
  </si>
  <si>
    <t>57143.0</t>
  </si>
  <si>
    <t>11588932.0</t>
  </si>
  <si>
    <t>50.081</t>
  </si>
  <si>
    <t>11632913.0</t>
  </si>
  <si>
    <t>50.271</t>
  </si>
  <si>
    <t>11682014.0</t>
  </si>
  <si>
    <t>50.484</t>
  </si>
  <si>
    <t>51740.0</t>
  </si>
  <si>
    <t>2100000.0</t>
  </si>
  <si>
    <t>11739027.0</t>
  </si>
  <si>
    <t>66378.0</t>
  </si>
  <si>
    <t>11788126.0</t>
  </si>
  <si>
    <t>50.942</t>
  </si>
  <si>
    <t>79422.0</t>
  </si>
  <si>
    <t>53738.0</t>
  </si>
  <si>
    <t>11836866.0</t>
  </si>
  <si>
    <t>51.153</t>
  </si>
  <si>
    <t>50460.0</t>
  </si>
  <si>
    <t>92467.0</t>
  </si>
  <si>
    <t>11882141.0</t>
  </si>
  <si>
    <t>51.348</t>
  </si>
  <si>
    <t>105511.0</t>
  </si>
  <si>
    <t>54142.0</t>
  </si>
  <si>
    <t>11928095.0</t>
  </si>
  <si>
    <t>51.547</t>
  </si>
  <si>
    <t>48452.0</t>
  </si>
  <si>
    <t>118556.0</t>
  </si>
  <si>
    <t>11965682.0</t>
  </si>
  <si>
    <t>51.709</t>
  </si>
  <si>
    <t>47538.0</t>
  </si>
  <si>
    <t>2967870.0</t>
  </si>
  <si>
    <t>131600.0</t>
  </si>
  <si>
    <t>12010519.0</t>
  </si>
  <si>
    <t>3150122.0</t>
  </si>
  <si>
    <t>54748.0</t>
  </si>
  <si>
    <t>12056986.0</t>
  </si>
  <si>
    <t>52.104</t>
  </si>
  <si>
    <t>3320304.0</t>
  </si>
  <si>
    <t>170182.0</t>
  </si>
  <si>
    <t>153666.0</t>
  </si>
  <si>
    <t>12101832.0</t>
  </si>
  <si>
    <t>52.298</t>
  </si>
  <si>
    <t>44815.0</t>
  </si>
  <si>
    <t>12149935.0</t>
  </si>
  <si>
    <t>44724.0</t>
  </si>
  <si>
    <t>134335.0</t>
  </si>
  <si>
    <t>12190671.0</t>
  </si>
  <si>
    <t>44076.0</t>
  </si>
  <si>
    <t>124670.0</t>
  </si>
  <si>
    <t>12228427.0</t>
  </si>
  <si>
    <t>52.845</t>
  </si>
  <si>
    <t>115004.0</t>
  </si>
  <si>
    <t>12267310.0</t>
  </si>
  <si>
    <t>43090.0</t>
  </si>
  <si>
    <t>3705244.0</t>
  </si>
  <si>
    <t>2811726.0</t>
  </si>
  <si>
    <t>952518.0</t>
  </si>
  <si>
    <t>12310875.0</t>
  </si>
  <si>
    <t>53.201</t>
  </si>
  <si>
    <t>88664.0</t>
  </si>
  <si>
    <t>55451.0</t>
  </si>
  <si>
    <t>12349976.0</t>
  </si>
  <si>
    <t>3836291.0</t>
  </si>
  <si>
    <t>2931064.0</t>
  </si>
  <si>
    <t>964227.0</t>
  </si>
  <si>
    <t>73712.0</t>
  </si>
  <si>
    <t>56154.0</t>
  </si>
  <si>
    <t>12380676.0</t>
  </si>
  <si>
    <t>53.503</t>
  </si>
  <si>
    <t>81301.0</t>
  </si>
  <si>
    <t>12410924.0</t>
  </si>
  <si>
    <t>30248.0</t>
  </si>
  <si>
    <t>88889.0</t>
  </si>
  <si>
    <t>12444042.0</t>
  </si>
  <si>
    <t>53.777</t>
  </si>
  <si>
    <t>36196.0</t>
  </si>
  <si>
    <t>12480767.0</t>
  </si>
  <si>
    <t>36725.0</t>
  </si>
  <si>
    <t>53.935</t>
  </si>
  <si>
    <t>36049.0</t>
  </si>
  <si>
    <t>104066.0</t>
  </si>
  <si>
    <t>12510568.0</t>
  </si>
  <si>
    <t>54.064</t>
  </si>
  <si>
    <t>34751.0</t>
  </si>
  <si>
    <t>111654.0</t>
  </si>
  <si>
    <t>12552339.0</t>
  </si>
  <si>
    <t>41771.0</t>
  </si>
  <si>
    <t>54.245</t>
  </si>
  <si>
    <t>120880.0</t>
  </si>
  <si>
    <t>12603469.0</t>
  </si>
  <si>
    <t>54.466</t>
  </si>
  <si>
    <t>4747033.0</t>
  </si>
  <si>
    <t>3647933.0</t>
  </si>
  <si>
    <t>1156893.0</t>
  </si>
  <si>
    <t>130106.0</t>
  </si>
  <si>
    <t>102410.0</t>
  </si>
  <si>
    <t>12654997.0</t>
  </si>
  <si>
    <t>51528.0</t>
  </si>
  <si>
    <t>39189.0</t>
  </si>
  <si>
    <t>4956853.0</t>
  </si>
  <si>
    <t>3825314.0</t>
  </si>
  <si>
    <t>1193441.0</t>
  </si>
  <si>
    <t>209820.0</t>
  </si>
  <si>
    <t>141494.0</t>
  </si>
  <si>
    <t>113120.0</t>
  </si>
  <si>
    <t>12717235.0</t>
  </si>
  <si>
    <t>54.957</t>
  </si>
  <si>
    <t>142048.0</t>
  </si>
  <si>
    <t>12779296.0</t>
  </si>
  <si>
    <t>62061.0</t>
  </si>
  <si>
    <t>55.225</t>
  </si>
  <si>
    <t>142602.0</t>
  </si>
  <si>
    <t>114228.0</t>
  </si>
  <si>
    <t>12837818.0</t>
  </si>
  <si>
    <t>55.478</t>
  </si>
  <si>
    <t>51007.0</t>
  </si>
  <si>
    <t>5358808.0</t>
  </si>
  <si>
    <t>4144175.0</t>
  </si>
  <si>
    <t>1286429.0</t>
  </si>
  <si>
    <t>143156.0</t>
  </si>
  <si>
    <t>114782.0</t>
  </si>
  <si>
    <t>12884544.0</t>
  </si>
  <si>
    <t>161317.0</t>
  </si>
  <si>
    <t>126305.0</t>
  </si>
  <si>
    <t>12943620.0</t>
  </si>
  <si>
    <t>179478.0</t>
  </si>
  <si>
    <t>137828.0</t>
  </si>
  <si>
    <t>13006326.0</t>
  </si>
  <si>
    <t>62706.0</t>
  </si>
  <si>
    <t>57551.0</t>
  </si>
  <si>
    <t>6130509.0</t>
  </si>
  <si>
    <t>4693390.0</t>
  </si>
  <si>
    <t>1513144.0</t>
  </si>
  <si>
    <t>197639.0</t>
  </si>
  <si>
    <t>149351.0</t>
  </si>
  <si>
    <t>13057951.0</t>
  </si>
  <si>
    <t>146430.0</t>
  </si>
  <si>
    <t>13113393.0</t>
  </si>
  <si>
    <t>56.669</t>
  </si>
  <si>
    <t>217477.0</t>
  </si>
  <si>
    <t>13169358.0</t>
  </si>
  <si>
    <t>56.911</t>
  </si>
  <si>
    <t>55723.0</t>
  </si>
  <si>
    <t>232813.0</t>
  </si>
  <si>
    <t>160901.0</t>
  </si>
  <si>
    <t>13221581.0</t>
  </si>
  <si>
    <t>57.137</t>
  </si>
  <si>
    <t>54823.0</t>
  </si>
  <si>
    <t>248149.0</t>
  </si>
  <si>
    <t>168137.0</t>
  </si>
  <si>
    <t>13269214.0</t>
  </si>
  <si>
    <t>57.343</t>
  </si>
  <si>
    <t>7337187.0</t>
  </si>
  <si>
    <t>5478069.0</t>
  </si>
  <si>
    <t>1985005.0</t>
  </si>
  <si>
    <t>245878.0</t>
  </si>
  <si>
    <t>164403.0</t>
  </si>
  <si>
    <t>13316397.0</t>
  </si>
  <si>
    <t>47183.0</t>
  </si>
  <si>
    <t>57.547</t>
  </si>
  <si>
    <t>7648481.0</t>
  </si>
  <si>
    <t>5706680.0</t>
  </si>
  <si>
    <t>2076600.0</t>
  </si>
  <si>
    <t>311294.0</t>
  </si>
  <si>
    <t>253601.0</t>
  </si>
  <si>
    <t>170909.0</t>
  </si>
  <si>
    <t>13367920.0</t>
  </si>
  <si>
    <t>57.769</t>
  </si>
  <si>
    <t>51656.0</t>
  </si>
  <si>
    <t>7953574.0</t>
  </si>
  <si>
    <t>5920955.0</t>
  </si>
  <si>
    <t>2174169.0</t>
  </si>
  <si>
    <t>305093.0</t>
  </si>
  <si>
    <t>260438.0</t>
  </si>
  <si>
    <t>175366.0</t>
  </si>
  <si>
    <t>13420779.0</t>
  </si>
  <si>
    <t>52859.0</t>
  </si>
  <si>
    <t>57.998</t>
  </si>
  <si>
    <t>248118.0</t>
  </si>
  <si>
    <t>184627.0</t>
  </si>
  <si>
    <t>13471172.0</t>
  </si>
  <si>
    <t>50393.0</t>
  </si>
  <si>
    <t>58.215</t>
  </si>
  <si>
    <t>51111.0</t>
  </si>
  <si>
    <t>8263763.0</t>
  </si>
  <si>
    <t>6364470.0</t>
  </si>
  <si>
    <t>2310115.0</t>
  </si>
  <si>
    <t>235798.0</t>
  </si>
  <si>
    <t>193887.0</t>
  </si>
  <si>
    <t>13523599.0</t>
  </si>
  <si>
    <t>247612.0</t>
  </si>
  <si>
    <t>204230.0</t>
  </si>
  <si>
    <t>13572884.0</t>
  </si>
  <si>
    <t>49285.0</t>
  </si>
  <si>
    <t>58.655</t>
  </si>
  <si>
    <t>259426.0</t>
  </si>
  <si>
    <t>13619766.0</t>
  </si>
  <si>
    <t>50079.0</t>
  </si>
  <si>
    <t>271241.0</t>
  </si>
  <si>
    <t>224916.0</t>
  </si>
  <si>
    <t>13663666.0</t>
  </si>
  <si>
    <t>43900.0</t>
  </si>
  <si>
    <t>59.047</t>
  </si>
  <si>
    <t>9559910.0</t>
  </si>
  <si>
    <t>7281817.0</t>
  </si>
  <si>
    <t>2540238.0</t>
  </si>
  <si>
    <t>273061.0</t>
  </si>
  <si>
    <t>225020.0</t>
  </si>
  <si>
    <t>13705490.0</t>
  </si>
  <si>
    <t>59.228</t>
  </si>
  <si>
    <t>274063.0</t>
  </si>
  <si>
    <t>234973.0</t>
  </si>
  <si>
    <t>13745973.0</t>
  </si>
  <si>
    <t>59.403</t>
  </si>
  <si>
    <t>296493.0</t>
  </si>
  <si>
    <t>243857.0</t>
  </si>
  <si>
    <t>13781668.0</t>
  </si>
  <si>
    <t>35695.0</t>
  </si>
  <si>
    <t>59.557</t>
  </si>
  <si>
    <t>44357.0</t>
  </si>
  <si>
    <t>10496228.0</t>
  </si>
  <si>
    <t>8133654.0</t>
  </si>
  <si>
    <t>2851063.0</t>
  </si>
  <si>
    <t>318924.0</t>
  </si>
  <si>
    <t>252741.0</t>
  </si>
  <si>
    <t>13818036.0</t>
  </si>
  <si>
    <t>36368.0</t>
  </si>
  <si>
    <t>59.714</t>
  </si>
  <si>
    <t>10696402.0</t>
  </si>
  <si>
    <t>8323060.0</t>
  </si>
  <si>
    <t>2883959.0</t>
  </si>
  <si>
    <t>200174.0</t>
  </si>
  <si>
    <t>301229.0</t>
  </si>
  <si>
    <t>247036.0</t>
  </si>
  <si>
    <t>13857250.0</t>
  </si>
  <si>
    <t>59.884</t>
  </si>
  <si>
    <t>282751.0</t>
  </si>
  <si>
    <t>256059.0</t>
  </si>
  <si>
    <t>13892289.0</t>
  </si>
  <si>
    <t>60.035</t>
  </si>
  <si>
    <t>38932.0</t>
  </si>
  <si>
    <t>11085787.0</t>
  </si>
  <si>
    <t>8908051.0</t>
  </si>
  <si>
    <t>3006048.0</t>
  </si>
  <si>
    <t>265082.0</t>
  </si>
  <si>
    <t>13934493.0</t>
  </si>
  <si>
    <t>42204.0</t>
  </si>
  <si>
    <t>11745889.0</t>
  </si>
  <si>
    <t>9308890.0</t>
  </si>
  <si>
    <t>3107671.0</t>
  </si>
  <si>
    <t>660102.0</t>
  </si>
  <si>
    <t>289582.0</t>
  </si>
  <si>
    <t>13971689.0</t>
  </si>
  <si>
    <t>60.378</t>
  </si>
  <si>
    <t>12065211.0</t>
  </si>
  <si>
    <t>313314.0</t>
  </si>
  <si>
    <t>14026336.0</t>
  </si>
  <si>
    <t>54647.0</t>
  </si>
  <si>
    <t>60.615</t>
  </si>
  <si>
    <t>12483801.0</t>
  </si>
  <si>
    <t>418590.0</t>
  </si>
  <si>
    <t>328526.0</t>
  </si>
  <si>
    <t>283235.0</t>
  </si>
  <si>
    <t>14072605.0</t>
  </si>
  <si>
    <t>60.815</t>
  </si>
  <si>
    <t>41562.0</t>
  </si>
  <si>
    <t>12750760.0</t>
  </si>
  <si>
    <t>266959.0</t>
  </si>
  <si>
    <t>322076.0</t>
  </si>
  <si>
    <t>280061.0</t>
  </si>
  <si>
    <t>14113670.0</t>
  </si>
  <si>
    <t>41065.0</t>
  </si>
  <si>
    <t>60.992</t>
  </si>
  <si>
    <t>14148424.0</t>
  </si>
  <si>
    <t>61.142</t>
  </si>
  <si>
    <t>12977740.0</t>
  </si>
  <si>
    <t>298092.0</t>
  </si>
  <si>
    <t>285998.0</t>
  </si>
  <si>
    <t>14187441.0</t>
  </si>
  <si>
    <t>61.311</t>
  </si>
  <si>
    <t>306466.0</t>
  </si>
  <si>
    <t>14232960.0</t>
  </si>
  <si>
    <t>61.507</t>
  </si>
  <si>
    <t>13484364.0</t>
  </si>
  <si>
    <t>248354.0</t>
  </si>
  <si>
    <t>261731.0</t>
  </si>
  <si>
    <t>14279084.0</t>
  </si>
  <si>
    <t>46124.0</t>
  </si>
  <si>
    <t>61.707</t>
  </si>
  <si>
    <t>254024.0</t>
  </si>
  <si>
    <t>14325008.0</t>
  </si>
  <si>
    <t>245514.0</t>
  </si>
  <si>
    <t>14371850.0</t>
  </si>
  <si>
    <t>46842.0</t>
  </si>
  <si>
    <t>62.108</t>
  </si>
  <si>
    <t>258665.0</t>
  </si>
  <si>
    <t>14416394.0</t>
  </si>
  <si>
    <t>43246.0</t>
  </si>
  <si>
    <t>293740.0</t>
  </si>
  <si>
    <t>14460890.0</t>
  </si>
  <si>
    <t>44496.0</t>
  </si>
  <si>
    <t>62.492</t>
  </si>
  <si>
    <t>328815.0</t>
  </si>
  <si>
    <t>14502023.0</t>
  </si>
  <si>
    <t>41133.0</t>
  </si>
  <si>
    <t>44940.0</t>
  </si>
  <si>
    <t>343916.0</t>
  </si>
  <si>
    <t>14544085.0</t>
  </si>
  <si>
    <t>62.852</t>
  </si>
  <si>
    <t>359017.0</t>
  </si>
  <si>
    <t>14590230.0</t>
  </si>
  <si>
    <t>63.051</t>
  </si>
  <si>
    <t>16356499.0</t>
  </si>
  <si>
    <t>13234851.0</t>
  </si>
  <si>
    <t>14637171.0</t>
  </si>
  <si>
    <t>46941.0</t>
  </si>
  <si>
    <t>333316.0</t>
  </si>
  <si>
    <t>243837.0</t>
  </si>
  <si>
    <t>14685198.0</t>
  </si>
  <si>
    <t>48027.0</t>
  </si>
  <si>
    <t>16714717.0</t>
  </si>
  <si>
    <t>13507802.0</t>
  </si>
  <si>
    <t>307615.0</t>
  </si>
  <si>
    <t>225944.0</t>
  </si>
  <si>
    <t>14733030.0</t>
  </si>
  <si>
    <t>47832.0</t>
  </si>
  <si>
    <t>63.669</t>
  </si>
  <si>
    <t>17390346.0</t>
  </si>
  <si>
    <t>14026856.0</t>
  </si>
  <si>
    <t>675629.0</t>
  </si>
  <si>
    <t>352845.0</t>
  </si>
  <si>
    <t>262704.0</t>
  </si>
  <si>
    <t>14778275.0</t>
  </si>
  <si>
    <t>63.864</t>
  </si>
  <si>
    <t>341456.0</t>
  </si>
  <si>
    <t>257282.0</t>
  </si>
  <si>
    <t>14815639.0</t>
  </si>
  <si>
    <t>64.026</t>
  </si>
  <si>
    <t>330068.0</t>
  </si>
  <si>
    <t>251860.0</t>
  </si>
  <si>
    <t>14861926.0</t>
  </si>
  <si>
    <t>64.226</t>
  </si>
  <si>
    <t>45406.0</t>
  </si>
  <si>
    <t>18228235.0</t>
  </si>
  <si>
    <t>14698191.0</t>
  </si>
  <si>
    <t>318679.0</t>
  </si>
  <si>
    <t>246439.0</t>
  </si>
  <si>
    <t>14911743.0</t>
  </si>
  <si>
    <t>64.441</t>
  </si>
  <si>
    <t>45930.0</t>
  </si>
  <si>
    <t>307349.0</t>
  </si>
  <si>
    <t>238676.0</t>
  </si>
  <si>
    <t>14960221.0</t>
  </si>
  <si>
    <t>46150.0</t>
  </si>
  <si>
    <t>321720.0</t>
  </si>
  <si>
    <t>248807.0</t>
  </si>
  <si>
    <t>15008355.0</t>
  </si>
  <si>
    <t>64.858</t>
  </si>
  <si>
    <t>46165.0</t>
  </si>
  <si>
    <t>19067352.0</t>
  </si>
  <si>
    <t>15320363.0</t>
  </si>
  <si>
    <t>258937.0</t>
  </si>
  <si>
    <t>15056787.0</t>
  </si>
  <si>
    <t>19883900.0</t>
  </si>
  <si>
    <t>15941609.0</t>
  </si>
  <si>
    <t>816548.0</t>
  </si>
  <si>
    <t>356222.0</t>
  </si>
  <si>
    <t>273536.0</t>
  </si>
  <si>
    <t>15103802.0</t>
  </si>
  <si>
    <t>65.271</t>
  </si>
  <si>
    <t>46504.0</t>
  </si>
  <si>
    <t>363206.0</t>
  </si>
  <si>
    <t>277564.0</t>
  </si>
  <si>
    <t>15152403.0</t>
  </si>
  <si>
    <t>48601.0</t>
  </si>
  <si>
    <t>65.481</t>
  </si>
  <si>
    <t>20540263.0</t>
  </si>
  <si>
    <t>16445560.0</t>
  </si>
  <si>
    <t>370189.0</t>
  </si>
  <si>
    <t>281592.0</t>
  </si>
  <si>
    <t>15199875.0</t>
  </si>
  <si>
    <t>47472.0</t>
  </si>
  <si>
    <t>65.686</t>
  </si>
  <si>
    <t>21076550.0</t>
  </si>
  <si>
    <t>16867090.0</t>
  </si>
  <si>
    <t>536287.0</t>
  </si>
  <si>
    <t>406902.0</t>
  </si>
  <si>
    <t>309843.0</t>
  </si>
  <si>
    <t>15248785.0</t>
  </si>
  <si>
    <t>48910.0</t>
  </si>
  <si>
    <t>65.897</t>
  </si>
  <si>
    <t>21660650.0</t>
  </si>
  <si>
    <t>17336845.0</t>
  </si>
  <si>
    <t>584100.0</t>
  </si>
  <si>
    <t>450387.0</t>
  </si>
  <si>
    <t>347323.0</t>
  </si>
  <si>
    <t>15286475.0</t>
  </si>
  <si>
    <t>37690.0</t>
  </si>
  <si>
    <t>46608.0</t>
  </si>
  <si>
    <t>22222701.0</t>
  </si>
  <si>
    <t>17775640.0</t>
  </si>
  <si>
    <t>380381.0</t>
  </si>
  <si>
    <t>15345158.0</t>
  </si>
  <si>
    <t>48115.0</t>
  </si>
  <si>
    <t>22735993.0</t>
  </si>
  <si>
    <t>18185297.0</t>
  </si>
  <si>
    <t>513292.0</t>
  </si>
  <si>
    <t>524092.0</t>
  </si>
  <si>
    <t>409276.0</t>
  </si>
  <si>
    <t>15393974.0</t>
  </si>
  <si>
    <t>456034.0</t>
  </si>
  <si>
    <t>350287.0</t>
  </si>
  <si>
    <t>457744.0</t>
  </si>
  <si>
    <t>344050.0</t>
  </si>
  <si>
    <t>15484282.0</t>
  </si>
  <si>
    <t>66.915</t>
  </si>
  <si>
    <t>459454.0</t>
  </si>
  <si>
    <t>24096587.0</t>
  </si>
  <si>
    <t>431434.0</t>
  </si>
  <si>
    <t>307354.0</t>
  </si>
  <si>
    <t>380913.0</t>
  </si>
  <si>
    <t>270006.0</t>
  </si>
  <si>
    <t>15584899.0</t>
  </si>
  <si>
    <t>42632.0</t>
  </si>
  <si>
    <t>237081.0</t>
  </si>
  <si>
    <t>293137.0</t>
  </si>
  <si>
    <t>40245.0</t>
  </si>
  <si>
    <t>277466.0</t>
  </si>
  <si>
    <t>25248858.0</t>
  </si>
  <si>
    <t>20060157.0</t>
  </si>
  <si>
    <t>5188701.0</t>
  </si>
  <si>
    <t>15766473.0</t>
  </si>
  <si>
    <t>68.135</t>
  </si>
  <si>
    <t>284587.0</t>
  </si>
  <si>
    <t>43627.0</t>
  </si>
  <si>
    <t>26248235.0</t>
  </si>
  <si>
    <t>20769363.0</t>
  </si>
  <si>
    <t>307378.0</t>
  </si>
  <si>
    <t>250114.0</t>
  </si>
  <si>
    <t>27875999.0</t>
  </si>
  <si>
    <t>21968070.0</t>
  </si>
  <si>
    <t>1627764.0</t>
  </si>
  <si>
    <t>506994.0</t>
  </si>
  <si>
    <t>391598.0</t>
  </si>
  <si>
    <t>15936674.0</t>
  </si>
  <si>
    <t>50254.0</t>
  </si>
  <si>
    <t>28743225.0</t>
  </si>
  <si>
    <t>22638911.0</t>
  </si>
  <si>
    <t>867226.0</t>
  </si>
  <si>
    <t>597961.0</t>
  </si>
  <si>
    <t>457672.0</t>
  </si>
  <si>
    <t>29648055.0</t>
  </si>
  <si>
    <t>23335634.0</t>
  </si>
  <si>
    <t>904830.0</t>
  </si>
  <si>
    <t>694301.0</t>
  </si>
  <si>
    <t>527445.0</t>
  </si>
  <si>
    <t>53117.0</t>
  </si>
  <si>
    <t>30590183.0</t>
  </si>
  <si>
    <t>24086196.0</t>
  </si>
  <si>
    <t>942128.0</t>
  </si>
  <si>
    <t>795968.0</t>
  </si>
  <si>
    <t>604908.0</t>
  </si>
  <si>
    <t>939439.0</t>
  </si>
  <si>
    <t>722311.0</t>
  </si>
  <si>
    <t>16158330.0</t>
  </si>
  <si>
    <t>69.828</t>
  </si>
  <si>
    <t>55980.0</t>
  </si>
  <si>
    <t>33059676.0</t>
  </si>
  <si>
    <t>26146476.0</t>
  </si>
  <si>
    <t>1044447.0</t>
  </si>
  <si>
    <t>818817.0</t>
  </si>
  <si>
    <t>34204053.0</t>
  </si>
  <si>
    <t>27117311.0</t>
  </si>
  <si>
    <t>1144377.0</t>
  </si>
  <si>
    <t>1136545.0</t>
  </si>
  <si>
    <t>906850.0</t>
  </si>
  <si>
    <t>35306892.0</t>
  </si>
  <si>
    <t>28067624.0</t>
  </si>
  <si>
    <t>1102839.0</t>
  </si>
  <si>
    <t>1061556.0</t>
  </si>
  <si>
    <t>871365.0</t>
  </si>
  <si>
    <t>16336171.0</t>
  </si>
  <si>
    <t>70.596</t>
  </si>
  <si>
    <t>36331025.0</t>
  </si>
  <si>
    <t>28885841.0</t>
  </si>
  <si>
    <t>1083971.0</t>
  </si>
  <si>
    <t>892419.0</t>
  </si>
  <si>
    <t>16393404.0</t>
  </si>
  <si>
    <t>57233.0</t>
  </si>
  <si>
    <t>57331.0</t>
  </si>
  <si>
    <t>37424706.0</t>
  </si>
  <si>
    <t>29789315.0</t>
  </si>
  <si>
    <t>1093681.0</t>
  </si>
  <si>
    <t>1110950.0</t>
  </si>
  <si>
    <t>921954.0</t>
  </si>
  <si>
    <t>16448406.0</t>
  </si>
  <si>
    <t>1069045.0</t>
  </si>
  <si>
    <t>895582.0</t>
  </si>
  <si>
    <t>16501934.0</t>
  </si>
  <si>
    <t>53528.0</t>
  </si>
  <si>
    <t>38722292.0</t>
  </si>
  <si>
    <t>30921232.0</t>
  </si>
  <si>
    <t>10897649.0</t>
  </si>
  <si>
    <t>985338.0</t>
  </si>
  <si>
    <t>829271.0</t>
  </si>
  <si>
    <t>16551440.0</t>
  </si>
  <si>
    <t>49506.0</t>
  </si>
  <si>
    <t>71.527</t>
  </si>
  <si>
    <t>56159.0</t>
  </si>
  <si>
    <t>39712007.0</t>
  </si>
  <si>
    <t>31779365.0</t>
  </si>
  <si>
    <t>11229247.0</t>
  </si>
  <si>
    <t>989715.0</t>
  </si>
  <si>
    <t>950333.0</t>
  </si>
  <si>
    <t>804698.0</t>
  </si>
  <si>
    <t>16616130.0</t>
  </si>
  <si>
    <t>64690.0</t>
  </si>
  <si>
    <t>71.806</t>
  </si>
  <si>
    <t>40664110.0</t>
  </si>
  <si>
    <t>32607884.0</t>
  </si>
  <si>
    <t>11497462.0</t>
  </si>
  <si>
    <t>952103.0</t>
  </si>
  <si>
    <t>922865.0</t>
  </si>
  <si>
    <t>784368.0</t>
  </si>
  <si>
    <t>16675527.0</t>
  </si>
  <si>
    <t>59397.0</t>
  </si>
  <si>
    <t>72.063</t>
  </si>
  <si>
    <t>41467713.0</t>
  </si>
  <si>
    <t>33301594.0</t>
  </si>
  <si>
    <t>11646699.0</t>
  </si>
  <si>
    <t>803603.0</t>
  </si>
  <si>
    <t>880117.0</t>
  </si>
  <si>
    <t>747710.0</t>
  </si>
  <si>
    <t>16735031.0</t>
  </si>
  <si>
    <t>59504.0</t>
  </si>
  <si>
    <t>56980.0</t>
  </si>
  <si>
    <t>42173424.0</t>
  </si>
  <si>
    <t>33908397.0</t>
  </si>
  <si>
    <t>11956552.0</t>
  </si>
  <si>
    <t>705711.0</t>
  </si>
  <si>
    <t>834628.0</t>
  </si>
  <si>
    <t>717508.0</t>
  </si>
  <si>
    <t>16794167.0</t>
  </si>
  <si>
    <t>59136.0</t>
  </si>
  <si>
    <t>715183.0</t>
  </si>
  <si>
    <t>619506.0</t>
  </si>
  <si>
    <t>56824.0</t>
  </si>
  <si>
    <t>42688545.0</t>
  </si>
  <si>
    <t>34343317.0</t>
  </si>
  <si>
    <t>12104373.0</t>
  </si>
  <si>
    <t>659292.0</t>
  </si>
  <si>
    <t>569720.0</t>
  </si>
  <si>
    <t>56607.0</t>
  </si>
  <si>
    <t>683298.0</t>
  </si>
  <si>
    <t>576106.0</t>
  </si>
  <si>
    <t>16950196.0</t>
  </si>
  <si>
    <t>56965.0</t>
  </si>
  <si>
    <t>44322217.0</t>
  </si>
  <si>
    <t>35564636.0</t>
  </si>
  <si>
    <t>12658359.0</t>
  </si>
  <si>
    <t>658601.0</t>
  </si>
  <si>
    <t>540753.0</t>
  </si>
  <si>
    <t>17007656.0</t>
  </si>
  <si>
    <t>73.498</t>
  </si>
  <si>
    <t>55932.0</t>
  </si>
  <si>
    <t>44736977.0</t>
  </si>
  <si>
    <t>35873735.0</t>
  </si>
  <si>
    <t>12795662.0</t>
  </si>
  <si>
    <t>414760.0</t>
  </si>
  <si>
    <t>581838.0</t>
  </si>
  <si>
    <t>466550.0</t>
  </si>
  <si>
    <t>17063290.0</t>
  </si>
  <si>
    <t>73.739</t>
  </si>
  <si>
    <t>55395.0</t>
  </si>
  <si>
    <t>524412.0</t>
  </si>
  <si>
    <t>409211.0</t>
  </si>
  <si>
    <t>17115272.0</t>
  </si>
  <si>
    <t>73.963</t>
  </si>
  <si>
    <t>45540221.0</t>
  </si>
  <si>
    <t>36458408.0</t>
  </si>
  <si>
    <t>13022591.0</t>
  </si>
  <si>
    <t>364287.0</t>
  </si>
  <si>
    <t>17169042.0</t>
  </si>
  <si>
    <t>74.196</t>
  </si>
  <si>
    <t>53554.0</t>
  </si>
  <si>
    <t>46456077.0</t>
  </si>
  <si>
    <t>37043561.0</t>
  </si>
  <si>
    <t>13434605.0</t>
  </si>
  <si>
    <t>915856.0</t>
  </si>
  <si>
    <t>575013.0</t>
  </si>
  <si>
    <t>416815.0</t>
  </si>
  <si>
    <t>53796.0</t>
  </si>
  <si>
    <t>602315.0</t>
  </si>
  <si>
    <t>427658.0</t>
  </si>
  <si>
    <t>17276450.0</t>
  </si>
  <si>
    <t>382330.0</t>
  </si>
  <si>
    <t>47802106.0</t>
  </si>
  <si>
    <t>37923650.0</t>
  </si>
  <si>
    <t>13970584.0</t>
  </si>
  <si>
    <t>497127.0</t>
  </si>
  <si>
    <t>337002.0</t>
  </si>
  <si>
    <t>17397803.0</t>
  </si>
  <si>
    <t>75.184</t>
  </si>
  <si>
    <t>665238.0</t>
  </si>
  <si>
    <t>17459249.0</t>
  </si>
  <si>
    <t>61446.0</t>
  </si>
  <si>
    <t>56566.0</t>
  </si>
  <si>
    <t>50985184.0</t>
  </si>
  <si>
    <t>39951787.0</t>
  </si>
  <si>
    <t>15269699.0</t>
  </si>
  <si>
    <t>835226.0</t>
  </si>
  <si>
    <t>540816.0</t>
  </si>
  <si>
    <t>17520285.0</t>
  </si>
  <si>
    <t>61036.0</t>
  </si>
  <si>
    <t>75.714</t>
  </si>
  <si>
    <t>888778.0</t>
  </si>
  <si>
    <t>571711.0</t>
  </si>
  <si>
    <t>17585023.0</t>
  </si>
  <si>
    <t>75.993</t>
  </si>
  <si>
    <t>59426.0</t>
  </si>
  <si>
    <t>868867.0</t>
  </si>
  <si>
    <t>560775.0</t>
  </si>
  <si>
    <t>17647941.0</t>
  </si>
  <si>
    <t>76.265</t>
  </si>
  <si>
    <t>53314628.0</t>
  </si>
  <si>
    <t>41477587.0</t>
  </si>
  <si>
    <t>16171867.0</t>
  </si>
  <si>
    <t>915696.0</t>
  </si>
  <si>
    <t>591523.0</t>
  </si>
  <si>
    <t>17704220.0</t>
  </si>
  <si>
    <t>56279.0</t>
  </si>
  <si>
    <t>76.508</t>
  </si>
  <si>
    <t>1098301.0</t>
  </si>
  <si>
    <t>714921.0</t>
  </si>
  <si>
    <t>17756332.0</t>
  </si>
  <si>
    <t>52112.0</t>
  </si>
  <si>
    <t>76.734</t>
  </si>
  <si>
    <t>59886.0</t>
  </si>
  <si>
    <t>56768446.0</t>
  </si>
  <si>
    <t>43791885.0</t>
  </si>
  <si>
    <t>17455249.0</t>
  </si>
  <si>
    <t>1280906.0</t>
  </si>
  <si>
    <t>838319.0</t>
  </si>
  <si>
    <t>17809969.0</t>
  </si>
  <si>
    <t>53637.0</t>
  </si>
  <si>
    <t>76.965</t>
  </si>
  <si>
    <t>58881.0</t>
  </si>
  <si>
    <t>58156714.0</t>
  </si>
  <si>
    <t>44701679.0</t>
  </si>
  <si>
    <t>18004529.0</t>
  </si>
  <si>
    <t>1388268.0</t>
  </si>
  <si>
    <t>1251867.0</t>
  </si>
  <si>
    <t>823423.0</t>
  </si>
  <si>
    <t>17871620.0</t>
  </si>
  <si>
    <t>61651.0</t>
  </si>
  <si>
    <t>77.232</t>
  </si>
  <si>
    <t>59384758.0</t>
  </si>
  <si>
    <t>45498115.0</t>
  </si>
  <si>
    <t>18512319.0</t>
  </si>
  <si>
    <t>1228044.0</t>
  </si>
  <si>
    <t>1199939.0</t>
  </si>
  <si>
    <t>792333.0</t>
  </si>
  <si>
    <t>17931365.0</t>
  </si>
  <si>
    <t>1200433.0</t>
  </si>
  <si>
    <t>793769.0</t>
  </si>
  <si>
    <t>17995418.0</t>
  </si>
  <si>
    <t>77.767</t>
  </si>
  <si>
    <t>1200928.0</t>
  </si>
  <si>
    <t>795206.0</t>
  </si>
  <si>
    <t>18053326.0</t>
  </si>
  <si>
    <t>57908.0</t>
  </si>
  <si>
    <t>78.017</t>
  </si>
  <si>
    <t>61724580.0</t>
  </si>
  <si>
    <t>47054090.0</t>
  </si>
  <si>
    <t>19427419.0</t>
  </si>
  <si>
    <t>1201422.0</t>
  </si>
  <si>
    <t>796643.0</t>
  </si>
  <si>
    <t>18110457.0</t>
  </si>
  <si>
    <t>57131.0</t>
  </si>
  <si>
    <t>78.264</t>
  </si>
  <si>
    <t>58034.0</t>
  </si>
  <si>
    <t>63319214.0</t>
  </si>
  <si>
    <t>48106755.0</t>
  </si>
  <si>
    <t>20058377.0</t>
  </si>
  <si>
    <t>1594634.0</t>
  </si>
  <si>
    <t>1182525.0</t>
  </si>
  <si>
    <t>781717.0</t>
  </si>
  <si>
    <t>18162771.0</t>
  </si>
  <si>
    <t>52314.0</t>
  </si>
  <si>
    <t>64554859.0</t>
  </si>
  <si>
    <t>48943904.0</t>
  </si>
  <si>
    <t>20525969.0</t>
  </si>
  <si>
    <t>1235645.0</t>
  </si>
  <si>
    <t>1112345.0</t>
  </si>
  <si>
    <t>736003.0</t>
  </si>
  <si>
    <t>65505999.0</t>
  </si>
  <si>
    <t>49572385.0</t>
  </si>
  <si>
    <t>20912015.0</t>
  </si>
  <si>
    <t>951140.0</t>
  </si>
  <si>
    <t>1049898.0</t>
  </si>
  <si>
    <t>695815.0</t>
  </si>
  <si>
    <t>18286469.0</t>
  </si>
  <si>
    <t>59264.0</t>
  </si>
  <si>
    <t>66456245.0</t>
  </si>
  <si>
    <t>50195479.0</t>
  </si>
  <si>
    <t>21292706.0</t>
  </si>
  <si>
    <t>950246.0</t>
  </si>
  <si>
    <t>1010212.0</t>
  </si>
  <si>
    <t>671052.0</t>
  </si>
  <si>
    <t>18347597.0</t>
  </si>
  <si>
    <t>79.289</t>
  </si>
  <si>
    <t>67342288.0</t>
  </si>
  <si>
    <t>50803582.0</t>
  </si>
  <si>
    <t>21613626.0</t>
  </si>
  <si>
    <t>886043.0</t>
  </si>
  <si>
    <t>1025370.0</t>
  </si>
  <si>
    <t>683830.0</t>
  </si>
  <si>
    <t>18410778.0</t>
  </si>
  <si>
    <t>977168.0</t>
  </si>
  <si>
    <t>651680.0</t>
  </si>
  <si>
    <t>18468570.0</t>
  </si>
  <si>
    <t>57792.0</t>
  </si>
  <si>
    <t>79.812</t>
  </si>
  <si>
    <t>68227337.0</t>
  </si>
  <si>
    <t>51390802.0</t>
  </si>
  <si>
    <t>21962455.0</t>
  </si>
  <si>
    <t>928965.0</t>
  </si>
  <si>
    <t>619530.0</t>
  </si>
  <si>
    <t>18521728.0</t>
  </si>
  <si>
    <t>80.041</t>
  </si>
  <si>
    <t>856564.0</t>
  </si>
  <si>
    <t>569723.0</t>
  </si>
  <si>
    <t>18568658.0</t>
  </si>
  <si>
    <t>46930.0</t>
  </si>
  <si>
    <t>80.244</t>
  </si>
  <si>
    <t>57984.0</t>
  </si>
  <si>
    <t>70402987.0</t>
  </si>
  <si>
    <t>52798836.0</t>
  </si>
  <si>
    <t>22873298.0</t>
  </si>
  <si>
    <t>835447.0</t>
  </si>
  <si>
    <t>764468.0</t>
  </si>
  <si>
    <t>503603.0</t>
  </si>
  <si>
    <t>18682730.0</t>
  </si>
  <si>
    <t>80.737</t>
  </si>
  <si>
    <t>71311567.0</t>
  </si>
  <si>
    <t>53396378.0</t>
  </si>
  <si>
    <t>23241257.0</t>
  </si>
  <si>
    <t>693617.0</t>
  </si>
  <si>
    <t>457271.0</t>
  </si>
  <si>
    <t>18740356.0</t>
  </si>
  <si>
    <t>57626.0</t>
  </si>
  <si>
    <t>80.986</t>
  </si>
  <si>
    <t>72986511.0</t>
  </si>
  <si>
    <t>54436916.0</t>
  </si>
  <si>
    <t>23966026.0</t>
  </si>
  <si>
    <t>1674944.0</t>
  </si>
  <si>
    <t>806318.0</t>
  </si>
  <si>
    <t>519048.0</t>
  </si>
  <si>
    <t>18797433.0</t>
  </si>
  <si>
    <t>57077.0</t>
  </si>
  <si>
    <t>803476.0</t>
  </si>
  <si>
    <t>511569.0</t>
  </si>
  <si>
    <t>18852460.0</t>
  </si>
  <si>
    <t>55027.0</t>
  </si>
  <si>
    <t>81.471</t>
  </si>
  <si>
    <t>73831778.0</t>
  </si>
  <si>
    <t>54919437.0</t>
  </si>
  <si>
    <t>24376310.0</t>
  </si>
  <si>
    <t>800634.0</t>
  </si>
  <si>
    <t>504091.0</t>
  </si>
  <si>
    <t>18903808.0</t>
  </si>
  <si>
    <t>51348.0</t>
  </si>
  <si>
    <t>81.692</t>
  </si>
  <si>
    <t>54583.0</t>
  </si>
  <si>
    <t>74837117.0</t>
  </si>
  <si>
    <t>55490525.0</t>
  </si>
  <si>
    <t>24868018.0</t>
  </si>
  <si>
    <t>1005339.0</t>
  </si>
  <si>
    <t>788851.0</t>
  </si>
  <si>
    <t>485101.0</t>
  </si>
  <si>
    <t>18950039.0</t>
  </si>
  <si>
    <t>81.892</t>
  </si>
  <si>
    <t>726616.0</t>
  </si>
  <si>
    <t>437308.0</t>
  </si>
  <si>
    <t>19001178.0</t>
  </si>
  <si>
    <t>82.113</t>
  </si>
  <si>
    <t>53641.0</t>
  </si>
  <si>
    <t>76141484.0</t>
  </si>
  <si>
    <t>56229457.0</t>
  </si>
  <si>
    <t>25493964.0</t>
  </si>
  <si>
    <t>754887.0</t>
  </si>
  <si>
    <t>447407.0</t>
  </si>
  <si>
    <t>19049329.0</t>
  </si>
  <si>
    <t>82.321</t>
  </si>
  <si>
    <t>786895.0</t>
  </si>
  <si>
    <t>452376.0</t>
  </si>
  <si>
    <t>19102117.0</t>
  </si>
  <si>
    <t>82.549</t>
  </si>
  <si>
    <t>644523.0</t>
  </si>
  <si>
    <t>351378.0</t>
  </si>
  <si>
    <t>19147075.0</t>
  </si>
  <si>
    <t>82.744</t>
  </si>
  <si>
    <t>49949.0</t>
  </si>
  <si>
    <t>681053.0</t>
  </si>
  <si>
    <t>364563.0</t>
  </si>
  <si>
    <t>19191787.0</t>
  </si>
  <si>
    <t>44712.0</t>
  </si>
  <si>
    <t>82.937</t>
  </si>
  <si>
    <t>717584.0</t>
  </si>
  <si>
    <t>19240519.0</t>
  </si>
  <si>
    <t>79533208.0</t>
  </si>
  <si>
    <t>57897219.0</t>
  </si>
  <si>
    <t>27331678.0</t>
  </si>
  <si>
    <t>670870.0</t>
  </si>
  <si>
    <t>343813.0</t>
  </si>
  <si>
    <t>19284635.0</t>
  </si>
  <si>
    <t>44116.0</t>
  </si>
  <si>
    <t>83.338</t>
  </si>
  <si>
    <t>80508569.0</t>
  </si>
  <si>
    <t>58405873.0</t>
  </si>
  <si>
    <t>27405873.0</t>
  </si>
  <si>
    <t>975361.0</t>
  </si>
  <si>
    <t>717038.0</t>
  </si>
  <si>
    <t>363697.0</t>
  </si>
  <si>
    <t>19333471.0</t>
  </si>
  <si>
    <t>48836.0</t>
  </si>
  <si>
    <t>83.549</t>
  </si>
  <si>
    <t>47470.0</t>
  </si>
  <si>
    <t>789711.0</t>
  </si>
  <si>
    <t>393725.0</t>
  </si>
  <si>
    <t>19386106.0</t>
  </si>
  <si>
    <t>83.777</t>
  </si>
  <si>
    <t>82830350.0</t>
  </si>
  <si>
    <t>59565195.0</t>
  </si>
  <si>
    <t>29054821.0</t>
  </si>
  <si>
    <t>858646.0</t>
  </si>
  <si>
    <t>428884.0</t>
  </si>
  <si>
    <t>47773.0</t>
  </si>
  <si>
    <t>897465.0</t>
  </si>
  <si>
    <t>451726.0</t>
  </si>
  <si>
    <t>19486951.0</t>
  </si>
  <si>
    <t>84.213</t>
  </si>
  <si>
    <t>936283.0</t>
  </si>
  <si>
    <t>474569.0</t>
  </si>
  <si>
    <t>49537.0</t>
  </si>
  <si>
    <t>497411.0</t>
  </si>
  <si>
    <t>19590145.0</t>
  </si>
  <si>
    <t>84.658</t>
  </si>
  <si>
    <t>86630655.0</t>
  </si>
  <si>
    <t>61538995.0</t>
  </si>
  <si>
    <t>31020211.0</t>
  </si>
  <si>
    <t>1013921.0</t>
  </si>
  <si>
    <t>520254.0</t>
  </si>
  <si>
    <t>19639052.0</t>
  </si>
  <si>
    <t>48907.0</t>
  </si>
  <si>
    <t>87741079.0</t>
  </si>
  <si>
    <t>62076090.0</t>
  </si>
  <si>
    <t>31632731.0</t>
  </si>
  <si>
    <t>1110424.0</t>
  </si>
  <si>
    <t>1033216.0</t>
  </si>
  <si>
    <t>524317.0</t>
  </si>
  <si>
    <t>19685529.0</t>
  </si>
  <si>
    <t>85.071</t>
  </si>
  <si>
    <t>50294.0</t>
  </si>
  <si>
    <t>1008703.0</t>
  </si>
  <si>
    <t>510840.0</t>
  </si>
  <si>
    <t>19736872.0</t>
  </si>
  <si>
    <t>51343.0</t>
  </si>
  <si>
    <t>85.293</t>
  </si>
  <si>
    <t>50109.0</t>
  </si>
  <si>
    <t>89719686.0</t>
  </si>
  <si>
    <t>63046740.0</t>
  </si>
  <si>
    <t>32723061.0</t>
  </si>
  <si>
    <t>984191.0</t>
  </si>
  <si>
    <t>497364.0</t>
  </si>
  <si>
    <t>19782491.0</t>
  </si>
  <si>
    <t>49423.0</t>
  </si>
  <si>
    <t>951234.0</t>
  </si>
  <si>
    <t>477485.0</t>
  </si>
  <si>
    <t>19827048.0</t>
  </si>
  <si>
    <t>85.682</t>
  </si>
  <si>
    <t>918277.0</t>
  </si>
  <si>
    <t>457606.0</t>
  </si>
  <si>
    <t>19867632.0</t>
  </si>
  <si>
    <t>85.858</t>
  </si>
  <si>
    <t>885320.0</t>
  </si>
  <si>
    <t>437727.0</t>
  </si>
  <si>
    <t>19911021.0</t>
  </si>
  <si>
    <t>86.045</t>
  </si>
  <si>
    <t>92597193.0</t>
  </si>
  <si>
    <t>64463928.0</t>
  </si>
  <si>
    <t>34299139.0</t>
  </si>
  <si>
    <t>852363.0</t>
  </si>
  <si>
    <t>417848.0</t>
  </si>
  <si>
    <t>19953497.0</t>
  </si>
  <si>
    <t>42476.0</t>
  </si>
  <si>
    <t>86.229</t>
  </si>
  <si>
    <t>44921.0</t>
  </si>
  <si>
    <t>93551193.0</t>
  </si>
  <si>
    <t>64947702.0</t>
  </si>
  <si>
    <t>34809848.0</t>
  </si>
  <si>
    <t>830016.0</t>
  </si>
  <si>
    <t>410230.0</t>
  </si>
  <si>
    <t>19997075.0</t>
  </si>
  <si>
    <t>43578.0</t>
  </si>
  <si>
    <t>86.417</t>
  </si>
  <si>
    <t>778982.0</t>
  </si>
  <si>
    <t>20045009.0</t>
  </si>
  <si>
    <t>47934.0</t>
  </si>
  <si>
    <t>86.624</t>
  </si>
  <si>
    <t>727948.0</t>
  </si>
  <si>
    <t>20098599.0</t>
  </si>
  <si>
    <t>86.856</t>
  </si>
  <si>
    <t>715475.0</t>
  </si>
  <si>
    <t>358373.0</t>
  </si>
  <si>
    <t>46074.0</t>
  </si>
  <si>
    <t>690528.0</t>
  </si>
  <si>
    <t>354768.0</t>
  </si>
  <si>
    <t>20235921.0</t>
  </si>
  <si>
    <t>87.449</t>
  </si>
  <si>
    <t>678055.0</t>
  </si>
  <si>
    <t>351163.0</t>
  </si>
  <si>
    <t>20279697.0</t>
  </si>
  <si>
    <t>632064.0</t>
  </si>
  <si>
    <t>329061.0</t>
  </si>
  <si>
    <t>20321823.0</t>
  </si>
  <si>
    <t>46393.0</t>
  </si>
  <si>
    <t>98607708.0</t>
  </si>
  <si>
    <t>67580193.0</t>
  </si>
  <si>
    <t>37468751.0</t>
  </si>
  <si>
    <t>20366157.0</t>
  </si>
  <si>
    <t>44334.0</t>
  </si>
  <si>
    <t>88.012</t>
  </si>
  <si>
    <t>99335067.0</t>
  </si>
  <si>
    <t>67956040.0</t>
  </si>
  <si>
    <t>37855681.0</t>
  </si>
  <si>
    <t>727359.0</t>
  </si>
  <si>
    <t>335745.0</t>
  </si>
  <si>
    <t>20405357.0</t>
  </si>
  <si>
    <t>88.181</t>
  </si>
  <si>
    <t>43823.0</t>
  </si>
  <si>
    <t>655861.0</t>
  </si>
  <si>
    <t>43191.0</t>
  </si>
  <si>
    <t>100741762.0</t>
  </si>
  <si>
    <t>68666464.0</t>
  </si>
  <si>
    <t>38596890.0</t>
  </si>
  <si>
    <t>666044.0</t>
  </si>
  <si>
    <t>343217.0</t>
  </si>
  <si>
    <t>20488058.0</t>
  </si>
  <si>
    <t>88.539</t>
  </si>
  <si>
    <t>42559.0</t>
  </si>
  <si>
    <t>638901.0</t>
  </si>
  <si>
    <t>328334.0</t>
  </si>
  <si>
    <t>20530153.0</t>
  </si>
  <si>
    <t>88.721</t>
  </si>
  <si>
    <t>313451.0</t>
  </si>
  <si>
    <t>20572249.0</t>
  </si>
  <si>
    <t>88.903</t>
  </si>
  <si>
    <t>102067945.0</t>
  </si>
  <si>
    <t>69341110.0</t>
  </si>
  <si>
    <t>39303110.0</t>
  </si>
  <si>
    <t>584614.0</t>
  </si>
  <si>
    <t>298568.0</t>
  </si>
  <si>
    <t>20610681.0</t>
  </si>
  <si>
    <t>38432.0</t>
  </si>
  <si>
    <t>89.069</t>
  </si>
  <si>
    <t>41265.0</t>
  </si>
  <si>
    <t>597623.0</t>
  </si>
  <si>
    <t>308555.0</t>
  </si>
  <si>
    <t>20660167.0</t>
  </si>
  <si>
    <t>49486.0</t>
  </si>
  <si>
    <t>89.283</t>
  </si>
  <si>
    <t>42001.0</t>
  </si>
  <si>
    <t>103514198.0</t>
  </si>
  <si>
    <t>70139040.0</t>
  </si>
  <si>
    <t>40016932.0</t>
  </si>
  <si>
    <t>597019.0</t>
  </si>
  <si>
    <t>311857.0</t>
  </si>
  <si>
    <t>20705288.0</t>
  </si>
  <si>
    <t>42847.0</t>
  </si>
  <si>
    <t>581102.0</t>
  </si>
  <si>
    <t>303586.0</t>
  </si>
  <si>
    <t>565186.0</t>
  </si>
  <si>
    <t>295316.0</t>
  </si>
  <si>
    <t>43843.0</t>
  </si>
  <si>
    <t>586596.0</t>
  </si>
  <si>
    <t>20839791.0</t>
  </si>
  <si>
    <t>90.059</t>
  </si>
  <si>
    <t>105881931.0</t>
  </si>
  <si>
    <t>71328306.0</t>
  </si>
  <si>
    <t>41319385.0</t>
  </si>
  <si>
    <t>608007.0</t>
  </si>
  <si>
    <t>316011.0</t>
  </si>
  <si>
    <t>20879087.0</t>
  </si>
  <si>
    <t>90.229</t>
  </si>
  <si>
    <t>43834.0</t>
  </si>
  <si>
    <t>106984156.0</t>
  </si>
  <si>
    <t>71907993.0</t>
  </si>
  <si>
    <t>41902093.0</t>
  </si>
  <si>
    <t>1102225.0</t>
  </si>
  <si>
    <t>702316.0</t>
  </si>
  <si>
    <t>20923001.0</t>
  </si>
  <si>
    <t>90.418</t>
  </si>
  <si>
    <t>784928.0</t>
  </si>
  <si>
    <t>410257.0</t>
  </si>
  <si>
    <t>20966900.0</t>
  </si>
  <si>
    <t>90.608</t>
  </si>
  <si>
    <t>109586984.0</t>
  </si>
  <si>
    <t>73315751.0</t>
  </si>
  <si>
    <t>43231870.0</t>
  </si>
  <si>
    <t>453816.0</t>
  </si>
  <si>
    <t>21011048.0</t>
  </si>
  <si>
    <t>44148.0</t>
  </si>
  <si>
    <t>90.799</t>
  </si>
  <si>
    <t>110800576.0</t>
  </si>
  <si>
    <t>73979036.0</t>
  </si>
  <si>
    <t>43849554.0</t>
  </si>
  <si>
    <t>1213592.0</t>
  </si>
  <si>
    <t>956349.0</t>
  </si>
  <si>
    <t>506097.0</t>
  </si>
  <si>
    <t>21057966.0</t>
  </si>
  <si>
    <t>91.002</t>
  </si>
  <si>
    <t>955136.0</t>
  </si>
  <si>
    <t>509494.0</t>
  </si>
  <si>
    <t>21101314.0</t>
  </si>
  <si>
    <t>91.189</t>
  </si>
  <si>
    <t>43765.0</t>
  </si>
  <si>
    <t>111967455.0</t>
  </si>
  <si>
    <t>74621225.0</t>
  </si>
  <si>
    <t>44431071.0</t>
  </si>
  <si>
    <t>512891.0</t>
  </si>
  <si>
    <t>21143023.0</t>
  </si>
  <si>
    <t>41709.0</t>
  </si>
  <si>
    <t>91.369</t>
  </si>
  <si>
    <t>43319.0</t>
  </si>
  <si>
    <t>113188078.0</t>
  </si>
  <si>
    <t>75278560.0</t>
  </si>
  <si>
    <t>45084862.0</t>
  </si>
  <si>
    <t>1220623.0</t>
  </si>
  <si>
    <t>1043735.0</t>
  </si>
  <si>
    <t>564322.0</t>
  </si>
  <si>
    <t>21185396.0</t>
  </si>
  <si>
    <t>91.552</t>
  </si>
  <si>
    <t>114891170.0</t>
  </si>
  <si>
    <t>76139355.0</t>
  </si>
  <si>
    <t>45986932.0</t>
  </si>
  <si>
    <t>1703092.0</t>
  </si>
  <si>
    <t>1129573.0</t>
  </si>
  <si>
    <t>604480.0</t>
  </si>
  <si>
    <t>21231524.0</t>
  </si>
  <si>
    <t>46128.0</t>
  </si>
  <si>
    <t>91.752</t>
  </si>
  <si>
    <t>116131086.0</t>
  </si>
  <si>
    <t>76784188.0</t>
  </si>
  <si>
    <t>46660734.0</t>
  </si>
  <si>
    <t>1239916.0</t>
  </si>
  <si>
    <t>1120788.0</t>
  </si>
  <si>
    <t>596045.0</t>
  </si>
  <si>
    <t>21280406.0</t>
  </si>
  <si>
    <t>48882.0</t>
  </si>
  <si>
    <t>91.963</t>
  </si>
  <si>
    <t>117243931.0</t>
  </si>
  <si>
    <t>77343569.0</t>
  </si>
  <si>
    <t>47231914.0</t>
  </si>
  <si>
    <t>1112845.0</t>
  </si>
  <si>
    <t>1093850.0</t>
  </si>
  <si>
    <t>575403.0</t>
  </si>
  <si>
    <t>21318930.0</t>
  </si>
  <si>
    <t>38524.0</t>
  </si>
  <si>
    <t>92.129</t>
  </si>
  <si>
    <t>118333360.0</t>
  </si>
  <si>
    <t>77877215.0</t>
  </si>
  <si>
    <t>47804912.0</t>
  </si>
  <si>
    <t>1089429.0</t>
  </si>
  <si>
    <t>1076112.0</t>
  </si>
  <si>
    <t>556883.0</t>
  </si>
  <si>
    <t>42047.0</t>
  </si>
  <si>
    <t>1042951.0</t>
  </si>
  <si>
    <t>535160.0</t>
  </si>
  <si>
    <t>119035991.0</t>
  </si>
  <si>
    <t>78215285.0</t>
  </si>
  <si>
    <t>48185021.0</t>
  </si>
  <si>
    <t>1009791.0</t>
  </si>
  <si>
    <t>513437.0</t>
  </si>
  <si>
    <t>21419025.0</t>
  </si>
  <si>
    <t>39429.0</t>
  </si>
  <si>
    <t>119436714.0</t>
  </si>
  <si>
    <t>78406714.0</t>
  </si>
  <si>
    <t>48408374.0</t>
  </si>
  <si>
    <t>400723.0</t>
  </si>
  <si>
    <t>892662.0</t>
  </si>
  <si>
    <t>446879.0</t>
  </si>
  <si>
    <t>21452460.0</t>
  </si>
  <si>
    <t>92.706</t>
  </si>
  <si>
    <t>119738546.0</t>
  </si>
  <si>
    <t>78534263.0</t>
  </si>
  <si>
    <t>48600660.0</t>
  </si>
  <si>
    <t>301832.0</t>
  </si>
  <si>
    <t>692482.0</t>
  </si>
  <si>
    <t>342130.0</t>
  </si>
  <si>
    <t>120003443.0</t>
  </si>
  <si>
    <t>78654489.0</t>
  </si>
  <si>
    <t>48749422.0</t>
  </si>
  <si>
    <t>264897.0</t>
  </si>
  <si>
    <t>553194.0</t>
  </si>
  <si>
    <t>267186.0</t>
  </si>
  <si>
    <t>21525597.0</t>
  </si>
  <si>
    <t>93.022</t>
  </si>
  <si>
    <t>35027.0</t>
  </si>
  <si>
    <t>120233579.0</t>
  </si>
  <si>
    <t>78747199.0</t>
  </si>
  <si>
    <t>48890845.0</t>
  </si>
  <si>
    <t>230136.0</t>
  </si>
  <si>
    <t>427093.0</t>
  </si>
  <si>
    <t>200519.0</t>
  </si>
  <si>
    <t>21565738.0</t>
  </si>
  <si>
    <t>40141.0</t>
  </si>
  <si>
    <t>35258.0</t>
  </si>
  <si>
    <t>120448598.0</t>
  </si>
  <si>
    <t>78845170.0</t>
  </si>
  <si>
    <t>49010906.0</t>
  </si>
  <si>
    <t>215019.0</t>
  </si>
  <si>
    <t>302177.0</t>
  </si>
  <si>
    <t>285786.0</t>
  </si>
  <si>
    <t>132587.0</t>
  </si>
  <si>
    <t>21644957.0</t>
  </si>
  <si>
    <t>93.538</t>
  </si>
  <si>
    <t>269395.0</t>
  </si>
  <si>
    <t>126895.0</t>
  </si>
  <si>
    <t>37467.0</t>
  </si>
  <si>
    <t>121158338.0</t>
  </si>
  <si>
    <t>79232745.0</t>
  </si>
  <si>
    <t>49343712.0</t>
  </si>
  <si>
    <t>245946.0</t>
  </si>
  <si>
    <t>118004.0</t>
  </si>
  <si>
    <t>21717637.0</t>
  </si>
  <si>
    <t>93.852</t>
  </si>
  <si>
    <t>121470994.0</t>
  </si>
  <si>
    <t>79407984.0</t>
  </si>
  <si>
    <t>49483995.0</t>
  </si>
  <si>
    <t>312656.0</t>
  </si>
  <si>
    <t>21755675.0</t>
  </si>
  <si>
    <t>94.017</t>
  </si>
  <si>
    <t>121777985.0</t>
  </si>
  <si>
    <t>79587750.0</t>
  </si>
  <si>
    <t>49613535.0</t>
  </si>
  <si>
    <t>306991.0</t>
  </si>
  <si>
    <t>253506.0</t>
  </si>
  <si>
    <t>133323.0</t>
  </si>
  <si>
    <t>21796915.0</t>
  </si>
  <si>
    <t>94.195</t>
  </si>
  <si>
    <t>38760.0</t>
  </si>
  <si>
    <t>259289.0</t>
  </si>
  <si>
    <t>142609.0</t>
  </si>
  <si>
    <t>21832091.0</t>
  </si>
  <si>
    <t>38050.0</t>
  </si>
  <si>
    <t>122319215.0</t>
  </si>
  <si>
    <t>79903178.0</t>
  </si>
  <si>
    <t>49844419.0</t>
  </si>
  <si>
    <t>267231.0</t>
  </si>
  <si>
    <t>151144.0</t>
  </si>
  <si>
    <t>21876689.0</t>
  </si>
  <si>
    <t>250738.0</t>
  </si>
  <si>
    <t>122561478.0</t>
  </si>
  <si>
    <t>79999013.0</t>
  </si>
  <si>
    <t>49954582.0</t>
  </si>
  <si>
    <t>234246.0</t>
  </si>
  <si>
    <t>127923.0</t>
  </si>
  <si>
    <t>123032063.0</t>
  </si>
  <si>
    <t>80284860.0</t>
  </si>
  <si>
    <t>50184100.0</t>
  </si>
  <si>
    <t>267675.0</t>
  </si>
  <si>
    <t>21985775.0</t>
  </si>
  <si>
    <t>296027.0</t>
  </si>
  <si>
    <t>160619.0</t>
  </si>
  <si>
    <t>22028156.0</t>
  </si>
  <si>
    <t>124054300.0</t>
  </si>
  <si>
    <t>80779778.0</t>
  </si>
  <si>
    <t>50735744.0</t>
  </si>
  <si>
    <t>325188.0</t>
  </si>
  <si>
    <t>170290.0</t>
  </si>
  <si>
    <t>22072293.0</t>
  </si>
  <si>
    <t>95.385</t>
  </si>
  <si>
    <t>124760553.0</t>
  </si>
  <si>
    <t>81076341.0</t>
  </si>
  <si>
    <t>51163078.0</t>
  </si>
  <si>
    <t>706253.0</t>
  </si>
  <si>
    <t>387422.0</t>
  </si>
  <si>
    <t>190125.0</t>
  </si>
  <si>
    <t>22118750.0</t>
  </si>
  <si>
    <t>202344.0</t>
  </si>
  <si>
    <t>505359.0</t>
  </si>
  <si>
    <t>230248.0</t>
  </si>
  <si>
    <t>22211141.0</t>
  </si>
  <si>
    <t>95.985</t>
  </si>
  <si>
    <t>42584.0</t>
  </si>
  <si>
    <t>126586512.0</t>
  </si>
  <si>
    <t>81806077.0</t>
  </si>
  <si>
    <t>52303524.0</t>
  </si>
  <si>
    <t>575005.0</t>
  </si>
  <si>
    <t>258152.0</t>
  </si>
  <si>
    <t>22252342.0</t>
  </si>
  <si>
    <t>96.163</t>
  </si>
  <si>
    <t>127706528.0</t>
  </si>
  <si>
    <t>82224088.0</t>
  </si>
  <si>
    <t>53031529.0</t>
  </si>
  <si>
    <t>1120016.0</t>
  </si>
  <si>
    <t>667781.0</t>
  </si>
  <si>
    <t>277033.0</t>
  </si>
  <si>
    <t>766268.0</t>
  </si>
  <si>
    <t>310029.0</t>
  </si>
  <si>
    <t>22338650.0</t>
  </si>
  <si>
    <t>96.536</t>
  </si>
  <si>
    <t>130107583.0</t>
  </si>
  <si>
    <t>83180958.0</t>
  </si>
  <si>
    <t>54556748.0</t>
  </si>
  <si>
    <t>864755.0</t>
  </si>
  <si>
    <t>343026.0</t>
  </si>
  <si>
    <t>131311097.0</t>
  </si>
  <si>
    <t>83679855.0</t>
  </si>
  <si>
    <t>55309570.0</t>
  </si>
  <si>
    <t>1203514.0</t>
  </si>
  <si>
    <t>935792.0</t>
  </si>
  <si>
    <t>371931.0</t>
  </si>
  <si>
    <t>22428325.0</t>
  </si>
  <si>
    <t>96.924</t>
  </si>
  <si>
    <t>132638510.0</t>
  </si>
  <si>
    <t>84243233.0</t>
  </si>
  <si>
    <t>56119999.0</t>
  </si>
  <si>
    <t>1327413.0</t>
  </si>
  <si>
    <t>1038472.0</t>
  </si>
  <si>
    <t>417664.0</t>
  </si>
  <si>
    <t>22479184.0</t>
  </si>
  <si>
    <t>97.143</t>
  </si>
  <si>
    <t>141.3</t>
  </si>
  <si>
    <t>1041750.0</t>
  </si>
  <si>
    <t>421480.0</t>
  </si>
  <si>
    <t>22525190.0</t>
  </si>
  <si>
    <t>97.342</t>
  </si>
  <si>
    <t>44864.0</t>
  </si>
  <si>
    <t>133901703.0</t>
  </si>
  <si>
    <t>84783151.0</t>
  </si>
  <si>
    <t>56861225.0</t>
  </si>
  <si>
    <t>1045027.0</t>
  </si>
  <si>
    <t>425296.0</t>
  </si>
  <si>
    <t>22564577.0</t>
  </si>
  <si>
    <t>39387.0</t>
  </si>
  <si>
    <t>97.512</t>
  </si>
  <si>
    <t>134818017.0</t>
  </si>
  <si>
    <t>85208104.0</t>
  </si>
  <si>
    <t>57364128.0</t>
  </si>
  <si>
    <t>916314.0</t>
  </si>
  <si>
    <t>1015927.0</t>
  </si>
  <si>
    <t>426288.0</t>
  </si>
  <si>
    <t>22601431.0</t>
  </si>
  <si>
    <t>36854.0</t>
  </si>
  <si>
    <t>97.672</t>
  </si>
  <si>
    <t>43705.0</t>
  </si>
  <si>
    <t>135923461.0</t>
  </si>
  <si>
    <t>85736920.0</t>
  </si>
  <si>
    <t>57979552.0</t>
  </si>
  <si>
    <t>1105444.0</t>
  </si>
  <si>
    <t>1002344.0</t>
  </si>
  <si>
    <t>433485.0</t>
  </si>
  <si>
    <t>22646130.0</t>
  </si>
  <si>
    <t>97.865</t>
  </si>
  <si>
    <t>137120270.0</t>
  </si>
  <si>
    <t>86333973.0</t>
  </si>
  <si>
    <t>58685427.0</t>
  </si>
  <si>
    <t>1196809.0</t>
  </si>
  <si>
    <t>1001812.0</t>
  </si>
  <si>
    <t>450431.0</t>
  </si>
  <si>
    <t>22689025.0</t>
  </si>
  <si>
    <t>42895.0</t>
  </si>
  <si>
    <t>138365328.0</t>
  </si>
  <si>
    <t>86968178.0</t>
  </si>
  <si>
    <t>59361468.0</t>
  </si>
  <si>
    <t>1245058.0</t>
  </si>
  <si>
    <t>1007747.0</t>
  </si>
  <si>
    <t>469760.0</t>
  </si>
  <si>
    <t>22730952.0</t>
  </si>
  <si>
    <t>98.231</t>
  </si>
  <si>
    <t>967832.0</t>
  </si>
  <si>
    <t>461882.0</t>
  </si>
  <si>
    <t>22778855.0</t>
  </si>
  <si>
    <t>47903.0</t>
  </si>
  <si>
    <t>42810.0</t>
  </si>
  <si>
    <t>1027318.0</t>
  </si>
  <si>
    <t>495921.0</t>
  </si>
  <si>
    <t>22821495.0</t>
  </si>
  <si>
    <t>98.623</t>
  </si>
  <si>
    <t>42329.0</t>
  </si>
  <si>
    <t>141509339.0</t>
  </si>
  <si>
    <t>88492869.0</t>
  </si>
  <si>
    <t>61084339.0</t>
  </si>
  <si>
    <t>1086805.0</t>
  </si>
  <si>
    <t>529960.0</t>
  </si>
  <si>
    <t>22864737.0</t>
  </si>
  <si>
    <t>142713705.0</t>
  </si>
  <si>
    <t>89091860.0</t>
  </si>
  <si>
    <t>61761440.0</t>
  </si>
  <si>
    <t>1204366.0</t>
  </si>
  <si>
    <t>1127955.0</t>
  </si>
  <si>
    <t>554822.0</t>
  </si>
  <si>
    <t>22907243.0</t>
  </si>
  <si>
    <t>98.993</t>
  </si>
  <si>
    <t>144064235.0</t>
  </si>
  <si>
    <t>89792114.0</t>
  </si>
  <si>
    <t>62547553.0</t>
  </si>
  <si>
    <t>1350530.0</t>
  </si>
  <si>
    <t>1162968.0</t>
  </si>
  <si>
    <t>579313.0</t>
  </si>
  <si>
    <t>22954234.0</t>
  </si>
  <si>
    <t>46991.0</t>
  </si>
  <si>
    <t>99.196</t>
  </si>
  <si>
    <t>145453360.0</t>
  </si>
  <si>
    <t>90529877.0</t>
  </si>
  <si>
    <t>63382390.0</t>
  </si>
  <si>
    <t>1389125.0</t>
  </si>
  <si>
    <t>1190441.0</t>
  </si>
  <si>
    <t>599415.0</t>
  </si>
  <si>
    <t>23000798.0</t>
  </si>
  <si>
    <t>46564.0</t>
  </si>
  <si>
    <t>99.398</t>
  </si>
  <si>
    <t>1213457.0</t>
  </si>
  <si>
    <t>620023.0</t>
  </si>
  <si>
    <t>23048609.0</t>
  </si>
  <si>
    <t>45380.0</t>
  </si>
  <si>
    <t>148265690.0</t>
  </si>
  <si>
    <t>92086806.0</t>
  </si>
  <si>
    <t>65149948.0</t>
  </si>
  <si>
    <t>1264623.0</t>
  </si>
  <si>
    <t>658628.0</t>
  </si>
  <si>
    <t>23096757.0</t>
  </si>
  <si>
    <t>99.812</t>
  </si>
  <si>
    <t>1290403.0</t>
  </si>
  <si>
    <t>23148807.0</t>
  </si>
  <si>
    <t>100.037</t>
  </si>
  <si>
    <t>1316183.0</t>
  </si>
  <si>
    <t>720545.0</t>
  </si>
  <si>
    <t>23189338.0</t>
  </si>
  <si>
    <t>100.212</t>
  </si>
  <si>
    <t>151951087.0</t>
  </si>
  <si>
    <t>94261625.0</t>
  </si>
  <si>
    <t>1319626.0</t>
  </si>
  <si>
    <t>738538.0</t>
  </si>
  <si>
    <t>153477237.0</t>
  </si>
  <si>
    <t>95159489.0</t>
  </si>
  <si>
    <t>68508472.0</t>
  </si>
  <si>
    <t>1526150.0</t>
  </si>
  <si>
    <t>1344715.0</t>
  </si>
  <si>
    <t>766768.0</t>
  </si>
  <si>
    <t>23273887.0</t>
  </si>
  <si>
    <t>100.578</t>
  </si>
  <si>
    <t>45665.0</t>
  </si>
  <si>
    <t>1370967.0</t>
  </si>
  <si>
    <t>791458.0</t>
  </si>
  <si>
    <t>23324549.0</t>
  </si>
  <si>
    <t>50662.0</t>
  </si>
  <si>
    <t>100.797</t>
  </si>
  <si>
    <t>46250.0</t>
  </si>
  <si>
    <t>156623021.0</t>
  </si>
  <si>
    <t>96980678.0</t>
  </si>
  <si>
    <t>70576467.0</t>
  </si>
  <si>
    <t>1394785.0</t>
  </si>
  <si>
    <t>810334.0</t>
  </si>
  <si>
    <t>23372405.0</t>
  </si>
  <si>
    <t>47856.0</t>
  </si>
  <si>
    <t>101.003</t>
  </si>
  <si>
    <t>742735.0</t>
  </si>
  <si>
    <t>23423546.0</t>
  </si>
  <si>
    <t>101.224</t>
  </si>
  <si>
    <t>1192370.0</t>
  </si>
  <si>
    <t>682782.0</t>
  </si>
  <si>
    <t>23469131.0</t>
  </si>
  <si>
    <t>101.421</t>
  </si>
  <si>
    <t>1103855.0</t>
  </si>
  <si>
    <t>622830.0</t>
  </si>
  <si>
    <t>23514774.0</t>
  </si>
  <si>
    <t>45643.0</t>
  </si>
  <si>
    <t>101.619</t>
  </si>
  <si>
    <t>159058469.0</t>
  </si>
  <si>
    <t>98201766.0</t>
  </si>
  <si>
    <t>72060508.0</t>
  </si>
  <si>
    <t>1015340.0</t>
  </si>
  <si>
    <t>562877.0</t>
  </si>
  <si>
    <t>23558972.0</t>
  </si>
  <si>
    <t>159900613.0</t>
  </si>
  <si>
    <t>98560854.0</t>
  </si>
  <si>
    <t>72546719.0</t>
  </si>
  <si>
    <t>842144.0</t>
  </si>
  <si>
    <t>917625.0</t>
  </si>
  <si>
    <t>485909.0</t>
  </si>
  <si>
    <t>23608645.0</t>
  </si>
  <si>
    <t>49673.0</t>
  </si>
  <si>
    <t>102.024</t>
  </si>
  <si>
    <t>47823.0</t>
  </si>
  <si>
    <t>160651005.0</t>
  </si>
  <si>
    <t>98863864.0</t>
  </si>
  <si>
    <t>72995114.0</t>
  </si>
  <si>
    <t>750392.0</t>
  </si>
  <si>
    <t>800125.0</t>
  </si>
  <si>
    <t>399112.0</t>
  </si>
  <si>
    <t>23655230.0</t>
  </si>
  <si>
    <t>102.226</t>
  </si>
  <si>
    <t>161409693.0</t>
  </si>
  <si>
    <t>99144159.0</t>
  </si>
  <si>
    <t>73484322.0</t>
  </si>
  <si>
    <t>758688.0</t>
  </si>
  <si>
    <t>683810.0</t>
  </si>
  <si>
    <t>309069.0</t>
  </si>
  <si>
    <t>23706375.0</t>
  </si>
  <si>
    <t>51145.0</t>
  </si>
  <si>
    <t>162115885.0</t>
  </si>
  <si>
    <t>99454273.0</t>
  </si>
  <si>
    <t>73862234.0</t>
  </si>
  <si>
    <t>697715.0</t>
  </si>
  <si>
    <t>309760.0</t>
  </si>
  <si>
    <t>23752912.0</t>
  </si>
  <si>
    <t>46537.0</t>
  </si>
  <si>
    <t>102.648</t>
  </si>
  <si>
    <t>665476.0</t>
  </si>
  <si>
    <t>300294.0</t>
  </si>
  <si>
    <t>23802570.0</t>
  </si>
  <si>
    <t>49658.0</t>
  </si>
  <si>
    <t>102.862</t>
  </si>
  <si>
    <t>47634.0</t>
  </si>
  <si>
    <t>633238.0</t>
  </si>
  <si>
    <t>290827.0</t>
  </si>
  <si>
    <t>23847572.0</t>
  </si>
  <si>
    <t>45002.0</t>
  </si>
  <si>
    <t>103.057</t>
  </si>
  <si>
    <t>47543.0</t>
  </si>
  <si>
    <t>600999.0</t>
  </si>
  <si>
    <t>281360.0</t>
  </si>
  <si>
    <t>47490.0</t>
  </si>
  <si>
    <t>163648656.0</t>
  </si>
  <si>
    <t>100410291.0</t>
  </si>
  <si>
    <t>75225220.0</t>
  </si>
  <si>
    <t>535435.0</t>
  </si>
  <si>
    <t>264205.0</t>
  </si>
  <si>
    <t>23935232.0</t>
  </si>
  <si>
    <t>103.436</t>
  </si>
  <si>
    <t>165296972.0</t>
  </si>
  <si>
    <t>100797079.0</t>
  </si>
  <si>
    <t>75686387.0</t>
  </si>
  <si>
    <t>1648316.0</t>
  </si>
  <si>
    <t>663710.0</t>
  </si>
  <si>
    <t>276174.0</t>
  </si>
  <si>
    <t>23984502.0</t>
  </si>
  <si>
    <t>103.649</t>
  </si>
  <si>
    <t>47039.0</t>
  </si>
  <si>
    <t>166083807.0</t>
  </si>
  <si>
    <t>101124956.0</t>
  </si>
  <si>
    <t>76162035.0</t>
  </si>
  <si>
    <t>786835.0</t>
  </si>
  <si>
    <t>667731.0</t>
  </si>
  <si>
    <t>282971.0</t>
  </si>
  <si>
    <t>24032951.0</t>
  </si>
  <si>
    <t>166837089.0</t>
  </si>
  <si>
    <t>101457925.0</t>
  </si>
  <si>
    <t>76649649.0</t>
  </si>
  <si>
    <t>674458.0</t>
  </si>
  <si>
    <t>286236.0</t>
  </si>
  <si>
    <t>24085473.0</t>
  </si>
  <si>
    <t>104.085</t>
  </si>
  <si>
    <t>283008.0</t>
  </si>
  <si>
    <t>24136709.0</t>
  </si>
  <si>
    <t>104.306</t>
  </si>
  <si>
    <t>47734.0</t>
  </si>
  <si>
    <t>710525.0</t>
  </si>
  <si>
    <t>24186508.0</t>
  </si>
  <si>
    <t>104.522</t>
  </si>
  <si>
    <t>48419.0</t>
  </si>
  <si>
    <t>168365369.0</t>
  </si>
  <si>
    <t>102107155.0</t>
  </si>
  <si>
    <t>77485124.0</t>
  </si>
  <si>
    <t>728558.0</t>
  </si>
  <si>
    <t>276553.0</t>
  </si>
  <si>
    <t>24239761.0</t>
  </si>
  <si>
    <t>104.752</t>
  </si>
  <si>
    <t>49766.0</t>
  </si>
  <si>
    <t>169131246.0</t>
  </si>
  <si>
    <t>102396649.0</t>
  </si>
  <si>
    <t>77932013.0</t>
  </si>
  <si>
    <t>765877.0</t>
  </si>
  <si>
    <t>783227.0</t>
  </si>
  <si>
    <t>283765.0</t>
  </si>
  <si>
    <t>24297430.0</t>
  </si>
  <si>
    <t>57669.0</t>
  </si>
  <si>
    <t>105.001</t>
  </si>
  <si>
    <t>51743.0</t>
  </si>
  <si>
    <t>169925841.0</t>
  </si>
  <si>
    <t>102688959.0</t>
  </si>
  <si>
    <t>78389942.0</t>
  </si>
  <si>
    <t>794595.0</t>
  </si>
  <si>
    <t>661267.0</t>
  </si>
  <si>
    <t>270269.0</t>
  </si>
  <si>
    <t>24356373.0</t>
  </si>
  <si>
    <t>105.256</t>
  </si>
  <si>
    <t>53124.0</t>
  </si>
  <si>
    <t>170711868.0</t>
  </si>
  <si>
    <t>102975552.0</t>
  </si>
  <si>
    <t>78860543.0</t>
  </si>
  <si>
    <t>786027.0</t>
  </si>
  <si>
    <t>661152.0</t>
  </si>
  <si>
    <t>264371.0</t>
  </si>
  <si>
    <t>24415716.0</t>
  </si>
  <si>
    <t>59343.0</t>
  </si>
  <si>
    <t>629403.0</t>
  </si>
  <si>
    <t>246457.0</t>
  </si>
  <si>
    <t>24474618.0</t>
  </si>
  <si>
    <t>105.767</t>
  </si>
  <si>
    <t>55592.0</t>
  </si>
  <si>
    <t>632491.0</t>
  </si>
  <si>
    <t>245194.0</t>
  </si>
  <si>
    <t>24532952.0</t>
  </si>
  <si>
    <t>58334.0</t>
  </si>
  <si>
    <t>106.019</t>
  </si>
  <si>
    <t>56606.0</t>
  </si>
  <si>
    <t>172836036.0</t>
  </si>
  <si>
    <t>103805835.0</t>
  </si>
  <si>
    <t>80041973.0</t>
  </si>
  <si>
    <t>638667.0</t>
  </si>
  <si>
    <t>242669.0</t>
  </si>
  <si>
    <t>24639942.0</t>
  </si>
  <si>
    <t>106.481</t>
  </si>
  <si>
    <t>57169.0</t>
  </si>
  <si>
    <t>588739.0</t>
  </si>
  <si>
    <t>221420.0</t>
  </si>
  <si>
    <t>24691005.0</t>
  </si>
  <si>
    <t>106.702</t>
  </si>
  <si>
    <t>56225.0</t>
  </si>
  <si>
    <t>199768.0</t>
  </si>
  <si>
    <t>57226.0</t>
  </si>
  <si>
    <t>174085175.0</t>
  </si>
  <si>
    <t>104228089.0</t>
  </si>
  <si>
    <t>80748105.0</t>
  </si>
  <si>
    <t>2242425.0</t>
  </si>
  <si>
    <t>481901.0</t>
  </si>
  <si>
    <t>178934.0</t>
  </si>
  <si>
    <t>24822901.0</t>
  </si>
  <si>
    <t>107.272</t>
  </si>
  <si>
    <t>58169.0</t>
  </si>
  <si>
    <t>503129.0</t>
  </si>
  <si>
    <t>524356.0</t>
  </si>
  <si>
    <t>24957306.0</t>
  </si>
  <si>
    <t>107.853</t>
  </si>
  <si>
    <t>60622.0</t>
  </si>
  <si>
    <t>545584.0</t>
  </si>
  <si>
    <t>205480.0</t>
  </si>
  <si>
    <t>25018383.0</t>
  </si>
  <si>
    <t>61077.0</t>
  </si>
  <si>
    <t>108.116</t>
  </si>
  <si>
    <t>61705.0</t>
  </si>
  <si>
    <t>566812.0</t>
  </si>
  <si>
    <t>214329.0</t>
  </si>
  <si>
    <t>62377.0</t>
  </si>
  <si>
    <t>177483355.0</t>
  </si>
  <si>
    <t>105575650.0</t>
  </si>
  <si>
    <t>82554781.0</t>
  </si>
  <si>
    <t>2575094.0</t>
  </si>
  <si>
    <t>604420.0</t>
  </si>
  <si>
    <t>25134775.0</t>
  </si>
  <si>
    <t>108.619</t>
  </si>
  <si>
    <t>63396.0</t>
  </si>
  <si>
    <t>178996974.0</t>
  </si>
  <si>
    <t>106328291.0</t>
  </si>
  <si>
    <t>83275083.0</t>
  </si>
  <si>
    <t>2666553.0</t>
  </si>
  <si>
    <t>1513619.0</t>
  </si>
  <si>
    <t>761168.0</t>
  </si>
  <si>
    <t>320136.0</t>
  </si>
  <si>
    <t>25194561.0</t>
  </si>
  <si>
    <t>59786.0</t>
  </si>
  <si>
    <t>108.878</t>
  </si>
  <si>
    <t>62515.0</t>
  </si>
  <si>
    <t>180661534.0</t>
  </si>
  <si>
    <t>107277517.0</t>
  </si>
  <si>
    <t>83946354.0</t>
  </si>
  <si>
    <t>2758593.0</t>
  </si>
  <si>
    <t>1664560.0</t>
  </si>
  <si>
    <t>435633.0</t>
  </si>
  <si>
    <t>25258723.0</t>
  </si>
  <si>
    <t>64162.0</t>
  </si>
  <si>
    <t>109.155</t>
  </si>
  <si>
    <t>62260.0</t>
  </si>
  <si>
    <t>182396048.0</t>
  </si>
  <si>
    <t>108173867.0</t>
  </si>
  <si>
    <t>84731497.0</t>
  </si>
  <si>
    <t>1734514.0</t>
  </si>
  <si>
    <t>1090177.0</t>
  </si>
  <si>
    <t>525181.0</t>
  </si>
  <si>
    <t>1249051.0</t>
  </si>
  <si>
    <t>632383.0</t>
  </si>
  <si>
    <t>185979557.0</t>
  </si>
  <si>
    <t>110213721.0</t>
  </si>
  <si>
    <t>86200581.0</t>
  </si>
  <si>
    <t>3033174.0</t>
  </si>
  <si>
    <t>1407925.0</t>
  </si>
  <si>
    <t>739585.0</t>
  </si>
  <si>
    <t>25422966.0</t>
  </si>
  <si>
    <t>109.865</t>
  </si>
  <si>
    <t>57798.0</t>
  </si>
  <si>
    <t>187996736.0</t>
  </si>
  <si>
    <t>111408710.0</t>
  </si>
  <si>
    <t>87052879.0</t>
  </si>
  <si>
    <t>3114587.0</t>
  </si>
  <si>
    <t>2017179.0</t>
  </si>
  <si>
    <t>1599002.0</t>
  </si>
  <si>
    <t>871796.0</t>
  </si>
  <si>
    <t>190064703.0</t>
  </si>
  <si>
    <t>112635918.0</t>
  </si>
  <si>
    <t>87945007.0</t>
  </si>
  <si>
    <t>3185748.0</t>
  </si>
  <si>
    <t>2067967.0</t>
  </si>
  <si>
    <t>1797335.0</t>
  </si>
  <si>
    <t>1008610.0</t>
  </si>
  <si>
    <t>192248104.0</t>
  </si>
  <si>
    <t>113907970.0</t>
  </si>
  <si>
    <t>88868554.0</t>
  </si>
  <si>
    <t>3272828.0</t>
  </si>
  <si>
    <t>2183401.0</t>
  </si>
  <si>
    <t>1893019.0</t>
  </si>
  <si>
    <t>1082811.0</t>
  </si>
  <si>
    <t>55857.0</t>
  </si>
  <si>
    <t>194492475.0</t>
  </si>
  <si>
    <t>115238268.0</t>
  </si>
  <si>
    <t>89853639.0</t>
  </si>
  <si>
    <t>3361160.0</t>
  </si>
  <si>
    <t>2244371.0</t>
  </si>
  <si>
    <t>1975849.0</t>
  </si>
  <si>
    <t>1137250.0</t>
  </si>
  <si>
    <t>25639757.0</t>
  </si>
  <si>
    <t>110.802</t>
  </si>
  <si>
    <t>2032606.0</t>
  </si>
  <si>
    <t>1195512.0</t>
  </si>
  <si>
    <t>2081187.0</t>
  </si>
  <si>
    <t>1236119.0</t>
  </si>
  <si>
    <t>53973.0</t>
  </si>
  <si>
    <t>200887927.0</t>
  </si>
  <si>
    <t>119150808.0</t>
  </si>
  <si>
    <t>92565125.0</t>
  </si>
  <si>
    <t>3610979.0</t>
  </si>
  <si>
    <t>2129767.0</t>
  </si>
  <si>
    <t>1276727.0</t>
  </si>
  <si>
    <t>25799168.0</t>
  </si>
  <si>
    <t>111.491</t>
  </si>
  <si>
    <t>53743.0</t>
  </si>
  <si>
    <t>203227145.0</t>
  </si>
  <si>
    <t>120645745.0</t>
  </si>
  <si>
    <t>93542689.0</t>
  </si>
  <si>
    <t>3695298.0</t>
  </si>
  <si>
    <t>2339218.0</t>
  </si>
  <si>
    <t>2175773.0</t>
  </si>
  <si>
    <t>1319576.0</t>
  </si>
  <si>
    <t>2044649.0</t>
  </si>
  <si>
    <t>1244281.0</t>
  </si>
  <si>
    <t>25896758.0</t>
  </si>
  <si>
    <t>111.912</t>
  </si>
  <si>
    <t>205527345.0</t>
  </si>
  <si>
    <t>122046024.0</t>
  </si>
  <si>
    <t>94523444.0</t>
  </si>
  <si>
    <t>3815280.0</t>
  </si>
  <si>
    <t>1897034.0</t>
  </si>
  <si>
    <t>1162579.0</t>
  </si>
  <si>
    <t>51630.0</t>
  </si>
  <si>
    <t>1688159.0</t>
  </si>
  <si>
    <t>1037213.0</t>
  </si>
  <si>
    <t>25997179.0</t>
  </si>
  <si>
    <t>112.346</t>
  </si>
  <si>
    <t>1495362.0</t>
  </si>
  <si>
    <t>915579.0</t>
  </si>
  <si>
    <t>1302566.0</t>
  </si>
  <si>
    <t>793944.0</t>
  </si>
  <si>
    <t>49140.0</t>
  </si>
  <si>
    <t>1109770.0</t>
  </si>
  <si>
    <t>672309.0</t>
  </si>
  <si>
    <t>26136422.0</t>
  </si>
  <si>
    <t>112.948</t>
  </si>
  <si>
    <t>48179.0</t>
  </si>
  <si>
    <t>209438557.0</t>
  </si>
  <si>
    <t>124309711.0</t>
  </si>
  <si>
    <t>96218183.0</t>
  </si>
  <si>
    <t>4093786.0</t>
  </si>
  <si>
    <t>887345.0</t>
  </si>
  <si>
    <t>523424.0</t>
  </si>
  <si>
    <t>26174561.0</t>
  </si>
  <si>
    <t>113.113</t>
  </si>
  <si>
    <t>829628.0</t>
  </si>
  <si>
    <t>472651.0</t>
  </si>
  <si>
    <t>45696.0</t>
  </si>
  <si>
    <t>771911.0</t>
  </si>
  <si>
    <t>421878.0</t>
  </si>
  <si>
    <t>26258701.0</t>
  </si>
  <si>
    <t>113.476</t>
  </si>
  <si>
    <t>766745.0</t>
  </si>
  <si>
    <t>406448.0</t>
  </si>
  <si>
    <t>26299843.0</t>
  </si>
  <si>
    <t>41142.0</t>
  </si>
  <si>
    <t>113.654</t>
  </si>
  <si>
    <t>761579.0</t>
  </si>
  <si>
    <t>391018.0</t>
  </si>
  <si>
    <t>26353468.0</t>
  </si>
  <si>
    <t>113.886</t>
  </si>
  <si>
    <t>756413.0</t>
  </si>
  <si>
    <t>26393595.0</t>
  </si>
  <si>
    <t>114.059</t>
  </si>
  <si>
    <t>751247.0</t>
  </si>
  <si>
    <t>360158.0</t>
  </si>
  <si>
    <t>26426952.0</t>
  </si>
  <si>
    <t>33357.0</t>
  </si>
  <si>
    <t>114.204</t>
  </si>
  <si>
    <t>214661126.0</t>
  </si>
  <si>
    <t>126722806.0</t>
  </si>
  <si>
    <t>98809724.0</t>
  </si>
  <si>
    <t>4460077.0</t>
  </si>
  <si>
    <t>746081.0</t>
  </si>
  <si>
    <t>344728.0</t>
  </si>
  <si>
    <t>26464518.0</t>
  </si>
  <si>
    <t>37566.0</t>
  </si>
  <si>
    <t>41422.0</t>
  </si>
  <si>
    <t>215117064.0</t>
  </si>
  <si>
    <t>126951209.0</t>
  </si>
  <si>
    <t>99049978.0</t>
  </si>
  <si>
    <t>4488296.0</t>
  </si>
  <si>
    <t>455938.0</t>
  </si>
  <si>
    <t>704632.0</t>
  </si>
  <si>
    <t>328110.0</t>
  </si>
  <si>
    <t>26498814.0</t>
  </si>
  <si>
    <t>114.514</t>
  </si>
  <si>
    <t>215539999.0</t>
  </si>
  <si>
    <t>127117340.0</t>
  </si>
  <si>
    <t>99292129.0</t>
  </si>
  <si>
    <t>4512786.0</t>
  </si>
  <si>
    <t>422935.0</t>
  </si>
  <si>
    <t>658468.0</t>
  </si>
  <si>
    <t>302596.0</t>
  </si>
  <si>
    <t>26534095.0</t>
  </si>
  <si>
    <t>114.667</t>
  </si>
  <si>
    <t>618202.0</t>
  </si>
  <si>
    <t>273098.0</t>
  </si>
  <si>
    <t>26570773.0</t>
  </si>
  <si>
    <t>114.825</t>
  </si>
  <si>
    <t>577935.0</t>
  </si>
  <si>
    <t>243601.0</t>
  </si>
  <si>
    <t>26608558.0</t>
  </si>
  <si>
    <t>114.988</t>
  </si>
  <si>
    <t>216932641.0</t>
  </si>
  <si>
    <t>127532069.0</t>
  </si>
  <si>
    <t>100163961.0</t>
  </si>
  <si>
    <t>4646807.0</t>
  </si>
  <si>
    <t>537668.0</t>
  </si>
  <si>
    <t>214103.0</t>
  </si>
  <si>
    <t>26646219.0</t>
  </si>
  <si>
    <t>37661.0</t>
  </si>
  <si>
    <t>115.151</t>
  </si>
  <si>
    <t>467655.0</t>
  </si>
  <si>
    <t>176662.0</t>
  </si>
  <si>
    <t>26683737.0</t>
  </si>
  <si>
    <t>115.313</t>
  </si>
  <si>
    <t>217444622.0</t>
  </si>
  <si>
    <t>127697360.0</t>
  </si>
  <si>
    <t>100463513.0</t>
  </si>
  <si>
    <t>4704755.0</t>
  </si>
  <si>
    <t>139222.0</t>
  </si>
  <si>
    <t>26712953.0</t>
  </si>
  <si>
    <t>218051079.0</t>
  </si>
  <si>
    <t>127811729.0</t>
  </si>
  <si>
    <t>100912956.0</t>
  </si>
  <si>
    <t>4758281.0</t>
  </si>
  <si>
    <t>606457.0</t>
  </si>
  <si>
    <t>419145.0</t>
  </si>
  <si>
    <t>26749522.0</t>
  </si>
  <si>
    <t>36569.0</t>
  </si>
  <si>
    <t>115.598</t>
  </si>
  <si>
    <t>218689769.0</t>
  </si>
  <si>
    <t>127942647.0</t>
  </si>
  <si>
    <t>101379429.0</t>
  </si>
  <si>
    <t>4811485.0</t>
  </si>
  <si>
    <t>449967.0</t>
  </si>
  <si>
    <t>219368557.0</t>
  </si>
  <si>
    <t>128074138.0</t>
  </si>
  <si>
    <t>101881176.0</t>
  </si>
  <si>
    <t>4869245.0</t>
  </si>
  <si>
    <t>678788.0</t>
  </si>
  <si>
    <t>26825303.0</t>
  </si>
  <si>
    <t>115.925</t>
  </si>
  <si>
    <t>540585.0</t>
  </si>
  <si>
    <t>600549.0</t>
  </si>
  <si>
    <t>133692.0</t>
  </si>
  <si>
    <t>26897815.0</t>
  </si>
  <si>
    <t>116.238</t>
  </si>
  <si>
    <t>35942.0</t>
  </si>
  <si>
    <t>690260.0</t>
  </si>
  <si>
    <t>150012.0</t>
  </si>
  <si>
    <t>26929016.0</t>
  </si>
  <si>
    <t>31201.0</t>
  </si>
  <si>
    <t>116.373</t>
  </si>
  <si>
    <t>35040.0</t>
  </si>
  <si>
    <t>779971.0</t>
  </si>
  <si>
    <t>35903.0</t>
  </si>
  <si>
    <t>819615.0</t>
  </si>
  <si>
    <t>854654.0</t>
  </si>
  <si>
    <t>35339.0</t>
  </si>
  <si>
    <t>883965.0</t>
  </si>
  <si>
    <t>196888.0</t>
  </si>
  <si>
    <t>34677.0</t>
  </si>
  <si>
    <t>27175808.0</t>
  </si>
  <si>
    <t>27297869.0</t>
  </si>
  <si>
    <t>117.967</t>
  </si>
  <si>
    <t>31822.0</t>
  </si>
  <si>
    <t>27388407.0</t>
  </si>
  <si>
    <t>118.358</t>
  </si>
  <si>
    <t>30065.0</t>
  </si>
  <si>
    <t>29452.0</t>
  </si>
  <si>
    <t>237931825.0</t>
  </si>
  <si>
    <t>132208776.0</t>
  </si>
  <si>
    <t>115771018.0</t>
  </si>
  <si>
    <t>6155791.0</t>
  </si>
  <si>
    <t>27501885.0</t>
  </si>
  <si>
    <t>187588.0</t>
  </si>
  <si>
    <t>28670.0</t>
  </si>
  <si>
    <t>780497.0</t>
  </si>
  <si>
    <t>178288.0</t>
  </si>
  <si>
    <t>728763.0</t>
  </si>
  <si>
    <t>168988.0</t>
  </si>
  <si>
    <t>677029.0</t>
  </si>
  <si>
    <t>159688.0</t>
  </si>
  <si>
    <t>625295.0</t>
  </si>
  <si>
    <t>150388.0</t>
  </si>
  <si>
    <t>573561.0</t>
  </si>
  <si>
    <t>141088.0</t>
  </si>
  <si>
    <t>27071.0</t>
  </si>
  <si>
    <t>521827.0</t>
  </si>
  <si>
    <t>131789.0</t>
  </si>
  <si>
    <t>27689870.0</t>
  </si>
  <si>
    <t>119.661</t>
  </si>
  <si>
    <t>26855.0</t>
  </si>
  <si>
    <t>26158.0</t>
  </si>
  <si>
    <t>243150094.0</t>
  </si>
  <si>
    <t>133526662.0</t>
  </si>
  <si>
    <t>119771164.0</t>
  </si>
  <si>
    <t>6505852.0</t>
  </si>
  <si>
    <t>27763120.0</t>
  </si>
  <si>
    <t>243416068.0</t>
  </si>
  <si>
    <t>133593531.0</t>
  </si>
  <si>
    <t>119960320.0</t>
  </si>
  <si>
    <t>6536262.0</t>
  </si>
  <si>
    <t>265974.0</t>
  </si>
  <si>
    <t>485276.0</t>
  </si>
  <si>
    <t>122514.0</t>
  </si>
  <si>
    <t>243618172.0</t>
  </si>
  <si>
    <t>133648252.0</t>
  </si>
  <si>
    <t>120094937.0</t>
  </si>
  <si>
    <t>6567445.0</t>
  </si>
  <si>
    <t>202104.0</t>
  </si>
  <si>
    <t>439602.0</t>
  </si>
  <si>
    <t>111505.0</t>
  </si>
  <si>
    <t>243800641.0</t>
  </si>
  <si>
    <t>133700569.0</t>
  </si>
  <si>
    <t>120246974.0</t>
  </si>
  <si>
    <t>6600993.0</t>
  </si>
  <si>
    <t>182469.0</t>
  </si>
  <si>
    <t>391122.0</t>
  </si>
  <si>
    <t>100152.0</t>
  </si>
  <si>
    <t>21534.0</t>
  </si>
  <si>
    <t>243978732.0</t>
  </si>
  <si>
    <t>133754050.0</t>
  </si>
  <si>
    <t>120356354.0</t>
  </si>
  <si>
    <t>6635625.0</t>
  </si>
  <si>
    <t>178091.0</t>
  </si>
  <si>
    <t>27830633.0</t>
  </si>
  <si>
    <t>285346.0</t>
  </si>
  <si>
    <t>75128.0</t>
  </si>
  <si>
    <t>228676.0</t>
  </si>
  <si>
    <t>61290.0</t>
  </si>
  <si>
    <t>244354132.0</t>
  </si>
  <si>
    <t>133858835.0</t>
  </si>
  <si>
    <t>120589371.0</t>
  </si>
  <si>
    <t>6708880.0</t>
  </si>
  <si>
    <t>172005.0</t>
  </si>
  <si>
    <t>27926021.0</t>
  </si>
  <si>
    <t>120.682</t>
  </si>
  <si>
    <t>244568232.0</t>
  </si>
  <si>
    <t>133916484.0</t>
  </si>
  <si>
    <t>120721865.0</t>
  </si>
  <si>
    <t>6750811.0</t>
  </si>
  <si>
    <t>214100.0</t>
  </si>
  <si>
    <t>23824.0</t>
  </si>
  <si>
    <t>244761947.0</t>
  </si>
  <si>
    <t>133965057.0</t>
  </si>
  <si>
    <t>120838237.0</t>
  </si>
  <si>
    <t>6796974.0</t>
  </si>
  <si>
    <t>163396.0</t>
  </si>
  <si>
    <t>244920963.0</t>
  </si>
  <si>
    <t>134009159.0</t>
  </si>
  <si>
    <t>120936554.0</t>
  </si>
  <si>
    <t>6829240.0</t>
  </si>
  <si>
    <t>160046.0</t>
  </si>
  <si>
    <t>24929.0</t>
  </si>
  <si>
    <t>245094738.0</t>
  </si>
  <si>
    <t>134053614.0</t>
  </si>
  <si>
    <t>121045166.0</t>
  </si>
  <si>
    <t>6864612.0</t>
  </si>
  <si>
    <t>173775.0</t>
  </si>
  <si>
    <t>159429.0</t>
  </si>
  <si>
    <t>42795.0</t>
  </si>
  <si>
    <t>28008999.0</t>
  </si>
  <si>
    <t>297.3</t>
  </si>
  <si>
    <t>245242604.0</t>
  </si>
  <si>
    <t>134096674.0</t>
  </si>
  <si>
    <t>121135201.0</t>
  </si>
  <si>
    <t>6894815.0</t>
  </si>
  <si>
    <t>147866.0</t>
  </si>
  <si>
    <t>162677.0</t>
  </si>
  <si>
    <t>307.8</t>
  </si>
  <si>
    <t>245392645.0</t>
  </si>
  <si>
    <t>134138393.0</t>
  </si>
  <si>
    <t>121234326.0</t>
  </si>
  <si>
    <t>6920775.0</t>
  </si>
  <si>
    <t>150041.0</t>
  </si>
  <si>
    <t>160988.0</t>
  </si>
  <si>
    <t>245569444.0</t>
  </si>
  <si>
    <t>134181416.0</t>
  </si>
  <si>
    <t>121346021.0</t>
  </si>
  <si>
    <t>6956223.0</t>
  </si>
  <si>
    <t>37847.0</t>
  </si>
  <si>
    <t>245702246.0</t>
  </si>
  <si>
    <t>134214841.0</t>
  </si>
  <si>
    <t>121429258.0</t>
  </si>
  <si>
    <t>6982715.0</t>
  </si>
  <si>
    <t>132802.0</t>
  </si>
  <si>
    <t>134328.0</t>
  </si>
  <si>
    <t>245838488.0</t>
  </si>
  <si>
    <t>134243630.0</t>
  </si>
  <si>
    <t>121519673.0</t>
  </si>
  <si>
    <t>7008198.0</t>
  </si>
  <si>
    <t>136242.0</t>
  </si>
  <si>
    <t>131075.0</t>
  </si>
  <si>
    <t>245974507.0</t>
  </si>
  <si>
    <t>134274386.0</t>
  </si>
  <si>
    <t>121609853.0</t>
  </si>
  <si>
    <t>7032301.0</t>
  </si>
  <si>
    <t>125681.0</t>
  </si>
  <si>
    <t>28066952.0</t>
  </si>
  <si>
    <t>121.291</t>
  </si>
  <si>
    <t>246074202.0</t>
  </si>
  <si>
    <t>134295087.0</t>
  </si>
  <si>
    <t>121677887.0</t>
  </si>
  <si>
    <t>7050976.0</t>
  </si>
  <si>
    <t>118800.0</t>
  </si>
  <si>
    <t>246181059.0</t>
  </si>
  <si>
    <t>134313917.0</t>
  </si>
  <si>
    <t>121757972.0</t>
  </si>
  <si>
    <t>7065777.0</t>
  </si>
  <si>
    <t>106857.0</t>
  </si>
  <si>
    <t>102570.0</t>
  </si>
  <si>
    <t>22288.0</t>
  </si>
  <si>
    <t>76104.0</t>
  </si>
  <si>
    <t>15013.0</t>
  </si>
  <si>
    <t>59209.0</t>
  </si>
  <si>
    <t>246288892.0</t>
  </si>
  <si>
    <t>134325948.0</t>
  </si>
  <si>
    <t>121833235.0</t>
  </si>
  <si>
    <t>7091127.0</t>
  </si>
  <si>
    <t>246442655.0</t>
  </si>
  <si>
    <t>134365662.0</t>
  </si>
  <si>
    <t>121931215.0</t>
  </si>
  <si>
    <t>7113731.0</t>
  </si>
  <si>
    <t>153763.0</t>
  </si>
  <si>
    <t>37371.0</t>
  </si>
  <si>
    <t>57502.0</t>
  </si>
  <si>
    <t>77633.0</t>
  </si>
  <si>
    <t>246919325.0</t>
  </si>
  <si>
    <t>134504257.0</t>
  </si>
  <si>
    <t>122215848.0</t>
  </si>
  <si>
    <t>7186014.0</t>
  </si>
  <si>
    <t>97764.0</t>
  </si>
  <si>
    <t>247081524.0</t>
  </si>
  <si>
    <t>134538493.0</t>
  </si>
  <si>
    <t>122309854.0</t>
  </si>
  <si>
    <t>7227973.0</t>
  </si>
  <si>
    <t>118368.0</t>
  </si>
  <si>
    <t>28265345.0</t>
  </si>
  <si>
    <t>122.148</t>
  </si>
  <si>
    <t>247231861.0</t>
  </si>
  <si>
    <t>134565776.0</t>
  </si>
  <si>
    <t>122404120.0</t>
  </si>
  <si>
    <t>7262973.0</t>
  </si>
  <si>
    <t>137277.0</t>
  </si>
  <si>
    <t>104.84</t>
  </si>
  <si>
    <t>34548.0</t>
  </si>
  <si>
    <t>247400115.0</t>
  </si>
  <si>
    <t>134611716.0</t>
  </si>
  <si>
    <t>122498034.0</t>
  </si>
  <si>
    <t>7313483.0</t>
  </si>
  <si>
    <t>168254.0</t>
  </si>
  <si>
    <t>158746.0</t>
  </si>
  <si>
    <t>247488620.0</t>
  </si>
  <si>
    <t>134642345.0</t>
  </si>
  <si>
    <t>122533390.0</t>
  </si>
  <si>
    <t>7348127.0</t>
  </si>
  <si>
    <t>149424.0</t>
  </si>
  <si>
    <t>247532519.0</t>
  </si>
  <si>
    <t>134654327.0</t>
  </si>
  <si>
    <t>122564999.0</t>
  </si>
  <si>
    <t>7355062.0</t>
  </si>
  <si>
    <t>132996.0</t>
  </si>
  <si>
    <t>28352196.0</t>
  </si>
  <si>
    <t>122.523</t>
  </si>
  <si>
    <t>247622545.0</t>
  </si>
  <si>
    <t>134674536.0</t>
  </si>
  <si>
    <t>122608328.0</t>
  </si>
  <si>
    <t>7389043.0</t>
  </si>
  <si>
    <t>90026.0</t>
  </si>
  <si>
    <t>123159.0</t>
  </si>
  <si>
    <t>247724542.0</t>
  </si>
  <si>
    <t>134695280.0</t>
  </si>
  <si>
    <t>122652106.0</t>
  </si>
  <si>
    <t>7433053.0</t>
  </si>
  <si>
    <t>115031.0</t>
  </si>
  <si>
    <t>27289.0</t>
  </si>
  <si>
    <t>247841528.0</t>
  </si>
  <si>
    <t>134723589.0</t>
  </si>
  <si>
    <t>122712856.0</t>
  </si>
  <si>
    <t>7466776.0</t>
  </si>
  <si>
    <t>116986.0</t>
  </si>
  <si>
    <t>108572.0</t>
  </si>
  <si>
    <t>28415012.0</t>
  </si>
  <si>
    <t>248071034.0</t>
  </si>
  <si>
    <t>134782057.0</t>
  </si>
  <si>
    <t>122807098.0</t>
  </si>
  <si>
    <t>7551043.0</t>
  </si>
  <si>
    <t>229506.0</t>
  </si>
  <si>
    <t>119882.0</t>
  </si>
  <si>
    <t>30897.0</t>
  </si>
  <si>
    <t>20423.0</t>
  </si>
  <si>
    <t>248223934.0</t>
  </si>
  <si>
    <t>134816525.0</t>
  </si>
  <si>
    <t>122855087.0</t>
  </si>
  <si>
    <t>7629286.0</t>
  </si>
  <si>
    <t>152900.0</t>
  </si>
  <si>
    <t>117688.0</t>
  </si>
  <si>
    <t>29258.0</t>
  </si>
  <si>
    <t>248370902.0</t>
  </si>
  <si>
    <t>134851479.0</t>
  </si>
  <si>
    <t>122901010.0</t>
  </si>
  <si>
    <t>7701522.0</t>
  </si>
  <si>
    <t>146968.0</t>
  </si>
  <si>
    <t>126040.0</t>
  </si>
  <si>
    <t>29876.0</t>
  </si>
  <si>
    <t>248429799.0</t>
  </si>
  <si>
    <t>134857883.0</t>
  </si>
  <si>
    <t>122912764.0</t>
  </si>
  <si>
    <t>7744022.0</t>
  </si>
  <si>
    <t>58897.0</t>
  </si>
  <si>
    <t>128183.0</t>
  </si>
  <si>
    <t>28475032.0</t>
  </si>
  <si>
    <t>123.054</t>
  </si>
  <si>
    <t>248516807.0</t>
  </si>
  <si>
    <t>134883060.0</t>
  </si>
  <si>
    <t>122949702.0</t>
  </si>
  <si>
    <t>7772898.0</t>
  </si>
  <si>
    <t>87008.0</t>
  </si>
  <si>
    <t>127752.0</t>
  </si>
  <si>
    <t>248672457.0</t>
  </si>
  <si>
    <t>134912345.0</t>
  </si>
  <si>
    <t>122994771.0</t>
  </si>
  <si>
    <t>7858411.0</t>
  </si>
  <si>
    <t>155650.0</t>
  </si>
  <si>
    <t>248775528.0</t>
  </si>
  <si>
    <t>134943768.0</t>
  </si>
  <si>
    <t>123024964.0</t>
  </si>
  <si>
    <t>7903887.0</t>
  </si>
  <si>
    <t>103071.0</t>
  </si>
  <si>
    <t>133429.0</t>
  </si>
  <si>
    <t>28522127.0</t>
  </si>
  <si>
    <t>123.258</t>
  </si>
  <si>
    <t>248932085.0</t>
  </si>
  <si>
    <t>134980836.0</t>
  </si>
  <si>
    <t>123064636.0</t>
  </si>
  <si>
    <t>7991182.0</t>
  </si>
  <si>
    <t>156557.0</t>
  </si>
  <si>
    <t>28397.0</t>
  </si>
  <si>
    <t>249044829.0</t>
  </si>
  <si>
    <t>135004492.0</t>
  </si>
  <si>
    <t>123094415.0</t>
  </si>
  <si>
    <t>8055002.0</t>
  </si>
  <si>
    <t>112744.0</t>
  </si>
  <si>
    <t>117271.0</t>
  </si>
  <si>
    <t>105.61</t>
  </si>
  <si>
    <t>249153531.0</t>
  </si>
  <si>
    <t>135030016.0</t>
  </si>
  <si>
    <t>123128282.0</t>
  </si>
  <si>
    <t>8109984.0</t>
  </si>
  <si>
    <t>111804.0</t>
  </si>
  <si>
    <t>104833.0</t>
  </si>
  <si>
    <t>28581341.0</t>
  </si>
  <si>
    <t>123.514</t>
  </si>
  <si>
    <t>193.3</t>
  </si>
  <si>
    <t>249173732.0</t>
  </si>
  <si>
    <t>135033231.0</t>
  </si>
  <si>
    <t>123130892.0</t>
  </si>
  <si>
    <t>8125173.0</t>
  </si>
  <si>
    <t>249380176.0</t>
  </si>
  <si>
    <t>135092327.0</t>
  </si>
  <si>
    <t>123207371.0</t>
  </si>
  <si>
    <t>8206345.0</t>
  </si>
  <si>
    <t>206444.0</t>
  </si>
  <si>
    <t>101103.0</t>
  </si>
  <si>
    <t>25712.0</t>
  </si>
  <si>
    <t>249458952.0</t>
  </si>
  <si>
    <t>135115549.0</t>
  </si>
  <si>
    <t>123242700.0</t>
  </si>
  <si>
    <t>8231297.0</t>
  </si>
  <si>
    <t>78776.0</t>
  </si>
  <si>
    <t>249539017.0</t>
  </si>
  <si>
    <t>135139203.0</t>
  </si>
  <si>
    <t>123279040.0</t>
  </si>
  <si>
    <t>8256712.0</t>
  </si>
  <si>
    <t>80065.0</t>
  </si>
  <si>
    <t>86705.0</t>
  </si>
  <si>
    <t>28630347.0</t>
  </si>
  <si>
    <t>123.726</t>
  </si>
  <si>
    <t>249612361.0</t>
  </si>
  <si>
    <t>135161044.0</t>
  </si>
  <si>
    <t>123311587.0</t>
  </si>
  <si>
    <t>8279860.0</t>
  </si>
  <si>
    <t>73344.0</t>
  </si>
  <si>
    <t>249683651.0</t>
  </si>
  <si>
    <t>135180109.0</t>
  </si>
  <si>
    <t>123343319.0</t>
  </si>
  <si>
    <t>8304411.0</t>
  </si>
  <si>
    <t>249692268.0</t>
  </si>
  <si>
    <t>135181956.0</t>
  </si>
  <si>
    <t>123345763.0</t>
  </si>
  <si>
    <t>8309463.0</t>
  </si>
  <si>
    <t>75520.0</t>
  </si>
  <si>
    <t>28678135.0</t>
  </si>
  <si>
    <t>123.932</t>
  </si>
  <si>
    <t>249944086.0</t>
  </si>
  <si>
    <t>135237105.0</t>
  </si>
  <si>
    <t>123436931.0</t>
  </si>
  <si>
    <t>8438365.0</t>
  </si>
  <si>
    <t>251818.0</t>
  </si>
  <si>
    <t>110051.0</t>
  </si>
  <si>
    <t>250685074.0</t>
  </si>
  <si>
    <t>135309713.0</t>
  </si>
  <si>
    <t>123554340.0</t>
  </si>
  <si>
    <t>9028614.0</t>
  </si>
  <si>
    <t>740988.0</t>
  </si>
  <si>
    <t>186414.0</t>
  </si>
  <si>
    <t>31055.0</t>
  </si>
  <si>
    <t>251485438.0</t>
  </si>
  <si>
    <t>135405935.0</t>
  </si>
  <si>
    <t>123685543.0</t>
  </si>
  <si>
    <t>9623898.0</t>
  </si>
  <si>
    <t>800364.0</t>
  </si>
  <si>
    <t>289498.0</t>
  </si>
  <si>
    <t>41484.0</t>
  </si>
  <si>
    <t>28718119.0</t>
  </si>
  <si>
    <t>124.105</t>
  </si>
  <si>
    <t>380762.0</t>
  </si>
  <si>
    <t>48234.0</t>
  </si>
  <si>
    <t>252923261.0</t>
  </si>
  <si>
    <t>135547751.0</t>
  </si>
  <si>
    <t>123885770.0</t>
  </si>
  <si>
    <t>10761096.0</t>
  </si>
  <si>
    <t>472986.0</t>
  </si>
  <si>
    <t>253637188.0</t>
  </si>
  <si>
    <t>135622060.0</t>
  </si>
  <si>
    <t>123974589.0</t>
  </si>
  <si>
    <t>11327872.0</t>
  </si>
  <si>
    <t>713927.0</t>
  </si>
  <si>
    <t>564791.0</t>
  </si>
  <si>
    <t>63136.0</t>
  </si>
  <si>
    <t>254300020.0</t>
  </si>
  <si>
    <t>135687705.0</t>
  </si>
  <si>
    <t>124047329.0</t>
  </si>
  <si>
    <t>11870953.0</t>
  </si>
  <si>
    <t>662832.0</t>
  </si>
  <si>
    <t>658250.0</t>
  </si>
  <si>
    <t>72250.0</t>
  </si>
  <si>
    <t>28772365.0</t>
  </si>
  <si>
    <t>124.339</t>
  </si>
  <si>
    <t>255066207.0</t>
  </si>
  <si>
    <t>135769376.0</t>
  </si>
  <si>
    <t>124146250.0</t>
  </si>
  <si>
    <t>12476959.0</t>
  </si>
  <si>
    <t>766187.0</t>
  </si>
  <si>
    <t>731732.0</t>
  </si>
  <si>
    <t>255799491.0</t>
  </si>
  <si>
    <t>135844758.0</t>
  </si>
  <si>
    <t>124240869.0</t>
  </si>
  <si>
    <t>13057300.0</t>
  </si>
  <si>
    <t>733284.0</t>
  </si>
  <si>
    <t>730631.0</t>
  </si>
  <si>
    <t>108.47</t>
  </si>
  <si>
    <t>76435.0</t>
  </si>
  <si>
    <t>256546646.0</t>
  </si>
  <si>
    <t>135926474.0</t>
  </si>
  <si>
    <t>124342276.0</t>
  </si>
  <si>
    <t>13640464.0</t>
  </si>
  <si>
    <t>747155.0</t>
  </si>
  <si>
    <t>723030.0</t>
  </si>
  <si>
    <t>74363.0</t>
  </si>
  <si>
    <t>28807107.0</t>
  </si>
  <si>
    <t>124.489</t>
  </si>
  <si>
    <t>257234758.0</t>
  </si>
  <si>
    <t>135998848.0</t>
  </si>
  <si>
    <t>124433592.0</t>
  </si>
  <si>
    <t>14182995.0</t>
  </si>
  <si>
    <t>688112.0</t>
  </si>
  <si>
    <t>718630.0</t>
  </si>
  <si>
    <t>74572.0</t>
  </si>
  <si>
    <t>257955368.0</t>
  </si>
  <si>
    <t>136065930.0</t>
  </si>
  <si>
    <t>124539559.0</t>
  </si>
  <si>
    <t>14747807.0</t>
  </si>
  <si>
    <t>720610.0</t>
  </si>
  <si>
    <t>718872.0</t>
  </si>
  <si>
    <t>109.38</t>
  </si>
  <si>
    <t>258680119.0</t>
  </si>
  <si>
    <t>136132226.0</t>
  </si>
  <si>
    <t>124633798.0</t>
  </si>
  <si>
    <t>15333936.0</t>
  </si>
  <si>
    <t>724751.0</t>
  </si>
  <si>
    <t>720419.0</t>
  </si>
  <si>
    <t>72881.0</t>
  </si>
  <si>
    <t>259286753.0</t>
  </si>
  <si>
    <t>136187729.0</t>
  </si>
  <si>
    <t>124721404.0</t>
  </si>
  <si>
    <t>15825367.0</t>
  </si>
  <si>
    <t>606634.0</t>
  </si>
  <si>
    <t>712390.0</t>
  </si>
  <si>
    <t>109.95</t>
  </si>
  <si>
    <t>71432.0</t>
  </si>
  <si>
    <t>28852270.0</t>
  </si>
  <si>
    <t>124.685</t>
  </si>
  <si>
    <t>259993241.0</t>
  </si>
  <si>
    <t>136252640.0</t>
  </si>
  <si>
    <t>124870023.0</t>
  </si>
  <si>
    <t>16332926.0</t>
  </si>
  <si>
    <t>706488.0</t>
  </si>
  <si>
    <t>703862.0</t>
  </si>
  <si>
    <t>69038.0</t>
  </si>
  <si>
    <t>260941098.0</t>
  </si>
  <si>
    <t>136328865.0</t>
  </si>
  <si>
    <t>125047598.0</t>
  </si>
  <si>
    <t>17044319.0</t>
  </si>
  <si>
    <t>947857.0</t>
  </si>
  <si>
    <t>734515.0</t>
  </si>
  <si>
    <t>69158.0</t>
  </si>
  <si>
    <t>261989280.0</t>
  </si>
  <si>
    <t>136422713.0</t>
  </si>
  <si>
    <t>125250104.0</t>
  </si>
  <si>
    <t>17828826.0</t>
  </si>
  <si>
    <t>1048182.0</t>
  </si>
  <si>
    <t>777519.0</t>
  </si>
  <si>
    <t>28889568.0</t>
  </si>
  <si>
    <t>124.846</t>
  </si>
  <si>
    <t>263166081.0</t>
  </si>
  <si>
    <t>136515497.0</t>
  </si>
  <si>
    <t>125457486.0</t>
  </si>
  <si>
    <t>18731849.0</t>
  </si>
  <si>
    <t>1176801.0</t>
  </si>
  <si>
    <t>847332.0</t>
  </si>
  <si>
    <t>73807.0</t>
  </si>
  <si>
    <t>264171024.0</t>
  </si>
  <si>
    <t>136594182.0</t>
  </si>
  <si>
    <t>125639654.0</t>
  </si>
  <si>
    <t>19496270.0</t>
  </si>
  <si>
    <t>1004943.0</t>
  </si>
  <si>
    <t>887951.0</t>
  </si>
  <si>
    <t>75465.0</t>
  </si>
  <si>
    <t>265193245.0</t>
  </si>
  <si>
    <t>136683579.0</t>
  </si>
  <si>
    <t>125841850.0</t>
  </si>
  <si>
    <t>20250216.0</t>
  </si>
  <si>
    <t>1022221.0</t>
  </si>
  <si>
    <t>930447.0</t>
  </si>
  <si>
    <t>78765.0</t>
  </si>
  <si>
    <t>266158823.0</t>
  </si>
  <si>
    <t>136754791.0</t>
  </si>
  <si>
    <t>126004745.0</t>
  </si>
  <si>
    <t>21011278.0</t>
  </si>
  <si>
    <t>965578.0</t>
  </si>
  <si>
    <t>981724.0</t>
  </si>
  <si>
    <t>81009.0</t>
  </si>
  <si>
    <t>267200445.0</t>
  </si>
  <si>
    <t>136867773.0</t>
  </si>
  <si>
    <t>126198933.0</t>
  </si>
  <si>
    <t>21773432.0</t>
  </si>
  <si>
    <t>1041622.0</t>
  </si>
  <si>
    <t>1029601.0</t>
  </si>
  <si>
    <t>87876.0</t>
  </si>
  <si>
    <t>268206710.0</t>
  </si>
  <si>
    <t>136961847.0</t>
  </si>
  <si>
    <t>126385289.0</t>
  </si>
  <si>
    <t>22534220.0</t>
  </si>
  <si>
    <t>1006265.0</t>
  </si>
  <si>
    <t>1037945.0</t>
  </si>
  <si>
    <t>269192190.0</t>
  </si>
  <si>
    <t>137038813.0</t>
  </si>
  <si>
    <t>126553053.0</t>
  </si>
  <si>
    <t>23292541.0</t>
  </si>
  <si>
    <t>985480.0</t>
  </si>
  <si>
    <t>1028987.0</t>
  </si>
  <si>
    <t>114.15</t>
  </si>
  <si>
    <t>88014.0</t>
  </si>
  <si>
    <t>270168135.0</t>
  </si>
  <si>
    <t>137108516.0</t>
  </si>
  <si>
    <t>126718132.0</t>
  </si>
  <si>
    <t>24048052.0</t>
  </si>
  <si>
    <t>975945.0</t>
  </si>
  <si>
    <t>1000293.0</t>
  </si>
  <si>
    <t>114.56</t>
  </si>
  <si>
    <t>270801545.0</t>
  </si>
  <si>
    <t>137177325.0</t>
  </si>
  <si>
    <t>126863819.0</t>
  </si>
  <si>
    <t>24483269.0</t>
  </si>
  <si>
    <t>633410.0</t>
  </si>
  <si>
    <t>947217.0</t>
  </si>
  <si>
    <t>271705085.0</t>
  </si>
  <si>
    <t>137246872.0</t>
  </si>
  <si>
    <t>127001622.0</t>
  </si>
  <si>
    <t>25195058.0</t>
  </si>
  <si>
    <t>903540.0</t>
  </si>
  <si>
    <t>930263.0</t>
  </si>
  <si>
    <t>272421480.0</t>
  </si>
  <si>
    <t>137291287.0</t>
  </si>
  <si>
    <t>127105292.0</t>
  </si>
  <si>
    <t>25771726.0</t>
  </si>
  <si>
    <t>716395.0</t>
  </si>
  <si>
    <t>894665.0</t>
  </si>
  <si>
    <t>115.52</t>
  </si>
  <si>
    <t>273365003.0</t>
  </si>
  <si>
    <t>137369525.0</t>
  </si>
  <si>
    <t>127262916.0</t>
  </si>
  <si>
    <t>26505821.0</t>
  </si>
  <si>
    <t>943523.0</t>
  </si>
  <si>
    <t>880651.0</t>
  </si>
  <si>
    <t>274354445.0</t>
  </si>
  <si>
    <t>137436739.0</t>
  </si>
  <si>
    <t>127421505.0</t>
  </si>
  <si>
    <t>27288457.0</t>
  </si>
  <si>
    <t>989442.0</t>
  </si>
  <si>
    <t>878248.0</t>
  </si>
  <si>
    <t>275382626.0</t>
  </si>
  <si>
    <t>137503769.0</t>
  </si>
  <si>
    <t>127590195.0</t>
  </si>
  <si>
    <t>28103609.0</t>
  </si>
  <si>
    <t>1028181.0</t>
  </si>
  <si>
    <t>884348.0</t>
  </si>
  <si>
    <t>886420.0</t>
  </si>
  <si>
    <t>65121.0</t>
  </si>
  <si>
    <t>277363524.0</t>
  </si>
  <si>
    <t>137624954.0</t>
  </si>
  <si>
    <t>127898408.0</t>
  </si>
  <si>
    <t>29688672.0</t>
  </si>
  <si>
    <t>937426.0</t>
  </si>
  <si>
    <t>63947.0</t>
  </si>
  <si>
    <t>277816514.0</t>
  </si>
  <si>
    <t>137652762.0</t>
  </si>
  <si>
    <t>127969680.0</t>
  </si>
  <si>
    <t>30049053.0</t>
  </si>
  <si>
    <t>452990.0</t>
  </si>
  <si>
    <t>873061.0</t>
  </si>
  <si>
    <t>782660.0</t>
  </si>
  <si>
    <t>52832.0</t>
  </si>
  <si>
    <t>659811.0</t>
  </si>
  <si>
    <t>530403.0</t>
  </si>
  <si>
    <t>34438.0</t>
  </si>
  <si>
    <t>278150849.0</t>
  </si>
  <si>
    <t>137686155.0</t>
  </si>
  <si>
    <t>128040853.0</t>
  </si>
  <si>
    <t>30294007.0</t>
  </si>
  <si>
    <t>395460.0</t>
  </si>
  <si>
    <t>26055.0</t>
  </si>
  <si>
    <t>278587073.0</t>
  </si>
  <si>
    <t>137719583.0</t>
  </si>
  <si>
    <t>128114044.0</t>
  </si>
  <si>
    <t>30635036.0</t>
  </si>
  <si>
    <t>436224.0</t>
  </si>
  <si>
    <t>316285.0</t>
  </si>
  <si>
    <t>279073146.0</t>
  </si>
  <si>
    <t>137755272.0</t>
  </si>
  <si>
    <t>128194865.0</t>
  </si>
  <si>
    <t>31012576.0</t>
  </si>
  <si>
    <t>486073.0</t>
  </si>
  <si>
    <t>244232.0</t>
  </si>
  <si>
    <t>279555528.0</t>
  </si>
  <si>
    <t>137788368.0</t>
  </si>
  <si>
    <t>128275677.0</t>
  </si>
  <si>
    <t>31388655.0</t>
  </si>
  <si>
    <t>482382.0</t>
  </si>
  <si>
    <t>248431.0</t>
  </si>
  <si>
    <t>272408.0</t>
  </si>
  <si>
    <t>280058377.0</t>
  </si>
  <si>
    <t>137824854.0</t>
  </si>
  <si>
    <t>128372947.0</t>
  </si>
  <si>
    <t>31763589.0</t>
  </si>
  <si>
    <t>296385.0</t>
  </si>
  <si>
    <t>280530307.0</t>
  </si>
  <si>
    <t>137850645.0</t>
  </si>
  <si>
    <t>128442166.0</t>
  </si>
  <si>
    <t>32144309.0</t>
  </si>
  <si>
    <t>471930.0</t>
  </si>
  <si>
    <t>351863.0</t>
  </si>
  <si>
    <t>24691.0</t>
  </si>
  <si>
    <t>281037412.0</t>
  </si>
  <si>
    <t>137879120.0</t>
  </si>
  <si>
    <t>128517278.0</t>
  </si>
  <si>
    <t>32551899.0</t>
  </si>
  <si>
    <t>507105.0</t>
  </si>
  <si>
    <t>412366.0</t>
  </si>
  <si>
    <t>281510344.0</t>
  </si>
  <si>
    <t>137905993.0</t>
  </si>
  <si>
    <t>128582065.0</t>
  </si>
  <si>
    <t>32936765.0</t>
  </si>
  <si>
    <t>472932.0</t>
  </si>
  <si>
    <t>417610.0</t>
  </si>
  <si>
    <t>119.37</t>
  </si>
  <si>
    <t>281952221.0</t>
  </si>
  <si>
    <t>137931533.0</t>
  </si>
  <si>
    <t>128647209.0</t>
  </si>
  <si>
    <t>33291358.0</t>
  </si>
  <si>
    <t>441877.0</t>
  </si>
  <si>
    <t>411296.0</t>
  </si>
  <si>
    <t>282359744.0</t>
  </si>
  <si>
    <t>137952508.0</t>
  </si>
  <si>
    <t>128695341.0</t>
  </si>
  <si>
    <t>33632204.0</t>
  </si>
  <si>
    <t>407523.0</t>
  </si>
  <si>
    <t>400602.0</t>
  </si>
  <si>
    <t>119.73</t>
  </si>
  <si>
    <t>400598.0</t>
  </si>
  <si>
    <t>282862538.0</t>
  </si>
  <si>
    <t>137997368.0</t>
  </si>
  <si>
    <t>128811317.0</t>
  </si>
  <si>
    <t>33981619.0</t>
  </si>
  <si>
    <t>400594.0</t>
  </si>
  <si>
    <t>283344562.0</t>
  </si>
  <si>
    <t>138038292.0</t>
  </si>
  <si>
    <t>128903077.0</t>
  </si>
  <si>
    <t>34344997.0</t>
  </si>
  <si>
    <t>482024.0</t>
  </si>
  <si>
    <t>402036.0</t>
  </si>
  <si>
    <t>26807.0</t>
  </si>
  <si>
    <t>283822258.0</t>
  </si>
  <si>
    <t>138077084.0</t>
  </si>
  <si>
    <t>128991362.0</t>
  </si>
  <si>
    <t>34707058.0</t>
  </si>
  <si>
    <t>397835.0</t>
  </si>
  <si>
    <t>284289911.0</t>
  </si>
  <si>
    <t>138119856.0</t>
  </si>
  <si>
    <t>129080769.0</t>
  </si>
  <si>
    <t>35056221.0</t>
  </si>
  <si>
    <t>467653.0</t>
  </si>
  <si>
    <t>397081.0</t>
  </si>
  <si>
    <t>120.55</t>
  </si>
  <si>
    <t>284762973.0</t>
  </si>
  <si>
    <t>138162755.0</t>
  </si>
  <si>
    <t>129175355.0</t>
  </si>
  <si>
    <t>35408235.0</t>
  </si>
  <si>
    <t>473062.0</t>
  </si>
  <si>
    <t>401536.0</t>
  </si>
  <si>
    <t>285218897.0</t>
  </si>
  <si>
    <t>138206755.0</t>
  </si>
  <si>
    <t>129271041.0</t>
  </si>
  <si>
    <t>35743464.0</t>
  </si>
  <si>
    <t>455924.0</t>
  </si>
  <si>
    <t>408450.0</t>
  </si>
  <si>
    <t>408462.0</t>
  </si>
  <si>
    <t>285721847.0</t>
  </si>
  <si>
    <t>138258094.0</t>
  </si>
  <si>
    <t>129420281.0</t>
  </si>
  <si>
    <t>36066966.0</t>
  </si>
  <si>
    <t>408473.0</t>
  </si>
  <si>
    <t>286203079.0</t>
  </si>
  <si>
    <t>138302611.0</t>
  </si>
  <si>
    <t>129536789.0</t>
  </si>
  <si>
    <t>36408170.0</t>
  </si>
  <si>
    <t>481232.0</t>
  </si>
  <si>
    <t>408360.0</t>
  </si>
  <si>
    <t>286651460.0</t>
  </si>
  <si>
    <t>138350932.0</t>
  </si>
  <si>
    <t>129643159.0</t>
  </si>
  <si>
    <t>36724645.0</t>
  </si>
  <si>
    <t>448381.0</t>
  </si>
  <si>
    <t>404172.0</t>
  </si>
  <si>
    <t>121.55</t>
  </si>
  <si>
    <t>287099572.0</t>
  </si>
  <si>
    <t>138397253.0</t>
  </si>
  <si>
    <t>129747931.0</t>
  </si>
  <si>
    <t>37043984.0</t>
  </si>
  <si>
    <t>448112.0</t>
  </si>
  <si>
    <t>401380.0</t>
  </si>
  <si>
    <t>287508923.0</t>
  </si>
  <si>
    <t>138441823.0</t>
  </si>
  <si>
    <t>129842897.0</t>
  </si>
  <si>
    <t>37337838.0</t>
  </si>
  <si>
    <t>392279.0</t>
  </si>
  <si>
    <t>287848376.0</t>
  </si>
  <si>
    <t>138476803.0</t>
  </si>
  <si>
    <t>129921311.0</t>
  </si>
  <si>
    <t>37581886.0</t>
  </si>
  <si>
    <t>339453.0</t>
  </si>
  <si>
    <t>38578.0</t>
  </si>
  <si>
    <t>355014.0</t>
  </si>
  <si>
    <t>334388.0</t>
  </si>
  <si>
    <t>280940.0</t>
  </si>
  <si>
    <t>34152.0</t>
  </si>
  <si>
    <t>288276753.0</t>
  </si>
  <si>
    <t>138563296.0</t>
  </si>
  <si>
    <t>130069746.0</t>
  </si>
  <si>
    <t>37805010.0</t>
  </si>
  <si>
    <t>232185.0</t>
  </si>
  <si>
    <t>206565.0</t>
  </si>
  <si>
    <t>176384.0</t>
  </si>
  <si>
    <t>26778.0</t>
  </si>
  <si>
    <t>199481.0</t>
  </si>
  <si>
    <t>30214.0</t>
  </si>
  <si>
    <t>289889380.0</t>
  </si>
  <si>
    <t>138765195.0</t>
  </si>
  <si>
    <t>130469551.0</t>
  </si>
  <si>
    <t>38925489.0</t>
  </si>
  <si>
    <t>245674.0</t>
  </si>
  <si>
    <t>31932.0</t>
  </si>
  <si>
    <t>290178938.0</t>
  </si>
  <si>
    <t>138807949.0</t>
  </si>
  <si>
    <t>130540653.0</t>
  </si>
  <si>
    <t>39123358.0</t>
  </si>
  <si>
    <t>289558.0</t>
  </si>
  <si>
    <t>271741.0</t>
  </si>
  <si>
    <t>34950.0</t>
  </si>
  <si>
    <t>273116.0</t>
  </si>
  <si>
    <t>36040.0</t>
  </si>
  <si>
    <t>290735732.0</t>
  </si>
  <si>
    <t>138890498.0</t>
  </si>
  <si>
    <t>130683960.0</t>
  </si>
  <si>
    <t>39496059.0</t>
  </si>
  <si>
    <t>274491.0</t>
  </si>
  <si>
    <t>291013209.0</t>
  </si>
  <si>
    <t>138925794.0</t>
  </si>
  <si>
    <t>130752685.0</t>
  </si>
  <si>
    <t>39689681.0</t>
  </si>
  <si>
    <t>277477.0</t>
  </si>
  <si>
    <t>275735.0</t>
  </si>
  <si>
    <t>252337.0</t>
  </si>
  <si>
    <t>291223187.0</t>
  </si>
  <si>
    <t>138959473.0</t>
  </si>
  <si>
    <t>130818728.0</t>
  </si>
  <si>
    <t>39818012.0</t>
  </si>
  <si>
    <t>228940.0</t>
  </si>
  <si>
    <t>291411247.0</t>
  </si>
  <si>
    <t>138985638.0</t>
  </si>
  <si>
    <t>130867849.0</t>
  </si>
  <si>
    <t>39944508.0</t>
  </si>
  <si>
    <t>188060.0</t>
  </si>
  <si>
    <t>217410.0</t>
  </si>
  <si>
    <t>291581697.0</t>
  </si>
  <si>
    <t>139008069.0</t>
  </si>
  <si>
    <t>130914206.0</t>
  </si>
  <si>
    <t>40057953.0</t>
  </si>
  <si>
    <t>170450.0</t>
  </si>
  <si>
    <t>291747444.0</t>
  </si>
  <si>
    <t>139030380.0</t>
  </si>
  <si>
    <t>130958324.0</t>
  </si>
  <si>
    <t>40168164.0</t>
  </si>
  <si>
    <t>165747.0</t>
  </si>
  <si>
    <t>184301.0</t>
  </si>
  <si>
    <t>123.71</t>
  </si>
  <si>
    <t>25880.0</t>
  </si>
  <si>
    <t>164448.0</t>
  </si>
  <si>
    <t>292026285.0</t>
  </si>
  <si>
    <t>139058045.0</t>
  </si>
  <si>
    <t>131011824.0</t>
  </si>
  <si>
    <t>40377035.0</t>
  </si>
  <si>
    <t>144725.0</t>
  </si>
  <si>
    <t>18893.0</t>
  </si>
  <si>
    <t>292197505.0</t>
  </si>
  <si>
    <t>139077082.0</t>
  </si>
  <si>
    <t>131049385.0</t>
  </si>
  <si>
    <t>40499700.0</t>
  </si>
  <si>
    <t>139188.0</t>
  </si>
  <si>
    <t>292374201.0</t>
  </si>
  <si>
    <t>139092204.0</t>
  </si>
  <si>
    <t>131079442.0</t>
  </si>
  <si>
    <t>40636238.0</t>
  </si>
  <si>
    <t>176696.0</t>
  </si>
  <si>
    <t>292563934.0</t>
  </si>
  <si>
    <t>139109870.0</t>
  </si>
  <si>
    <t>131116836.0</t>
  </si>
  <si>
    <t>40777384.0</t>
  </si>
  <si>
    <t>189733.0</t>
  </si>
  <si>
    <t>140320.0</t>
  </si>
  <si>
    <t>14543.0</t>
  </si>
  <si>
    <t>292751294.0</t>
  </si>
  <si>
    <t>139136030.0</t>
  </si>
  <si>
    <t>131158124.0</t>
  </si>
  <si>
    <t>40901429.0</t>
  </si>
  <si>
    <t>187360.0</t>
  </si>
  <si>
    <t>143407.0</t>
  </si>
  <si>
    <t>292929459.0</t>
  </si>
  <si>
    <t>139165861.0</t>
  </si>
  <si>
    <t>131202811.0</t>
  </si>
  <si>
    <t>41025497.0</t>
  </si>
  <si>
    <t>178165.0</t>
  </si>
  <si>
    <t>148942.0</t>
  </si>
  <si>
    <t>293089022.0</t>
  </si>
  <si>
    <t>139177409.0</t>
  </si>
  <si>
    <t>131233589.0</t>
  </si>
  <si>
    <t>41144508.0</t>
  </si>
  <si>
    <t>159563.0</t>
  </si>
  <si>
    <t>151820.0</t>
  </si>
  <si>
    <t>157285.0</t>
  </si>
  <si>
    <t>162750.0</t>
  </si>
  <si>
    <t>155203.0</t>
  </si>
  <si>
    <t>293584492.0</t>
  </si>
  <si>
    <t>139208845.0</t>
  </si>
  <si>
    <t>131310880.0</t>
  </si>
  <si>
    <t>41531617.0</t>
  </si>
  <si>
    <t>124.49</t>
  </si>
  <si>
    <t>293755473.0</t>
  </si>
  <si>
    <t>139217644.0</t>
  </si>
  <si>
    <t>131335070.0</t>
  </si>
  <si>
    <t>41669705.0</t>
  </si>
  <si>
    <t>124.57</t>
  </si>
  <si>
    <t>293921139.0</t>
  </si>
  <si>
    <t>139226303.0</t>
  </si>
  <si>
    <t>131356214.0</t>
  </si>
  <si>
    <t>41805681.0</t>
  </si>
  <si>
    <t>165666.0</t>
  </si>
  <si>
    <t>141669.0</t>
  </si>
  <si>
    <t>294088477.0</t>
  </si>
  <si>
    <t>139234358.0</t>
  </si>
  <si>
    <t>41944988.0</t>
  </si>
  <si>
    <t>167338.0</t>
  </si>
  <si>
    <t>142779.0</t>
  </si>
  <si>
    <t>137839.0</t>
  </si>
  <si>
    <t>294267054.0</t>
  </si>
  <si>
    <t>139246077.0</t>
  </si>
  <si>
    <t>42086928.0</t>
  </si>
  <si>
    <t>132900.0</t>
  </si>
  <si>
    <t>294446387.0</t>
  </si>
  <si>
    <t>139257426.0</t>
  </si>
  <si>
    <t>42234270.0</t>
  </si>
  <si>
    <t>179333.0</t>
  </si>
  <si>
    <t>294628130.0</t>
  </si>
  <si>
    <t>139267049.0</t>
  </si>
  <si>
    <t>42386784.0</t>
  </si>
  <si>
    <t>181743.0</t>
  </si>
  <si>
    <t>149091.0</t>
  </si>
  <si>
    <t>137811.0</t>
  </si>
  <si>
    <t>294812167.0</t>
  </si>
  <si>
    <t>139277589.0</t>
  </si>
  <si>
    <t>42540277.0</t>
  </si>
  <si>
    <t>127290.0</t>
  </si>
  <si>
    <t>295146024.0</t>
  </si>
  <si>
    <t>139295195.0</t>
  </si>
  <si>
    <t>42820839.0</t>
  </si>
  <si>
    <t>333857.0</t>
  </si>
  <si>
    <t>151078.0</t>
  </si>
  <si>
    <t>148545.0</t>
  </si>
  <si>
    <t>295289137.0</t>
  </si>
  <si>
    <t>139301744.0</t>
  </si>
  <si>
    <t>42944088.0</t>
  </si>
  <si>
    <t>146012.0</t>
  </si>
  <si>
    <t>295464617.0</t>
  </si>
  <si>
    <t>139316517.0</t>
  </si>
  <si>
    <t>43075273.0</t>
  </si>
  <si>
    <t>295621332.0</t>
  </si>
  <si>
    <t>139327569.0</t>
  </si>
  <si>
    <t>43200093.0</t>
  </si>
  <si>
    <t>156715.0</t>
  </si>
  <si>
    <t>141886.0</t>
  </si>
  <si>
    <t>295790466.0</t>
  </si>
  <si>
    <t>139336665.0</t>
  </si>
  <si>
    <t>43340495.0</t>
  </si>
  <si>
    <t>169134.0</t>
  </si>
  <si>
    <t>295951588.0</t>
  </si>
  <si>
    <t>139346529.0</t>
  </si>
  <si>
    <t>43472117.0</t>
  </si>
  <si>
    <t>161122.0</t>
  </si>
  <si>
    <t>162774.0</t>
  </si>
  <si>
    <t>296111530.0</t>
  </si>
  <si>
    <t>139356535.0</t>
  </si>
  <si>
    <t>43603347.0</t>
  </si>
  <si>
    <t>159942.0</t>
  </si>
  <si>
    <t>139557.0</t>
  </si>
  <si>
    <t>296277432.0</t>
  </si>
  <si>
    <t>139366586.0</t>
  </si>
  <si>
    <t>43737343.0</t>
  </si>
  <si>
    <t>141185.0</t>
  </si>
  <si>
    <t>296577797.0</t>
  </si>
  <si>
    <t>139381377.0</t>
  </si>
  <si>
    <t>43988790.0</t>
  </si>
  <si>
    <t>136638.0</t>
  </si>
  <si>
    <t>296738082.0</t>
  </si>
  <si>
    <t>139388369.0</t>
  </si>
  <si>
    <t>44124465.0</t>
  </si>
  <si>
    <t>160285.0</t>
  </si>
  <si>
    <t>135374.0</t>
  </si>
  <si>
    <t>296880485.0</t>
  </si>
  <si>
    <t>139394287.0</t>
  </si>
  <si>
    <t>44246437.0</t>
  </si>
  <si>
    <t>132700.0</t>
  </si>
  <si>
    <t>297293206.0</t>
  </si>
  <si>
    <t>139412678.0</t>
  </si>
  <si>
    <t>44596652.0</t>
  </si>
  <si>
    <t>123656.0</t>
  </si>
  <si>
    <t>126.07</t>
  </si>
  <si>
    <t>297422383.0</t>
  </si>
  <si>
    <t>139418295.0</t>
  </si>
  <si>
    <t>44706836.0</t>
  </si>
  <si>
    <t>129177.0</t>
  </si>
  <si>
    <t>120655.0</t>
  </si>
  <si>
    <t>126.12</t>
  </si>
  <si>
    <t>297551469.0</t>
  </si>
  <si>
    <t>139423668.0</t>
  </si>
  <si>
    <t>44817130.0</t>
  </si>
  <si>
    <t>116198.0</t>
  </si>
  <si>
    <t>112443.0</t>
  </si>
  <si>
    <t>297783703.0</t>
  </si>
  <si>
    <t>139432456.0</t>
  </si>
  <si>
    <t>45018146.0</t>
  </si>
  <si>
    <t>114291.0</t>
  </si>
  <si>
    <t>298025656.0</t>
  </si>
  <si>
    <t>139443281.0</t>
  </si>
  <si>
    <t>45222280.0</t>
  </si>
  <si>
    <t>104636.0</t>
  </si>
  <si>
    <t>126.38</t>
  </si>
  <si>
    <t>298141584.0</t>
  </si>
  <si>
    <t>139448252.0</t>
  </si>
  <si>
    <t>45321378.0</t>
  </si>
  <si>
    <t>115928.0</t>
  </si>
  <si>
    <t>102743.0</t>
  </si>
  <si>
    <t>298250512.0</t>
  </si>
  <si>
    <t>139452737.0</t>
  </si>
  <si>
    <t>45414758.0</t>
  </si>
  <si>
    <t>108928.0</t>
  </si>
  <si>
    <t>99863.0</t>
  </si>
  <si>
    <t>298358481.0</t>
  </si>
  <si>
    <t>139458052.0</t>
  </si>
  <si>
    <t>45507117.0</t>
  </si>
  <si>
    <t>98699.0</t>
  </si>
  <si>
    <t>298462828.0</t>
  </si>
  <si>
    <t>139462231.0</t>
  </si>
  <si>
    <t>45596665.0</t>
  </si>
  <si>
    <t>104347.0</t>
  </si>
  <si>
    <t>97018.0</t>
  </si>
  <si>
    <t>298565145.0</t>
  </si>
  <si>
    <t>139466142.0</t>
  </si>
  <si>
    <t>45684191.0</t>
  </si>
  <si>
    <t>88591.0</t>
  </si>
  <si>
    <t>298683617.0</t>
  </si>
  <si>
    <t>139473075.0</t>
  </si>
  <si>
    <t>45780488.0</t>
  </si>
  <si>
    <t>93994.0</t>
  </si>
  <si>
    <t>298793045.0</t>
  </si>
  <si>
    <t>139477506.0</t>
  </si>
  <si>
    <t>45873926.0</t>
  </si>
  <si>
    <t>298941643.0</t>
  </si>
  <si>
    <t>139497405.0</t>
  </si>
  <si>
    <t>45967368.0</t>
  </si>
  <si>
    <t>148598.0</t>
  </si>
  <si>
    <t>94062.0</t>
  </si>
  <si>
    <t>89908.0</t>
  </si>
  <si>
    <t>299242724.0</t>
  </si>
  <si>
    <t>139509455.0</t>
  </si>
  <si>
    <t>46226871.0</t>
  </si>
  <si>
    <t>96797.0</t>
  </si>
  <si>
    <t>91400.0</t>
  </si>
  <si>
    <t>87294.0</t>
  </si>
  <si>
    <t>77593.0</t>
  </si>
  <si>
    <t>79916.0</t>
  </si>
  <si>
    <t>299807553.0</t>
  </si>
  <si>
    <t>139532638.0</t>
  </si>
  <si>
    <t>46712251.0</t>
  </si>
  <si>
    <t>299905652.0</t>
  </si>
  <si>
    <t>139537074.0</t>
  </si>
  <si>
    <t>46794427.0</t>
  </si>
  <si>
    <t>98099.0</t>
  </si>
  <si>
    <t>83177.0</t>
  </si>
  <si>
    <t>300102845.0</t>
  </si>
  <si>
    <t>139545478.0</t>
  </si>
  <si>
    <t>46960058.0</t>
  </si>
  <si>
    <t>127.26</t>
  </si>
  <si>
    <t>300198277.0</t>
  </si>
  <si>
    <t>139549436.0</t>
  </si>
  <si>
    <t>47041086.0</t>
  </si>
  <si>
    <t>95432.0</t>
  </si>
  <si>
    <t>90399.0</t>
  </si>
  <si>
    <t>85476.0</t>
  </si>
  <si>
    <t>300290727.0</t>
  </si>
  <si>
    <t>139553382.0</t>
  </si>
  <si>
    <t>80552.0</t>
  </si>
  <si>
    <t>300395620.0</t>
  </si>
  <si>
    <t>139558129.0</t>
  </si>
  <si>
    <t>47098951.0</t>
  </si>
  <si>
    <t>104893.0</t>
  </si>
  <si>
    <t>84010.0</t>
  </si>
  <si>
    <t>77256.0</t>
  </si>
  <si>
    <t>300497274.0</t>
  </si>
  <si>
    <t>139562013.0</t>
  </si>
  <si>
    <t>47296307.0</t>
  </si>
  <si>
    <t>70432.0</t>
  </si>
  <si>
    <t>300602631.0</t>
  </si>
  <si>
    <t>139566638.0</t>
  </si>
  <si>
    <t>47385386.0</t>
  </si>
  <si>
    <t>71761.0</t>
  </si>
  <si>
    <t>300798574.0</t>
  </si>
  <si>
    <t>139573757.0</t>
  </si>
  <si>
    <t>47555819.0</t>
  </si>
  <si>
    <t>79153.0</t>
  </si>
  <si>
    <t>80404.0</t>
  </si>
  <si>
    <t>300908543.0</t>
  </si>
  <si>
    <t>139578380.0</t>
  </si>
  <si>
    <t>47649152.0</t>
  </si>
  <si>
    <t>73275.0</t>
  </si>
  <si>
    <t>301017439.0</t>
  </si>
  <si>
    <t>139581997.0</t>
  </si>
  <si>
    <t>47744657.0</t>
  </si>
  <si>
    <t>108896.0</t>
  </si>
  <si>
    <t>81570.0</t>
  </si>
  <si>
    <t>301048100.0</t>
  </si>
  <si>
    <t>47769757.0</t>
  </si>
  <si>
    <t>30661.0</t>
  </si>
  <si>
    <t>301078608.0</t>
  </si>
  <si>
    <t>139584810.0</t>
  </si>
  <si>
    <t>47794419.0</t>
  </si>
  <si>
    <t>301116542.0</t>
  </si>
  <si>
    <t>139587475.0</t>
  </si>
  <si>
    <t>47822096.0</t>
  </si>
  <si>
    <t>37569.0</t>
  </si>
  <si>
    <t>301236601.0</t>
  </si>
  <si>
    <t>139599826.0</t>
  </si>
  <si>
    <t>47898137.0</t>
  </si>
  <si>
    <t>120059.0</t>
  </si>
  <si>
    <t>301330369.0</t>
  </si>
  <si>
    <t>139603412.0</t>
  </si>
  <si>
    <t>47979171.0</t>
  </si>
  <si>
    <t>93768.0</t>
  </si>
  <si>
    <t>50945.0</t>
  </si>
  <si>
    <t>57207.0</t>
  </si>
  <si>
    <t>74835.0</t>
  </si>
  <si>
    <t>301702088.0</t>
  </si>
  <si>
    <t>139616936.0</t>
  </si>
  <si>
    <t>48301936.0</t>
  </si>
  <si>
    <t>127.93</t>
  </si>
  <si>
    <t>301792035.0</t>
  </si>
  <si>
    <t>139621679.0</t>
  </si>
  <si>
    <t>48376837.0</t>
  </si>
  <si>
    <t>89947.0</t>
  </si>
  <si>
    <t>301870637.0</t>
  </si>
  <si>
    <t>139625531.0</t>
  </si>
  <si>
    <t>48444092.0</t>
  </si>
  <si>
    <t>77181.0</t>
  </si>
  <si>
    <t>301954054.0</t>
  </si>
  <si>
    <t>139628133.0</t>
  </si>
  <si>
    <t>48517567.0</t>
  </si>
  <si>
    <t>83417.0</t>
  </si>
  <si>
    <t>78477.0</t>
  </si>
  <si>
    <t>592790.0</t>
  </si>
  <si>
    <t>539478.0</t>
  </si>
  <si>
    <t>1107104.0</t>
  </si>
  <si>
    <t>1075811.0</t>
  </si>
  <si>
    <t>1621417.0</t>
  </si>
  <si>
    <t>1612144.0</t>
  </si>
  <si>
    <t>316652198.0</t>
  </si>
  <si>
    <t>154656277.0</t>
  </si>
  <si>
    <t>131361137.0</t>
  </si>
  <si>
    <t>2135730.0</t>
  </si>
  <si>
    <t>2148477.0</t>
  </si>
  <si>
    <t>2127255.0</t>
  </si>
  <si>
    <t>2147896.0</t>
  </si>
  <si>
    <t>2120400.0</t>
  </si>
  <si>
    <t>2147443.0</t>
  </si>
  <si>
    <t>2112858.0</t>
  </si>
  <si>
    <t>2147167.0</t>
  </si>
  <si>
    <t>1592299.0</t>
  </si>
  <si>
    <t>1610545.0</t>
  </si>
  <si>
    <t>1071739.0</t>
  </si>
  <si>
    <t>1073922.0</t>
  </si>
  <si>
    <t>551180.0</t>
  </si>
  <si>
    <t>537299.0</t>
  </si>
  <si>
    <t>317080887.0</t>
  </si>
  <si>
    <t>154665740.0</t>
  </si>
  <si>
    <t>131368973.0</t>
  </si>
  <si>
    <t>48935695.0</t>
  </si>
  <si>
    <t>PLW</t>
  </si>
  <si>
    <t>Palau</t>
  </si>
  <si>
    <t>44992.0</t>
  </si>
  <si>
    <t>2496.227</t>
  </si>
  <si>
    <t>2553.04</t>
  </si>
  <si>
    <t>2592.21</t>
  </si>
  <si>
    <t>11.707</t>
  </si>
  <si>
    <t>2622.725</t>
  </si>
  <si>
    <t>9.931</t>
  </si>
  <si>
    <t>2669.774</t>
  </si>
  <si>
    <t>13.371</t>
  </si>
  <si>
    <t>14.148</t>
  </si>
  <si>
    <t>2733.245</t>
  </si>
  <si>
    <t>15.868</t>
  </si>
  <si>
    <t>15.923</t>
  </si>
  <si>
    <t>2797.104</t>
  </si>
  <si>
    <t>51089.0</t>
  </si>
  <si>
    <t>2834.498</t>
  </si>
  <si>
    <t>14.481</t>
  </si>
  <si>
    <t>13.981</t>
  </si>
  <si>
    <t>2893.753</t>
  </si>
  <si>
    <t>13.815</t>
  </si>
  <si>
    <t>2925.1</t>
  </si>
  <si>
    <t>53761.0</t>
  </si>
  <si>
    <t>2982.745</t>
  </si>
  <si>
    <t>3014.536</t>
  </si>
  <si>
    <t>21.138</t>
  </si>
  <si>
    <t>3189.303</t>
  </si>
  <si>
    <t>29.516</t>
  </si>
  <si>
    <t>29.683</t>
  </si>
  <si>
    <t>58092.0</t>
  </si>
  <si>
    <t>3223.036</t>
  </si>
  <si>
    <t>29.794</t>
  </si>
  <si>
    <t>58813.0</t>
  </si>
  <si>
    <t>3263.038</t>
  </si>
  <si>
    <t>59305.0</t>
  </si>
  <si>
    <t>3290.335</t>
  </si>
  <si>
    <t>59627.0</t>
  </si>
  <si>
    <t>3308.2</t>
  </si>
  <si>
    <t>PSE</t>
  </si>
  <si>
    <t>Palestine</t>
  </si>
  <si>
    <t>-26.4</t>
  </si>
  <si>
    <t>-5.02849863506738</t>
  </si>
  <si>
    <t>-181.7</t>
  </si>
  <si>
    <t>-14.87</t>
  </si>
  <si>
    <t>-34.6090228027175</t>
  </si>
  <si>
    <t>-207.5</t>
  </si>
  <si>
    <t>-39.523237377897</t>
  </si>
  <si>
    <t>-284.3</t>
  </si>
  <si>
    <t>-54.1515970435476</t>
  </si>
  <si>
    <t>-208.1</t>
  </si>
  <si>
    <t>-39.6375214377849</t>
  </si>
  <si>
    <t>-179.9</t>
  </si>
  <si>
    <t>-34.2661706230538</t>
  </si>
  <si>
    <t>7.6760793558036</t>
  </si>
  <si>
    <t>38.9518170784575</t>
  </si>
  <si>
    <t>0.2436</t>
  </si>
  <si>
    <t>494.2</t>
  </si>
  <si>
    <t>94.1319706609961</t>
  </si>
  <si>
    <t>0.2955</t>
  </si>
  <si>
    <t>1197.4</t>
  </si>
  <si>
    <t>228.072888849609</t>
  </si>
  <si>
    <t>81942.0</t>
  </si>
  <si>
    <t>78379.0</t>
  </si>
  <si>
    <t>83822.0</t>
  </si>
  <si>
    <t>100386.0</t>
  </si>
  <si>
    <t>90204.0</t>
  </si>
  <si>
    <t>91626.0</t>
  </si>
  <si>
    <t>111880.0</t>
  </si>
  <si>
    <t>121326.0</t>
  </si>
  <si>
    <t>109894.0</t>
  </si>
  <si>
    <t>132392.0</t>
  </si>
  <si>
    <t>143142.0</t>
  </si>
  <si>
    <t>152503.0</t>
  </si>
  <si>
    <t>140481.0</t>
  </si>
  <si>
    <t>154099.0</t>
  </si>
  <si>
    <t>140932.0</t>
  </si>
  <si>
    <t>0.2872</t>
  </si>
  <si>
    <t>161660.0</t>
  </si>
  <si>
    <t>168682.0</t>
  </si>
  <si>
    <t>151022.0</t>
  </si>
  <si>
    <t>173851.0</t>
  </si>
  <si>
    <t>153911.0</t>
  </si>
  <si>
    <t>177865.0</t>
  </si>
  <si>
    <t>156446.0</t>
  </si>
  <si>
    <t>182867.0</t>
  </si>
  <si>
    <t>159754.0</t>
  </si>
  <si>
    <t>0.2825</t>
  </si>
  <si>
    <t>183606.0</t>
  </si>
  <si>
    <t>159976.0</t>
  </si>
  <si>
    <t>192315.0</t>
  </si>
  <si>
    <t>166849.0</t>
  </si>
  <si>
    <t>25466.0</t>
  </si>
  <si>
    <t>0.2899</t>
  </si>
  <si>
    <t>202279.0</t>
  </si>
  <si>
    <t>167549.0</t>
  </si>
  <si>
    <t>34730.0</t>
  </si>
  <si>
    <t>206354.0</t>
  </si>
  <si>
    <t>167711.0</t>
  </si>
  <si>
    <t>38643.0</t>
  </si>
  <si>
    <t>213238.0</t>
  </si>
  <si>
    <t>169856.0</t>
  </si>
  <si>
    <t>213493.0</t>
  </si>
  <si>
    <t>169960.0</t>
  </si>
  <si>
    <t>21821.0</t>
  </si>
  <si>
    <t>453523.0</t>
  </si>
  <si>
    <t>261322.0</t>
  </si>
  <si>
    <t>192201.0</t>
  </si>
  <si>
    <t>466723.0</t>
  </si>
  <si>
    <t>271530.0</t>
  </si>
  <si>
    <t>195193.0</t>
  </si>
  <si>
    <t>466814.0</t>
  </si>
  <si>
    <t>271607.0</t>
  </si>
  <si>
    <t>195207.0</t>
  </si>
  <si>
    <t>467133.0</t>
  </si>
  <si>
    <t>271828.0</t>
  </si>
  <si>
    <t>195305.0</t>
  </si>
  <si>
    <t>469113.0</t>
  </si>
  <si>
    <t>273438.0</t>
  </si>
  <si>
    <t>471417.0</t>
  </si>
  <si>
    <t>275305.0</t>
  </si>
  <si>
    <t>196112.0</t>
  </si>
  <si>
    <t>276464.0</t>
  </si>
  <si>
    <t>196153.0</t>
  </si>
  <si>
    <t>279505.0</t>
  </si>
  <si>
    <t>489698.0</t>
  </si>
  <si>
    <t>293238.0</t>
  </si>
  <si>
    <t>508046.0</t>
  </si>
  <si>
    <t>211874.0</t>
  </si>
  <si>
    <t>522096.0</t>
  </si>
  <si>
    <t>304889.0</t>
  </si>
  <si>
    <t>217207.0</t>
  </si>
  <si>
    <t>540908.0</t>
  </si>
  <si>
    <t>222774.0</t>
  </si>
  <si>
    <t>330154.0</t>
  </si>
  <si>
    <t>225906.0</t>
  </si>
  <si>
    <t>572343.0</t>
  </si>
  <si>
    <t>344260.0</t>
  </si>
  <si>
    <t>590487.0</t>
  </si>
  <si>
    <t>359349.0</t>
  </si>
  <si>
    <t>231138.0</t>
  </si>
  <si>
    <t>18144.0</t>
  </si>
  <si>
    <t>607122.0</t>
  </si>
  <si>
    <t>372827.0</t>
  </si>
  <si>
    <t>607832.0</t>
  </si>
  <si>
    <t>373478.0</t>
  </si>
  <si>
    <t>657697.0</t>
  </si>
  <si>
    <t>408606.0</t>
  </si>
  <si>
    <t>658075.0</t>
  </si>
  <si>
    <t>408803.0</t>
  </si>
  <si>
    <t>666170.0</t>
  </si>
  <si>
    <t>412566.0</t>
  </si>
  <si>
    <t>685750.0</t>
  </si>
  <si>
    <t>716393.0</t>
  </si>
  <si>
    <t>737603.0</t>
  </si>
  <si>
    <t>454006.0</t>
  </si>
  <si>
    <t>757974.0</t>
  </si>
  <si>
    <t>461162.0</t>
  </si>
  <si>
    <t>778908.0</t>
  </si>
  <si>
    <t>467225.0</t>
  </si>
  <si>
    <t>800561.0</t>
  </si>
  <si>
    <t>474341.0</t>
  </si>
  <si>
    <t>14942.0</t>
  </si>
  <si>
    <t>820474.0</t>
  </si>
  <si>
    <t>481392.0</t>
  </si>
  <si>
    <t>822216.0</t>
  </si>
  <si>
    <t>481915.0</t>
  </si>
  <si>
    <t>482695.0</t>
  </si>
  <si>
    <t>490082.0</t>
  </si>
  <si>
    <t>856625.0</t>
  </si>
  <si>
    <t>497232.0</t>
  </si>
  <si>
    <t>868197.0</t>
  </si>
  <si>
    <t>504027.0</t>
  </si>
  <si>
    <t>878244.0</t>
  </si>
  <si>
    <t>509712.0</t>
  </si>
  <si>
    <t>887719.0</t>
  </si>
  <si>
    <t>516013.0</t>
  </si>
  <si>
    <t>887855.0</t>
  </si>
  <si>
    <t>516068.0</t>
  </si>
  <si>
    <t>888480.0</t>
  </si>
  <si>
    <t>516404.0</t>
  </si>
  <si>
    <t>899156.0</t>
  </si>
  <si>
    <t>523223.0</t>
  </si>
  <si>
    <t>907479.0</t>
  </si>
  <si>
    <t>527888.0</t>
  </si>
  <si>
    <t>914084.0</t>
  </si>
  <si>
    <t>531648.0</t>
  </si>
  <si>
    <t>921595.0</t>
  </si>
  <si>
    <t>536130.0</t>
  </si>
  <si>
    <t>930391.0</t>
  </si>
  <si>
    <t>541515.0</t>
  </si>
  <si>
    <t>930643.0</t>
  </si>
  <si>
    <t>541538.0</t>
  </si>
  <si>
    <t>930862.0</t>
  </si>
  <si>
    <t>541673.0</t>
  </si>
  <si>
    <t>548006.0</t>
  </si>
  <si>
    <t>947105.0</t>
  </si>
  <si>
    <t>552692.0</t>
  </si>
  <si>
    <t>958519.0</t>
  </si>
  <si>
    <t>560195.0</t>
  </si>
  <si>
    <t>966112.0</t>
  </si>
  <si>
    <t>565552.0</t>
  </si>
  <si>
    <t>966221.0</t>
  </si>
  <si>
    <t>565660.0</t>
  </si>
  <si>
    <t>969341.0</t>
  </si>
  <si>
    <t>568289.0</t>
  </si>
  <si>
    <t>975125.0</t>
  </si>
  <si>
    <t>572035.0</t>
  </si>
  <si>
    <t>975657.0</t>
  </si>
  <si>
    <t>572344.0</t>
  </si>
  <si>
    <t>977455.0</t>
  </si>
  <si>
    <t>572910.0</t>
  </si>
  <si>
    <t>983464.0</t>
  </si>
  <si>
    <t>576038.0</t>
  </si>
  <si>
    <t>988226.0</t>
  </si>
  <si>
    <t>578364.0</t>
  </si>
  <si>
    <t>994857.0</t>
  </si>
  <si>
    <t>1001415.0</t>
  </si>
  <si>
    <t>1007407.0</t>
  </si>
  <si>
    <t>591526.0</t>
  </si>
  <si>
    <t>1007483.0</t>
  </si>
  <si>
    <t>591569.0</t>
  </si>
  <si>
    <t>1007560.0</t>
  </si>
  <si>
    <t>591603.0</t>
  </si>
  <si>
    <t>1013634.0</t>
  </si>
  <si>
    <t>595621.0</t>
  </si>
  <si>
    <t>1018959.0</t>
  </si>
  <si>
    <t>599370.0</t>
  </si>
  <si>
    <t>1022094.0</t>
  </si>
  <si>
    <t>601453.0</t>
  </si>
  <si>
    <t>1026500.0</t>
  </si>
  <si>
    <t>604460.0</t>
  </si>
  <si>
    <t>1031269.0</t>
  </si>
  <si>
    <t>607942.0</t>
  </si>
  <si>
    <t>1031495.0</t>
  </si>
  <si>
    <t>608155.0</t>
  </si>
  <si>
    <t>1032389.0</t>
  </si>
  <si>
    <t>608840.0</t>
  </si>
  <si>
    <t>1038770.0</t>
  </si>
  <si>
    <t>613756.0</t>
  </si>
  <si>
    <t>1039293.0</t>
  </si>
  <si>
    <t>614176.0</t>
  </si>
  <si>
    <t>1045439.0</t>
  </si>
  <si>
    <t>619360.0</t>
  </si>
  <si>
    <t>1053252.0</t>
  </si>
  <si>
    <t>1062480.0</t>
  </si>
  <si>
    <t>634555.0</t>
  </si>
  <si>
    <t>1063186.0</t>
  </si>
  <si>
    <t>635207.0</t>
  </si>
  <si>
    <t>1066238.0</t>
  </si>
  <si>
    <t>637963.0</t>
  </si>
  <si>
    <t>1078213.0</t>
  </si>
  <si>
    <t>648395.0</t>
  </si>
  <si>
    <t>1089335.0</t>
  </si>
  <si>
    <t>658182.0</t>
  </si>
  <si>
    <t>1100625.0</t>
  </si>
  <si>
    <t>667894.0</t>
  </si>
  <si>
    <t>1114539.0</t>
  </si>
  <si>
    <t>679940.0</t>
  </si>
  <si>
    <t>1129061.0</t>
  </si>
  <si>
    <t>692651.0</t>
  </si>
  <si>
    <t>1130645.0</t>
  </si>
  <si>
    <t>693977.0</t>
  </si>
  <si>
    <t>1135267.0</t>
  </si>
  <si>
    <t>698305.0</t>
  </si>
  <si>
    <t>712501.0</t>
  </si>
  <si>
    <t>1169869.0</t>
  </si>
  <si>
    <t>1192459.0</t>
  </si>
  <si>
    <t>748541.0</t>
  </si>
  <si>
    <t>1219866.0</t>
  </si>
  <si>
    <t>773379.0</t>
  </si>
  <si>
    <t>1259502.0</t>
  </si>
  <si>
    <t>809305.0</t>
  </si>
  <si>
    <t>1267323.0</t>
  </si>
  <si>
    <t>815986.0</t>
  </si>
  <si>
    <t>1295929.0</t>
  </si>
  <si>
    <t>843525.0</t>
  </si>
  <si>
    <t>20746.0</t>
  </si>
  <si>
    <t>1340889.0</t>
  </si>
  <si>
    <t>886191.0</t>
  </si>
  <si>
    <t>44960.0</t>
  </si>
  <si>
    <t>1392299.0</t>
  </si>
  <si>
    <t>935756.0</t>
  </si>
  <si>
    <t>51410.0</t>
  </si>
  <si>
    <t>1450741.0</t>
  </si>
  <si>
    <t>991613.0</t>
  </si>
  <si>
    <t>58442.0</t>
  </si>
  <si>
    <t>1503215.0</t>
  </si>
  <si>
    <t>1040522.0</t>
  </si>
  <si>
    <t>1552452.0</t>
  </si>
  <si>
    <t>1086136.0</t>
  </si>
  <si>
    <t>49237.0</t>
  </si>
  <si>
    <t>1553385.0</t>
  </si>
  <si>
    <t>1087037.0</t>
  </si>
  <si>
    <t>40866.0</t>
  </si>
  <si>
    <t>38722.0</t>
  </si>
  <si>
    <t>1101246.0</t>
  </si>
  <si>
    <t>36817.0</t>
  </si>
  <si>
    <t>1607666.0</t>
  </si>
  <si>
    <t>1134275.0</t>
  </si>
  <si>
    <t>38832.0</t>
  </si>
  <si>
    <t>35441.0</t>
  </si>
  <si>
    <t>1628038.0</t>
  </si>
  <si>
    <t>1150913.0</t>
  </si>
  <si>
    <t>1651049.0</t>
  </si>
  <si>
    <t>1168458.0</t>
  </si>
  <si>
    <t>1673806.0</t>
  </si>
  <si>
    <t>1185157.0</t>
  </si>
  <si>
    <t>24370.0</t>
  </si>
  <si>
    <t>1698095.0</t>
  </si>
  <si>
    <t>1202045.0</t>
  </si>
  <si>
    <t>1702900.0</t>
  </si>
  <si>
    <t>1202482.0</t>
  </si>
  <si>
    <t>1716269.0</t>
  </si>
  <si>
    <t>1209530.0</t>
  </si>
  <si>
    <t>1733022.0</t>
  </si>
  <si>
    <t>1757264.0</t>
  </si>
  <si>
    <t>1241641.0</t>
  </si>
  <si>
    <t>1781384.0</t>
  </si>
  <si>
    <t>1255840.0</t>
  </si>
  <si>
    <t>1810211.0</t>
  </si>
  <si>
    <t>1271801.0</t>
  </si>
  <si>
    <t>1843188.0</t>
  </si>
  <si>
    <t>1287806.0</t>
  </si>
  <si>
    <t>21047.0</t>
  </si>
  <si>
    <t>1857274.0</t>
  </si>
  <si>
    <t>1292634.0</t>
  </si>
  <si>
    <t>1893124.0</t>
  </si>
  <si>
    <t>1306012.0</t>
  </si>
  <si>
    <t>35850.0</t>
  </si>
  <si>
    <t>22872.0</t>
  </si>
  <si>
    <t>1933497.0</t>
  </si>
  <si>
    <t>1319937.0</t>
  </si>
  <si>
    <t>40373.0</t>
  </si>
  <si>
    <t>25176.0</t>
  </si>
  <si>
    <t>9954.0</t>
  </si>
  <si>
    <t>1966806.0</t>
  </si>
  <si>
    <t>1333045.0</t>
  </si>
  <si>
    <t>2001407.0</t>
  </si>
  <si>
    <t>1347092.0</t>
  </si>
  <si>
    <t>34601.0</t>
  </si>
  <si>
    <t>2033647.0</t>
  </si>
  <si>
    <t>1358764.0</t>
  </si>
  <si>
    <t>27208.0</t>
  </si>
  <si>
    <t>2034037.0</t>
  </si>
  <si>
    <t>1358918.0</t>
  </si>
  <si>
    <t>2042005.0</t>
  </si>
  <si>
    <t>1362184.0</t>
  </si>
  <si>
    <t>26390.0</t>
  </si>
  <si>
    <t>2071870.0</t>
  </si>
  <si>
    <t>1372528.0</t>
  </si>
  <si>
    <t>25535.0</t>
  </si>
  <si>
    <t>2129856.0</t>
  </si>
  <si>
    <t>1392986.0</t>
  </si>
  <si>
    <t>2155304.0</t>
  </si>
  <si>
    <t>1402892.0</t>
  </si>
  <si>
    <t>25448.0</t>
  </si>
  <si>
    <t>2194985.0</t>
  </si>
  <si>
    <t>1416215.0</t>
  </si>
  <si>
    <t>2214765.0</t>
  </si>
  <si>
    <t>1135958.0</t>
  </si>
  <si>
    <t>2233690.0</t>
  </si>
  <si>
    <t>1146311.0</t>
  </si>
  <si>
    <t>2250927.0</t>
  </si>
  <si>
    <t>1156653.0</t>
  </si>
  <si>
    <t>0.7842</t>
  </si>
  <si>
    <t>2275961.0</t>
  </si>
  <si>
    <t>1164783.0</t>
  </si>
  <si>
    <t>25034.0</t>
  </si>
  <si>
    <t>0.8178</t>
  </si>
  <si>
    <t>2293408.0</t>
  </si>
  <si>
    <t>1172178.0</t>
  </si>
  <si>
    <t>0.8085</t>
  </si>
  <si>
    <t>2301812.0</t>
  </si>
  <si>
    <t>1176037.0</t>
  </si>
  <si>
    <t>0.8582</t>
  </si>
  <si>
    <t>2792419.0</t>
  </si>
  <si>
    <t>1292573.0</t>
  </si>
  <si>
    <t>2944638.0</t>
  </si>
  <si>
    <t>1876152.0</t>
  </si>
  <si>
    <t>1321529.0</t>
  </si>
  <si>
    <t>19774.0</t>
  </si>
  <si>
    <t>2974583.0</t>
  </si>
  <si>
    <t>1886212.0</t>
  </si>
  <si>
    <t>1339710.0</t>
  </si>
  <si>
    <t>3024477.0</t>
  </si>
  <si>
    <t>1910794.0</t>
  </si>
  <si>
    <t>1365858.0</t>
  </si>
  <si>
    <t>3121061.0</t>
  </si>
  <si>
    <t>1386990.0</t>
  </si>
  <si>
    <t>3184868.0</t>
  </si>
  <si>
    <t>1403992.0</t>
  </si>
  <si>
    <t>3315774.0</t>
  </si>
  <si>
    <t>1478705.0</t>
  </si>
  <si>
    <t>3383211.0</t>
  </si>
  <si>
    <t>1515699.0</t>
  </si>
  <si>
    <t>3425379.0</t>
  </si>
  <si>
    <t>1530174.0</t>
  </si>
  <si>
    <t>0.4793</t>
  </si>
  <si>
    <t>0.3769</t>
  </si>
  <si>
    <t>0.4604</t>
  </si>
  <si>
    <t>0.4124</t>
  </si>
  <si>
    <t>0.4209</t>
  </si>
  <si>
    <t>0.4104</t>
  </si>
  <si>
    <t>0.5036</t>
  </si>
  <si>
    <t>0.5182</t>
  </si>
  <si>
    <t>0.5623</t>
  </si>
  <si>
    <t>3609984.0</t>
  </si>
  <si>
    <t>1979151.0</t>
  </si>
  <si>
    <t>1716216.0</t>
  </si>
  <si>
    <t>0.3737</t>
  </si>
  <si>
    <t>3677892.0</t>
  </si>
  <si>
    <t>1991893.0</t>
  </si>
  <si>
    <t>1747035.0</t>
  </si>
  <si>
    <t>3694897.0</t>
  </si>
  <si>
    <t>1995873.0</t>
  </si>
  <si>
    <t>1756319.0</t>
  </si>
  <si>
    <t>320841.0</t>
  </si>
  <si>
    <t>3707619.0</t>
  </si>
  <si>
    <t>1999492.0</t>
  </si>
  <si>
    <t>1762313.0</t>
  </si>
  <si>
    <t>323950.0</t>
  </si>
  <si>
    <t>2000543.0</t>
  </si>
  <si>
    <t>1765399.0</t>
  </si>
  <si>
    <t>325091.0</t>
  </si>
  <si>
    <t>3716803.0</t>
  </si>
  <si>
    <t>2001341.0</t>
  </si>
  <si>
    <t>1767508.0</t>
  </si>
  <si>
    <t>326090.0</t>
  </si>
  <si>
    <t>3718981.0</t>
  </si>
  <si>
    <t>2001813.0</t>
  </si>
  <si>
    <t>1768549.0</t>
  </si>
  <si>
    <t>326755.0</t>
  </si>
  <si>
    <t>3720221.0</t>
  </si>
  <si>
    <t>2002142.0</t>
  </si>
  <si>
    <t>1768991.0</t>
  </si>
  <si>
    <t>3721894.0</t>
  </si>
  <si>
    <t>2002811.0</t>
  </si>
  <si>
    <t>1769209.0</t>
  </si>
  <si>
    <t>328010.0</t>
  </si>
  <si>
    <t>3723499.0</t>
  </si>
  <si>
    <t>2003622.0</t>
  </si>
  <si>
    <t>1769425.0</t>
  </si>
  <si>
    <t>328588.0</t>
  </si>
  <si>
    <t>3729762.0</t>
  </si>
  <si>
    <t>2006722.0</t>
  </si>
  <si>
    <t>1770990.0</t>
  </si>
  <si>
    <t>330186.0</t>
  </si>
  <si>
    <t>3732571.0</t>
  </si>
  <si>
    <t>2007851.0</t>
  </si>
  <si>
    <t>1771951.0</t>
  </si>
  <si>
    <t>3734270.0</t>
  </si>
  <si>
    <t>331383.0</t>
  </si>
  <si>
    <t>2008544.0</t>
  </si>
  <si>
    <t>1772479.0</t>
  </si>
  <si>
    <t>3735608.0</t>
  </si>
  <si>
    <t>2009161.0</t>
  </si>
  <si>
    <t>1772790.0</t>
  </si>
  <si>
    <t>331793.0</t>
  </si>
  <si>
    <t>3737310.0</t>
  </si>
  <si>
    <t>2009619.0</t>
  </si>
  <si>
    <t>1773409.0</t>
  </si>
  <si>
    <t>332418.0</t>
  </si>
  <si>
    <t>3741181.0</t>
  </si>
  <si>
    <t>2010433.0</t>
  </si>
  <si>
    <t>1774298.0</t>
  </si>
  <si>
    <t>334586.0</t>
  </si>
  <si>
    <t>3748571.0</t>
  </si>
  <si>
    <t>2012767.0</t>
  </si>
  <si>
    <t>1776973.0</t>
  </si>
  <si>
    <t>336967.0</t>
  </si>
  <si>
    <t>PAN</t>
  </si>
  <si>
    <t>Panama</t>
  </si>
  <si>
    <t>-228.8</t>
  </si>
  <si>
    <t>-24.61</t>
  </si>
  <si>
    <t>-51.8987738007368</t>
  </si>
  <si>
    <t>15883.0</t>
  </si>
  <si>
    <t>20681.0</t>
  </si>
  <si>
    <t>26123.0</t>
  </si>
  <si>
    <t>-1851.4</t>
  </si>
  <si>
    <t>-27.35</t>
  </si>
  <si>
    <t>-95.92</t>
  </si>
  <si>
    <t>-419.953626812431</t>
  </si>
  <si>
    <t>32544.0</t>
  </si>
  <si>
    <t>33540.0</t>
  </si>
  <si>
    <t>40365.0</t>
  </si>
  <si>
    <t>44561.0</t>
  </si>
  <si>
    <t>45221.0</t>
  </si>
  <si>
    <t>10.592</t>
  </si>
  <si>
    <t>11.169</t>
  </si>
  <si>
    <t>49312.0</t>
  </si>
  <si>
    <t>50798.0</t>
  </si>
  <si>
    <t>11.674</t>
  </si>
  <si>
    <t>52048.0</t>
  </si>
  <si>
    <t>53073.0</t>
  </si>
  <si>
    <t>56198.0</t>
  </si>
  <si>
    <t>12.915</t>
  </si>
  <si>
    <t>59720.0</t>
  </si>
  <si>
    <t>60973.0</t>
  </si>
  <si>
    <t>14.013</t>
  </si>
  <si>
    <t>62380.0</t>
  </si>
  <si>
    <t>14.336</t>
  </si>
  <si>
    <t>14.678</t>
  </si>
  <si>
    <t>-1054.0</t>
  </si>
  <si>
    <t>-239.079141547101</t>
  </si>
  <si>
    <t>15.229</t>
  </si>
  <si>
    <t>67095.0</t>
  </si>
  <si>
    <t>15.792</t>
  </si>
  <si>
    <t>70245.0</t>
  </si>
  <si>
    <t>16.144</t>
  </si>
  <si>
    <t>71740.0</t>
  </si>
  <si>
    <t>73484.0</t>
  </si>
  <si>
    <t>16.888</t>
  </si>
  <si>
    <t>17.249</t>
  </si>
  <si>
    <t>76713.0</t>
  </si>
  <si>
    <t>78132.0</t>
  </si>
  <si>
    <t>18.425</t>
  </si>
  <si>
    <t>84420.0</t>
  </si>
  <si>
    <t>19.401</t>
  </si>
  <si>
    <t>20.014</t>
  </si>
  <si>
    <t>88966.0</t>
  </si>
  <si>
    <t>90950.0</t>
  </si>
  <si>
    <t>0.3208</t>
  </si>
  <si>
    <t>94681.0</t>
  </si>
  <si>
    <t>21.759</t>
  </si>
  <si>
    <t>97130.0</t>
  </si>
  <si>
    <t>22.322</t>
  </si>
  <si>
    <t>0.3232</t>
  </si>
  <si>
    <t>102716.0</t>
  </si>
  <si>
    <t>105126.0</t>
  </si>
  <si>
    <t>25.028</t>
  </si>
  <si>
    <t>0.3281</t>
  </si>
  <si>
    <t>111197.0</t>
  </si>
  <si>
    <t>25.555</t>
  </si>
  <si>
    <t>114421.0</t>
  </si>
  <si>
    <t>26.296</t>
  </si>
  <si>
    <t>0.3289</t>
  </si>
  <si>
    <t>117450.0</t>
  </si>
  <si>
    <t>119801.0</t>
  </si>
  <si>
    <t>122709.0</t>
  </si>
  <si>
    <t>28.201</t>
  </si>
  <si>
    <t>0.3217</t>
  </si>
  <si>
    <t>125909.0</t>
  </si>
  <si>
    <t>28.936</t>
  </si>
  <si>
    <t>0.3224</t>
  </si>
  <si>
    <t>29.391</t>
  </si>
  <si>
    <t>-502.8</t>
  </si>
  <si>
    <t>-114.05027739078</t>
  </si>
  <si>
    <t>130556.0</t>
  </si>
  <si>
    <t>30.004</t>
  </si>
  <si>
    <t>132903.0</t>
  </si>
  <si>
    <t>30.544</t>
  </si>
  <si>
    <t>135164.0</t>
  </si>
  <si>
    <t>31.063</t>
  </si>
  <si>
    <t>140801.0</t>
  </si>
  <si>
    <t>141967.0</t>
  </si>
  <si>
    <t>32.627</t>
  </si>
  <si>
    <t>145139.0</t>
  </si>
  <si>
    <t>147560.0</t>
  </si>
  <si>
    <t>33.912</t>
  </si>
  <si>
    <t>0.3426</t>
  </si>
  <si>
    <t>150144.0</t>
  </si>
  <si>
    <t>34.506</t>
  </si>
  <si>
    <t>152642.0</t>
  </si>
  <si>
    <t>158570.0</t>
  </si>
  <si>
    <t>36.442</t>
  </si>
  <si>
    <t>162005.0</t>
  </si>
  <si>
    <t>37.232</t>
  </si>
  <si>
    <t>0.3734</t>
  </si>
  <si>
    <t>165589.0</t>
  </si>
  <si>
    <t>38.647</t>
  </si>
  <si>
    <t>171442.0</t>
  </si>
  <si>
    <t>174877.0</t>
  </si>
  <si>
    <t>0.3669</t>
  </si>
  <si>
    <t>177819.0</t>
  </si>
  <si>
    <t>40.866</t>
  </si>
  <si>
    <t>180296.0</t>
  </si>
  <si>
    <t>184066.0</t>
  </si>
  <si>
    <t>42.302</t>
  </si>
  <si>
    <t>186986.0</t>
  </si>
  <si>
    <t>42.973</t>
  </si>
  <si>
    <t>43.481</t>
  </si>
  <si>
    <t>191752.0</t>
  </si>
  <si>
    <t>194773.0</t>
  </si>
  <si>
    <t>44.762</t>
  </si>
  <si>
    <t>198245.0</t>
  </si>
  <si>
    <t>200935.0</t>
  </si>
  <si>
    <t>205209.0</t>
  </si>
  <si>
    <t>210938.0</t>
  </si>
  <si>
    <t>0.3252</t>
  </si>
  <si>
    <t>214105.0</t>
  </si>
  <si>
    <t>49.205</t>
  </si>
  <si>
    <t>217323.0</t>
  </si>
  <si>
    <t>50.657</t>
  </si>
  <si>
    <t>425.4</t>
  </si>
  <si>
    <t>96.4936117781183</t>
  </si>
  <si>
    <t>224089.0</t>
  </si>
  <si>
    <t>227309.0</t>
  </si>
  <si>
    <t>229958.0</t>
  </si>
  <si>
    <t>52.849</t>
  </si>
  <si>
    <t>0.3293</t>
  </si>
  <si>
    <t>232517.0</t>
  </si>
  <si>
    <t>53.437</t>
  </si>
  <si>
    <t>235074.0</t>
  </si>
  <si>
    <t>54.024</t>
  </si>
  <si>
    <t>238682.0</t>
  </si>
  <si>
    <t>54.853</t>
  </si>
  <si>
    <t>242055.0</t>
  </si>
  <si>
    <t>55.629</t>
  </si>
  <si>
    <t>245229.0</t>
  </si>
  <si>
    <t>56.358</t>
  </si>
  <si>
    <t>0.3438</t>
  </si>
  <si>
    <t>248090.0</t>
  </si>
  <si>
    <t>57.016</t>
  </si>
  <si>
    <t>250578.0</t>
  </si>
  <si>
    <t>57.587</t>
  </si>
  <si>
    <t>253707.0</t>
  </si>
  <si>
    <t>58.306</t>
  </si>
  <si>
    <t>256449.0</t>
  </si>
  <si>
    <t>58.937</t>
  </si>
  <si>
    <t>259583.0</t>
  </si>
  <si>
    <t>59.657</t>
  </si>
  <si>
    <t>262275.0</t>
  </si>
  <si>
    <t>60.276</t>
  </si>
  <si>
    <t>265942.0</t>
  </si>
  <si>
    <t>269694.0</t>
  </si>
  <si>
    <t>61.981</t>
  </si>
  <si>
    <t>0.3448</t>
  </si>
  <si>
    <t>271892.0</t>
  </si>
  <si>
    <t>62.486</t>
  </si>
  <si>
    <t>274313.0</t>
  </si>
  <si>
    <t>63.042</t>
  </si>
  <si>
    <t>280024.0</t>
  </si>
  <si>
    <t>64.355</t>
  </si>
  <si>
    <t>0.2705</t>
  </si>
  <si>
    <t>284345.0</t>
  </si>
  <si>
    <t>65.348</t>
  </si>
  <si>
    <t>288665.0</t>
  </si>
  <si>
    <t>293977.0</t>
  </si>
  <si>
    <t>301561.0</t>
  </si>
  <si>
    <t>69.304</t>
  </si>
  <si>
    <t>304710.0</t>
  </si>
  <si>
    <t>70.028</t>
  </si>
  <si>
    <t>309617.0</t>
  </si>
  <si>
    <t>71.156</t>
  </si>
  <si>
    <t>313229.0</t>
  </si>
  <si>
    <t>71.986</t>
  </si>
  <si>
    <t>317934.0</t>
  </si>
  <si>
    <t>73.067</t>
  </si>
  <si>
    <t>323049.0</t>
  </si>
  <si>
    <t>327835.0</t>
  </si>
  <si>
    <t>330749.0</t>
  </si>
  <si>
    <t>76.012</t>
  </si>
  <si>
    <t>336345.0</t>
  </si>
  <si>
    <t>77.298</t>
  </si>
  <si>
    <t>1325.6</t>
  </si>
  <si>
    <t>300.686252404968</t>
  </si>
  <si>
    <t>339859.0</t>
  </si>
  <si>
    <t>78.106</t>
  </si>
  <si>
    <t>343599.0</t>
  </si>
  <si>
    <t>78.965</t>
  </si>
  <si>
    <t>347121.0</t>
  </si>
  <si>
    <t>79.775</t>
  </si>
  <si>
    <t>352221.0</t>
  </si>
  <si>
    <t>80.947</t>
  </si>
  <si>
    <t>357633.0</t>
  </si>
  <si>
    <t>82.191</t>
  </si>
  <si>
    <t>362582.0</t>
  </si>
  <si>
    <t>83.328</t>
  </si>
  <si>
    <t>365872.0</t>
  </si>
  <si>
    <t>84.084</t>
  </si>
  <si>
    <t>371049.0</t>
  </si>
  <si>
    <t>85.274</t>
  </si>
  <si>
    <t>375900.0</t>
  </si>
  <si>
    <t>86.389</t>
  </si>
  <si>
    <t>380975.0</t>
  </si>
  <si>
    <t>385982.0</t>
  </si>
  <si>
    <t>391178.0</t>
  </si>
  <si>
    <t>395647.0</t>
  </si>
  <si>
    <t>90.927</t>
  </si>
  <si>
    <t>398522.0</t>
  </si>
  <si>
    <t>91.588</t>
  </si>
  <si>
    <t>403262.0</t>
  </si>
  <si>
    <t>408715.0</t>
  </si>
  <si>
    <t>414070.0</t>
  </si>
  <si>
    <t>95.161</t>
  </si>
  <si>
    <t>419504.0</t>
  </si>
  <si>
    <t>425292.0</t>
  </si>
  <si>
    <t>430258.0</t>
  </si>
  <si>
    <t>98.881</t>
  </si>
  <si>
    <t>434156.0</t>
  </si>
  <si>
    <t>99.777</t>
  </si>
  <si>
    <t>438699.0</t>
  </si>
  <si>
    <t>100.821</t>
  </si>
  <si>
    <t>444219.0</t>
  </si>
  <si>
    <t>450369.0</t>
  </si>
  <si>
    <t>455901.0</t>
  </si>
  <si>
    <t>104.774</t>
  </si>
  <si>
    <t>106.813</t>
  </si>
  <si>
    <t>469249.0</t>
  </si>
  <si>
    <t>108.815</t>
  </si>
  <si>
    <t>478695.0</t>
  </si>
  <si>
    <t>110.013</t>
  </si>
  <si>
    <t>1953.4</t>
  </si>
  <si>
    <t>443.090317929892</t>
  </si>
  <si>
    <t>484498.0</t>
  </si>
  <si>
    <t>111.346</t>
  </si>
  <si>
    <t>112.594</t>
  </si>
  <si>
    <t>495500.0</t>
  </si>
  <si>
    <t>500749.0</t>
  </si>
  <si>
    <t>115.081</t>
  </si>
  <si>
    <t>116.033</t>
  </si>
  <si>
    <t>510817.0</t>
  </si>
  <si>
    <t>117.395</t>
  </si>
  <si>
    <t>517032.0</t>
  </si>
  <si>
    <t>118.823</t>
  </si>
  <si>
    <t>522868.0</t>
  </si>
  <si>
    <t>120.165</t>
  </si>
  <si>
    <t>529596.0</t>
  </si>
  <si>
    <t>536625.0</t>
  </si>
  <si>
    <t>123.326</t>
  </si>
  <si>
    <t>541185.0</t>
  </si>
  <si>
    <t>545257.0</t>
  </si>
  <si>
    <t>550392.0</t>
  </si>
  <si>
    <t>557014.0</t>
  </si>
  <si>
    <t>563990.0</t>
  </si>
  <si>
    <t>129.615</t>
  </si>
  <si>
    <t>570462.0</t>
  </si>
  <si>
    <t>131.103</t>
  </si>
  <si>
    <t>574650.0</t>
  </si>
  <si>
    <t>132.065</t>
  </si>
  <si>
    <t>579424.0</t>
  </si>
  <si>
    <t>133.162</t>
  </si>
  <si>
    <t>582271.0</t>
  </si>
  <si>
    <t>587954.0</t>
  </si>
  <si>
    <t>135.122</t>
  </si>
  <si>
    <t>596468.0</t>
  </si>
  <si>
    <t>137.079</t>
  </si>
  <si>
    <t>604216.0</t>
  </si>
  <si>
    <t>611125.0</t>
  </si>
  <si>
    <t>140.448</t>
  </si>
  <si>
    <t>617568.0</t>
  </si>
  <si>
    <t>141.928</t>
  </si>
  <si>
    <t>624225.0</t>
  </si>
  <si>
    <t>143.458</t>
  </si>
  <si>
    <t>627880.0</t>
  </si>
  <si>
    <t>144.298</t>
  </si>
  <si>
    <t>634879.0</t>
  </si>
  <si>
    <t>145.907</t>
  </si>
  <si>
    <t>642775.0</t>
  </si>
  <si>
    <t>147.721</t>
  </si>
  <si>
    <t>650714.0</t>
  </si>
  <si>
    <t>149.546</t>
  </si>
  <si>
    <t>658817.0</t>
  </si>
  <si>
    <t>151.408</t>
  </si>
  <si>
    <t>153.119</t>
  </si>
  <si>
    <t>2283.8</t>
  </si>
  <si>
    <t>518.035050726061</t>
  </si>
  <si>
    <t>672745.0</t>
  </si>
  <si>
    <t>154.609</t>
  </si>
  <si>
    <t>677358.0</t>
  </si>
  <si>
    <t>155.669</t>
  </si>
  <si>
    <t>683148.0</t>
  </si>
  <si>
    <t>686349.0</t>
  </si>
  <si>
    <t>157.735</t>
  </si>
  <si>
    <t>690678.0</t>
  </si>
  <si>
    <t>158.73</t>
  </si>
  <si>
    <t>698087.0</t>
  </si>
  <si>
    <t>160.433</t>
  </si>
  <si>
    <t>704535.0</t>
  </si>
  <si>
    <t>161.915</t>
  </si>
  <si>
    <t>711544.0</t>
  </si>
  <si>
    <t>163.526</t>
  </si>
  <si>
    <t>716891.0</t>
  </si>
  <si>
    <t>164.755</t>
  </si>
  <si>
    <t>723970.0</t>
  </si>
  <si>
    <t>166.381</t>
  </si>
  <si>
    <t>730258.0</t>
  </si>
  <si>
    <t>167.827</t>
  </si>
  <si>
    <t>737351.0</t>
  </si>
  <si>
    <t>169.457</t>
  </si>
  <si>
    <t>746505.0</t>
  </si>
  <si>
    <t>752026.0</t>
  </si>
  <si>
    <t>172.829</t>
  </si>
  <si>
    <t>761932.0</t>
  </si>
  <si>
    <t>175.106</t>
  </si>
  <si>
    <t>769152.0</t>
  </si>
  <si>
    <t>176.765</t>
  </si>
  <si>
    <t>778100.0</t>
  </si>
  <si>
    <t>178.821</t>
  </si>
  <si>
    <t>787305.0</t>
  </si>
  <si>
    <t>180.937</t>
  </si>
  <si>
    <t>797920.0</t>
  </si>
  <si>
    <t>183.376</t>
  </si>
  <si>
    <t>807773.0</t>
  </si>
  <si>
    <t>185.641</t>
  </si>
  <si>
    <t>818863.0</t>
  </si>
  <si>
    <t>188.19</t>
  </si>
  <si>
    <t>828529.0</t>
  </si>
  <si>
    <t>190.411</t>
  </si>
  <si>
    <t>845051.0</t>
  </si>
  <si>
    <t>194.208</t>
  </si>
  <si>
    <t>855029.0</t>
  </si>
  <si>
    <t>196.501</t>
  </si>
  <si>
    <t>866002.0</t>
  </si>
  <si>
    <t>199.023</t>
  </si>
  <si>
    <t>877040.0</t>
  </si>
  <si>
    <t>887976.0</t>
  </si>
  <si>
    <t>204.073</t>
  </si>
  <si>
    <t>896674.0</t>
  </si>
  <si>
    <t>206.072</t>
  </si>
  <si>
    <t>903735.0</t>
  </si>
  <si>
    <t>207.695</t>
  </si>
  <si>
    <t>2662.4</t>
  </si>
  <si>
    <t>603.913004226756</t>
  </si>
  <si>
    <t>914378.0</t>
  </si>
  <si>
    <t>210.141</t>
  </si>
  <si>
    <t>923765.0</t>
  </si>
  <si>
    <t>938712.0</t>
  </si>
  <si>
    <t>215.733</t>
  </si>
  <si>
    <t>952114.0</t>
  </si>
  <si>
    <t>218.813</t>
  </si>
  <si>
    <t>967041.0</t>
  </si>
  <si>
    <t>222.244</t>
  </si>
  <si>
    <t>976539.0</t>
  </si>
  <si>
    <t>984509.0</t>
  </si>
  <si>
    <t>226.258</t>
  </si>
  <si>
    <t>995763.0</t>
  </si>
  <si>
    <t>228.844</t>
  </si>
  <si>
    <t>1004049.0</t>
  </si>
  <si>
    <t>1017348.0</t>
  </si>
  <si>
    <t>233.805</t>
  </si>
  <si>
    <t>1031117.0</t>
  </si>
  <si>
    <t>236.969</t>
  </si>
  <si>
    <t>1047517.0</t>
  </si>
  <si>
    <t>240.738</t>
  </si>
  <si>
    <t>1059549.0</t>
  </si>
  <si>
    <t>243.504</t>
  </si>
  <si>
    <t>1069119.0</t>
  </si>
  <si>
    <t>12087.0</t>
  </si>
  <si>
    <t>1082543.0</t>
  </si>
  <si>
    <t>248.788</t>
  </si>
  <si>
    <t>1096524.0</t>
  </si>
  <si>
    <t>252.001</t>
  </si>
  <si>
    <t>1112686.0</t>
  </si>
  <si>
    <t>255.715</t>
  </si>
  <si>
    <t>1128949.0</t>
  </si>
  <si>
    <t>259.453</t>
  </si>
  <si>
    <t>1146433.0</t>
  </si>
  <si>
    <t>263.471</t>
  </si>
  <si>
    <t>1160263.0</t>
  </si>
  <si>
    <t>266.649</t>
  </si>
  <si>
    <t>1170609.0</t>
  </si>
  <si>
    <t>269.027</t>
  </si>
  <si>
    <t>1186950.0</t>
  </si>
  <si>
    <t>272.783</t>
  </si>
  <si>
    <t>1201189.0</t>
  </si>
  <si>
    <t>276.055</t>
  </si>
  <si>
    <t>1217564.0</t>
  </si>
  <si>
    <t>279.818</t>
  </si>
  <si>
    <t>1228944.0</t>
  </si>
  <si>
    <t>282.434</t>
  </si>
  <si>
    <t>1238725.0</t>
  </si>
  <si>
    <t>284.681</t>
  </si>
  <si>
    <t>1248556.0</t>
  </si>
  <si>
    <t>286.941</t>
  </si>
  <si>
    <t>1256278.0</t>
  </si>
  <si>
    <t>288.715</t>
  </si>
  <si>
    <t>1272269.0</t>
  </si>
  <si>
    <t>15991.0</t>
  </si>
  <si>
    <t>292.39</t>
  </si>
  <si>
    <t>1288060.0</t>
  </si>
  <si>
    <t>1302483.0</t>
  </si>
  <si>
    <t>299.334</t>
  </si>
  <si>
    <t>3015.6</t>
  </si>
  <si>
    <t>684.029467978593</t>
  </si>
  <si>
    <t>1313780.0</t>
  </si>
  <si>
    <t>301.93</t>
  </si>
  <si>
    <t>1320635.0</t>
  </si>
  <si>
    <t>303.506</t>
  </si>
  <si>
    <t>1328473.0</t>
  </si>
  <si>
    <t>305.307</t>
  </si>
  <si>
    <t>307.84</t>
  </si>
  <si>
    <t>1351763.0</t>
  </si>
  <si>
    <t>310.66</t>
  </si>
  <si>
    <t>1371593.0</t>
  </si>
  <si>
    <t>315.217</t>
  </si>
  <si>
    <t>11933.0</t>
  </si>
  <si>
    <t>1387729.0</t>
  </si>
  <si>
    <t>318.925</t>
  </si>
  <si>
    <t>1403899.0</t>
  </si>
  <si>
    <t>322.641</t>
  </si>
  <si>
    <t>0.2586</t>
  </si>
  <si>
    <t>1420724.0</t>
  </si>
  <si>
    <t>326.508</t>
  </si>
  <si>
    <t>1431113.0</t>
  </si>
  <si>
    <t>328.896</t>
  </si>
  <si>
    <t>1440225.0</t>
  </si>
  <si>
    <t>330.99</t>
  </si>
  <si>
    <t>1457362.0</t>
  </si>
  <si>
    <t>334.928</t>
  </si>
  <si>
    <t>1473629.0</t>
  </si>
  <si>
    <t>338.667</t>
  </si>
  <si>
    <t>1486898.0</t>
  </si>
  <si>
    <t>341.716</t>
  </si>
  <si>
    <t>1500009.0</t>
  </si>
  <si>
    <t>344.729</t>
  </si>
  <si>
    <t>1516139.0</t>
  </si>
  <si>
    <t>348.436</t>
  </si>
  <si>
    <t>1525802.0</t>
  </si>
  <si>
    <t>350.657</t>
  </si>
  <si>
    <t>1533505.0</t>
  </si>
  <si>
    <t>352.427</t>
  </si>
  <si>
    <t>1546551.0</t>
  </si>
  <si>
    <t>355.425</t>
  </si>
  <si>
    <t>1560135.0</t>
  </si>
  <si>
    <t>358.547</t>
  </si>
  <si>
    <t>1573332.0</t>
  </si>
  <si>
    <t>361.58</t>
  </si>
  <si>
    <t>1586634.0</t>
  </si>
  <si>
    <t>364.637</t>
  </si>
  <si>
    <t>1599811.0</t>
  </si>
  <si>
    <t>367.666</t>
  </si>
  <si>
    <t>1609090.0</t>
  </si>
  <si>
    <t>1615475.0</t>
  </si>
  <si>
    <t>371.265</t>
  </si>
  <si>
    <t>1626265.0</t>
  </si>
  <si>
    <t>373.745</t>
  </si>
  <si>
    <t>1637542.0</t>
  </si>
  <si>
    <t>376.337</t>
  </si>
  <si>
    <t>1648572.0</t>
  </si>
  <si>
    <t>378.872</t>
  </si>
  <si>
    <t>1660557.0</t>
  </si>
  <si>
    <t>381.626</t>
  </si>
  <si>
    <t>1670473.0</t>
  </si>
  <si>
    <t>383.905</t>
  </si>
  <si>
    <t>1677165.0</t>
  </si>
  <si>
    <t>385.443</t>
  </si>
  <si>
    <t>4326.5</t>
  </si>
  <si>
    <t>981.381314898986</t>
  </si>
  <si>
    <t>1682222.0</t>
  </si>
  <si>
    <t>386.605</t>
  </si>
  <si>
    <t>1691227.0</t>
  </si>
  <si>
    <t>388.675</t>
  </si>
  <si>
    <t>1701106.0</t>
  </si>
  <si>
    <t>390.945</t>
  </si>
  <si>
    <t>1710865.0</t>
  </si>
  <si>
    <t>393.188</t>
  </si>
  <si>
    <t>1720654.0</t>
  </si>
  <si>
    <t>395.437</t>
  </si>
  <si>
    <t>1730100.0</t>
  </si>
  <si>
    <t>1736416.0</t>
  </si>
  <si>
    <t>399.06</t>
  </si>
  <si>
    <t>1741937.0</t>
  </si>
  <si>
    <t>400.329</t>
  </si>
  <si>
    <t>1749967.0</t>
  </si>
  <si>
    <t>402.174</t>
  </si>
  <si>
    <t>1758950.0</t>
  </si>
  <si>
    <t>404.239</t>
  </si>
  <si>
    <t>1767243.0</t>
  </si>
  <si>
    <t>406.144</t>
  </si>
  <si>
    <t>1778868.0</t>
  </si>
  <si>
    <t>408.816</t>
  </si>
  <si>
    <t>1787833.0</t>
  </si>
  <si>
    <t>410.876</t>
  </si>
  <si>
    <t>1792857.0</t>
  </si>
  <si>
    <t>412.031</t>
  </si>
  <si>
    <t>1797021.0</t>
  </si>
  <si>
    <t>412.988</t>
  </si>
  <si>
    <t>1804260.0</t>
  </si>
  <si>
    <t>414.652</t>
  </si>
  <si>
    <t>1808373.0</t>
  </si>
  <si>
    <t>415.597</t>
  </si>
  <si>
    <t>1817131.0</t>
  </si>
  <si>
    <t>417.61</t>
  </si>
  <si>
    <t>1827780.0</t>
  </si>
  <si>
    <t>420.057</t>
  </si>
  <si>
    <t>1836811.0</t>
  </si>
  <si>
    <t>422.132</t>
  </si>
  <si>
    <t>45535.0</t>
  </si>
  <si>
    <t>1842692.0</t>
  </si>
  <si>
    <t>423.484</t>
  </si>
  <si>
    <t>47848.0</t>
  </si>
  <si>
    <t>1852883.0</t>
  </si>
  <si>
    <t>425.826</t>
  </si>
  <si>
    <t>1862159.0</t>
  </si>
  <si>
    <t>427.958</t>
  </si>
  <si>
    <t>61104.0</t>
  </si>
  <si>
    <t>1872237.0</t>
  </si>
  <si>
    <t>430.274</t>
  </si>
  <si>
    <t>79989.0</t>
  </si>
  <si>
    <t>15353.0</t>
  </si>
  <si>
    <t>1882146.0</t>
  </si>
  <si>
    <t>432.551</t>
  </si>
  <si>
    <t>1888088.0</t>
  </si>
  <si>
    <t>433.917</t>
  </si>
  <si>
    <t>106667.0</t>
  </si>
  <si>
    <t>100819.0</t>
  </si>
  <si>
    <t>1899789.0</t>
  </si>
  <si>
    <t>436.606</t>
  </si>
  <si>
    <t>114529.0</t>
  </si>
  <si>
    <t>108675.0</t>
  </si>
  <si>
    <t>1904898.0</t>
  </si>
  <si>
    <t>437.78</t>
  </si>
  <si>
    <t>119176.0</t>
  </si>
  <si>
    <t>5733.2</t>
  </si>
  <si>
    <t>1300.46350504539</t>
  </si>
  <si>
    <t>1910019.0</t>
  </si>
  <si>
    <t>438.957</t>
  </si>
  <si>
    <t>122189.0</t>
  </si>
  <si>
    <t>116326.0</t>
  </si>
  <si>
    <t>1918437.0</t>
  </si>
  <si>
    <t>440.892</t>
  </si>
  <si>
    <t>126732.0</t>
  </si>
  <si>
    <t>1928517.0</t>
  </si>
  <si>
    <t>443.208</t>
  </si>
  <si>
    <t>130462.0</t>
  </si>
  <si>
    <t>1937022.0</t>
  </si>
  <si>
    <t>445.163</t>
  </si>
  <si>
    <t>150411.0</t>
  </si>
  <si>
    <t>144529.0</t>
  </si>
  <si>
    <t>1945922.0</t>
  </si>
  <si>
    <t>166931.0</t>
  </si>
  <si>
    <t>1955516.0</t>
  </si>
  <si>
    <t>449.413</t>
  </si>
  <si>
    <t>191140.0</t>
  </si>
  <si>
    <t>1960421.0</t>
  </si>
  <si>
    <t>450.54</t>
  </si>
  <si>
    <t>208415.0</t>
  </si>
  <si>
    <t>1964646.0</t>
  </si>
  <si>
    <t>451.511</t>
  </si>
  <si>
    <t>205850.0</t>
  </si>
  <si>
    <t>1973648.0</t>
  </si>
  <si>
    <t>453.58</t>
  </si>
  <si>
    <t>214492.0</t>
  </si>
  <si>
    <t>208590.0</t>
  </si>
  <si>
    <t>1982545.0</t>
  </si>
  <si>
    <t>455.625</t>
  </si>
  <si>
    <t>224765.0</t>
  </si>
  <si>
    <t>218861.0</t>
  </si>
  <si>
    <t>1991820.0</t>
  </si>
  <si>
    <t>457.756</t>
  </si>
  <si>
    <t>233365.0</t>
  </si>
  <si>
    <t>227461.0</t>
  </si>
  <si>
    <t>2000251.0</t>
  </si>
  <si>
    <t>459.694</t>
  </si>
  <si>
    <t>2008561.0</t>
  </si>
  <si>
    <t>461.604</t>
  </si>
  <si>
    <t>2013781.0</t>
  </si>
  <si>
    <t>462.803</t>
  </si>
  <si>
    <t>2017355.0</t>
  </si>
  <si>
    <t>463.625</t>
  </si>
  <si>
    <t>2026503.0</t>
  </si>
  <si>
    <t>465.727</t>
  </si>
  <si>
    <t>2035210.0</t>
  </si>
  <si>
    <t>467.728</t>
  </si>
  <si>
    <t>2044156.0</t>
  </si>
  <si>
    <t>469.784</t>
  </si>
  <si>
    <t>287086.0</t>
  </si>
  <si>
    <t>235570.0</t>
  </si>
  <si>
    <t>51516.0</t>
  </si>
  <si>
    <t>2054736.0</t>
  </si>
  <si>
    <t>472.216</t>
  </si>
  <si>
    <t>2063565.0</t>
  </si>
  <si>
    <t>474.245</t>
  </si>
  <si>
    <t>2068594.0</t>
  </si>
  <si>
    <t>475.4</t>
  </si>
  <si>
    <t>2073080.0</t>
  </si>
  <si>
    <t>476.431</t>
  </si>
  <si>
    <t>2082067.0</t>
  </si>
  <si>
    <t>478.497</t>
  </si>
  <si>
    <t>2091666.0</t>
  </si>
  <si>
    <t>480.703</t>
  </si>
  <si>
    <t>2101358.0</t>
  </si>
  <si>
    <t>482.93</t>
  </si>
  <si>
    <t>329822.0</t>
  </si>
  <si>
    <t>238228.0</t>
  </si>
  <si>
    <t>91594.0</t>
  </si>
  <si>
    <t>2110498.0</t>
  </si>
  <si>
    <t>485.031</t>
  </si>
  <si>
    <t>342716.0</t>
  </si>
  <si>
    <t>243926.0</t>
  </si>
  <si>
    <t>98790.0</t>
  </si>
  <si>
    <t>487.09</t>
  </si>
  <si>
    <t>2125382.0</t>
  </si>
  <si>
    <t>488.451</t>
  </si>
  <si>
    <t>2129873.0</t>
  </si>
  <si>
    <t>489.483</t>
  </si>
  <si>
    <t>2140091.0</t>
  </si>
  <si>
    <t>491.832</t>
  </si>
  <si>
    <t>2151408.0</t>
  </si>
  <si>
    <t>494.433</t>
  </si>
  <si>
    <t>6420.1</t>
  </si>
  <si>
    <t>1456.27324160013</t>
  </si>
  <si>
    <t>2161138.0</t>
  </si>
  <si>
    <t>496.669</t>
  </si>
  <si>
    <t>2168025.0</t>
  </si>
  <si>
    <t>498.251</t>
  </si>
  <si>
    <t>2171901.0</t>
  </si>
  <si>
    <t>499.142</t>
  </si>
  <si>
    <t>2176835.0</t>
  </si>
  <si>
    <t>500.276</t>
  </si>
  <si>
    <t>357431.0</t>
  </si>
  <si>
    <t>247327.0</t>
  </si>
  <si>
    <t>110104.0</t>
  </si>
  <si>
    <t>2181691.0</t>
  </si>
  <si>
    <t>501.392</t>
  </si>
  <si>
    <t>2192072.0</t>
  </si>
  <si>
    <t>503.778</t>
  </si>
  <si>
    <t>2202053.0</t>
  </si>
  <si>
    <t>506.072</t>
  </si>
  <si>
    <t>2211290.0</t>
  </si>
  <si>
    <t>508.195</t>
  </si>
  <si>
    <t>2221659.0</t>
  </si>
  <si>
    <t>510.577</t>
  </si>
  <si>
    <t>2230531.0</t>
  </si>
  <si>
    <t>512.616</t>
  </si>
  <si>
    <t>2235976.0</t>
  </si>
  <si>
    <t>513.868</t>
  </si>
  <si>
    <t>457124.0</t>
  </si>
  <si>
    <t>184004.0</t>
  </si>
  <si>
    <t>2240227.0</t>
  </si>
  <si>
    <t>514.845</t>
  </si>
  <si>
    <t>2249393.0</t>
  </si>
  <si>
    <t>516.951</t>
  </si>
  <si>
    <t>2258477.0</t>
  </si>
  <si>
    <t>519.039</t>
  </si>
  <si>
    <t>2269317.0</t>
  </si>
  <si>
    <t>521.53</t>
  </si>
  <si>
    <t>2280044.0</t>
  </si>
  <si>
    <t>523.995</t>
  </si>
  <si>
    <t>526.143</t>
  </si>
  <si>
    <t>2295481.0</t>
  </si>
  <si>
    <t>527.543</t>
  </si>
  <si>
    <t>337116.0</t>
  </si>
  <si>
    <t>213930.0</t>
  </si>
  <si>
    <t>2300035.0</t>
  </si>
  <si>
    <t>528.59</t>
  </si>
  <si>
    <t>2308813.0</t>
  </si>
  <si>
    <t>530.607</t>
  </si>
  <si>
    <t>2317885.0</t>
  </si>
  <si>
    <t>532.692</t>
  </si>
  <si>
    <t>2326906.0</t>
  </si>
  <si>
    <t>534.765</t>
  </si>
  <si>
    <t>2335942.0</t>
  </si>
  <si>
    <t>536.842</t>
  </si>
  <si>
    <t>2344711.0</t>
  </si>
  <si>
    <t>538.857</t>
  </si>
  <si>
    <t>2350345.0</t>
  </si>
  <si>
    <t>540.152</t>
  </si>
  <si>
    <t>591802.0</t>
  </si>
  <si>
    <t>367920.0</t>
  </si>
  <si>
    <t>223882.0</t>
  </si>
  <si>
    <t>2354333.0</t>
  </si>
  <si>
    <t>541.068</t>
  </si>
  <si>
    <t>2363392.0</t>
  </si>
  <si>
    <t>543.15</t>
  </si>
  <si>
    <t>2372526.0</t>
  </si>
  <si>
    <t>545.249</t>
  </si>
  <si>
    <t>2381082.0</t>
  </si>
  <si>
    <t>547.216</t>
  </si>
  <si>
    <t>2391210.0</t>
  </si>
  <si>
    <t>549.543</t>
  </si>
  <si>
    <t>6557.6</t>
  </si>
  <si>
    <t>1487.46240854769</t>
  </si>
  <si>
    <t>2399189.0</t>
  </si>
  <si>
    <t>551.377</t>
  </si>
  <si>
    <t>2404887.0</t>
  </si>
  <si>
    <t>552.687</t>
  </si>
  <si>
    <t>660961.0</t>
  </si>
  <si>
    <t>430671.0</t>
  </si>
  <si>
    <t>230290.0</t>
  </si>
  <si>
    <t>2409130.0</t>
  </si>
  <si>
    <t>553.662</t>
  </si>
  <si>
    <t>2418354.0</t>
  </si>
  <si>
    <t>555.782</t>
  </si>
  <si>
    <t>2427078.0</t>
  </si>
  <si>
    <t>557.787</t>
  </si>
  <si>
    <t>2435786.0</t>
  </si>
  <si>
    <t>559.788</t>
  </si>
  <si>
    <t>2444592.0</t>
  </si>
  <si>
    <t>2454584.0</t>
  </si>
  <si>
    <t>564.108</t>
  </si>
  <si>
    <t>2460508.0</t>
  </si>
  <si>
    <t>565.469</t>
  </si>
  <si>
    <t>731666.0</t>
  </si>
  <si>
    <t>467692.0</t>
  </si>
  <si>
    <t>263974.0</t>
  </si>
  <si>
    <t>2465185.0</t>
  </si>
  <si>
    <t>566.544</t>
  </si>
  <si>
    <t>2473801.0</t>
  </si>
  <si>
    <t>568.524</t>
  </si>
  <si>
    <t>2483460.0</t>
  </si>
  <si>
    <t>570.744</t>
  </si>
  <si>
    <t>2503730.0</t>
  </si>
  <si>
    <t>575.403</t>
  </si>
  <si>
    <t>2512472.0</t>
  </si>
  <si>
    <t>577.412</t>
  </si>
  <si>
    <t>2519098.0</t>
  </si>
  <si>
    <t>578.934</t>
  </si>
  <si>
    <t>787434.0</t>
  </si>
  <si>
    <t>480975.0</t>
  </si>
  <si>
    <t>306459.0</t>
  </si>
  <si>
    <t>2524456.0</t>
  </si>
  <si>
    <t>580.166</t>
  </si>
  <si>
    <t>2534295.0</t>
  </si>
  <si>
    <t>582.427</t>
  </si>
  <si>
    <t>2544677.0</t>
  </si>
  <si>
    <t>584.813</t>
  </si>
  <si>
    <t>2554715.0</t>
  </si>
  <si>
    <t>2564262.0</t>
  </si>
  <si>
    <t>589.314</t>
  </si>
  <si>
    <t>2574238.0</t>
  </si>
  <si>
    <t>591.607</t>
  </si>
  <si>
    <t>2580704.0</t>
  </si>
  <si>
    <t>593.093</t>
  </si>
  <si>
    <t>545595.0</t>
  </si>
  <si>
    <t>336687.0</t>
  </si>
  <si>
    <t>2585524.0</t>
  </si>
  <si>
    <t>594.2</t>
  </si>
  <si>
    <t>2596891.0</t>
  </si>
  <si>
    <t>596.813</t>
  </si>
  <si>
    <t>2607020.0</t>
  </si>
  <si>
    <t>2618030.0</t>
  </si>
  <si>
    <t>601.671</t>
  </si>
  <si>
    <t>2629372.0</t>
  </si>
  <si>
    <t>604.277</t>
  </si>
  <si>
    <t>2639502.0</t>
  </si>
  <si>
    <t>606.605</t>
  </si>
  <si>
    <t>2646322.0</t>
  </si>
  <si>
    <t>608.173</t>
  </si>
  <si>
    <t>959588.0</t>
  </si>
  <si>
    <t>611280.0</t>
  </si>
  <si>
    <t>348308.0</t>
  </si>
  <si>
    <t>2652158.0</t>
  </si>
  <si>
    <t>609.514</t>
  </si>
  <si>
    <t>6624.1</t>
  </si>
  <si>
    <t>1502.54662383506</t>
  </si>
  <si>
    <t>2663126.0</t>
  </si>
  <si>
    <t>612.035</t>
  </si>
  <si>
    <t>2673992.0</t>
  </si>
  <si>
    <t>614.532</t>
  </si>
  <si>
    <t>2685630.0</t>
  </si>
  <si>
    <t>617.206</t>
  </si>
  <si>
    <t>2698191.0</t>
  </si>
  <si>
    <t>620.093</t>
  </si>
  <si>
    <t>2710430.0</t>
  </si>
  <si>
    <t>622.906</t>
  </si>
  <si>
    <t>2718106.0</t>
  </si>
  <si>
    <t>624.67</t>
  </si>
  <si>
    <t>1055623.0</t>
  </si>
  <si>
    <t>668382.0</t>
  </si>
  <si>
    <t>387241.0</t>
  </si>
  <si>
    <t>2724386.0</t>
  </si>
  <si>
    <t>626.113</t>
  </si>
  <si>
    <t>2735982.0</t>
  </si>
  <si>
    <t>628.778</t>
  </si>
  <si>
    <t>2748101.0</t>
  </si>
  <si>
    <t>631.563</t>
  </si>
  <si>
    <t>2759692.0</t>
  </si>
  <si>
    <t>634.227</t>
  </si>
  <si>
    <t>2772547.0</t>
  </si>
  <si>
    <t>637.182</t>
  </si>
  <si>
    <t>2794885.0</t>
  </si>
  <si>
    <t>642.315</t>
  </si>
  <si>
    <t>1189620.0</t>
  </si>
  <si>
    <t>768029.0</t>
  </si>
  <si>
    <t>421591.0</t>
  </si>
  <si>
    <t>2801663.0</t>
  </si>
  <si>
    <t>643.873</t>
  </si>
  <si>
    <t>2813831.0</t>
  </si>
  <si>
    <t>646.669</t>
  </si>
  <si>
    <t>2827774.0</t>
  </si>
  <si>
    <t>13943.0</t>
  </si>
  <si>
    <t>649.874</t>
  </si>
  <si>
    <t>2840072.0</t>
  </si>
  <si>
    <t>2853302.0</t>
  </si>
  <si>
    <t>655.741</t>
  </si>
  <si>
    <t>2866378.0</t>
  </si>
  <si>
    <t>658.746</t>
  </si>
  <si>
    <t>2874375.0</t>
  </si>
  <si>
    <t>660.583</t>
  </si>
  <si>
    <t>1370895.0</t>
  </si>
  <si>
    <t>849977.0</t>
  </si>
  <si>
    <t>2880340.0</t>
  </si>
  <si>
    <t>661.954</t>
  </si>
  <si>
    <t>23523.0</t>
  </si>
  <si>
    <t>2894559.0</t>
  </si>
  <si>
    <t>665.222</t>
  </si>
  <si>
    <t>2908676.0</t>
  </si>
  <si>
    <t>668.466</t>
  </si>
  <si>
    <t>2922623.0</t>
  </si>
  <si>
    <t>671.672</t>
  </si>
  <si>
    <t>2935327.0</t>
  </si>
  <si>
    <t>674.591</t>
  </si>
  <si>
    <t>2949153.0</t>
  </si>
  <si>
    <t>677.769</t>
  </si>
  <si>
    <t>2958619.0</t>
  </si>
  <si>
    <t>679.944</t>
  </si>
  <si>
    <t>1435876.0</t>
  </si>
  <si>
    <t>924456.0</t>
  </si>
  <si>
    <t>511420.0</t>
  </si>
  <si>
    <t>2966061.0</t>
  </si>
  <si>
    <t>681.655</t>
  </si>
  <si>
    <t>2980305.0</t>
  </si>
  <si>
    <t>684.928</t>
  </si>
  <si>
    <t>2994595.0</t>
  </si>
  <si>
    <t>688.212</t>
  </si>
  <si>
    <t>6801.4</t>
  </si>
  <si>
    <t>1542.76363692453</t>
  </si>
  <si>
    <t>3008829.0</t>
  </si>
  <si>
    <t>691.483</t>
  </si>
  <si>
    <t>3022882.0</t>
  </si>
  <si>
    <t>694.713</t>
  </si>
  <si>
    <t>3036995.0</t>
  </si>
  <si>
    <t>697.956</t>
  </si>
  <si>
    <t>3046155.0</t>
  </si>
  <si>
    <t>700.062</t>
  </si>
  <si>
    <t>1537469.0</t>
  </si>
  <si>
    <t>982065.0</t>
  </si>
  <si>
    <t>555404.0</t>
  </si>
  <si>
    <t>3052862.0</t>
  </si>
  <si>
    <t>701.603</t>
  </si>
  <si>
    <t>3067765.0</t>
  </si>
  <si>
    <t>705.028</t>
  </si>
  <si>
    <t>3081663.0</t>
  </si>
  <si>
    <t>708.222</t>
  </si>
  <si>
    <t>3095279.0</t>
  </si>
  <si>
    <t>711.351</t>
  </si>
  <si>
    <t>3109001.0</t>
  </si>
  <si>
    <t>714.505</t>
  </si>
  <si>
    <t>3122937.0</t>
  </si>
  <si>
    <t>13936.0</t>
  </si>
  <si>
    <t>717.708</t>
  </si>
  <si>
    <t>3132685.0</t>
  </si>
  <si>
    <t>719.948</t>
  </si>
  <si>
    <t>1647147.0</t>
  </si>
  <si>
    <t>1050609.0</t>
  </si>
  <si>
    <t>596538.0</t>
  </si>
  <si>
    <t>3140130.0</t>
  </si>
  <si>
    <t>721.659</t>
  </si>
  <si>
    <t>3150044.0</t>
  </si>
  <si>
    <t>723.937</t>
  </si>
  <si>
    <t>3165648.0</t>
  </si>
  <si>
    <t>727.523</t>
  </si>
  <si>
    <t>3181151.0</t>
  </si>
  <si>
    <t>731.086</t>
  </si>
  <si>
    <t>3194125.0</t>
  </si>
  <si>
    <t>734.068</t>
  </si>
  <si>
    <t>3207821.0</t>
  </si>
  <si>
    <t>737.215</t>
  </si>
  <si>
    <t>22182.0</t>
  </si>
  <si>
    <t>3217143.0</t>
  </si>
  <si>
    <t>739.358</t>
  </si>
  <si>
    <t>1810019.0</t>
  </si>
  <si>
    <t>1096619.0</t>
  </si>
  <si>
    <t>3224360.0</t>
  </si>
  <si>
    <t>741.016</t>
  </si>
  <si>
    <t>3237856.0</t>
  </si>
  <si>
    <t>744.118</t>
  </si>
  <si>
    <t>3251744.0</t>
  </si>
  <si>
    <t>747.31</t>
  </si>
  <si>
    <t>3265164.0</t>
  </si>
  <si>
    <t>750.394</t>
  </si>
  <si>
    <t>3279382.0</t>
  </si>
  <si>
    <t>753.661</t>
  </si>
  <si>
    <t>24387.0</t>
  </si>
  <si>
    <t>3291898.0</t>
  </si>
  <si>
    <t>756.538</t>
  </si>
  <si>
    <t>3301418.0</t>
  </si>
  <si>
    <t>758.726</t>
  </si>
  <si>
    <t>1983864.0</t>
  </si>
  <si>
    <t>1305681.0</t>
  </si>
  <si>
    <t>678183.0</t>
  </si>
  <si>
    <t>29866.0</t>
  </si>
  <si>
    <t>3307360.0</t>
  </si>
  <si>
    <t>760.091</t>
  </si>
  <si>
    <t>3319884.0</t>
  </si>
  <si>
    <t>762.969</t>
  </si>
  <si>
    <t>3330259.0</t>
  </si>
  <si>
    <t>765.354</t>
  </si>
  <si>
    <t>34231.0</t>
  </si>
  <si>
    <t>31626.0</t>
  </si>
  <si>
    <t>3342905.0</t>
  </si>
  <si>
    <t>768.26</t>
  </si>
  <si>
    <t>32212.0</t>
  </si>
  <si>
    <t>3353759.0</t>
  </si>
  <si>
    <t>770.755</t>
  </si>
  <si>
    <t>3366865.0</t>
  </si>
  <si>
    <t>773.767</t>
  </si>
  <si>
    <t>7012.7</t>
  </si>
  <si>
    <t>1590.69288038648</t>
  </si>
  <si>
    <t>3377170.0</t>
  </si>
  <si>
    <t>776.135</t>
  </si>
  <si>
    <t>2311172.0</t>
  </si>
  <si>
    <t>1543487.0</t>
  </si>
  <si>
    <t>767685.0</t>
  </si>
  <si>
    <t>3380773.0</t>
  </si>
  <si>
    <t>776.963</t>
  </si>
  <si>
    <t>50013.0</t>
  </si>
  <si>
    <t>38661.0</t>
  </si>
  <si>
    <t>3391578.0</t>
  </si>
  <si>
    <t>779.446</t>
  </si>
  <si>
    <t>53267.0</t>
  </si>
  <si>
    <t>43350.0</t>
  </si>
  <si>
    <t>3404055.0</t>
  </si>
  <si>
    <t>782.314</t>
  </si>
  <si>
    <t>56522.0</t>
  </si>
  <si>
    <t>48039.0</t>
  </si>
  <si>
    <t>3414224.0</t>
  </si>
  <si>
    <t>784.651</t>
  </si>
  <si>
    <t>59776.0</t>
  </si>
  <si>
    <t>3424039.0</t>
  </si>
  <si>
    <t>786.906</t>
  </si>
  <si>
    <t>63030.0</t>
  </si>
  <si>
    <t>57417.0</t>
  </si>
  <si>
    <t>3434308.0</t>
  </si>
  <si>
    <t>789.266</t>
  </si>
  <si>
    <t>62106.0</t>
  </si>
  <si>
    <t>3445271.0</t>
  </si>
  <si>
    <t>791.786</t>
  </si>
  <si>
    <t>2797947.0</t>
  </si>
  <si>
    <t>2011051.0</t>
  </si>
  <si>
    <t>786896.0</t>
  </si>
  <si>
    <t>69539.0</t>
  </si>
  <si>
    <t>3451076.0</t>
  </si>
  <si>
    <t>793.12</t>
  </si>
  <si>
    <t>67547.0</t>
  </si>
  <si>
    <t>64328.0</t>
  </si>
  <si>
    <t>3462664.0</t>
  </si>
  <si>
    <t>795.783</t>
  </si>
  <si>
    <t>3474388.0</t>
  </si>
  <si>
    <t>798.477</t>
  </si>
  <si>
    <t>63564.0</t>
  </si>
  <si>
    <t>3485741.0</t>
  </si>
  <si>
    <t>801.086</t>
  </si>
  <si>
    <t>61572.0</t>
  </si>
  <si>
    <t>3495667.0</t>
  </si>
  <si>
    <t>803.368</t>
  </si>
  <si>
    <t>54460.0</t>
  </si>
  <si>
    <t>3507984.0</t>
  </si>
  <si>
    <t>806.198</t>
  </si>
  <si>
    <t>808.09</t>
  </si>
  <si>
    <t>3187124.0</t>
  </si>
  <si>
    <t>2357733.0</t>
  </si>
  <si>
    <t>829391.0</t>
  </si>
  <si>
    <t>3521696.0</t>
  </si>
  <si>
    <t>809.35</t>
  </si>
  <si>
    <t>3531983.0</t>
  </si>
  <si>
    <t>811.714</t>
  </si>
  <si>
    <t>58397.0</t>
  </si>
  <si>
    <t>3543469.0</t>
  </si>
  <si>
    <t>814.353</t>
  </si>
  <si>
    <t>43984.0</t>
  </si>
  <si>
    <t>62597.0</t>
  </si>
  <si>
    <t>42598.0</t>
  </si>
  <si>
    <t>3575608.0</t>
  </si>
  <si>
    <t>821.74</t>
  </si>
  <si>
    <t>3583563.0</t>
  </si>
  <si>
    <t>823.568</t>
  </si>
  <si>
    <t>3644906.0</t>
  </si>
  <si>
    <t>2636525.0</t>
  </si>
  <si>
    <t>1008381.0</t>
  </si>
  <si>
    <t>65397.0</t>
  </si>
  <si>
    <t>3588991.0</t>
  </si>
  <si>
    <t>824.815</t>
  </si>
  <si>
    <t>65840.0</t>
  </si>
  <si>
    <t>3597857.0</t>
  </si>
  <si>
    <t>826.853</t>
  </si>
  <si>
    <t>3609794.0</t>
  </si>
  <si>
    <t>829.596</t>
  </si>
  <si>
    <t>28682.0</t>
  </si>
  <si>
    <t>3620041.0</t>
  </si>
  <si>
    <t>831.951</t>
  </si>
  <si>
    <t>15336.0</t>
  </si>
  <si>
    <t>21252.0</t>
  </si>
  <si>
    <t>68053.0</t>
  </si>
  <si>
    <t>3649140.0</t>
  </si>
  <si>
    <t>838.638</t>
  </si>
  <si>
    <t>4124375.0</t>
  </si>
  <si>
    <t>2733279.0</t>
  </si>
  <si>
    <t>1391096.0</t>
  </si>
  <si>
    <t>68496.0</t>
  </si>
  <si>
    <t>3654173.0</t>
  </si>
  <si>
    <t>839.795</t>
  </si>
  <si>
    <t>3663596.0</t>
  </si>
  <si>
    <t>841.961</t>
  </si>
  <si>
    <t>1665.84176045722</t>
  </si>
  <si>
    <t>3673799.0</t>
  </si>
  <si>
    <t>844.306</t>
  </si>
  <si>
    <t>69890.0</t>
  </si>
  <si>
    <t>3690973.0</t>
  </si>
  <si>
    <t>848.252</t>
  </si>
  <si>
    <t>70820.0</t>
  </si>
  <si>
    <t>16064.0</t>
  </si>
  <si>
    <t>3699807.0</t>
  </si>
  <si>
    <t>850.283</t>
  </si>
  <si>
    <t>71285.0</t>
  </si>
  <si>
    <t>3705382.0</t>
  </si>
  <si>
    <t>851.564</t>
  </si>
  <si>
    <t>4626623.0</t>
  </si>
  <si>
    <t>2786251.0</t>
  </si>
  <si>
    <t>1840372.0</t>
  </si>
  <si>
    <t>71750.0</t>
  </si>
  <si>
    <t>3709016.0</t>
  </si>
  <si>
    <t>852.399</t>
  </si>
  <si>
    <t>69482.0</t>
  </si>
  <si>
    <t>3717547.0</t>
  </si>
  <si>
    <t>854.36</t>
  </si>
  <si>
    <t>3724780.0</t>
  </si>
  <si>
    <t>856.022</t>
  </si>
  <si>
    <t>64946.0</t>
  </si>
  <si>
    <t>3732084.0</t>
  </si>
  <si>
    <t>857.701</t>
  </si>
  <si>
    <t>62678.0</t>
  </si>
  <si>
    <t>3740000.0</t>
  </si>
  <si>
    <t>859.52</t>
  </si>
  <si>
    <t>3747252.0</t>
  </si>
  <si>
    <t>861.186</t>
  </si>
  <si>
    <t>11315.0</t>
  </si>
  <si>
    <t>3752298.0</t>
  </si>
  <si>
    <t>862.346</t>
  </si>
  <si>
    <t>5017746.0</t>
  </si>
  <si>
    <t>2869828.0</t>
  </si>
  <si>
    <t>2147918.0</t>
  </si>
  <si>
    <t>55875.0</t>
  </si>
  <si>
    <t>3756327.0</t>
  </si>
  <si>
    <t>863.272</t>
  </si>
  <si>
    <t>52693.0</t>
  </si>
  <si>
    <t>3763919.0</t>
  </si>
  <si>
    <t>865.017</t>
  </si>
  <si>
    <t>3772110.0</t>
  </si>
  <si>
    <t>866.899</t>
  </si>
  <si>
    <t>3786956.0</t>
  </si>
  <si>
    <t>870.311</t>
  </si>
  <si>
    <t>3794210.0</t>
  </si>
  <si>
    <t>871.978</t>
  </si>
  <si>
    <t>3799405.0</t>
  </si>
  <si>
    <t>873.172</t>
  </si>
  <si>
    <t>5252959.0</t>
  </si>
  <si>
    <t>2907280.0</t>
  </si>
  <si>
    <t>2345679.0</t>
  </si>
  <si>
    <t>3802941.0</t>
  </si>
  <si>
    <t>873.985</t>
  </si>
  <si>
    <t>3811368.0</t>
  </si>
  <si>
    <t>875.921</t>
  </si>
  <si>
    <t>3821883.0</t>
  </si>
  <si>
    <t>878.338</t>
  </si>
  <si>
    <t>3830296.0</t>
  </si>
  <si>
    <t>880.271</t>
  </si>
  <si>
    <t>23777.0</t>
  </si>
  <si>
    <t>3837664.0</t>
  </si>
  <si>
    <t>881.965</t>
  </si>
  <si>
    <t>3846073.0</t>
  </si>
  <si>
    <t>883.897</t>
  </si>
  <si>
    <t>3851353.0</t>
  </si>
  <si>
    <t>885.111</t>
  </si>
  <si>
    <t>5367816.0</t>
  </si>
  <si>
    <t>2939999.0</t>
  </si>
  <si>
    <t>2427817.0</t>
  </si>
  <si>
    <t>3854818.0</t>
  </si>
  <si>
    <t>885.907</t>
  </si>
  <si>
    <t>3862060.0</t>
  </si>
  <si>
    <t>887.571</t>
  </si>
  <si>
    <t>3869426.0</t>
  </si>
  <si>
    <t>889.264</t>
  </si>
  <si>
    <t>3877074.0</t>
  </si>
  <si>
    <t>891.022</t>
  </si>
  <si>
    <t>7525.9</t>
  </si>
  <si>
    <t>1707.10219295002</t>
  </si>
  <si>
    <t>3885075.0</t>
  </si>
  <si>
    <t>892.861</t>
  </si>
  <si>
    <t>3892128.0</t>
  </si>
  <si>
    <t>894.482</t>
  </si>
  <si>
    <t>3896810.0</t>
  </si>
  <si>
    <t>895.558</t>
  </si>
  <si>
    <t>5501067.0</t>
  </si>
  <si>
    <t>2975514.0</t>
  </si>
  <si>
    <t>2523880.0</t>
  </si>
  <si>
    <t>3899815.0</t>
  </si>
  <si>
    <t>896.248</t>
  </si>
  <si>
    <t>3906709.0</t>
  </si>
  <si>
    <t>897.833</t>
  </si>
  <si>
    <t>3914254.0</t>
  </si>
  <si>
    <t>899.566</t>
  </si>
  <si>
    <t>3921640.0</t>
  </si>
  <si>
    <t>901.264</t>
  </si>
  <si>
    <t>3928884.0</t>
  </si>
  <si>
    <t>902.929</t>
  </si>
  <si>
    <t>3935237.0</t>
  </si>
  <si>
    <t>904.389</t>
  </si>
  <si>
    <t>14502.0</t>
  </si>
  <si>
    <t>3939340.0</t>
  </si>
  <si>
    <t>905.332</t>
  </si>
  <si>
    <t>5597294.0</t>
  </si>
  <si>
    <t>3004816.0</t>
  </si>
  <si>
    <t>2588582.0</t>
  </si>
  <si>
    <t>3942512.0</t>
  </si>
  <si>
    <t>906.061</t>
  </si>
  <si>
    <t>3949698.0</t>
  </si>
  <si>
    <t>907.712</t>
  </si>
  <si>
    <t>3954874.0</t>
  </si>
  <si>
    <t>908.902</t>
  </si>
  <si>
    <t>3963469.0</t>
  </si>
  <si>
    <t>910.877</t>
  </si>
  <si>
    <t>3976308.0</t>
  </si>
  <si>
    <t>913.828</t>
  </si>
  <si>
    <t>3981088.0</t>
  </si>
  <si>
    <t>914.926</t>
  </si>
  <si>
    <t>5630863.0</t>
  </si>
  <si>
    <t>3015469.0</t>
  </si>
  <si>
    <t>2610560.0</t>
  </si>
  <si>
    <t>3984184.0</t>
  </si>
  <si>
    <t>915.638</t>
  </si>
  <si>
    <t>3991430.0</t>
  </si>
  <si>
    <t>917.303</t>
  </si>
  <si>
    <t>4000733.0</t>
  </si>
  <si>
    <t>919.441</t>
  </si>
  <si>
    <t>4007476.0</t>
  </si>
  <si>
    <t>920.991</t>
  </si>
  <si>
    <t>4015113.0</t>
  </si>
  <si>
    <t>922.746</t>
  </si>
  <si>
    <t>4021675.0</t>
  </si>
  <si>
    <t>924.254</t>
  </si>
  <si>
    <t>4026167.0</t>
  </si>
  <si>
    <t>925.286</t>
  </si>
  <si>
    <t>5741258.0</t>
  </si>
  <si>
    <t>3029679.0</t>
  </si>
  <si>
    <t>2649359.0</t>
  </si>
  <si>
    <t>62220.0</t>
  </si>
  <si>
    <t>4029493.0</t>
  </si>
  <si>
    <t>926.051</t>
  </si>
  <si>
    <t>4036451.0</t>
  </si>
  <si>
    <t>927.65</t>
  </si>
  <si>
    <t>4044184.0</t>
  </si>
  <si>
    <t>929.427</t>
  </si>
  <si>
    <t>4051235.0</t>
  </si>
  <si>
    <t>931.047</t>
  </si>
  <si>
    <t>4059231.0</t>
  </si>
  <si>
    <t>932.885</t>
  </si>
  <si>
    <t>4066643.0</t>
  </si>
  <si>
    <t>934.588</t>
  </si>
  <si>
    <t>4071463.0</t>
  </si>
  <si>
    <t>935.696</t>
  </si>
  <si>
    <t>5797679.0</t>
  </si>
  <si>
    <t>3037711.0</t>
  </si>
  <si>
    <t>2667214.0</t>
  </si>
  <si>
    <t>7503.4</t>
  </si>
  <si>
    <t>1701.99851108588</t>
  </si>
  <si>
    <t>4074715.0</t>
  </si>
  <si>
    <t>936.443</t>
  </si>
  <si>
    <t>4082045.0</t>
  </si>
  <si>
    <t>4087164.0</t>
  </si>
  <si>
    <t>939.304</t>
  </si>
  <si>
    <t>939.997</t>
  </si>
  <si>
    <t>4093203.0</t>
  </si>
  <si>
    <t>940.692</t>
  </si>
  <si>
    <t>4099941.0</t>
  </si>
  <si>
    <t>942.241</t>
  </si>
  <si>
    <t>5844266.0</t>
  </si>
  <si>
    <t>2688131.0</t>
  </si>
  <si>
    <t>110175.0</t>
  </si>
  <si>
    <t>4102737.0</t>
  </si>
  <si>
    <t>942.883</t>
  </si>
  <si>
    <t>4109546.0</t>
  </si>
  <si>
    <t>944.448</t>
  </si>
  <si>
    <t>4116294.0</t>
  </si>
  <si>
    <t>945.999</t>
  </si>
  <si>
    <t>4119742.0</t>
  </si>
  <si>
    <t>946.791</t>
  </si>
  <si>
    <t>4125380.0</t>
  </si>
  <si>
    <t>948.087</t>
  </si>
  <si>
    <t>4132372.0</t>
  </si>
  <si>
    <t>949.694</t>
  </si>
  <si>
    <t>4136932.0</t>
  </si>
  <si>
    <t>950.742</t>
  </si>
  <si>
    <t>5866011.0</t>
  </si>
  <si>
    <t>3045802.0</t>
  </si>
  <si>
    <t>2701735.0</t>
  </si>
  <si>
    <t>118474.0</t>
  </si>
  <si>
    <t>4139991.0</t>
  </si>
  <si>
    <t>951.445</t>
  </si>
  <si>
    <t>4147387.0</t>
  </si>
  <si>
    <t>953.145</t>
  </si>
  <si>
    <t>4155482.0</t>
  </si>
  <si>
    <t>955.005</t>
  </si>
  <si>
    <t>4162586.0</t>
  </si>
  <si>
    <t>956.638</t>
  </si>
  <si>
    <t>4169586.0</t>
  </si>
  <si>
    <t>958.246</t>
  </si>
  <si>
    <t>4176082.0</t>
  </si>
  <si>
    <t>959.739</t>
  </si>
  <si>
    <t>4180785.0</t>
  </si>
  <si>
    <t>960.82</t>
  </si>
  <si>
    <t>5944438.0</t>
  </si>
  <si>
    <t>3068531.0</t>
  </si>
  <si>
    <t>2728658.0</t>
  </si>
  <si>
    <t>147249.0</t>
  </si>
  <si>
    <t>134.84</t>
  </si>
  <si>
    <t>4184374.0</t>
  </si>
  <si>
    <t>961.645</t>
  </si>
  <si>
    <t>4191510.0</t>
  </si>
  <si>
    <t>963.285</t>
  </si>
  <si>
    <t>4199210.0</t>
  </si>
  <si>
    <t>965.055</t>
  </si>
  <si>
    <t>4206845.0</t>
  </si>
  <si>
    <t>966.809</t>
  </si>
  <si>
    <t>4214090.0</t>
  </si>
  <si>
    <t>968.474</t>
  </si>
  <si>
    <t>970.011</t>
  </si>
  <si>
    <t>4225638.0</t>
  </si>
  <si>
    <t>971.128</t>
  </si>
  <si>
    <t>5985389.0</t>
  </si>
  <si>
    <t>3087258.0</t>
  </si>
  <si>
    <t>2736459.0</t>
  </si>
  <si>
    <t>161672.0</t>
  </si>
  <si>
    <t>4229011.0</t>
  </si>
  <si>
    <t>971.903</t>
  </si>
  <si>
    <t>4233071.0</t>
  </si>
  <si>
    <t>972.836</t>
  </si>
  <si>
    <t>4240787.0</t>
  </si>
  <si>
    <t>974.61</t>
  </si>
  <si>
    <t>4248132.0</t>
  </si>
  <si>
    <t>976.298</t>
  </si>
  <si>
    <t>4254812.0</t>
  </si>
  <si>
    <t>977.833</t>
  </si>
  <si>
    <t>4261900.0</t>
  </si>
  <si>
    <t>979.462</t>
  </si>
  <si>
    <t>4266764.0</t>
  </si>
  <si>
    <t>980.58</t>
  </si>
  <si>
    <t>6049840.0</t>
  </si>
  <si>
    <t>3097385.0</t>
  </si>
  <si>
    <t>2756457.0</t>
  </si>
  <si>
    <t>195998.0</t>
  </si>
  <si>
    <t>4270327.0</t>
  </si>
  <si>
    <t>981.399</t>
  </si>
  <si>
    <t>4277794.0</t>
  </si>
  <si>
    <t>983.115</t>
  </si>
  <si>
    <t>4285698.0</t>
  </si>
  <si>
    <t>984.931</t>
  </si>
  <si>
    <t>4289730.0</t>
  </si>
  <si>
    <t>985.858</t>
  </si>
  <si>
    <t>4300855.0</t>
  </si>
  <si>
    <t>988.414</t>
  </si>
  <si>
    <t>4306552.0</t>
  </si>
  <si>
    <t>989.724</t>
  </si>
  <si>
    <t>6089201.0</t>
  </si>
  <si>
    <t>3103139.0</t>
  </si>
  <si>
    <t>2769469.0</t>
  </si>
  <si>
    <t>216593.0</t>
  </si>
  <si>
    <t>138.12</t>
  </si>
  <si>
    <t>4310967.0</t>
  </si>
  <si>
    <t>990.738</t>
  </si>
  <si>
    <t>4320502.0</t>
  </si>
  <si>
    <t>992.93</t>
  </si>
  <si>
    <t>4329516.0</t>
  </si>
  <si>
    <t>995.001</t>
  </si>
  <si>
    <t>4338459.0</t>
  </si>
  <si>
    <t>997.056</t>
  </si>
  <si>
    <t>4347814.0</t>
  </si>
  <si>
    <t>999.206</t>
  </si>
  <si>
    <t>4356333.0</t>
  </si>
  <si>
    <t>1001.164</t>
  </si>
  <si>
    <t>4362624.0</t>
  </si>
  <si>
    <t>1002.61</t>
  </si>
  <si>
    <t>6156520.0</t>
  </si>
  <si>
    <t>3114713.0</t>
  </si>
  <si>
    <t>2792463.0</t>
  </si>
  <si>
    <t>249344.0</t>
  </si>
  <si>
    <t>139.65</t>
  </si>
  <si>
    <t>4367522.0</t>
  </si>
  <si>
    <t>1003.736</t>
  </si>
  <si>
    <t>4376236.0</t>
  </si>
  <si>
    <t>1005.738</t>
  </si>
  <si>
    <t>4386924.0</t>
  </si>
  <si>
    <t>1008.195</t>
  </si>
  <si>
    <t>4397631.0</t>
  </si>
  <si>
    <t>1010.655</t>
  </si>
  <si>
    <t>4409576.0</t>
  </si>
  <si>
    <t>1013.4</t>
  </si>
  <si>
    <t>4422382.0</t>
  </si>
  <si>
    <t>1016.344</t>
  </si>
  <si>
    <t>4428835.0</t>
  </si>
  <si>
    <t>1017.827</t>
  </si>
  <si>
    <t>6193744.0</t>
  </si>
  <si>
    <t>3120802.0</t>
  </si>
  <si>
    <t>2804103.0</t>
  </si>
  <si>
    <t>268839.0</t>
  </si>
  <si>
    <t>4435223.0</t>
  </si>
  <si>
    <t>1019.295</t>
  </si>
  <si>
    <t>4447573.0</t>
  </si>
  <si>
    <t>1022.133</t>
  </si>
  <si>
    <t>4459306.0</t>
  </si>
  <si>
    <t>1024.829</t>
  </si>
  <si>
    <t>4484985.0</t>
  </si>
  <si>
    <t>25679.0</t>
  </si>
  <si>
    <t>1030.731</t>
  </si>
  <si>
    <t>4506267.0</t>
  </si>
  <si>
    <t>21282.0</t>
  </si>
  <si>
    <t>1035.622</t>
  </si>
  <si>
    <t>4521045.0</t>
  </si>
  <si>
    <t>1039.018</t>
  </si>
  <si>
    <t>14095.0</t>
  </si>
  <si>
    <t>4528401.0</t>
  </si>
  <si>
    <t>1040.709</t>
  </si>
  <si>
    <t>6245648.0</t>
  </si>
  <si>
    <t>3123296.0</t>
  </si>
  <si>
    <t>2809036.0</t>
  </si>
  <si>
    <t>313316.0</t>
  </si>
  <si>
    <t>4537691.0</t>
  </si>
  <si>
    <t>1042.844</t>
  </si>
  <si>
    <t>4557212.0</t>
  </si>
  <si>
    <t>1047.33</t>
  </si>
  <si>
    <t>4579203.0</t>
  </si>
  <si>
    <t>1052.384</t>
  </si>
  <si>
    <t>4600669.0</t>
  </si>
  <si>
    <t>1057.317</t>
  </si>
  <si>
    <t>4625144.0</t>
  </si>
  <si>
    <t>1062.942</t>
  </si>
  <si>
    <t>4652482.0</t>
  </si>
  <si>
    <t>1069.225</t>
  </si>
  <si>
    <t>4670274.0</t>
  </si>
  <si>
    <t>1073.314</t>
  </si>
  <si>
    <t>6410766.0</t>
  </si>
  <si>
    <t>3129595.0</t>
  </si>
  <si>
    <t>2820976.0</t>
  </si>
  <si>
    <t>460195.0</t>
  </si>
  <si>
    <t>4684125.0</t>
  </si>
  <si>
    <t>1076.497</t>
  </si>
  <si>
    <t>4700627.0</t>
  </si>
  <si>
    <t>1080.289</t>
  </si>
  <si>
    <t>4724238.0</t>
  </si>
  <si>
    <t>23611.0</t>
  </si>
  <si>
    <t>1085.715</t>
  </si>
  <si>
    <t>4748348.0</t>
  </si>
  <si>
    <t>1091.256</t>
  </si>
  <si>
    <t>21097.0</t>
  </si>
  <si>
    <t>4776910.0</t>
  </si>
  <si>
    <t>1097.82</t>
  </si>
  <si>
    <t>4802101.0</t>
  </si>
  <si>
    <t>1103.61</t>
  </si>
  <si>
    <t>4822410.0</t>
  </si>
  <si>
    <t>1108.277</t>
  </si>
  <si>
    <t>6558918.0</t>
  </si>
  <si>
    <t>3139649.0</t>
  </si>
  <si>
    <t>2829281.0</t>
  </si>
  <si>
    <t>589988.0</t>
  </si>
  <si>
    <t>4837016.0</t>
  </si>
  <si>
    <t>1111.634</t>
  </si>
  <si>
    <t>0.3327</t>
  </si>
  <si>
    <t>24313.0</t>
  </si>
  <si>
    <t>4871755.0</t>
  </si>
  <si>
    <t>1119.618</t>
  </si>
  <si>
    <t>4901440.0</t>
  </si>
  <si>
    <t>1126.44</t>
  </si>
  <si>
    <t>4937497.0</t>
  </si>
  <si>
    <t>1134.726</t>
  </si>
  <si>
    <t>33757.0</t>
  </si>
  <si>
    <t>4970406.0</t>
  </si>
  <si>
    <t>1142.289</t>
  </si>
  <si>
    <t>27642.0</t>
  </si>
  <si>
    <t>0.3525</t>
  </si>
  <si>
    <t>4999688.0</t>
  </si>
  <si>
    <t>5019433.0</t>
  </si>
  <si>
    <t>1153.557</t>
  </si>
  <si>
    <t>0.3544</t>
  </si>
  <si>
    <t>6861327.0</t>
  </si>
  <si>
    <t>3183137.0</t>
  </si>
  <si>
    <t>2845191.0</t>
  </si>
  <si>
    <t>832999.0</t>
  </si>
  <si>
    <t>5033905.0</t>
  </si>
  <si>
    <t>1156.883</t>
  </si>
  <si>
    <t>5088957.0</t>
  </si>
  <si>
    <t>1169.535</t>
  </si>
  <si>
    <t>0.3587</t>
  </si>
  <si>
    <t>5115700.0</t>
  </si>
  <si>
    <t>1175.681</t>
  </si>
  <si>
    <t>5140391.0</t>
  </si>
  <si>
    <t>1181.355</t>
  </si>
  <si>
    <t>24284.0</t>
  </si>
  <si>
    <t>0.3456</t>
  </si>
  <si>
    <t>5164621.0</t>
  </si>
  <si>
    <t>24230.0</t>
  </si>
  <si>
    <t>1186.923</t>
  </si>
  <si>
    <t>5181126.0</t>
  </si>
  <si>
    <t>1190.717</t>
  </si>
  <si>
    <t>7040071.0</t>
  </si>
  <si>
    <t>3207514.0</t>
  </si>
  <si>
    <t>2855480.0</t>
  </si>
  <si>
    <t>977077.0</t>
  </si>
  <si>
    <t>5192958.0</t>
  </si>
  <si>
    <t>1193.436</t>
  </si>
  <si>
    <t>5218804.0</t>
  </si>
  <si>
    <t>1199.376</t>
  </si>
  <si>
    <t>5241671.0</t>
  </si>
  <si>
    <t>1204.631</t>
  </si>
  <si>
    <t>5263461.0</t>
  </si>
  <si>
    <t>1209.639</t>
  </si>
  <si>
    <t>0.2642</t>
  </si>
  <si>
    <t>5281334.0</t>
  </si>
  <si>
    <t>1213.746</t>
  </si>
  <si>
    <t>0.2543</t>
  </si>
  <si>
    <t>5298400.0</t>
  </si>
  <si>
    <t>1217.668</t>
  </si>
  <si>
    <t>5300745.0</t>
  </si>
  <si>
    <t>1218.207</t>
  </si>
  <si>
    <t>7210528.0</t>
  </si>
  <si>
    <t>3246200.0</t>
  </si>
  <si>
    <t>2883404.0</t>
  </si>
  <si>
    <t>1080924.0</t>
  </si>
  <si>
    <t>5317577.0</t>
  </si>
  <si>
    <t>1222.076</t>
  </si>
  <si>
    <t>5335366.0</t>
  </si>
  <si>
    <t>1226.164</t>
  </si>
  <si>
    <t>5350475.0</t>
  </si>
  <si>
    <t>1229.636</t>
  </si>
  <si>
    <t>5363176.0</t>
  </si>
  <si>
    <t>1232.555</t>
  </si>
  <si>
    <t>5375232.0</t>
  </si>
  <si>
    <t>1235.326</t>
  </si>
  <si>
    <t>5386990.0</t>
  </si>
  <si>
    <t>1238.028</t>
  </si>
  <si>
    <t>5395266.0</t>
  </si>
  <si>
    <t>1239.93</t>
  </si>
  <si>
    <t>7326028.0</t>
  </si>
  <si>
    <t>3269553.0</t>
  </si>
  <si>
    <t>2891293.0</t>
  </si>
  <si>
    <t>1165182.0</t>
  </si>
  <si>
    <t>5397138.0</t>
  </si>
  <si>
    <t>1240.36</t>
  </si>
  <si>
    <t>5413836.0</t>
  </si>
  <si>
    <t>1244.198</t>
  </si>
  <si>
    <t>5424481.0</t>
  </si>
  <si>
    <t>1246.644</t>
  </si>
  <si>
    <t>18315.0</t>
  </si>
  <si>
    <t>5434230.0</t>
  </si>
  <si>
    <t>1248.885</t>
  </si>
  <si>
    <t>5443193.0</t>
  </si>
  <si>
    <t>1250.944</t>
  </si>
  <si>
    <t>5451571.0</t>
  </si>
  <si>
    <t>1252.87</t>
  </si>
  <si>
    <t>5457948.0</t>
  </si>
  <si>
    <t>1254.335</t>
  </si>
  <si>
    <t>7471181.0</t>
  </si>
  <si>
    <t>3309691.0</t>
  </si>
  <si>
    <t>2919200.0</t>
  </si>
  <si>
    <t>1242290.0</t>
  </si>
  <si>
    <t>5472575.0</t>
  </si>
  <si>
    <t>1257.697</t>
  </si>
  <si>
    <t>5481523.0</t>
  </si>
  <si>
    <t>1259.753</t>
  </si>
  <si>
    <t>5490154.0</t>
  </si>
  <si>
    <t>1261.737</t>
  </si>
  <si>
    <t>5498383.0</t>
  </si>
  <si>
    <t>1263.628</t>
  </si>
  <si>
    <t>5505442.0</t>
  </si>
  <si>
    <t>5510035.0</t>
  </si>
  <si>
    <t>1266.306</t>
  </si>
  <si>
    <t>7544898.0</t>
  </si>
  <si>
    <t>3331140.0</t>
  </si>
  <si>
    <t>2923513.0</t>
  </si>
  <si>
    <t>1290245.0</t>
  </si>
  <si>
    <t>171.14</t>
  </si>
  <si>
    <t>5519747.0</t>
  </si>
  <si>
    <t>1268.538</t>
  </si>
  <si>
    <t>5523281.0</t>
  </si>
  <si>
    <t>1269.35</t>
  </si>
  <si>
    <t>5530496.0</t>
  </si>
  <si>
    <t>1271.008</t>
  </si>
  <si>
    <t>5537815.0</t>
  </si>
  <si>
    <t>1272.69</t>
  </si>
  <si>
    <t>5544311.0</t>
  </si>
  <si>
    <t>1274.183</t>
  </si>
  <si>
    <t>5546042.0</t>
  </si>
  <si>
    <t>1274.581</t>
  </si>
  <si>
    <t>7636945.0</t>
  </si>
  <si>
    <t>3357826.0</t>
  </si>
  <si>
    <t>2939118.0</t>
  </si>
  <si>
    <t>1340001.0</t>
  </si>
  <si>
    <t>5560054.0</t>
  </si>
  <si>
    <t>1277.801</t>
  </si>
  <si>
    <t>5566530.0</t>
  </si>
  <si>
    <t>1279.289</t>
  </si>
  <si>
    <t>5573405.0</t>
  </si>
  <si>
    <t>1280.869</t>
  </si>
  <si>
    <t>7731977.0</t>
  </si>
  <si>
    <t>3384833.0</t>
  </si>
  <si>
    <t>2964968.0</t>
  </si>
  <si>
    <t>5579413.0</t>
  </si>
  <si>
    <t>1282.25</t>
  </si>
  <si>
    <t>7737902.0</t>
  </si>
  <si>
    <t>3386244.0</t>
  </si>
  <si>
    <t>2966931.0</t>
  </si>
  <si>
    <t>1384727.0</t>
  </si>
  <si>
    <t>5584953.0</t>
  </si>
  <si>
    <t>1283.523</t>
  </si>
  <si>
    <t>5589193.0</t>
  </si>
  <si>
    <t>1284.498</t>
  </si>
  <si>
    <t>5599776.0</t>
  </si>
  <si>
    <t>1286.93</t>
  </si>
  <si>
    <t>5606384.0</t>
  </si>
  <si>
    <t>1288.449</t>
  </si>
  <si>
    <t>7775051.0</t>
  </si>
  <si>
    <t>3395412.0</t>
  </si>
  <si>
    <t>2979743.0</t>
  </si>
  <si>
    <t>1399896.0</t>
  </si>
  <si>
    <t>5612864.0</t>
  </si>
  <si>
    <t>1289.938</t>
  </si>
  <si>
    <t>5619046.0</t>
  </si>
  <si>
    <t>1291.359</t>
  </si>
  <si>
    <t>7789018.0</t>
  </si>
  <si>
    <t>3401715.0</t>
  </si>
  <si>
    <t>2984157.0</t>
  </si>
  <si>
    <t>1403146.0</t>
  </si>
  <si>
    <t>5625648.0</t>
  </si>
  <si>
    <t>5631064.0</t>
  </si>
  <si>
    <t>1294.121</t>
  </si>
  <si>
    <t>5634740.0</t>
  </si>
  <si>
    <t>1294.965</t>
  </si>
  <si>
    <t>5642190.0</t>
  </si>
  <si>
    <t>1296.677</t>
  </si>
  <si>
    <t>7869265.0</t>
  </si>
  <si>
    <t>3429338.0</t>
  </si>
  <si>
    <t>3011586.0</t>
  </si>
  <si>
    <t>1428341.0</t>
  </si>
  <si>
    <t>5656308.0</t>
  </si>
  <si>
    <t>1299.922</t>
  </si>
  <si>
    <t>5663051.0</t>
  </si>
  <si>
    <t>1301.472</t>
  </si>
  <si>
    <t>7889044.0</t>
  </si>
  <si>
    <t>3434847.0</t>
  </si>
  <si>
    <t>3017898.0</t>
  </si>
  <si>
    <t>1436299.0</t>
  </si>
  <si>
    <t>5669975.0</t>
  </si>
  <si>
    <t>1303.063</t>
  </si>
  <si>
    <t>5675088.0</t>
  </si>
  <si>
    <t>1304.238</t>
  </si>
  <si>
    <t>5678749.0</t>
  </si>
  <si>
    <t>1305.079</t>
  </si>
  <si>
    <t>5686445.0</t>
  </si>
  <si>
    <t>1306.848</t>
  </si>
  <si>
    <t>5693318.0</t>
  </si>
  <si>
    <t>1308.428</t>
  </si>
  <si>
    <t>7930788.0</t>
  </si>
  <si>
    <t>3445966.0</t>
  </si>
  <si>
    <t>3031909.0</t>
  </si>
  <si>
    <t>1452913.0</t>
  </si>
  <si>
    <t>179.89</t>
  </si>
  <si>
    <t>5699397.0</t>
  </si>
  <si>
    <t>1309.825</t>
  </si>
  <si>
    <t>5705524.0</t>
  </si>
  <si>
    <t>1311.233</t>
  </si>
  <si>
    <t>7945389.0</t>
  </si>
  <si>
    <t>3449723.0</t>
  </si>
  <si>
    <t>3037058.0</t>
  </si>
  <si>
    <t>1458608.0</t>
  </si>
  <si>
    <t>180.23</t>
  </si>
  <si>
    <t>5711126.0</t>
  </si>
  <si>
    <t>1312.52</t>
  </si>
  <si>
    <t>5715767.0</t>
  </si>
  <si>
    <t>1313.587</t>
  </si>
  <si>
    <t>5719323.0</t>
  </si>
  <si>
    <t>1314.404</t>
  </si>
  <si>
    <t>5726043.0</t>
  </si>
  <si>
    <t>1315.948</t>
  </si>
  <si>
    <t>5732263.0</t>
  </si>
  <si>
    <t>1317.378</t>
  </si>
  <si>
    <t>5738048.0</t>
  </si>
  <si>
    <t>1318.707</t>
  </si>
  <si>
    <t>5744071.0</t>
  </si>
  <si>
    <t>1320.092</t>
  </si>
  <si>
    <t>7973312.0</t>
  </si>
  <si>
    <t>3453594.0</t>
  </si>
  <si>
    <t>3043431.0</t>
  </si>
  <si>
    <t>1476287.0</t>
  </si>
  <si>
    <t>5749354.0</t>
  </si>
  <si>
    <t>1321.306</t>
  </si>
  <si>
    <t>5753452.0</t>
  </si>
  <si>
    <t>1322.248</t>
  </si>
  <si>
    <t>5756858.0</t>
  </si>
  <si>
    <t>1323.03</t>
  </si>
  <si>
    <t>5763643.0</t>
  </si>
  <si>
    <t>1324.59</t>
  </si>
  <si>
    <t>5770197.0</t>
  </si>
  <si>
    <t>1326.096</t>
  </si>
  <si>
    <t>5780323.0</t>
  </si>
  <si>
    <t>1328.423</t>
  </si>
  <si>
    <t>7995825.0</t>
  </si>
  <si>
    <t>3455675.0</t>
  </si>
  <si>
    <t>3049398.0</t>
  </si>
  <si>
    <t>1490752.0</t>
  </si>
  <si>
    <t>5782801.0</t>
  </si>
  <si>
    <t>1328.992</t>
  </si>
  <si>
    <t>5786752.0</t>
  </si>
  <si>
    <t>1329.9</t>
  </si>
  <si>
    <t>5790137.0</t>
  </si>
  <si>
    <t>1330.678</t>
  </si>
  <si>
    <t>5804304.0</t>
  </si>
  <si>
    <t>1333.934</t>
  </si>
  <si>
    <t>5816920.0</t>
  </si>
  <si>
    <t>1336.834</t>
  </si>
  <si>
    <t>8012183.0</t>
  </si>
  <si>
    <t>3056567.0</t>
  </si>
  <si>
    <t>1500175.0</t>
  </si>
  <si>
    <t>181.74</t>
  </si>
  <si>
    <t>5828470.0</t>
  </si>
  <si>
    <t>1339.488</t>
  </si>
  <si>
    <t>5839756.0</t>
  </si>
  <si>
    <t>1342.082</t>
  </si>
  <si>
    <t>5854469.0</t>
  </si>
  <si>
    <t>1345.463</t>
  </si>
  <si>
    <t>8057560.0</t>
  </si>
  <si>
    <t>3464188.0</t>
  </si>
  <si>
    <t>3074298.0</t>
  </si>
  <si>
    <t>1519074.0</t>
  </si>
  <si>
    <t>182.77</t>
  </si>
  <si>
    <t>5869818.0</t>
  </si>
  <si>
    <t>1348.991</t>
  </si>
  <si>
    <t>5879611.0</t>
  </si>
  <si>
    <t>1351.241</t>
  </si>
  <si>
    <t>5894400.0</t>
  </si>
  <si>
    <t>1354.64</t>
  </si>
  <si>
    <t>5915444.0</t>
  </si>
  <si>
    <t>1359.476</t>
  </si>
  <si>
    <t>8079415.0</t>
  </si>
  <si>
    <t>3466298.0</t>
  </si>
  <si>
    <t>3079475.0</t>
  </si>
  <si>
    <t>1533642.0</t>
  </si>
  <si>
    <t>5935281.0</t>
  </si>
  <si>
    <t>1364.035</t>
  </si>
  <si>
    <t>5956718.0</t>
  </si>
  <si>
    <t>1368.962</t>
  </si>
  <si>
    <t>5972191.0</t>
  </si>
  <si>
    <t>1372.518</t>
  </si>
  <si>
    <t>5988421.0</t>
  </si>
  <si>
    <t>1376.248</t>
  </si>
  <si>
    <t>8138086.0</t>
  </si>
  <si>
    <t>3471050.0</t>
  </si>
  <si>
    <t>3090346.0</t>
  </si>
  <si>
    <t>1576690.0</t>
  </si>
  <si>
    <t>6016371.0</t>
  </si>
  <si>
    <t>1382.671</t>
  </si>
  <si>
    <t>6035168.0</t>
  </si>
  <si>
    <t>1386.991</t>
  </si>
  <si>
    <t>6069750.0</t>
  </si>
  <si>
    <t>1394.939</t>
  </si>
  <si>
    <t>6104405.0</t>
  </si>
  <si>
    <t>1402.903</t>
  </si>
  <si>
    <t>8167735.0</t>
  </si>
  <si>
    <t>3473068.0</t>
  </si>
  <si>
    <t>3094587.0</t>
  </si>
  <si>
    <t>1600080.0</t>
  </si>
  <si>
    <t>6128992.0</t>
  </si>
  <si>
    <t>1408.553</t>
  </si>
  <si>
    <t>6153400.0</t>
  </si>
  <si>
    <t>1414.163</t>
  </si>
  <si>
    <t>6170279.0</t>
  </si>
  <si>
    <t>1418.042</t>
  </si>
  <si>
    <t>6201764.0</t>
  </si>
  <si>
    <t>1425.278</t>
  </si>
  <si>
    <t>8216856.0</t>
  </si>
  <si>
    <t>3476550.0</t>
  </si>
  <si>
    <t>3101392.0</t>
  </si>
  <si>
    <t>1638914.0</t>
  </si>
  <si>
    <t>6225674.0</t>
  </si>
  <si>
    <t>1430.773</t>
  </si>
  <si>
    <t>0.2309</t>
  </si>
  <si>
    <t>6233987.0</t>
  </si>
  <si>
    <t>1432.683</t>
  </si>
  <si>
    <t>6266527.0</t>
  </si>
  <si>
    <t>1440.161</t>
  </si>
  <si>
    <t>6298001.0</t>
  </si>
  <si>
    <t>1447.395</t>
  </si>
  <si>
    <t>8242621.0</t>
  </si>
  <si>
    <t>3477600.0</t>
  </si>
  <si>
    <t>3103529.0</t>
  </si>
  <si>
    <t>1661492.0</t>
  </si>
  <si>
    <t>6311640.0</t>
  </si>
  <si>
    <t>1450.529</t>
  </si>
  <si>
    <t>6321124.0</t>
  </si>
  <si>
    <t>1452.709</t>
  </si>
  <si>
    <t>6345448.0</t>
  </si>
  <si>
    <t>1458.299</t>
  </si>
  <si>
    <t>6360719.0</t>
  </si>
  <si>
    <t>1461.808</t>
  </si>
  <si>
    <t>8279995.0</t>
  </si>
  <si>
    <t>3479337.0</t>
  </si>
  <si>
    <t>3107272.0</t>
  </si>
  <si>
    <t>1693386.0</t>
  </si>
  <si>
    <t>6374323.0</t>
  </si>
  <si>
    <t>1464.935</t>
  </si>
  <si>
    <t>8288767.0</t>
  </si>
  <si>
    <t>1702158.0</t>
  </si>
  <si>
    <t>6399757.0</t>
  </si>
  <si>
    <t>1470.78</t>
  </si>
  <si>
    <t>6407366.0</t>
  </si>
  <si>
    <t>1472.529</t>
  </si>
  <si>
    <t>6436730.0</t>
  </si>
  <si>
    <t>1479.277</t>
  </si>
  <si>
    <t>8320768.0</t>
  </si>
  <si>
    <t>3481249.0</t>
  </si>
  <si>
    <t>3110890.0</t>
  </si>
  <si>
    <t>1728629.0</t>
  </si>
  <si>
    <t>8326845.0</t>
  </si>
  <si>
    <t>3481615.0</t>
  </si>
  <si>
    <t>3111772.0</t>
  </si>
  <si>
    <t>6467420.0</t>
  </si>
  <si>
    <t>1486.33</t>
  </si>
  <si>
    <t>6477862.0</t>
  </si>
  <si>
    <t>1488.73</t>
  </si>
  <si>
    <t>6499239.0</t>
  </si>
  <si>
    <t>1493.643</t>
  </si>
  <si>
    <t>8327773.0</t>
  </si>
  <si>
    <t>3482654.0</t>
  </si>
  <si>
    <t>3113725.0</t>
  </si>
  <si>
    <t>1731394.0</t>
  </si>
  <si>
    <t>8358729.0</t>
  </si>
  <si>
    <t>3482802.0</t>
  </si>
  <si>
    <t>3114030.0</t>
  </si>
  <si>
    <t>1761897.0</t>
  </si>
  <si>
    <t>8366229.0</t>
  </si>
  <si>
    <t>3484500.0</t>
  </si>
  <si>
    <t>3117315.0</t>
  </si>
  <si>
    <t>1764414.0</t>
  </si>
  <si>
    <t>189.77</t>
  </si>
  <si>
    <t>8389315.0</t>
  </si>
  <si>
    <t>3485214.0</t>
  </si>
  <si>
    <t>3118815.0</t>
  </si>
  <si>
    <t>1785286.0</t>
  </si>
  <si>
    <t>8415997.0</t>
  </si>
  <si>
    <t>3485515.0</t>
  </si>
  <si>
    <t>3119290.0</t>
  </si>
  <si>
    <t>1811192.0</t>
  </si>
  <si>
    <t>8449454.0</t>
  </si>
  <si>
    <t>3487798.0</t>
  </si>
  <si>
    <t>3123937.0</t>
  </si>
  <si>
    <t>1837719.0</t>
  </si>
  <si>
    <t>8484779.0</t>
  </si>
  <si>
    <t>3490333.0</t>
  </si>
  <si>
    <t>3128973.0</t>
  </si>
  <si>
    <t>1865473.0</t>
  </si>
  <si>
    <t>8517984.0</t>
  </si>
  <si>
    <t>3493065.0</t>
  </si>
  <si>
    <t>3133918.0</t>
  </si>
  <si>
    <t>1891001.0</t>
  </si>
  <si>
    <t>8538113.0</t>
  </si>
  <si>
    <t>3494917.0</t>
  </si>
  <si>
    <t>3137646.0</t>
  </si>
  <si>
    <t>1905550.0</t>
  </si>
  <si>
    <t>193.67</t>
  </si>
  <si>
    <t>8553279.0</t>
  </si>
  <si>
    <t>3140231.0</t>
  </si>
  <si>
    <t>1916862.0</t>
  </si>
  <si>
    <t>8581558.0</t>
  </si>
  <si>
    <t>3498561.0</t>
  </si>
  <si>
    <t>3144655.0</t>
  </si>
  <si>
    <t>1938342.0</t>
  </si>
  <si>
    <t>194.66</t>
  </si>
  <si>
    <t>8596144.0</t>
  </si>
  <si>
    <t>3500120.0</t>
  </si>
  <si>
    <t>3147019.0</t>
  </si>
  <si>
    <t>1949005.0</t>
  </si>
  <si>
    <t>8622442.0</t>
  </si>
  <si>
    <t>3503598.0</t>
  </si>
  <si>
    <t>3151403.0</t>
  </si>
  <si>
    <t>1967441.0</t>
  </si>
  <si>
    <t>8645001.0</t>
  </si>
  <si>
    <t>3507326.0</t>
  </si>
  <si>
    <t>3155231.0</t>
  </si>
  <si>
    <t>1982444.0</t>
  </si>
  <si>
    <t>8654073.0</t>
  </si>
  <si>
    <t>3509310.0</t>
  </si>
  <si>
    <t>3156571.0</t>
  </si>
  <si>
    <t>1988192.0</t>
  </si>
  <si>
    <t>196.3</t>
  </si>
  <si>
    <t>8671222.0</t>
  </si>
  <si>
    <t>3513104.0</t>
  </si>
  <si>
    <t>3159050.0</t>
  </si>
  <si>
    <t>1999068.0</t>
  </si>
  <si>
    <t>3514297.0</t>
  </si>
  <si>
    <t>3159760.0</t>
  </si>
  <si>
    <t>2000414.0</t>
  </si>
  <si>
    <t>8674471.0</t>
  </si>
  <si>
    <t>8688567.0</t>
  </si>
  <si>
    <t>3518414.0</t>
  </si>
  <si>
    <t>3162983.0</t>
  </si>
  <si>
    <t>2007170.0</t>
  </si>
  <si>
    <t>8696911.0</t>
  </si>
  <si>
    <t>3520586.0</t>
  </si>
  <si>
    <t>3164398.0</t>
  </si>
  <si>
    <t>2011927.0</t>
  </si>
  <si>
    <t>PNG</t>
  </si>
  <si>
    <t>Papua New Guinea</t>
  </si>
  <si>
    <t>16459.0</t>
  </si>
  <si>
    <t>30425.0</t>
  </si>
  <si>
    <t>49333.0</t>
  </si>
  <si>
    <t>83123.0</t>
  </si>
  <si>
    <t>74771.0</t>
  </si>
  <si>
    <t>100409.0</t>
  </si>
  <si>
    <t>83122.0</t>
  </si>
  <si>
    <t>113052.0</t>
  </si>
  <si>
    <t>91962.0</t>
  </si>
  <si>
    <t>28961.0</t>
  </si>
  <si>
    <t>102739.0</t>
  </si>
  <si>
    <t>154710.0</t>
  </si>
  <si>
    <t>114419.0</t>
  </si>
  <si>
    <t>165070.0</t>
  </si>
  <si>
    <t>119996.0</t>
  </si>
  <si>
    <t>194962.0</t>
  </si>
  <si>
    <t>133741.0</t>
  </si>
  <si>
    <t>61221.0</t>
  </si>
  <si>
    <t>290513.0</t>
  </si>
  <si>
    <t>183856.0</t>
  </si>
  <si>
    <t>106657.0</t>
  </si>
  <si>
    <t>435991.0</t>
  </si>
  <si>
    <t>254708.0</t>
  </si>
  <si>
    <t>181283.0</t>
  </si>
  <si>
    <t>467166.0</t>
  </si>
  <si>
    <t>269366.0</t>
  </si>
  <si>
    <t>197800.0</t>
  </si>
  <si>
    <t>498598.0</t>
  </si>
  <si>
    <t>282571.0</t>
  </si>
  <si>
    <t>504018.0</t>
  </si>
  <si>
    <t>283915.0</t>
  </si>
  <si>
    <t>220103.0</t>
  </si>
  <si>
    <t>510910.0</t>
  </si>
  <si>
    <t>286837.0</t>
  </si>
  <si>
    <t>224073.0</t>
  </si>
  <si>
    <t>515459.0</t>
  </si>
  <si>
    <t>288879.0</t>
  </si>
  <si>
    <t>516457.0</t>
  </si>
  <si>
    <t>289244.0</t>
  </si>
  <si>
    <t>227213.0</t>
  </si>
  <si>
    <t>521934.0</t>
  </si>
  <si>
    <t>291678.0</t>
  </si>
  <si>
    <t>230256.0</t>
  </si>
  <si>
    <t>522939.0</t>
  </si>
  <si>
    <t>292091.0</t>
  </si>
  <si>
    <t>530320.0</t>
  </si>
  <si>
    <t>234710.0</t>
  </si>
  <si>
    <t>534612.0</t>
  </si>
  <si>
    <t>297688.0</t>
  </si>
  <si>
    <t>236924.0</t>
  </si>
  <si>
    <t>25.042</t>
  </si>
  <si>
    <t>542857.0</t>
  </si>
  <si>
    <t>301838.0</t>
  </si>
  <si>
    <t>241019.0</t>
  </si>
  <si>
    <t>547855.0</t>
  </si>
  <si>
    <t>304082.0</t>
  </si>
  <si>
    <t>243773.0</t>
  </si>
  <si>
    <t>560915.0</t>
  </si>
  <si>
    <t>310659.0</t>
  </si>
  <si>
    <t>561863.0</t>
  </si>
  <si>
    <t>311111.0</t>
  </si>
  <si>
    <t>250752.0</t>
  </si>
  <si>
    <t>574716.0</t>
  </si>
  <si>
    <t>317150.0</t>
  </si>
  <si>
    <t>257566.0</t>
  </si>
  <si>
    <t>586000.0</t>
  </si>
  <si>
    <t>322687.0</t>
  </si>
  <si>
    <t>323345.0</t>
  </si>
  <si>
    <t>263995.0</t>
  </si>
  <si>
    <t>602174.0</t>
  </si>
  <si>
    <t>330825.0</t>
  </si>
  <si>
    <t>271349.0</t>
  </si>
  <si>
    <t>337243.0</t>
  </si>
  <si>
    <t>277913.0</t>
  </si>
  <si>
    <t>619590.0</t>
  </si>
  <si>
    <t>339482.0</t>
  </si>
  <si>
    <t>280108.0</t>
  </si>
  <si>
    <t>622452.0</t>
  </si>
  <si>
    <t>340894.0</t>
  </si>
  <si>
    <t>281558.0</t>
  </si>
  <si>
    <t>341307.0</t>
  </si>
  <si>
    <t>281948.0</t>
  </si>
  <si>
    <t>644840.0</t>
  </si>
  <si>
    <t>647736.0</t>
  </si>
  <si>
    <t>342244.0</t>
  </si>
  <si>
    <t>282810.0</t>
  </si>
  <si>
    <t>651602.0</t>
  </si>
  <si>
    <t>343925.0</t>
  </si>
  <si>
    <t>284475.0</t>
  </si>
  <si>
    <t>661244.0</t>
  </si>
  <si>
    <t>347753.0</t>
  </si>
  <si>
    <t>288304.0</t>
  </si>
  <si>
    <t>25187.0</t>
  </si>
  <si>
    <t>663717.0</t>
  </si>
  <si>
    <t>348859.0</t>
  </si>
  <si>
    <t>289316.0</t>
  </si>
  <si>
    <t>672183.0</t>
  </si>
  <si>
    <t>352536.0</t>
  </si>
  <si>
    <t>673966.0</t>
  </si>
  <si>
    <t>353277.0</t>
  </si>
  <si>
    <t>293579.0</t>
  </si>
  <si>
    <t>27110.0</t>
  </si>
  <si>
    <t>676996.0</t>
  </si>
  <si>
    <t>354597.0</t>
  </si>
  <si>
    <t>679200.0</t>
  </si>
  <si>
    <t>355562.0</t>
  </si>
  <si>
    <t>295700.0</t>
  </si>
  <si>
    <t>681413.0</t>
  </si>
  <si>
    <t>356545.0</t>
  </si>
  <si>
    <t>296607.0</t>
  </si>
  <si>
    <t>684024.0</t>
  </si>
  <si>
    <t>357694.0</t>
  </si>
  <si>
    <t>28516.0</t>
  </si>
  <si>
    <t>687220.0</t>
  </si>
  <si>
    <t>359043.0</t>
  </si>
  <si>
    <t>299124.0</t>
  </si>
  <si>
    <t>693524.0</t>
  </si>
  <si>
    <t>361900.0</t>
  </si>
  <si>
    <t>301769.0</t>
  </si>
  <si>
    <t>698357.0</t>
  </si>
  <si>
    <t>364090.0</t>
  </si>
  <si>
    <t>303884.0</t>
  </si>
  <si>
    <t>700257.0</t>
  </si>
  <si>
    <t>364894.0</t>
  </si>
  <si>
    <t>304687.0</t>
  </si>
  <si>
    <t>711981.0</t>
  </si>
  <si>
    <t>369998.0</t>
  </si>
  <si>
    <t>309599.0</t>
  </si>
  <si>
    <t>PRY</t>
  </si>
  <si>
    <t>Paraguay</t>
  </si>
  <si>
    <t>714.7</t>
  </si>
  <si>
    <t>105.401397634036</t>
  </si>
  <si>
    <t>621.8</t>
  </si>
  <si>
    <t>91.7008381822351</t>
  </si>
  <si>
    <t>22868.0</t>
  </si>
  <si>
    <t>23805.0</t>
  </si>
  <si>
    <t>29153.0</t>
  </si>
  <si>
    <t>50.7171409631243</t>
  </si>
  <si>
    <t>40032.0</t>
  </si>
  <si>
    <t>41702.0</t>
  </si>
  <si>
    <t>48729.0</t>
  </si>
  <si>
    <t>51178.0</t>
  </si>
  <si>
    <t>54278.0</t>
  </si>
  <si>
    <t>57895.0</t>
  </si>
  <si>
    <t>63974.0</t>
  </si>
  <si>
    <t>65605.0</t>
  </si>
  <si>
    <t>9.786</t>
  </si>
  <si>
    <t>66966.0</t>
  </si>
  <si>
    <t>68027.0</t>
  </si>
  <si>
    <t>69343.0</t>
  </si>
  <si>
    <t>-71.6</t>
  </si>
  <si>
    <t>-10.5593116980509</t>
  </si>
  <si>
    <t>70690.0</t>
  </si>
  <si>
    <t>10.545</t>
  </si>
  <si>
    <t>74088.0</t>
  </si>
  <si>
    <t>77879.0</t>
  </si>
  <si>
    <t>79365.0</t>
  </si>
  <si>
    <t>81441.0</t>
  </si>
  <si>
    <t>84991.0</t>
  </si>
  <si>
    <t>87203.0</t>
  </si>
  <si>
    <t>13.327</t>
  </si>
  <si>
    <t>91281.0</t>
  </si>
  <si>
    <t>92442.0</t>
  </si>
  <si>
    <t>94328.0</t>
  </si>
  <si>
    <t>96060.0</t>
  </si>
  <si>
    <t>98088.0</t>
  </si>
  <si>
    <t>100315.0</t>
  </si>
  <si>
    <t>105122.0</t>
  </si>
  <si>
    <t>106345.0</t>
  </si>
  <si>
    <t>108033.0</t>
  </si>
  <si>
    <t>16.115</t>
  </si>
  <si>
    <t>109874.0</t>
  </si>
  <si>
    <t>112039.0</t>
  </si>
  <si>
    <t>16.713</t>
  </si>
  <si>
    <t>114045.0</t>
  </si>
  <si>
    <t>17.012</t>
  </si>
  <si>
    <t>115906.0</t>
  </si>
  <si>
    <t>117562.0</t>
  </si>
  <si>
    <t>119256.0</t>
  </si>
  <si>
    <t>18.041</t>
  </si>
  <si>
    <t>18.322</t>
  </si>
  <si>
    <t>125361.0</t>
  </si>
  <si>
    <t>127610.0</t>
  </si>
  <si>
    <t>-345.7</t>
  </si>
  <si>
    <t>-50.9825985197792</t>
  </si>
  <si>
    <t>128709.0</t>
  </si>
  <si>
    <t>19.199</t>
  </si>
  <si>
    <t>19.351</t>
  </si>
  <si>
    <t>132111.0</t>
  </si>
  <si>
    <t>133822.0</t>
  </si>
  <si>
    <t>19.962</t>
  </si>
  <si>
    <t>136279.0</t>
  </si>
  <si>
    <t>20.329</t>
  </si>
  <si>
    <t>137300.0</t>
  </si>
  <si>
    <t>138415.0</t>
  </si>
  <si>
    <t>20.647</t>
  </si>
  <si>
    <t>140236.0</t>
  </si>
  <si>
    <t>20.919</t>
  </si>
  <si>
    <t>142394.0</t>
  </si>
  <si>
    <t>144517.0</t>
  </si>
  <si>
    <t>21.557</t>
  </si>
  <si>
    <t>146284.0</t>
  </si>
  <si>
    <t>149349.0</t>
  </si>
  <si>
    <t>22.278</t>
  </si>
  <si>
    <t>151427.0</t>
  </si>
  <si>
    <t>154392.0</t>
  </si>
  <si>
    <t>23.031</t>
  </si>
  <si>
    <t>156611.0</t>
  </si>
  <si>
    <t>23.362</t>
  </si>
  <si>
    <t>159666.0</t>
  </si>
  <si>
    <t>23.817</t>
  </si>
  <si>
    <t>162323.0</t>
  </si>
  <si>
    <t>166110.0</t>
  </si>
  <si>
    <t>24.778</t>
  </si>
  <si>
    <t>169260.0</t>
  </si>
  <si>
    <t>25.248</t>
  </si>
  <si>
    <t>171552.0</t>
  </si>
  <si>
    <t>173340.0</t>
  </si>
  <si>
    <t>25.857</t>
  </si>
  <si>
    <t>175652.0</t>
  </si>
  <si>
    <t>26.202</t>
  </si>
  <si>
    <t>177771.0</t>
  </si>
  <si>
    <t>180606.0</t>
  </si>
  <si>
    <t>26.941</t>
  </si>
  <si>
    <t>182791.0</t>
  </si>
  <si>
    <t>185921.0</t>
  </si>
  <si>
    <t>27.734</t>
  </si>
  <si>
    <t>188559.0</t>
  </si>
  <si>
    <t>190169.0</t>
  </si>
  <si>
    <t>28.367</t>
  </si>
  <si>
    <t>192465.0</t>
  </si>
  <si>
    <t>6.45946721193615</t>
  </si>
  <si>
    <t>195554.0</t>
  </si>
  <si>
    <t>198620.0</t>
  </si>
  <si>
    <t>204220.0</t>
  </si>
  <si>
    <t>30.463</t>
  </si>
  <si>
    <t>206483.0</t>
  </si>
  <si>
    <t>0.3011</t>
  </si>
  <si>
    <t>209202.0</t>
  </si>
  <si>
    <t>211956.0</t>
  </si>
  <si>
    <t>31.617</t>
  </si>
  <si>
    <t>214976.0</t>
  </si>
  <si>
    <t>217643.0</t>
  </si>
  <si>
    <t>32.466</t>
  </si>
  <si>
    <t>220293.0</t>
  </si>
  <si>
    <t>32.861</t>
  </si>
  <si>
    <t>223303.0</t>
  </si>
  <si>
    <t>227011.0</t>
  </si>
  <si>
    <t>33.863</t>
  </si>
  <si>
    <t>229992.0</t>
  </si>
  <si>
    <t>34.684</t>
  </si>
  <si>
    <t>235620.0</t>
  </si>
  <si>
    <t>239172.0</t>
  </si>
  <si>
    <t>35.677</t>
  </si>
  <si>
    <t>241837.0</t>
  </si>
  <si>
    <t>36.075</t>
  </si>
  <si>
    <t>245271.0</t>
  </si>
  <si>
    <t>250882.0</t>
  </si>
  <si>
    <t>37.731</t>
  </si>
  <si>
    <t>38.165</t>
  </si>
  <si>
    <t>258828.0</t>
  </si>
  <si>
    <t>261563.0</t>
  </si>
  <si>
    <t>39.017</t>
  </si>
  <si>
    <t>264031.0</t>
  </si>
  <si>
    <t>39.385</t>
  </si>
  <si>
    <t>267062.0</t>
  </si>
  <si>
    <t>39.837</t>
  </si>
  <si>
    <t>269710.0</t>
  </si>
  <si>
    <t>272494.0</t>
  </si>
  <si>
    <t>274555.0</t>
  </si>
  <si>
    <t>277492.0</t>
  </si>
  <si>
    <t>41.393</t>
  </si>
  <si>
    <t>648.7</t>
  </si>
  <si>
    <t>95.6679538900224</t>
  </si>
  <si>
    <t>280909.0</t>
  </si>
  <si>
    <t>283537.0</t>
  </si>
  <si>
    <t>286262.0</t>
  </si>
  <si>
    <t>288502.0</t>
  </si>
  <si>
    <t>43.036</t>
  </si>
  <si>
    <t>290507.0</t>
  </si>
  <si>
    <t>43.335</t>
  </si>
  <si>
    <t>293374.0</t>
  </si>
  <si>
    <t>43.762</t>
  </si>
  <si>
    <t>296536.0</t>
  </si>
  <si>
    <t>44.234</t>
  </si>
  <si>
    <t>299557.0</t>
  </si>
  <si>
    <t>45.147</t>
  </si>
  <si>
    <t>305552.0</t>
  </si>
  <si>
    <t>45.579</t>
  </si>
  <si>
    <t>308443.0</t>
  </si>
  <si>
    <t>311326.0</t>
  </si>
  <si>
    <t>314053.0</t>
  </si>
  <si>
    <t>46.847</t>
  </si>
  <si>
    <t>317084.0</t>
  </si>
  <si>
    <t>47.299</t>
  </si>
  <si>
    <t>320006.0</t>
  </si>
  <si>
    <t>47.735</t>
  </si>
  <si>
    <t>322978.0</t>
  </si>
  <si>
    <t>325909.0</t>
  </si>
  <si>
    <t>328600.0</t>
  </si>
  <si>
    <t>0.2504</t>
  </si>
  <si>
    <t>330854.0</t>
  </si>
  <si>
    <t>49.353</t>
  </si>
  <si>
    <t>49.805</t>
  </si>
  <si>
    <t>336639.0</t>
  </si>
  <si>
    <t>339477.0</t>
  </si>
  <si>
    <t>50.639</t>
  </si>
  <si>
    <t>342331.0</t>
  </si>
  <si>
    <t>51.065</t>
  </si>
  <si>
    <t>345336.0</t>
  </si>
  <si>
    <t>51.513</t>
  </si>
  <si>
    <t>347863.0</t>
  </si>
  <si>
    <t>350289.0</t>
  </si>
  <si>
    <t>52.252</t>
  </si>
  <si>
    <t>352711.0</t>
  </si>
  <si>
    <t>52.614</t>
  </si>
  <si>
    <t>355553.0</t>
  </si>
  <si>
    <t>53.038</t>
  </si>
  <si>
    <t>53.506</t>
  </si>
  <si>
    <t>361696.0</t>
  </si>
  <si>
    <t>53.954</t>
  </si>
  <si>
    <t>364557.0</t>
  </si>
  <si>
    <t>54.381</t>
  </si>
  <si>
    <t>1330.6</t>
  </si>
  <si>
    <t>196.232124936124</t>
  </si>
  <si>
    <t>367224.0</t>
  </si>
  <si>
    <t>54.778</t>
  </si>
  <si>
    <t>368759.0</t>
  </si>
  <si>
    <t>55.007</t>
  </si>
  <si>
    <t>371762.0</t>
  </si>
  <si>
    <t>55.455</t>
  </si>
  <si>
    <t>374486.0</t>
  </si>
  <si>
    <t>377309.0</t>
  </si>
  <si>
    <t>380237.0</t>
  </si>
  <si>
    <t>382872.0</t>
  </si>
  <si>
    <t>385453.0</t>
  </si>
  <si>
    <t>57.498</t>
  </si>
  <si>
    <t>387941.0</t>
  </si>
  <si>
    <t>57.869</t>
  </si>
  <si>
    <t>390180.0</t>
  </si>
  <si>
    <t>58.203</t>
  </si>
  <si>
    <t>392876.0</t>
  </si>
  <si>
    <t>395518.0</t>
  </si>
  <si>
    <t>58.999</t>
  </si>
  <si>
    <t>398428.0</t>
  </si>
  <si>
    <t>59.433</t>
  </si>
  <si>
    <t>401017.0</t>
  </si>
  <si>
    <t>405816.0</t>
  </si>
  <si>
    <t>60.535</t>
  </si>
  <si>
    <t>408717.0</t>
  </si>
  <si>
    <t>411727.0</t>
  </si>
  <si>
    <t>414988.0</t>
  </si>
  <si>
    <t>61.903</t>
  </si>
  <si>
    <t>420258.0</t>
  </si>
  <si>
    <t>423142.0</t>
  </si>
  <si>
    <t>63.531</t>
  </si>
  <si>
    <t>428912.0</t>
  </si>
  <si>
    <t>432048.0</t>
  </si>
  <si>
    <t>64.448</t>
  </si>
  <si>
    <t>435667.0</t>
  </si>
  <si>
    <t>439175.0</t>
  </si>
  <si>
    <t>65.511</t>
  </si>
  <si>
    <t>442832.0</t>
  </si>
  <si>
    <t>66.057</t>
  </si>
  <si>
    <t>445986.0</t>
  </si>
  <si>
    <t>66.527</t>
  </si>
  <si>
    <t>449057.0</t>
  </si>
  <si>
    <t>66.985</t>
  </si>
  <si>
    <t>1871.9</t>
  </si>
  <si>
    <t>276.06111127907</t>
  </si>
  <si>
    <t>452851.0</t>
  </si>
  <si>
    <t>67.551</t>
  </si>
  <si>
    <t>456916.0</t>
  </si>
  <si>
    <t>68.158</t>
  </si>
  <si>
    <t>461111.0</t>
  </si>
  <si>
    <t>465266.0</t>
  </si>
  <si>
    <t>469346.0</t>
  </si>
  <si>
    <t>70.012</t>
  </si>
  <si>
    <t>473438.0</t>
  </si>
  <si>
    <t>477350.0</t>
  </si>
  <si>
    <t>71.206</t>
  </si>
  <si>
    <t>71.777</t>
  </si>
  <si>
    <t>485100.0</t>
  </si>
  <si>
    <t>489070.0</t>
  </si>
  <si>
    <t>72.954</t>
  </si>
  <si>
    <t>493080.0</t>
  </si>
  <si>
    <t>73.552</t>
  </si>
  <si>
    <t>500744.0</t>
  </si>
  <si>
    <t>74.696</t>
  </si>
  <si>
    <t>75.224</t>
  </si>
  <si>
    <t>507794.0</t>
  </si>
  <si>
    <t>75.747</t>
  </si>
  <si>
    <t>511518.0</t>
  </si>
  <si>
    <t>76.303</t>
  </si>
  <si>
    <t>515145.0</t>
  </si>
  <si>
    <t>76.844</t>
  </si>
  <si>
    <t>519025.0</t>
  </si>
  <si>
    <t>77.423</t>
  </si>
  <si>
    <t>522786.0</t>
  </si>
  <si>
    <t>77.984</t>
  </si>
  <si>
    <t>526030.0</t>
  </si>
  <si>
    <t>78.467</t>
  </si>
  <si>
    <t>529713.0</t>
  </si>
  <si>
    <t>79.017</t>
  </si>
  <si>
    <t>533281.0</t>
  </si>
  <si>
    <t>536830.0</t>
  </si>
  <si>
    <t>80.078</t>
  </si>
  <si>
    <t>540457.0</t>
  </si>
  <si>
    <t>544368.0</t>
  </si>
  <si>
    <t>546113.0</t>
  </si>
  <si>
    <t>81.463</t>
  </si>
  <si>
    <t>548263.0</t>
  </si>
  <si>
    <t>81.784</t>
  </si>
  <si>
    <t>551190.0</t>
  </si>
  <si>
    <t>82.221</t>
  </si>
  <si>
    <t>554487.0</t>
  </si>
  <si>
    <t>82.712</t>
  </si>
  <si>
    <t>557115.0</t>
  </si>
  <si>
    <t>83.104</t>
  </si>
  <si>
    <t>560389.0</t>
  </si>
  <si>
    <t>391.903839474866</t>
  </si>
  <si>
    <t>563496.0</t>
  </si>
  <si>
    <t>84.056</t>
  </si>
  <si>
    <t>564536.0</t>
  </si>
  <si>
    <t>565803.0</t>
  </si>
  <si>
    <t>568371.0</t>
  </si>
  <si>
    <t>84.783</t>
  </si>
  <si>
    <t>571215.0</t>
  </si>
  <si>
    <t>85.208</t>
  </si>
  <si>
    <t>574226.0</t>
  </si>
  <si>
    <t>85.657</t>
  </si>
  <si>
    <t>577229.0</t>
  </si>
  <si>
    <t>86.105</t>
  </si>
  <si>
    <t>0.2924</t>
  </si>
  <si>
    <t>580486.0</t>
  </si>
  <si>
    <t>86.591</t>
  </si>
  <si>
    <t>583633.0</t>
  </si>
  <si>
    <t>586641.0</t>
  </si>
  <si>
    <t>0.3196</t>
  </si>
  <si>
    <t>589122.0</t>
  </si>
  <si>
    <t>87.879</t>
  </si>
  <si>
    <t>592028.0</t>
  </si>
  <si>
    <t>88.312</t>
  </si>
  <si>
    <t>595147.0</t>
  </si>
  <si>
    <t>88.778</t>
  </si>
  <si>
    <t>598304.0</t>
  </si>
  <si>
    <t>601411.0</t>
  </si>
  <si>
    <t>89.712</t>
  </si>
  <si>
    <t>604813.0</t>
  </si>
  <si>
    <t>90.219</t>
  </si>
  <si>
    <t>607933.0</t>
  </si>
  <si>
    <t>90.685</t>
  </si>
  <si>
    <t>611068.0</t>
  </si>
  <si>
    <t>614307.0</t>
  </si>
  <si>
    <t>617756.0</t>
  </si>
  <si>
    <t>620988.0</t>
  </si>
  <si>
    <t>92.632</t>
  </si>
  <si>
    <t>624400.0</t>
  </si>
  <si>
    <t>93.141</t>
  </si>
  <si>
    <t>627544.0</t>
  </si>
  <si>
    <t>630431.0</t>
  </si>
  <si>
    <t>94.041</t>
  </si>
  <si>
    <t>633148.0</t>
  </si>
  <si>
    <t>94.446</t>
  </si>
  <si>
    <t>636309.0</t>
  </si>
  <si>
    <t>94.918</t>
  </si>
  <si>
    <t>639724.0</t>
  </si>
  <si>
    <t>95.427</t>
  </si>
  <si>
    <t>642837.0</t>
  </si>
  <si>
    <t>95.891</t>
  </si>
  <si>
    <t>646112.0</t>
  </si>
  <si>
    <t>649353.0</t>
  </si>
  <si>
    <t>96.863</t>
  </si>
  <si>
    <t>652585.0</t>
  </si>
  <si>
    <t>97.346</t>
  </si>
  <si>
    <t>3087.7</t>
  </si>
  <si>
    <t>455.362943157426</t>
  </si>
  <si>
    <t>655988.0</t>
  </si>
  <si>
    <t>97.853</t>
  </si>
  <si>
    <t>659416.0</t>
  </si>
  <si>
    <t>98.365</t>
  </si>
  <si>
    <t>662774.0</t>
  </si>
  <si>
    <t>98.865</t>
  </si>
  <si>
    <t>99.386</t>
  </si>
  <si>
    <t>669834.0</t>
  </si>
  <si>
    <t>99.919</t>
  </si>
  <si>
    <t>673381.0</t>
  </si>
  <si>
    <t>100.448</t>
  </si>
  <si>
    <t>676388.0</t>
  </si>
  <si>
    <t>100.896</t>
  </si>
  <si>
    <t>679391.0</t>
  </si>
  <si>
    <t>101.344</t>
  </si>
  <si>
    <t>682930.0</t>
  </si>
  <si>
    <t>101.872</t>
  </si>
  <si>
    <t>686479.0</t>
  </si>
  <si>
    <t>102.401</t>
  </si>
  <si>
    <t>690273.0</t>
  </si>
  <si>
    <t>102.967</t>
  </si>
  <si>
    <t>693803.0</t>
  </si>
  <si>
    <t>103.494</t>
  </si>
  <si>
    <t>697289.0</t>
  </si>
  <si>
    <t>104.014</t>
  </si>
  <si>
    <t>700763.0</t>
  </si>
  <si>
    <t>704206.0</t>
  </si>
  <si>
    <t>105.046</t>
  </si>
  <si>
    <t>707825.0</t>
  </si>
  <si>
    <t>105.586</t>
  </si>
  <si>
    <t>711598.0</t>
  </si>
  <si>
    <t>106.148</t>
  </si>
  <si>
    <t>715394.0</t>
  </si>
  <si>
    <t>106.715</t>
  </si>
  <si>
    <t>719097.0</t>
  </si>
  <si>
    <t>722710.0</t>
  </si>
  <si>
    <t>107.806</t>
  </si>
  <si>
    <t>726464.0</t>
  </si>
  <si>
    <t>108.366</t>
  </si>
  <si>
    <t>730141.0</t>
  </si>
  <si>
    <t>108.915</t>
  </si>
  <si>
    <t>733880.0</t>
  </si>
  <si>
    <t>737189.0</t>
  </si>
  <si>
    <t>109.966</t>
  </si>
  <si>
    <t>740683.0</t>
  </si>
  <si>
    <t>110.487</t>
  </si>
  <si>
    <t>744256.0</t>
  </si>
  <si>
    <t>747788.0</t>
  </si>
  <si>
    <t>111.547</t>
  </si>
  <si>
    <t>751580.0</t>
  </si>
  <si>
    <t>112.113</t>
  </si>
  <si>
    <t>569.406459024783</t>
  </si>
  <si>
    <t>755315.0</t>
  </si>
  <si>
    <t>758778.0</t>
  </si>
  <si>
    <t>113.186</t>
  </si>
  <si>
    <t>762329.0</t>
  </si>
  <si>
    <t>765860.0</t>
  </si>
  <si>
    <t>114.243</t>
  </si>
  <si>
    <t>769674.0</t>
  </si>
  <si>
    <t>114.812</t>
  </si>
  <si>
    <t>773499.0</t>
  </si>
  <si>
    <t>115.382</t>
  </si>
  <si>
    <t>777612.0</t>
  </si>
  <si>
    <t>115.996</t>
  </si>
  <si>
    <t>781914.0</t>
  </si>
  <si>
    <t>116.637</t>
  </si>
  <si>
    <t>786623.0</t>
  </si>
  <si>
    <t>791260.0</t>
  </si>
  <si>
    <t>118.032</t>
  </si>
  <si>
    <t>0.3851</t>
  </si>
  <si>
    <t>796343.0</t>
  </si>
  <si>
    <t>801372.0</t>
  </si>
  <si>
    <t>806333.0</t>
  </si>
  <si>
    <t>811175.0</t>
  </si>
  <si>
    <t>121.002</t>
  </si>
  <si>
    <t>816272.0</t>
  </si>
  <si>
    <t>821390.0</t>
  </si>
  <si>
    <t>122.526</t>
  </si>
  <si>
    <t>826577.0</t>
  </si>
  <si>
    <t>832387.0</t>
  </si>
  <si>
    <t>125.067</t>
  </si>
  <si>
    <t>844443.0</t>
  </si>
  <si>
    <t>125.965</t>
  </si>
  <si>
    <t>850448.0</t>
  </si>
  <si>
    <t>856518.0</t>
  </si>
  <si>
    <t>127.766</t>
  </si>
  <si>
    <t>862546.0</t>
  </si>
  <si>
    <t>868920.0</t>
  </si>
  <si>
    <t>129.616</t>
  </si>
  <si>
    <t>875024.0</t>
  </si>
  <si>
    <t>130.527</t>
  </si>
  <si>
    <t>881133.0</t>
  </si>
  <si>
    <t>131.438</t>
  </si>
  <si>
    <t>34261.0</t>
  </si>
  <si>
    <t>887540.0</t>
  </si>
  <si>
    <t>132.394</t>
  </si>
  <si>
    <t>38279.0</t>
  </si>
  <si>
    <t>36623.0</t>
  </si>
  <si>
    <t>894017.0</t>
  </si>
  <si>
    <t>39227.0</t>
  </si>
  <si>
    <t>900108.0</t>
  </si>
  <si>
    <t>134.268</t>
  </si>
  <si>
    <t>40837.0</t>
  </si>
  <si>
    <t>135.232</t>
  </si>
  <si>
    <t>43203.0</t>
  </si>
  <si>
    <t>912738.0</t>
  </si>
  <si>
    <t>136.152</t>
  </si>
  <si>
    <t>5838.3</t>
  </si>
  <si>
    <t>861.011585010202</t>
  </si>
  <si>
    <t>918749.0</t>
  </si>
  <si>
    <t>137.049</t>
  </si>
  <si>
    <t>44597.0</t>
  </si>
  <si>
    <t>924560.0</t>
  </si>
  <si>
    <t>137.916</t>
  </si>
  <si>
    <t>930339.0</t>
  </si>
  <si>
    <t>138.778</t>
  </si>
  <si>
    <t>46728.0</t>
  </si>
  <si>
    <t>935347.0</t>
  </si>
  <si>
    <t>139.525</t>
  </si>
  <si>
    <t>46731.0</t>
  </si>
  <si>
    <t>940486.0</t>
  </si>
  <si>
    <t>140.291</t>
  </si>
  <si>
    <t>45449.0</t>
  </si>
  <si>
    <t>945488.0</t>
  </si>
  <si>
    <t>141.038</t>
  </si>
  <si>
    <t>47970.0</t>
  </si>
  <si>
    <t>46034.0</t>
  </si>
  <si>
    <t>951204.0</t>
  </si>
  <si>
    <t>957015.0</t>
  </si>
  <si>
    <t>142.757</t>
  </si>
  <si>
    <t>51527.0</t>
  </si>
  <si>
    <t>47276.0</t>
  </si>
  <si>
    <t>962973.0</t>
  </si>
  <si>
    <t>47506.0</t>
  </si>
  <si>
    <t>969030.0</t>
  </si>
  <si>
    <t>144.549</t>
  </si>
  <si>
    <t>975173.0</t>
  </si>
  <si>
    <t>145.466</t>
  </si>
  <si>
    <t>57754.0</t>
  </si>
  <si>
    <t>981667.0</t>
  </si>
  <si>
    <t>146.434</t>
  </si>
  <si>
    <t>0.3613</t>
  </si>
  <si>
    <t>52974.0</t>
  </si>
  <si>
    <t>147.384</t>
  </si>
  <si>
    <t>994694.0</t>
  </si>
  <si>
    <t>148.378</t>
  </si>
  <si>
    <t>1001144.0</t>
  </si>
  <si>
    <t>85894.0</t>
  </si>
  <si>
    <t>150.309</t>
  </si>
  <si>
    <t>0.3283</t>
  </si>
  <si>
    <t>79757.0</t>
  </si>
  <si>
    <t>1013975.0</t>
  </si>
  <si>
    <t>92691.0</t>
  </si>
  <si>
    <t>80943.0</t>
  </si>
  <si>
    <t>1020099.0</t>
  </si>
  <si>
    <t>152.167</t>
  </si>
  <si>
    <t>0.3311</t>
  </si>
  <si>
    <t>93056.0</t>
  </si>
  <si>
    <t>1026611.0</t>
  </si>
  <si>
    <t>95615.0</t>
  </si>
  <si>
    <t>83706.0</t>
  </si>
  <si>
    <t>1033121.0</t>
  </si>
  <si>
    <t>97806.0</t>
  </si>
  <si>
    <t>85804.0</t>
  </si>
  <si>
    <t>1039543.0</t>
  </si>
  <si>
    <t>155.068</t>
  </si>
  <si>
    <t>99599.0</t>
  </si>
  <si>
    <t>1045964.0</t>
  </si>
  <si>
    <t>156.026</t>
  </si>
  <si>
    <t>89140.0</t>
  </si>
  <si>
    <t>1052373.0</t>
  </si>
  <si>
    <t>156.982</t>
  </si>
  <si>
    <t>102677.0</t>
  </si>
  <si>
    <t>90452.0</t>
  </si>
  <si>
    <t>1058932.0</t>
  </si>
  <si>
    <t>90665.0</t>
  </si>
  <si>
    <t>1065348.0</t>
  </si>
  <si>
    <t>158.917</t>
  </si>
  <si>
    <t>1071628.0</t>
  </si>
  <si>
    <t>159.854</t>
  </si>
  <si>
    <t>0.3756</t>
  </si>
  <si>
    <t>91798.0</t>
  </si>
  <si>
    <t>1078022.0</t>
  </si>
  <si>
    <t>160.808</t>
  </si>
  <si>
    <t>1084482.0</t>
  </si>
  <si>
    <t>161.771</t>
  </si>
  <si>
    <t>0.3664</t>
  </si>
  <si>
    <t>116585.0</t>
  </si>
  <si>
    <t>104157.0</t>
  </si>
  <si>
    <t>1090883.0</t>
  </si>
  <si>
    <t>162.726</t>
  </si>
  <si>
    <t>126375.0</t>
  </si>
  <si>
    <t>113900.0</t>
  </si>
  <si>
    <t>1096899.0</t>
  </si>
  <si>
    <t>163.623</t>
  </si>
  <si>
    <t>134680.0</t>
  </si>
  <si>
    <t>122149.0</t>
  </si>
  <si>
    <t>9527.8</t>
  </si>
  <si>
    <t>1405.12583794259</t>
  </si>
  <si>
    <t>1102966.0</t>
  </si>
  <si>
    <t>164.529</t>
  </si>
  <si>
    <t>122837.0</t>
  </si>
  <si>
    <t>1109029.0</t>
  </si>
  <si>
    <t>165.433</t>
  </si>
  <si>
    <t>123367.0</t>
  </si>
  <si>
    <t>1115040.0</t>
  </si>
  <si>
    <t>166.33</t>
  </si>
  <si>
    <t>143597.0</t>
  </si>
  <si>
    <t>130891.0</t>
  </si>
  <si>
    <t>1121146.0</t>
  </si>
  <si>
    <t>151011.0</t>
  </si>
  <si>
    <t>1127176.0</t>
  </si>
  <si>
    <t>158538.0</t>
  </si>
  <si>
    <t>145155.0</t>
  </si>
  <si>
    <t>1133263.0</t>
  </si>
  <si>
    <t>169.048</t>
  </si>
  <si>
    <t>164978.0</t>
  </si>
  <si>
    <t>151266.0</t>
  </si>
  <si>
    <t>1139282.0</t>
  </si>
  <si>
    <t>169.946</t>
  </si>
  <si>
    <t>170832.0</t>
  </si>
  <si>
    <t>1145457.0</t>
  </si>
  <si>
    <t>170.867</t>
  </si>
  <si>
    <t>171954.0</t>
  </si>
  <si>
    <t>1151594.0</t>
  </si>
  <si>
    <t>171.782</t>
  </si>
  <si>
    <t>1157638.0</t>
  </si>
  <si>
    <t>172.684</t>
  </si>
  <si>
    <t>184880.0</t>
  </si>
  <si>
    <t>167888.0</t>
  </si>
  <si>
    <t>1163726.0</t>
  </si>
  <si>
    <t>173.592</t>
  </si>
  <si>
    <t>0.3615</t>
  </si>
  <si>
    <t>199199.0</t>
  </si>
  <si>
    <t>178491.0</t>
  </si>
  <si>
    <t>1170009.0</t>
  </si>
  <si>
    <t>174.529</t>
  </si>
  <si>
    <t>0.3716</t>
  </si>
  <si>
    <t>214439.0</t>
  </si>
  <si>
    <t>1176090.0</t>
  </si>
  <si>
    <t>175.436</t>
  </si>
  <si>
    <t>1182097.0</t>
  </si>
  <si>
    <t>176.332</t>
  </si>
  <si>
    <t>0.3598</t>
  </si>
  <si>
    <t>242213.0</t>
  </si>
  <si>
    <t>210050.0</t>
  </si>
  <si>
    <t>1188127.0</t>
  </si>
  <si>
    <t>177.232</t>
  </si>
  <si>
    <t>244012.0</t>
  </si>
  <si>
    <t>211543.0</t>
  </si>
  <si>
    <t>1194218.0</t>
  </si>
  <si>
    <t>246156.0</t>
  </si>
  <si>
    <t>1200285.0</t>
  </si>
  <si>
    <t>179.045</t>
  </si>
  <si>
    <t>258364.0</t>
  </si>
  <si>
    <t>218439.0</t>
  </si>
  <si>
    <t>1206306.0</t>
  </si>
  <si>
    <t>179.944</t>
  </si>
  <si>
    <t>0.3802</t>
  </si>
  <si>
    <t>279316.0</t>
  </si>
  <si>
    <t>233904.0</t>
  </si>
  <si>
    <t>1212369.0</t>
  </si>
  <si>
    <t>180.848</t>
  </si>
  <si>
    <t>0.3811</t>
  </si>
  <si>
    <t>299231.0</t>
  </si>
  <si>
    <t>248488.0</t>
  </si>
  <si>
    <t>50743.0</t>
  </si>
  <si>
    <t>1218480.0</t>
  </si>
  <si>
    <t>181.76</t>
  </si>
  <si>
    <t>0.3917</t>
  </si>
  <si>
    <t>318803.0</t>
  </si>
  <si>
    <t>263215.0</t>
  </si>
  <si>
    <t>55588.0</t>
  </si>
  <si>
    <t>1224536.0</t>
  </si>
  <si>
    <t>182.663</t>
  </si>
  <si>
    <t>275830.0</t>
  </si>
  <si>
    <t>1230991.0</t>
  </si>
  <si>
    <t>183.626</t>
  </si>
  <si>
    <t>344560.0</t>
  </si>
  <si>
    <t>283602.0</t>
  </si>
  <si>
    <t>1237606.0</t>
  </si>
  <si>
    <t>184.613</t>
  </si>
  <si>
    <t>0.4482</t>
  </si>
  <si>
    <t>344679.0</t>
  </si>
  <si>
    <t>283654.0</t>
  </si>
  <si>
    <t>1244558.0</t>
  </si>
  <si>
    <t>353582.0</t>
  </si>
  <si>
    <t>287675.0</t>
  </si>
  <si>
    <t>13603.0</t>
  </si>
  <si>
    <t>1251551.0</t>
  </si>
  <si>
    <t>186.693</t>
  </si>
  <si>
    <t>0.4567</t>
  </si>
  <si>
    <t>364261.0</t>
  </si>
  <si>
    <t>294151.0</t>
  </si>
  <si>
    <t>1258781.0</t>
  </si>
  <si>
    <t>187.771</t>
  </si>
  <si>
    <t>305812.0</t>
  </si>
  <si>
    <t>74145.0</t>
  </si>
  <si>
    <t>1266647.0</t>
  </si>
  <si>
    <t>188.945</t>
  </si>
  <si>
    <t>398806.0</t>
  </si>
  <si>
    <t>320259.0</t>
  </si>
  <si>
    <t>1274734.0</t>
  </si>
  <si>
    <t>190.151</t>
  </si>
  <si>
    <t>414365.0</t>
  </si>
  <si>
    <t>330058.0</t>
  </si>
  <si>
    <t>84307.0</t>
  </si>
  <si>
    <t>1282629.0</t>
  </si>
  <si>
    <t>191.329</t>
  </si>
  <si>
    <t>417613.0</t>
  </si>
  <si>
    <t>332235.0</t>
  </si>
  <si>
    <t>85378.0</t>
  </si>
  <si>
    <t>1291135.0</t>
  </si>
  <si>
    <t>192.598</t>
  </si>
  <si>
    <t>418574.0</t>
  </si>
  <si>
    <t>332938.0</t>
  </si>
  <si>
    <t>85636.0</t>
  </si>
  <si>
    <t>1299535.0</t>
  </si>
  <si>
    <t>193.851</t>
  </si>
  <si>
    <t>436936.0</t>
  </si>
  <si>
    <t>346729.0</t>
  </si>
  <si>
    <t>14166.3</t>
  </si>
  <si>
    <t>2089.19521380025</t>
  </si>
  <si>
    <t>1307841.0</t>
  </si>
  <si>
    <t>453294.0</t>
  </si>
  <si>
    <t>360295.0</t>
  </si>
  <si>
    <t>92999.0</t>
  </si>
  <si>
    <t>1316492.0</t>
  </si>
  <si>
    <t>196.38</t>
  </si>
  <si>
    <t>468574.0</t>
  </si>
  <si>
    <t>373592.0</t>
  </si>
  <si>
    <t>94982.0</t>
  </si>
  <si>
    <t>1325147.0</t>
  </si>
  <si>
    <t>197.671</t>
  </si>
  <si>
    <t>484707.0</t>
  </si>
  <si>
    <t>386347.0</t>
  </si>
  <si>
    <t>98360.0</t>
  </si>
  <si>
    <t>1333790.0</t>
  </si>
  <si>
    <t>500838.0</t>
  </si>
  <si>
    <t>398836.0</t>
  </si>
  <si>
    <t>1342561.0</t>
  </si>
  <si>
    <t>200.269</t>
  </si>
  <si>
    <t>506340.0</t>
  </si>
  <si>
    <t>403710.0</t>
  </si>
  <si>
    <t>12675.0</t>
  </si>
  <si>
    <t>1349905.0</t>
  </si>
  <si>
    <t>201.364</t>
  </si>
  <si>
    <t>0.3484</t>
  </si>
  <si>
    <t>507894.0</t>
  </si>
  <si>
    <t>405089.0</t>
  </si>
  <si>
    <t>523447.0</t>
  </si>
  <si>
    <t>416263.0</t>
  </si>
  <si>
    <t>107184.0</t>
  </si>
  <si>
    <t>1367622.0</t>
  </si>
  <si>
    <t>204.007</t>
  </si>
  <si>
    <t>0.3494</t>
  </si>
  <si>
    <t>536151.0</t>
  </si>
  <si>
    <t>426608.0</t>
  </si>
  <si>
    <t>109543.0</t>
  </si>
  <si>
    <t>1377203.0</t>
  </si>
  <si>
    <t>205.436</t>
  </si>
  <si>
    <t>0.3425</t>
  </si>
  <si>
    <t>548438.0</t>
  </si>
  <si>
    <t>437075.0</t>
  </si>
  <si>
    <t>1386559.0</t>
  </si>
  <si>
    <t>563565.0</t>
  </si>
  <si>
    <t>447697.0</t>
  </si>
  <si>
    <t>115868.0</t>
  </si>
  <si>
    <t>1395817.0</t>
  </si>
  <si>
    <t>208.213</t>
  </si>
  <si>
    <t>579647.0</t>
  </si>
  <si>
    <t>458631.0</t>
  </si>
  <si>
    <t>1402863.0</t>
  </si>
  <si>
    <t>603497.0</t>
  </si>
  <si>
    <t>482316.0</t>
  </si>
  <si>
    <t>1409915.0</t>
  </si>
  <si>
    <t>210.316</t>
  </si>
  <si>
    <t>629791.0</t>
  </si>
  <si>
    <t>508483.0</t>
  </si>
  <si>
    <t>121308.0</t>
  </si>
  <si>
    <t>1416713.0</t>
  </si>
  <si>
    <t>211.33</t>
  </si>
  <si>
    <t>657479.0</t>
  </si>
  <si>
    <t>531792.0</t>
  </si>
  <si>
    <t>125687.0</t>
  </si>
  <si>
    <t>1424029.0</t>
  </si>
  <si>
    <t>212.421</t>
  </si>
  <si>
    <t>681847.0</t>
  </si>
  <si>
    <t>554310.0</t>
  </si>
  <si>
    <t>24368.0</t>
  </si>
  <si>
    <t>1432538.0</t>
  </si>
  <si>
    <t>702008.0</t>
  </si>
  <si>
    <t>573008.0</t>
  </si>
  <si>
    <t>1441255.0</t>
  </si>
  <si>
    <t>214.991</t>
  </si>
  <si>
    <t>730179.0</t>
  </si>
  <si>
    <t>599615.0</t>
  </si>
  <si>
    <t>28171.0</t>
  </si>
  <si>
    <t>1449901.0</t>
  </si>
  <si>
    <t>216.281</t>
  </si>
  <si>
    <t>0.2904</t>
  </si>
  <si>
    <t>751509.0</t>
  </si>
  <si>
    <t>617542.0</t>
  </si>
  <si>
    <t>133967.0</t>
  </si>
  <si>
    <t>21330.0</t>
  </si>
  <si>
    <t>1458092.0</t>
  </si>
  <si>
    <t>217.502</t>
  </si>
  <si>
    <t>756172.0</t>
  </si>
  <si>
    <t>622180.0</t>
  </si>
  <si>
    <t>133992.0</t>
  </si>
  <si>
    <t>1465334.0</t>
  </si>
  <si>
    <t>218.583</t>
  </si>
  <si>
    <t>757066.0</t>
  </si>
  <si>
    <t>623063.0</t>
  </si>
  <si>
    <t>134003.0</t>
  </si>
  <si>
    <t>1471855.0</t>
  </si>
  <si>
    <t>219.555</t>
  </si>
  <si>
    <t>783408.0</t>
  </si>
  <si>
    <t>646521.0</t>
  </si>
  <si>
    <t>1478904.0</t>
  </si>
  <si>
    <t>220.607</t>
  </si>
  <si>
    <t>809524.0</t>
  </si>
  <si>
    <t>671003.0</t>
  </si>
  <si>
    <t>1486121.0</t>
  </si>
  <si>
    <t>221.683</t>
  </si>
  <si>
    <t>836174.0</t>
  </si>
  <si>
    <t>696866.0</t>
  </si>
  <si>
    <t>139308.0</t>
  </si>
  <si>
    <t>1493460.0</t>
  </si>
  <si>
    <t>222.778</t>
  </si>
  <si>
    <t>699873.0</t>
  </si>
  <si>
    <t>1499508.0</t>
  </si>
  <si>
    <t>865093.0</t>
  </si>
  <si>
    <t>700656.0</t>
  </si>
  <si>
    <t>164437.0</t>
  </si>
  <si>
    <t>1505933.0</t>
  </si>
  <si>
    <t>224.639</t>
  </si>
  <si>
    <t>871066.0</t>
  </si>
  <si>
    <t>706492.0</t>
  </si>
  <si>
    <t>164574.0</t>
  </si>
  <si>
    <t>1512398.0</t>
  </si>
  <si>
    <t>225.603</t>
  </si>
  <si>
    <t>873949.0</t>
  </si>
  <si>
    <t>709332.0</t>
  </si>
  <si>
    <t>1518419.0</t>
  </si>
  <si>
    <t>226.501</t>
  </si>
  <si>
    <t>897683.0</t>
  </si>
  <si>
    <t>731924.0</t>
  </si>
  <si>
    <t>1524646.0</t>
  </si>
  <si>
    <t>917170.0</t>
  </si>
  <si>
    <t>750863.0</t>
  </si>
  <si>
    <t>166307.0</t>
  </si>
  <si>
    <t>1531089.0</t>
  </si>
  <si>
    <t>228.391</t>
  </si>
  <si>
    <t>936503.0</t>
  </si>
  <si>
    <t>769709.0</t>
  </si>
  <si>
    <t>166794.0</t>
  </si>
  <si>
    <t>18168.2</t>
  </si>
  <si>
    <t>2679.3811004543</t>
  </si>
  <si>
    <t>1537473.0</t>
  </si>
  <si>
    <t>229.344</t>
  </si>
  <si>
    <t>965924.0</t>
  </si>
  <si>
    <t>770460.0</t>
  </si>
  <si>
    <t>195464.0</t>
  </si>
  <si>
    <t>1543476.0</t>
  </si>
  <si>
    <t>985554.0</t>
  </si>
  <si>
    <t>771023.0</t>
  </si>
  <si>
    <t>1548008.0</t>
  </si>
  <si>
    <t>230.915</t>
  </si>
  <si>
    <t>1017969.0</t>
  </si>
  <si>
    <t>803343.0</t>
  </si>
  <si>
    <t>214626.0</t>
  </si>
  <si>
    <t>1552136.0</t>
  </si>
  <si>
    <t>231.531</t>
  </si>
  <si>
    <t>1060147.0</t>
  </si>
  <si>
    <t>845514.0</t>
  </si>
  <si>
    <t>214633.0</t>
  </si>
  <si>
    <t>42178.0</t>
  </si>
  <si>
    <t>26600.0</t>
  </si>
  <si>
    <t>1556309.0</t>
  </si>
  <si>
    <t>232.153</t>
  </si>
  <si>
    <t>1101032.0</t>
  </si>
  <si>
    <t>885836.0</t>
  </si>
  <si>
    <t>215196.0</t>
  </si>
  <si>
    <t>1561850.0</t>
  </si>
  <si>
    <t>232.98</t>
  </si>
  <si>
    <t>1152330.0</t>
  </si>
  <si>
    <t>936454.0</t>
  </si>
  <si>
    <t>215876.0</t>
  </si>
  <si>
    <t>33594.0</t>
  </si>
  <si>
    <t>1567722.0</t>
  </si>
  <si>
    <t>233.856</t>
  </si>
  <si>
    <t>1209588.0</t>
  </si>
  <si>
    <t>992979.0</t>
  </si>
  <si>
    <t>216609.0</t>
  </si>
  <si>
    <t>57258.0</t>
  </si>
  <si>
    <t>39012.0</t>
  </si>
  <si>
    <t>1573541.0</t>
  </si>
  <si>
    <t>234.724</t>
  </si>
  <si>
    <t>1227517.0</t>
  </si>
  <si>
    <t>994692.0</t>
  </si>
  <si>
    <t>232825.0</t>
  </si>
  <si>
    <t>37370.0</t>
  </si>
  <si>
    <t>32033.0</t>
  </si>
  <si>
    <t>1579448.0</t>
  </si>
  <si>
    <t>235.605</t>
  </si>
  <si>
    <t>1245458.0</t>
  </si>
  <si>
    <t>995472.0</t>
  </si>
  <si>
    <t>249986.0</t>
  </si>
  <si>
    <t>32064.0</t>
  </si>
  <si>
    <t>1585294.0</t>
  </si>
  <si>
    <t>236.477</t>
  </si>
  <si>
    <t>1246075.0</t>
  </si>
  <si>
    <t>995950.0</t>
  </si>
  <si>
    <t>250125.0</t>
  </si>
  <si>
    <t>32587.0</t>
  </si>
  <si>
    <t>27515.0</t>
  </si>
  <si>
    <t>1590966.0</t>
  </si>
  <si>
    <t>237.323</t>
  </si>
  <si>
    <t>1246213.0</t>
  </si>
  <si>
    <t>996085.0</t>
  </si>
  <si>
    <t>250128.0</t>
  </si>
  <si>
    <t>1595340.0</t>
  </si>
  <si>
    <t>237.976</t>
  </si>
  <si>
    <t>1346377.0</t>
  </si>
  <si>
    <t>1095999.0</t>
  </si>
  <si>
    <t>250378.0</t>
  </si>
  <si>
    <t>1600849.0</t>
  </si>
  <si>
    <t>238.797</t>
  </si>
  <si>
    <t>1453983.0</t>
  </si>
  <si>
    <t>1203249.0</t>
  </si>
  <si>
    <t>250734.0</t>
  </si>
  <si>
    <t>38114.0</t>
  </si>
  <si>
    <t>1606871.0</t>
  </si>
  <si>
    <t>239.696</t>
  </si>
  <si>
    <t>1570665.0</t>
  </si>
  <si>
    <t>1319448.0</t>
  </si>
  <si>
    <t>251217.0</t>
  </si>
  <si>
    <t>116682.0</t>
  </si>
  <si>
    <t>51582.0</t>
  </si>
  <si>
    <t>46638.0</t>
  </si>
  <si>
    <t>1612634.0</t>
  </si>
  <si>
    <t>1661158.0</t>
  </si>
  <si>
    <t>1408998.0</t>
  </si>
  <si>
    <t>252160.0</t>
  </si>
  <si>
    <t>90493.0</t>
  </si>
  <si>
    <t>59187.0</t>
  </si>
  <si>
    <t>1618360.0</t>
  </si>
  <si>
    <t>241.409</t>
  </si>
  <si>
    <t>1740542.0</t>
  </si>
  <si>
    <t>1487544.0</t>
  </si>
  <si>
    <t>252998.0</t>
  </si>
  <si>
    <t>79384.0</t>
  </si>
  <si>
    <t>70296.0</t>
  </si>
  <si>
    <t>1623800.0</t>
  </si>
  <si>
    <t>242.221</t>
  </si>
  <si>
    <t>1757174.0</t>
  </si>
  <si>
    <t>1493341.0</t>
  </si>
  <si>
    <t>263833.0</t>
  </si>
  <si>
    <t>73014.0</t>
  </si>
  <si>
    <t>1627829.0</t>
  </si>
  <si>
    <t>242.822</t>
  </si>
  <si>
    <t>1764680.0</t>
  </si>
  <si>
    <t>1497901.0</t>
  </si>
  <si>
    <t>74067.0</t>
  </si>
  <si>
    <t>71688.0</t>
  </si>
  <si>
    <t>1631836.0</t>
  </si>
  <si>
    <t>1860944.0</t>
  </si>
  <si>
    <t>1593135.0</t>
  </si>
  <si>
    <t>267809.0</t>
  </si>
  <si>
    <t>96264.0</t>
  </si>
  <si>
    <t>73510.0</t>
  </si>
  <si>
    <t>71019.0</t>
  </si>
  <si>
    <t>1636089.0</t>
  </si>
  <si>
    <t>244.054</t>
  </si>
  <si>
    <t>1911936.0</t>
  </si>
  <si>
    <t>1643323.0</t>
  </si>
  <si>
    <t>268613.0</t>
  </si>
  <si>
    <t>50992.0</t>
  </si>
  <si>
    <t>1640501.0</t>
  </si>
  <si>
    <t>244.712</t>
  </si>
  <si>
    <t>2045055.0</t>
  </si>
  <si>
    <t>1775384.0</t>
  </si>
  <si>
    <t>269671.0</t>
  </si>
  <si>
    <t>1644769.0</t>
  </si>
  <si>
    <t>245.349</t>
  </si>
  <si>
    <t>2186151.0</t>
  </si>
  <si>
    <t>1915003.0</t>
  </si>
  <si>
    <t>271148.0</t>
  </si>
  <si>
    <t>141096.0</t>
  </si>
  <si>
    <t>72286.0</t>
  </si>
  <si>
    <t>1649005.0</t>
  </si>
  <si>
    <t>245.981</t>
  </si>
  <si>
    <t>2239190.0</t>
  </si>
  <si>
    <t>1965251.0</t>
  </si>
  <si>
    <t>273939.0</t>
  </si>
  <si>
    <t>53039.0</t>
  </si>
  <si>
    <t>1653235.0</t>
  </si>
  <si>
    <t>246.612</t>
  </si>
  <si>
    <t>2288891.0</t>
  </si>
  <si>
    <t>1976012.0</t>
  </si>
  <si>
    <t>312879.0</t>
  </si>
  <si>
    <t>49701.0</t>
  </si>
  <si>
    <t>1657253.0</t>
  </si>
  <si>
    <t>247.211</t>
  </si>
  <si>
    <t>2308046.0</t>
  </si>
  <si>
    <t>1987264.0</t>
  </si>
  <si>
    <t>320782.0</t>
  </si>
  <si>
    <t>77624.0</t>
  </si>
  <si>
    <t>69909.0</t>
  </si>
  <si>
    <t>1661726.0</t>
  </si>
  <si>
    <t>247.878</t>
  </si>
  <si>
    <t>2427296.0</t>
  </si>
  <si>
    <t>2105679.0</t>
  </si>
  <si>
    <t>321617.0</t>
  </si>
  <si>
    <t>119250.0</t>
  </si>
  <si>
    <t>73221.0</t>
  </si>
  <si>
    <t>1666085.0</t>
  </si>
  <si>
    <t>248.528</t>
  </si>
  <si>
    <t>2521582.0</t>
  </si>
  <si>
    <t>2199592.0</t>
  </si>
  <si>
    <t>321990.0</t>
  </si>
  <si>
    <t>94286.0</t>
  </si>
  <si>
    <t>87092.0</t>
  </si>
  <si>
    <t>79467.0</t>
  </si>
  <si>
    <t>249.19</t>
  </si>
  <si>
    <t>2593193.0</t>
  </si>
  <si>
    <t>2270698.0</t>
  </si>
  <si>
    <t>322495.0</t>
  </si>
  <si>
    <t>71611.0</t>
  </si>
  <si>
    <t>78305.0</t>
  </si>
  <si>
    <t>11548.0</t>
  </si>
  <si>
    <t>70759.0</t>
  </si>
  <si>
    <t>1674841.0</t>
  </si>
  <si>
    <t>249.835</t>
  </si>
  <si>
    <t>2607031.0</t>
  </si>
  <si>
    <t>2274966.0</t>
  </si>
  <si>
    <t>332065.0</t>
  </si>
  <si>
    <t>60126.0</t>
  </si>
  <si>
    <t>1678128.0</t>
  </si>
  <si>
    <t>250.325</t>
  </si>
  <si>
    <t>2615642.0</t>
  </si>
  <si>
    <t>2276969.0</t>
  </si>
  <si>
    <t>338673.0</t>
  </si>
  <si>
    <t>53779.0</t>
  </si>
  <si>
    <t>44531.0</t>
  </si>
  <si>
    <t>1681435.0</t>
  </si>
  <si>
    <t>250.818</t>
  </si>
  <si>
    <t>2616835.0</t>
  </si>
  <si>
    <t>2277822.0</t>
  </si>
  <si>
    <t>339013.0</t>
  </si>
  <si>
    <t>43116.0</t>
  </si>
  <si>
    <t>20010.5</t>
  </si>
  <si>
    <t>2951.0769096906</t>
  </si>
  <si>
    <t>1684944.0</t>
  </si>
  <si>
    <t>251.342</t>
  </si>
  <si>
    <t>2616866.0</t>
  </si>
  <si>
    <t>2277833.0</t>
  </si>
  <si>
    <t>339033.0</t>
  </si>
  <si>
    <t>1688370.0</t>
  </si>
  <si>
    <t>251.853</t>
  </si>
  <si>
    <t>2688388.0</t>
  </si>
  <si>
    <t>2278302.0</t>
  </si>
  <si>
    <t>410086.0</t>
  </si>
  <si>
    <t>1691833.0</t>
  </si>
  <si>
    <t>252.369</t>
  </si>
  <si>
    <t>2754431.0</t>
  </si>
  <si>
    <t>2279251.0</t>
  </si>
  <si>
    <t>475180.0</t>
  </si>
  <si>
    <t>66043.0</t>
  </si>
  <si>
    <t>1695912.0</t>
  </si>
  <si>
    <t>252.978</t>
  </si>
  <si>
    <t>2841656.0</t>
  </si>
  <si>
    <t>2279409.0</t>
  </si>
  <si>
    <t>562247.0</t>
  </si>
  <si>
    <t>87225.0</t>
  </si>
  <si>
    <t>35495.0</t>
  </si>
  <si>
    <t>1699774.0</t>
  </si>
  <si>
    <t>253.554</t>
  </si>
  <si>
    <t>2908588.0</t>
  </si>
  <si>
    <t>2279555.0</t>
  </si>
  <si>
    <t>629033.0</t>
  </si>
  <si>
    <t>66932.0</t>
  </si>
  <si>
    <t>1703333.0</t>
  </si>
  <si>
    <t>254.085</t>
  </si>
  <si>
    <t>2957986.0</t>
  </si>
  <si>
    <t>2279880.0</t>
  </si>
  <si>
    <t>678106.0</t>
  </si>
  <si>
    <t>1706615.0</t>
  </si>
  <si>
    <t>254.574</t>
  </si>
  <si>
    <t>3017146.0</t>
  </si>
  <si>
    <t>2280059.0</t>
  </si>
  <si>
    <t>737087.0</t>
  </si>
  <si>
    <t>59160.0</t>
  </si>
  <si>
    <t>1709757.0</t>
  </si>
  <si>
    <t>255.043</t>
  </si>
  <si>
    <t>3038751.0</t>
  </si>
  <si>
    <t>2280079.0</t>
  </si>
  <si>
    <t>758672.0</t>
  </si>
  <si>
    <t>1712785.0</t>
  </si>
  <si>
    <t>255.495</t>
  </si>
  <si>
    <t>3100348.0</t>
  </si>
  <si>
    <t>2280910.0</t>
  </si>
  <si>
    <t>819438.0</t>
  </si>
  <si>
    <t>1716053.0</t>
  </si>
  <si>
    <t>255.982</t>
  </si>
  <si>
    <t>3136259.0</t>
  </si>
  <si>
    <t>2281572.0</t>
  </si>
  <si>
    <t>854687.0</t>
  </si>
  <si>
    <t>35911.0</t>
  </si>
  <si>
    <t>1719323.0</t>
  </si>
  <si>
    <t>256.47</t>
  </si>
  <si>
    <t>3242292.0</t>
  </si>
  <si>
    <t>2281936.0</t>
  </si>
  <si>
    <t>960356.0</t>
  </si>
  <si>
    <t>106033.0</t>
  </si>
  <si>
    <t>1722876.0</t>
  </si>
  <si>
    <t>3358681.0</t>
  </si>
  <si>
    <t>2281997.0</t>
  </si>
  <si>
    <t>1076684.0</t>
  </si>
  <si>
    <t>116389.0</t>
  </si>
  <si>
    <t>64299.0</t>
  </si>
  <si>
    <t>257.517</t>
  </si>
  <si>
    <t>3435784.0</t>
  </si>
  <si>
    <t>2282030.0</t>
  </si>
  <si>
    <t>1153754.0</t>
  </si>
  <si>
    <t>77103.0</t>
  </si>
  <si>
    <t>68257.0</t>
  </si>
  <si>
    <t>1729622.0</t>
  </si>
  <si>
    <t>258.006</t>
  </si>
  <si>
    <t>3515083.0</t>
  </si>
  <si>
    <t>2282052.0</t>
  </si>
  <si>
    <t>1233031.0</t>
  </si>
  <si>
    <t>79299.0</t>
  </si>
  <si>
    <t>1732665.0</t>
  </si>
  <si>
    <t>258.46</t>
  </si>
  <si>
    <t>2282078.0</t>
  </si>
  <si>
    <t>1277907.0</t>
  </si>
  <si>
    <t>74462.0</t>
  </si>
  <si>
    <t>1735571.0</t>
  </si>
  <si>
    <t>258.894</t>
  </si>
  <si>
    <t>3675208.0</t>
  </si>
  <si>
    <t>2282093.0</t>
  </si>
  <si>
    <t>1393115.0</t>
  </si>
  <si>
    <t>115223.0</t>
  </si>
  <si>
    <t>82123.0</t>
  </si>
  <si>
    <t>1738859.0</t>
  </si>
  <si>
    <t>259.384</t>
  </si>
  <si>
    <t>3770345.0</t>
  </si>
  <si>
    <t>2282193.0</t>
  </si>
  <si>
    <t>1488152.0</t>
  </si>
  <si>
    <t>1742340.0</t>
  </si>
  <si>
    <t>259.903</t>
  </si>
  <si>
    <t>3850053.0</t>
  </si>
  <si>
    <t>1567808.0</t>
  </si>
  <si>
    <t>79708.0</t>
  </si>
  <si>
    <t>86823.0</t>
  </si>
  <si>
    <t>1745899.0</t>
  </si>
  <si>
    <t>260.434</t>
  </si>
  <si>
    <t>2282263.0</t>
  </si>
  <si>
    <t>1582326.0</t>
  </si>
  <si>
    <t>1749176.0</t>
  </si>
  <si>
    <t>3875222.0</t>
  </si>
  <si>
    <t>2282298.0</t>
  </si>
  <si>
    <t>1592924.0</t>
  </si>
  <si>
    <t>62777.0</t>
  </si>
  <si>
    <t>1752429.0</t>
  </si>
  <si>
    <t>261.408</t>
  </si>
  <si>
    <t>3876055.0</t>
  </si>
  <si>
    <t>2282300.0</t>
  </si>
  <si>
    <t>1593755.0</t>
  </si>
  <si>
    <t>1755151.0</t>
  </si>
  <si>
    <t>261.814</t>
  </si>
  <si>
    <t>3876106.0</t>
  </si>
  <si>
    <t>1593806.0</t>
  </si>
  <si>
    <t>1758340.0</t>
  </si>
  <si>
    <t>3885177.0</t>
  </si>
  <si>
    <t>2282354.0</t>
  </si>
  <si>
    <t>1602823.0</t>
  </si>
  <si>
    <t>1761465.0</t>
  </si>
  <si>
    <t>262.756</t>
  </si>
  <si>
    <t>3896898.0</t>
  </si>
  <si>
    <t>2282527.0</t>
  </si>
  <si>
    <t>1614371.0</t>
  </si>
  <si>
    <t>1764591.0</t>
  </si>
  <si>
    <t>263.223</t>
  </si>
  <si>
    <t>3914416.0</t>
  </si>
  <si>
    <t>2282798.0</t>
  </si>
  <si>
    <t>1631618.0</t>
  </si>
  <si>
    <t>1767627.0</t>
  </si>
  <si>
    <t>3961197.0</t>
  </si>
  <si>
    <t>2282871.0</t>
  </si>
  <si>
    <t>1678326.0</t>
  </si>
  <si>
    <t>46781.0</t>
  </si>
  <si>
    <t>1770633.0</t>
  </si>
  <si>
    <t>264.124</t>
  </si>
  <si>
    <t>4013624.0</t>
  </si>
  <si>
    <t>2284778.0</t>
  </si>
  <si>
    <t>1728846.0</t>
  </si>
  <si>
    <t>1773634.0</t>
  </si>
  <si>
    <t>264.571</t>
  </si>
  <si>
    <t>4014209.0</t>
  </si>
  <si>
    <t>2285028.0</t>
  </si>
  <si>
    <t>1729181.0</t>
  </si>
  <si>
    <t>1775497.0</t>
  </si>
  <si>
    <t>264.849</t>
  </si>
  <si>
    <t>4014226.0</t>
  </si>
  <si>
    <t>2285036.0</t>
  </si>
  <si>
    <t>1729190.0</t>
  </si>
  <si>
    <t>1777535.0</t>
  </si>
  <si>
    <t>265.153</t>
  </si>
  <si>
    <t>4036572.0</t>
  </si>
  <si>
    <t>2285429.0</t>
  </si>
  <si>
    <t>1751143.0</t>
  </si>
  <si>
    <t>1779725.0</t>
  </si>
  <si>
    <t>265.48</t>
  </si>
  <si>
    <t>4059098.0</t>
  </si>
  <si>
    <t>2285695.0</t>
  </si>
  <si>
    <t>1773403.0</t>
  </si>
  <si>
    <t>20661.4</t>
  </si>
  <si>
    <t>3047.06931170543</t>
  </si>
  <si>
    <t>1781972.0</t>
  </si>
  <si>
    <t>265.815</t>
  </si>
  <si>
    <t>4083148.0</t>
  </si>
  <si>
    <t>2285829.0</t>
  </si>
  <si>
    <t>1797319.0</t>
  </si>
  <si>
    <t>1784309.0</t>
  </si>
  <si>
    <t>266.164</t>
  </si>
  <si>
    <t>4085003.0</t>
  </si>
  <si>
    <t>2285863.0</t>
  </si>
  <si>
    <t>1799140.0</t>
  </si>
  <si>
    <t>1786641.0</t>
  </si>
  <si>
    <t>266.512</t>
  </si>
  <si>
    <t>4089382.0</t>
  </si>
  <si>
    <t>2286067.0</t>
  </si>
  <si>
    <t>1803315.0</t>
  </si>
  <si>
    <t>1788926.0</t>
  </si>
  <si>
    <t>266.853</t>
  </si>
  <si>
    <t>4095680.0</t>
  </si>
  <si>
    <t>2286112.0</t>
  </si>
  <si>
    <t>1809568.0</t>
  </si>
  <si>
    <t>1791211.0</t>
  </si>
  <si>
    <t>267.193</t>
  </si>
  <si>
    <t>4095681.0</t>
  </si>
  <si>
    <t>1809569.0</t>
  </si>
  <si>
    <t>1793500.0</t>
  </si>
  <si>
    <t>267.535</t>
  </si>
  <si>
    <t>1795707.0</t>
  </si>
  <si>
    <t>267.864</t>
  </si>
  <si>
    <t>1797987.0</t>
  </si>
  <si>
    <t>268.204</t>
  </si>
  <si>
    <t>1800275.0</t>
  </si>
  <si>
    <t>268.545</t>
  </si>
  <si>
    <t>17509.0</t>
  </si>
  <si>
    <t>1802534.0</t>
  </si>
  <si>
    <t>268.882</t>
  </si>
  <si>
    <t>4271051.0</t>
  </si>
  <si>
    <t>2439006.0</t>
  </si>
  <si>
    <t>1832045.0</t>
  </si>
  <si>
    <t>21848.0</t>
  </si>
  <si>
    <t>1804768.0</t>
  </si>
  <si>
    <t>269.216</t>
  </si>
  <si>
    <t>1806934.0</t>
  </si>
  <si>
    <t>269.539</t>
  </si>
  <si>
    <t>30366.0</t>
  </si>
  <si>
    <t>26413.0</t>
  </si>
  <si>
    <t>1809101.0</t>
  </si>
  <si>
    <t>269.862</t>
  </si>
  <si>
    <t>28012.0</t>
  </si>
  <si>
    <t>1811363.0</t>
  </si>
  <si>
    <t>270.199</t>
  </si>
  <si>
    <t>1813580.0</t>
  </si>
  <si>
    <t>270.53</t>
  </si>
  <si>
    <t>1815812.0</t>
  </si>
  <si>
    <t>270.863</t>
  </si>
  <si>
    <t>1817987.0</t>
  </si>
  <si>
    <t>271.188</t>
  </si>
  <si>
    <t>4401222.0</t>
  </si>
  <si>
    <t>2550991.0</t>
  </si>
  <si>
    <t>1850231.0</t>
  </si>
  <si>
    <t>1820227.0</t>
  </si>
  <si>
    <t>271.522</t>
  </si>
  <si>
    <t>1822351.0</t>
  </si>
  <si>
    <t>271.839</t>
  </si>
  <si>
    <t>1824428.0</t>
  </si>
  <si>
    <t>272.148</t>
  </si>
  <si>
    <t>1826481.0</t>
  </si>
  <si>
    <t>272.455</t>
  </si>
  <si>
    <t>1828610.0</t>
  </si>
  <si>
    <t>272.772</t>
  </si>
  <si>
    <t>1830774.0</t>
  </si>
  <si>
    <t>273.095</t>
  </si>
  <si>
    <t>1832870.0</t>
  </si>
  <si>
    <t>273.408</t>
  </si>
  <si>
    <t>4477723.0</t>
  </si>
  <si>
    <t>2615841.0</t>
  </si>
  <si>
    <t>1861882.0</t>
  </si>
  <si>
    <t>1834921.0</t>
  </si>
  <si>
    <t>273.714</t>
  </si>
  <si>
    <t>4488153.0</t>
  </si>
  <si>
    <t>2621847.0</t>
  </si>
  <si>
    <t>1866306.0</t>
  </si>
  <si>
    <t>1836931.0</t>
  </si>
  <si>
    <t>274.013</t>
  </si>
  <si>
    <t>1838879.0</t>
  </si>
  <si>
    <t>274.304</t>
  </si>
  <si>
    <t>1840792.0</t>
  </si>
  <si>
    <t>274.589</t>
  </si>
  <si>
    <t>1842521.0</t>
  </si>
  <si>
    <t>274.847</t>
  </si>
  <si>
    <t>17319.0</t>
  </si>
  <si>
    <t>1844201.0</t>
  </si>
  <si>
    <t>275.098</t>
  </si>
  <si>
    <t>20753.7</t>
  </si>
  <si>
    <t>3060.68138530501</t>
  </si>
  <si>
    <t>1845984.0</t>
  </si>
  <si>
    <t>275.364</t>
  </si>
  <si>
    <t>4640590.0</t>
  </si>
  <si>
    <t>2766899.0</t>
  </si>
  <si>
    <t>1873691.0</t>
  </si>
  <si>
    <t>1847780.0</t>
  </si>
  <si>
    <t>275.632</t>
  </si>
  <si>
    <t>1849603.0</t>
  </si>
  <si>
    <t>275.904</t>
  </si>
  <si>
    <t>20196.0</t>
  </si>
  <si>
    <t>1851409.0</t>
  </si>
  <si>
    <t>276.173</t>
  </si>
  <si>
    <t>1853279.0</t>
  </si>
  <si>
    <t>276.452</t>
  </si>
  <si>
    <t>1855207.0</t>
  </si>
  <si>
    <t>1857094.0</t>
  </si>
  <si>
    <t>277.021</t>
  </si>
  <si>
    <t>1859093.0</t>
  </si>
  <si>
    <t>277.319</t>
  </si>
  <si>
    <t>4836914.0</t>
  </si>
  <si>
    <t>2838640.0</t>
  </si>
  <si>
    <t>1998274.0</t>
  </si>
  <si>
    <t>1860922.0</t>
  </si>
  <si>
    <t>277.592</t>
  </si>
  <si>
    <t>1862715.0</t>
  </si>
  <si>
    <t>277.86</t>
  </si>
  <si>
    <t>1864414.0</t>
  </si>
  <si>
    <t>278.113</t>
  </si>
  <si>
    <t>1866178.0</t>
  </si>
  <si>
    <t>278.376</t>
  </si>
  <si>
    <t>1868049.0</t>
  </si>
  <si>
    <t>278.655</t>
  </si>
  <si>
    <t>1869910.0</t>
  </si>
  <si>
    <t>278.933</t>
  </si>
  <si>
    <t>1871670.0</t>
  </si>
  <si>
    <t>279.195</t>
  </si>
  <si>
    <t>4926677.0</t>
  </si>
  <si>
    <t>2868610.0</t>
  </si>
  <si>
    <t>2058067.0</t>
  </si>
  <si>
    <t>1873541.0</t>
  </si>
  <si>
    <t>279.475</t>
  </si>
  <si>
    <t>1875322.0</t>
  </si>
  <si>
    <t>279.74</t>
  </si>
  <si>
    <t>1877032.0</t>
  </si>
  <si>
    <t>279.995</t>
  </si>
  <si>
    <t>21926.0</t>
  </si>
  <si>
    <t>1878790.0</t>
  </si>
  <si>
    <t>280.258</t>
  </si>
  <si>
    <t>24960.0</t>
  </si>
  <si>
    <t>1880702.0</t>
  </si>
  <si>
    <t>1882456.0</t>
  </si>
  <si>
    <t>280.804</t>
  </si>
  <si>
    <t>1884340.0</t>
  </si>
  <si>
    <t>5165112.0</t>
  </si>
  <si>
    <t>1886129.0</t>
  </si>
  <si>
    <t>281.352</t>
  </si>
  <si>
    <t>31740.0</t>
  </si>
  <si>
    <t>1887942.0</t>
  </si>
  <si>
    <t>281.623</t>
  </si>
  <si>
    <t>29419.0</t>
  </si>
  <si>
    <t>1889725.0</t>
  </si>
  <si>
    <t>281.889</t>
  </si>
  <si>
    <t>1891514.0</t>
  </si>
  <si>
    <t>282.156</t>
  </si>
  <si>
    <t>1893422.0</t>
  </si>
  <si>
    <t>282.44</t>
  </si>
  <si>
    <t>1895235.0</t>
  </si>
  <si>
    <t>282.711</t>
  </si>
  <si>
    <t>1897157.0</t>
  </si>
  <si>
    <t>282.997</t>
  </si>
  <si>
    <t>5289785.0</t>
  </si>
  <si>
    <t>2919121.0</t>
  </si>
  <si>
    <t>2361819.0</t>
  </si>
  <si>
    <t>1898994.0</t>
  </si>
  <si>
    <t>283.271</t>
  </si>
  <si>
    <t>1900815.0</t>
  </si>
  <si>
    <t>283.543</t>
  </si>
  <si>
    <t>3085.35419043188</t>
  </si>
  <si>
    <t>1902640.0</t>
  </si>
  <si>
    <t>283.815</t>
  </si>
  <si>
    <t>1904355.0</t>
  </si>
  <si>
    <t>284.071</t>
  </si>
  <si>
    <t>1906226.0</t>
  </si>
  <si>
    <t>284.35</t>
  </si>
  <si>
    <t>1908147.0</t>
  </si>
  <si>
    <t>284.637</t>
  </si>
  <si>
    <t>1910036.0</t>
  </si>
  <si>
    <t>284.918</t>
  </si>
  <si>
    <t>5316775.0</t>
  </si>
  <si>
    <t>2927343.0</t>
  </si>
  <si>
    <t>2380170.0</t>
  </si>
  <si>
    <t>1911959.0</t>
  </si>
  <si>
    <t>285.205</t>
  </si>
  <si>
    <t>1913804.0</t>
  </si>
  <si>
    <t>285.481</t>
  </si>
  <si>
    <t>1915595.0</t>
  </si>
  <si>
    <t>285.748</t>
  </si>
  <si>
    <t>28490.0</t>
  </si>
  <si>
    <t>16166.0</t>
  </si>
  <si>
    <t>1917443.0</t>
  </si>
  <si>
    <t>286.023</t>
  </si>
  <si>
    <t>1919322.0</t>
  </si>
  <si>
    <t>286.304</t>
  </si>
  <si>
    <t>1921216.0</t>
  </si>
  <si>
    <t>286.586</t>
  </si>
  <si>
    <t>31157.0</t>
  </si>
  <si>
    <t>1923115.0</t>
  </si>
  <si>
    <t>286.869</t>
  </si>
  <si>
    <t>5746121.0</t>
  </si>
  <si>
    <t>3180418.0</t>
  </si>
  <si>
    <t>2508250.0</t>
  </si>
  <si>
    <t>57453.0</t>
  </si>
  <si>
    <t>36154.0</t>
  </si>
  <si>
    <t>1925040.0</t>
  </si>
  <si>
    <t>287.157</t>
  </si>
  <si>
    <t>1926974.0</t>
  </si>
  <si>
    <t>287.445</t>
  </si>
  <si>
    <t>1928818.0</t>
  </si>
  <si>
    <t>1930650.0</t>
  </si>
  <si>
    <t>287.993</t>
  </si>
  <si>
    <t>40634.0</t>
  </si>
  <si>
    <t>23578.0</t>
  </si>
  <si>
    <t>1932508.0</t>
  </si>
  <si>
    <t>288.271</t>
  </si>
  <si>
    <t>1934355.0</t>
  </si>
  <si>
    <t>1936226.0</t>
  </si>
  <si>
    <t>288.825</t>
  </si>
  <si>
    <t>5921882.0</t>
  </si>
  <si>
    <t>3279439.0</t>
  </si>
  <si>
    <t>2557956.0</t>
  </si>
  <si>
    <t>1938114.0</t>
  </si>
  <si>
    <t>289.107</t>
  </si>
  <si>
    <t>1939975.0</t>
  </si>
  <si>
    <t>289.384</t>
  </si>
  <si>
    <t>1941809.0</t>
  </si>
  <si>
    <t>289.658</t>
  </si>
  <si>
    <t>1943738.0</t>
  </si>
  <si>
    <t>289.946</t>
  </si>
  <si>
    <t>1945935.0</t>
  </si>
  <si>
    <t>290.273</t>
  </si>
  <si>
    <t>1948177.0</t>
  </si>
  <si>
    <t>290.608</t>
  </si>
  <si>
    <t>1950576.0</t>
  </si>
  <si>
    <t>290.966</t>
  </si>
  <si>
    <t>1953055.0</t>
  </si>
  <si>
    <t>291.336</t>
  </si>
  <si>
    <t>1955385.0</t>
  </si>
  <si>
    <t>291.683</t>
  </si>
  <si>
    <t>1957692.0</t>
  </si>
  <si>
    <t>292.027</t>
  </si>
  <si>
    <t>6060065.0</t>
  </si>
  <si>
    <t>3344594.0</t>
  </si>
  <si>
    <t>2612265.0</t>
  </si>
  <si>
    <t>103206.0</t>
  </si>
  <si>
    <t>1960158.0</t>
  </si>
  <si>
    <t>292.395</t>
  </si>
  <si>
    <t>21190.7</t>
  </si>
  <si>
    <t>3125.128581004</t>
  </si>
  <si>
    <t>1962746.0</t>
  </si>
  <si>
    <t>1965268.0</t>
  </si>
  <si>
    <t>293.157</t>
  </si>
  <si>
    <t>1967899.0</t>
  </si>
  <si>
    <t>293.55</t>
  </si>
  <si>
    <t>6216388.0</t>
  </si>
  <si>
    <t>3395632.0</t>
  </si>
  <si>
    <t>2703605.0</t>
  </si>
  <si>
    <t>117151.0</t>
  </si>
  <si>
    <t>1970516.0</t>
  </si>
  <si>
    <t>293.94</t>
  </si>
  <si>
    <t>1973205.0</t>
  </si>
  <si>
    <t>294.341</t>
  </si>
  <si>
    <t>1975810.0</t>
  </si>
  <si>
    <t>294.73</t>
  </si>
  <si>
    <t>1978695.0</t>
  </si>
  <si>
    <t>295.16</t>
  </si>
  <si>
    <t>25586.0</t>
  </si>
  <si>
    <t>1981489.0</t>
  </si>
  <si>
    <t>295.577</t>
  </si>
  <si>
    <t>1984290.0</t>
  </si>
  <si>
    <t>295.995</t>
  </si>
  <si>
    <t>1987168.0</t>
  </si>
  <si>
    <t>296.424</t>
  </si>
  <si>
    <t>6324638.0</t>
  </si>
  <si>
    <t>3414571.0</t>
  </si>
  <si>
    <t>2768880.0</t>
  </si>
  <si>
    <t>141187.0</t>
  </si>
  <si>
    <t>1989980.0</t>
  </si>
  <si>
    <t>296.844</t>
  </si>
  <si>
    <t>16625.0</t>
  </si>
  <si>
    <t>1992845.0</t>
  </si>
  <si>
    <t>297.271</t>
  </si>
  <si>
    <t>1995524.0</t>
  </si>
  <si>
    <t>297.671</t>
  </si>
  <si>
    <t>18946.0</t>
  </si>
  <si>
    <t>1998397.0</t>
  </si>
  <si>
    <t>298.099</t>
  </si>
  <si>
    <t>2000960.0</t>
  </si>
  <si>
    <t>21268.0</t>
  </si>
  <si>
    <t>2003502.0</t>
  </si>
  <si>
    <t>298.861</t>
  </si>
  <si>
    <t>2006088.0</t>
  </si>
  <si>
    <t>299.246</t>
  </si>
  <si>
    <t>6489760.0</t>
  </si>
  <si>
    <t>3444261.0</t>
  </si>
  <si>
    <t>2871213.0</t>
  </si>
  <si>
    <t>2008801.0</t>
  </si>
  <si>
    <t>299.651</t>
  </si>
  <si>
    <t>300.03</t>
  </si>
  <si>
    <t>2013842.0</t>
  </si>
  <si>
    <t>300.403</t>
  </si>
  <si>
    <t>2016401.0</t>
  </si>
  <si>
    <t>300.785</t>
  </si>
  <si>
    <t>2019120.0</t>
  </si>
  <si>
    <t>2021915.0</t>
  </si>
  <si>
    <t>301.607</t>
  </si>
  <si>
    <t>6640918.0</t>
  </si>
  <si>
    <t>3456659.0</t>
  </si>
  <si>
    <t>2909472.0</t>
  </si>
  <si>
    <t>274787.0</t>
  </si>
  <si>
    <t>97.94</t>
  </si>
  <si>
    <t>2024716.0</t>
  </si>
  <si>
    <t>302.025</t>
  </si>
  <si>
    <t>2027528.0</t>
  </si>
  <si>
    <t>302.445</t>
  </si>
  <si>
    <t>27171.0</t>
  </si>
  <si>
    <t>2030302.0</t>
  </si>
  <si>
    <t>302.858</t>
  </si>
  <si>
    <t>2033163.0</t>
  </si>
  <si>
    <t>303.285</t>
  </si>
  <si>
    <t>2036172.0</t>
  </si>
  <si>
    <t>303.734</t>
  </si>
  <si>
    <t>30138.0</t>
  </si>
  <si>
    <t>2039385.0</t>
  </si>
  <si>
    <t>304.213</t>
  </si>
  <si>
    <t>6833614.0</t>
  </si>
  <si>
    <t>3469821.0</t>
  </si>
  <si>
    <t>2948027.0</t>
  </si>
  <si>
    <t>415766.0</t>
  </si>
  <si>
    <t>100.78</t>
  </si>
  <si>
    <t>2043847.0</t>
  </si>
  <si>
    <t>304.879</t>
  </si>
  <si>
    <t>2048822.0</t>
  </si>
  <si>
    <t>305.621</t>
  </si>
  <si>
    <t>21740.6</t>
  </si>
  <si>
    <t>3206.22586456208</t>
  </si>
  <si>
    <t>2053004.0</t>
  </si>
  <si>
    <t>306.245</t>
  </si>
  <si>
    <t>2057272.0</t>
  </si>
  <si>
    <t>306.882</t>
  </si>
  <si>
    <t>2061745.0</t>
  </si>
  <si>
    <t>307.549</t>
  </si>
  <si>
    <t>2066324.0</t>
  </si>
  <si>
    <t>308.232</t>
  </si>
  <si>
    <t>2071190.0</t>
  </si>
  <si>
    <t>308.958</t>
  </si>
  <si>
    <t>2076274.0</t>
  </si>
  <si>
    <t>309.716</t>
  </si>
  <si>
    <t>2081550.0</t>
  </si>
  <si>
    <t>310.503</t>
  </si>
  <si>
    <t>7088227.0</t>
  </si>
  <si>
    <t>3489018.0</t>
  </si>
  <si>
    <t>3002843.0</t>
  </si>
  <si>
    <t>2087096.0</t>
  </si>
  <si>
    <t>2095512.0</t>
  </si>
  <si>
    <t>312.586</t>
  </si>
  <si>
    <t>2105434.0</t>
  </si>
  <si>
    <t>314.066</t>
  </si>
  <si>
    <t>2117515.0</t>
  </si>
  <si>
    <t>315.868</t>
  </si>
  <si>
    <t>2130901.0</t>
  </si>
  <si>
    <t>317.865</t>
  </si>
  <si>
    <t>27785.0</t>
  </si>
  <si>
    <t>2145815.0</t>
  </si>
  <si>
    <t>320.089</t>
  </si>
  <si>
    <t>2158816.0</t>
  </si>
  <si>
    <t>322.029</t>
  </si>
  <si>
    <t>7281308.0</t>
  </si>
  <si>
    <t>3510071.0</t>
  </si>
  <si>
    <t>3044839.0</t>
  </si>
  <si>
    <t>726398.0</t>
  </si>
  <si>
    <t>2171271.0</t>
  </si>
  <si>
    <t>323.887</t>
  </si>
  <si>
    <t>26285.0</t>
  </si>
  <si>
    <t>2183038.0</t>
  </si>
  <si>
    <t>325.642</t>
  </si>
  <si>
    <t>2194016.0</t>
  </si>
  <si>
    <t>327.28</t>
  </si>
  <si>
    <t>2206084.0</t>
  </si>
  <si>
    <t>329.08</t>
  </si>
  <si>
    <t>2219114.0</t>
  </si>
  <si>
    <t>331.023</t>
  </si>
  <si>
    <t>0.3867</t>
  </si>
  <si>
    <t>2232843.0</t>
  </si>
  <si>
    <t>333.071</t>
  </si>
  <si>
    <t>0.4696</t>
  </si>
  <si>
    <t>2246066.0</t>
  </si>
  <si>
    <t>335.044</t>
  </si>
  <si>
    <t>7410811.0</t>
  </si>
  <si>
    <t>3527282.0</t>
  </si>
  <si>
    <t>3074799.0</t>
  </si>
  <si>
    <t>808730.0</t>
  </si>
  <si>
    <t>2258759.0</t>
  </si>
  <si>
    <t>336.937</t>
  </si>
  <si>
    <t>0.4671</t>
  </si>
  <si>
    <t>2270507.0</t>
  </si>
  <si>
    <t>0.4672</t>
  </si>
  <si>
    <t>2281887.0</t>
  </si>
  <si>
    <t>340.387</t>
  </si>
  <si>
    <t>0.4689</t>
  </si>
  <si>
    <t>2294047.0</t>
  </si>
  <si>
    <t>342.201</t>
  </si>
  <si>
    <t>0.4988</t>
  </si>
  <si>
    <t>2307073.0</t>
  </si>
  <si>
    <t>344.144</t>
  </si>
  <si>
    <t>0.5046</t>
  </si>
  <si>
    <t>2320083.0</t>
  </si>
  <si>
    <t>346.085</t>
  </si>
  <si>
    <t>0.4969</t>
  </si>
  <si>
    <t>2332640.0</t>
  </si>
  <si>
    <t>347.958</t>
  </si>
  <si>
    <t>0.5638</t>
  </si>
  <si>
    <t>7478535.0</t>
  </si>
  <si>
    <t>3540518.0</t>
  </si>
  <si>
    <t>3088920.0</t>
  </si>
  <si>
    <t>2343864.0</t>
  </si>
  <si>
    <t>349.632</t>
  </si>
  <si>
    <t>0.6335</t>
  </si>
  <si>
    <t>2354887.0</t>
  </si>
  <si>
    <t>351.276</t>
  </si>
  <si>
    <t>2366407.0</t>
  </si>
  <si>
    <t>352.995</t>
  </si>
  <si>
    <t>0.4883</t>
  </si>
  <si>
    <t>25010.2</t>
  </si>
  <si>
    <t>3688.41476858369</t>
  </si>
  <si>
    <t>2378527.0</t>
  </si>
  <si>
    <t>0.4861</t>
  </si>
  <si>
    <t>2391508.0</t>
  </si>
  <si>
    <t>356.739</t>
  </si>
  <si>
    <t>2403989.0</t>
  </si>
  <si>
    <t>358.601</t>
  </si>
  <si>
    <t>2416148.0</t>
  </si>
  <si>
    <t>360.415</t>
  </si>
  <si>
    <t>0.3928</t>
  </si>
  <si>
    <t>7669087.0</t>
  </si>
  <si>
    <t>3637117.0</t>
  </si>
  <si>
    <t>3117621.0</t>
  </si>
  <si>
    <t>914349.0</t>
  </si>
  <si>
    <t>2428224.0</t>
  </si>
  <si>
    <t>362.216</t>
  </si>
  <si>
    <t>0.4094</t>
  </si>
  <si>
    <t>27119.0</t>
  </si>
  <si>
    <t>2439939.0</t>
  </si>
  <si>
    <t>363.964</t>
  </si>
  <si>
    <t>0.4407</t>
  </si>
  <si>
    <t>27017.0</t>
  </si>
  <si>
    <t>2449949.0</t>
  </si>
  <si>
    <t>365.457</t>
  </si>
  <si>
    <t>2459057.0</t>
  </si>
  <si>
    <t>366.815</t>
  </si>
  <si>
    <t>0.2928</t>
  </si>
  <si>
    <t>2467535.0</t>
  </si>
  <si>
    <t>368.08</t>
  </si>
  <si>
    <t>2476042.0</t>
  </si>
  <si>
    <t>369.349</t>
  </si>
  <si>
    <t>26607.0</t>
  </si>
  <si>
    <t>2484043.0</t>
  </si>
  <si>
    <t>370.543</t>
  </si>
  <si>
    <t>7854618.0</t>
  </si>
  <si>
    <t>3718003.0</t>
  </si>
  <si>
    <t>3145443.0</t>
  </si>
  <si>
    <t>991172.0</t>
  </si>
  <si>
    <t>115.84</t>
  </si>
  <si>
    <t>2491899.0</t>
  </si>
  <si>
    <t>371.714</t>
  </si>
  <si>
    <t>2498164.0</t>
  </si>
  <si>
    <t>372.649</t>
  </si>
  <si>
    <t>2503667.0</t>
  </si>
  <si>
    <t>373.47</t>
  </si>
  <si>
    <t>2509317.0</t>
  </si>
  <si>
    <t>374.313</t>
  </si>
  <si>
    <t>2515031.0</t>
  </si>
  <si>
    <t>375.165</t>
  </si>
  <si>
    <t>0.3118</t>
  </si>
  <si>
    <t>2520814.0</t>
  </si>
  <si>
    <t>376.028</t>
  </si>
  <si>
    <t>2524815.0</t>
  </si>
  <si>
    <t>376.625</t>
  </si>
  <si>
    <t>7977415.0</t>
  </si>
  <si>
    <t>3761096.0</t>
  </si>
  <si>
    <t>3169397.0</t>
  </si>
  <si>
    <t>1046922.0</t>
  </si>
  <si>
    <t>2528653.0</t>
  </si>
  <si>
    <t>377.197</t>
  </si>
  <si>
    <t>2532212.0</t>
  </si>
  <si>
    <t>377.728</t>
  </si>
  <si>
    <t>0.3027</t>
  </si>
  <si>
    <t>2535347.0</t>
  </si>
  <si>
    <t>378.196</t>
  </si>
  <si>
    <t>2538348.0</t>
  </si>
  <si>
    <t>378.643</t>
  </si>
  <si>
    <t>2541464.0</t>
  </si>
  <si>
    <t>379.108</t>
  </si>
  <si>
    <t>2544253.0</t>
  </si>
  <si>
    <t>379.524</t>
  </si>
  <si>
    <t>2546941.0</t>
  </si>
  <si>
    <t>379.925</t>
  </si>
  <si>
    <t>8070750.0</t>
  </si>
  <si>
    <t>3786974.0</t>
  </si>
  <si>
    <t>1098131.0</t>
  </si>
  <si>
    <t>2549562.0</t>
  </si>
  <si>
    <t>380.316</t>
  </si>
  <si>
    <t>2552109.0</t>
  </si>
  <si>
    <t>380.696</t>
  </si>
  <si>
    <t>0.3288</t>
  </si>
  <si>
    <t>2554552.0</t>
  </si>
  <si>
    <t>381.06</t>
  </si>
  <si>
    <t>26228.8</t>
  </si>
  <si>
    <t>3868.12953443906</t>
  </si>
  <si>
    <t>2556935.0</t>
  </si>
  <si>
    <t>381.416</t>
  </si>
  <si>
    <t>2559563.0</t>
  </si>
  <si>
    <t>381.808</t>
  </si>
  <si>
    <t>8124983.0</t>
  </si>
  <si>
    <t>3796075.0</t>
  </si>
  <si>
    <t>1109714.0</t>
  </si>
  <si>
    <t>382.178</t>
  </si>
  <si>
    <t>2564373.0</t>
  </si>
  <si>
    <t>382.525</t>
  </si>
  <si>
    <t>8183512.0</t>
  </si>
  <si>
    <t>3821093.0</t>
  </si>
  <si>
    <t>3217516.0</t>
  </si>
  <si>
    <t>1144903.0</t>
  </si>
  <si>
    <t>2566664.0</t>
  </si>
  <si>
    <t>382.867</t>
  </si>
  <si>
    <t>2568864.0</t>
  </si>
  <si>
    <t>383.195</t>
  </si>
  <si>
    <t>2570843.0</t>
  </si>
  <si>
    <t>383.49</t>
  </si>
  <si>
    <t>2572964.0</t>
  </si>
  <si>
    <t>383.807</t>
  </si>
  <si>
    <t>2575517.0</t>
  </si>
  <si>
    <t>384.188</t>
  </si>
  <si>
    <t>2577818.0</t>
  </si>
  <si>
    <t>384.531</t>
  </si>
  <si>
    <t>2579750.0</t>
  </si>
  <si>
    <t>384.819</t>
  </si>
  <si>
    <t>8218163.0</t>
  </si>
  <si>
    <t>3828122.0</t>
  </si>
  <si>
    <t>3233060.0</t>
  </si>
  <si>
    <t>1156981.0</t>
  </si>
  <si>
    <t>2581676.0</t>
  </si>
  <si>
    <t>385.106</t>
  </si>
  <si>
    <t>2583598.0</t>
  </si>
  <si>
    <t>385.393</t>
  </si>
  <si>
    <t>2585520.0</t>
  </si>
  <si>
    <t>385.68</t>
  </si>
  <si>
    <t>2587442.0</t>
  </si>
  <si>
    <t>385.967</t>
  </si>
  <si>
    <t>2589342.0</t>
  </si>
  <si>
    <t>386.25</t>
  </si>
  <si>
    <t>8298325.0</t>
  </si>
  <si>
    <t>3844372.0</t>
  </si>
  <si>
    <t>3266652.0</t>
  </si>
  <si>
    <t>1187301.0</t>
  </si>
  <si>
    <t>2591444.0</t>
  </si>
  <si>
    <t>386.563</t>
  </si>
  <si>
    <t>2593691.0</t>
  </si>
  <si>
    <t>386.899</t>
  </si>
  <si>
    <t>8375280.0</t>
  </si>
  <si>
    <t>3859037.0</t>
  </si>
  <si>
    <t>3296570.0</t>
  </si>
  <si>
    <t>1219673.0</t>
  </si>
  <si>
    <t>2595722.0</t>
  </si>
  <si>
    <t>387.202</t>
  </si>
  <si>
    <t>21235.0</t>
  </si>
  <si>
    <t>2597479.0</t>
  </si>
  <si>
    <t>387.464</t>
  </si>
  <si>
    <t>18815.0</t>
  </si>
  <si>
    <t>2602634.0</t>
  </si>
  <si>
    <t>388.233</t>
  </si>
  <si>
    <t>8428214.0</t>
  </si>
  <si>
    <t>3868131.0</t>
  </si>
  <si>
    <t>3316744.0</t>
  </si>
  <si>
    <t>1243339.0</t>
  </si>
  <si>
    <t>2609819.0</t>
  </si>
  <si>
    <t>389.304</t>
  </si>
  <si>
    <t>26280.4</t>
  </si>
  <si>
    <t>3875.73931772984</t>
  </si>
  <si>
    <t>8472594.0</t>
  </si>
  <si>
    <t>3875316.0</t>
  </si>
  <si>
    <t>3331746.0</t>
  </si>
  <si>
    <t>1265532.0</t>
  </si>
  <si>
    <t>8621956.0</t>
  </si>
  <si>
    <t>3881480.0</t>
  </si>
  <si>
    <t>1293546.0</t>
  </si>
  <si>
    <t>127.15</t>
  </si>
  <si>
    <t>26153.2</t>
  </si>
  <si>
    <t>3856.98031705956</t>
  </si>
  <si>
    <t>8677904.0</t>
  </si>
  <si>
    <t>3899290.0</t>
  </si>
  <si>
    <t>3398690.0</t>
  </si>
  <si>
    <t>1379924.0</t>
  </si>
  <si>
    <t>8765455.0</t>
  </si>
  <si>
    <t>3425591.0</t>
  </si>
  <si>
    <t>1406512.0</t>
  </si>
  <si>
    <t>3846.47999592965</t>
  </si>
  <si>
    <t>8798904.0</t>
  </si>
  <si>
    <t>3435394.0</t>
  </si>
  <si>
    <t>1426113.0</t>
  </si>
  <si>
    <t>8838289.0</t>
  </si>
  <si>
    <t>1455065.0</t>
  </si>
  <si>
    <t>8889187.0</t>
  </si>
  <si>
    <t>3917192.0</t>
  </si>
  <si>
    <t>3442289.0</t>
  </si>
  <si>
    <t>8890636.0</t>
  </si>
  <si>
    <t>3451096.0</t>
  </si>
  <si>
    <t>1494950.0</t>
  </si>
  <si>
    <t>8918755.0</t>
  </si>
  <si>
    <t>1523069.0</t>
  </si>
  <si>
    <t>26105.2</t>
  </si>
  <si>
    <t>3849.90144888209</t>
  </si>
  <si>
    <t>8952310.0</t>
  </si>
  <si>
    <t>3462777.0</t>
  </si>
  <si>
    <t>1539295.0</t>
  </si>
  <si>
    <t>132.03</t>
  </si>
  <si>
    <t>9079229.0</t>
  </si>
  <si>
    <t>3933578.0</t>
  </si>
  <si>
    <t>3472205.0</t>
  </si>
  <si>
    <t>1673446.0</t>
  </si>
  <si>
    <t>15707.0</t>
  </si>
  <si>
    <t>9166555.0</t>
  </si>
  <si>
    <t>3487974.0</t>
  </si>
  <si>
    <t>1713163.0</t>
  </si>
  <si>
    <t>9215489.0</t>
  </si>
  <si>
    <t>1753224.0</t>
  </si>
  <si>
    <t>9228436.0</t>
  </si>
  <si>
    <t>3945707.0</t>
  </si>
  <si>
    <t>3488170.0</t>
  </si>
  <si>
    <t>1794559.0</t>
  </si>
  <si>
    <t>26139.8</t>
  </si>
  <si>
    <t>3855.00413302668</t>
  </si>
  <si>
    <t>9257248.0</t>
  </si>
  <si>
    <t>3948425.0</t>
  </si>
  <si>
    <t>3491828.0</t>
  </si>
  <si>
    <t>1816995.0</t>
  </si>
  <si>
    <t>9313856.0</t>
  </si>
  <si>
    <t>1830385.0</t>
  </si>
  <si>
    <t>3806.80883885178</t>
  </si>
  <si>
    <t>9332812.0</t>
  </si>
  <si>
    <t>3956935.0</t>
  </si>
  <si>
    <t>3503368.0</t>
  </si>
  <si>
    <t>1872509.0</t>
  </si>
  <si>
    <t>9386134.0</t>
  </si>
  <si>
    <t>1882297.0</t>
  </si>
  <si>
    <t>9390960.0</t>
  </si>
  <si>
    <t>3963563.0</t>
  </si>
  <si>
    <t>3512972.0</t>
  </si>
  <si>
    <t>1914425.0</t>
  </si>
  <si>
    <t>25474.6</t>
  </si>
  <si>
    <t>3756.90281820065</t>
  </si>
  <si>
    <t>9398544.0</t>
  </si>
  <si>
    <t>3964564.0</t>
  </si>
  <si>
    <t>3514444.0</t>
  </si>
  <si>
    <t>1919536.0</t>
  </si>
  <si>
    <t>9407422.0</t>
  </si>
  <si>
    <t>3965786.0</t>
  </si>
  <si>
    <t>3516189.0</t>
  </si>
  <si>
    <t>1925447.0</t>
  </si>
  <si>
    <t>9419313.0</t>
  </si>
  <si>
    <t>3967215.0</t>
  </si>
  <si>
    <t>3518399.0</t>
  </si>
  <si>
    <t>1933699.0</t>
  </si>
  <si>
    <t>25028.2</t>
  </si>
  <si>
    <t>-15.52</t>
  </si>
  <si>
    <t>3691.06934415024</t>
  </si>
  <si>
    <t>9449337.0</t>
  </si>
  <si>
    <t>3971312.0</t>
  </si>
  <si>
    <t>3524737.0</t>
  </si>
  <si>
    <t>1953288.0</t>
  </si>
  <si>
    <t>9458873.0</t>
  </si>
  <si>
    <t>3972568.0</t>
  </si>
  <si>
    <t>3526555.0</t>
  </si>
  <si>
    <t>1959750.0</t>
  </si>
  <si>
    <t>9475354.0</t>
  </si>
  <si>
    <t>3974532.0</t>
  </si>
  <si>
    <t>3529219.0</t>
  </si>
  <si>
    <t>1971603.0</t>
  </si>
  <si>
    <t>9481519.0</t>
  </si>
  <si>
    <t>3975338.0</t>
  </si>
  <si>
    <t>3530179.0</t>
  </si>
  <si>
    <t>1976002.0</t>
  </si>
  <si>
    <t>9486776.0</t>
  </si>
  <si>
    <t>1981259.0</t>
  </si>
  <si>
    <t>9492529.0</t>
  </si>
  <si>
    <t>1987012.0</t>
  </si>
  <si>
    <t>PER</t>
  </si>
  <si>
    <t>Peru</t>
  </si>
  <si>
    <t>-2160.5</t>
  </si>
  <si>
    <t>-63.4515753905745</t>
  </si>
  <si>
    <t>-2367.4</t>
  </si>
  <si>
    <t>-69.5280072111298</t>
  </si>
  <si>
    <t>-2759.2</t>
  </si>
  <si>
    <t>-13.25</t>
  </si>
  <si>
    <t>-81.0347543705962</t>
  </si>
  <si>
    <t>-3146.7</t>
  </si>
  <si>
    <t>-13.36</t>
  </si>
  <si>
    <t>-92.4152151268321</t>
  </si>
  <si>
    <t>-3313.6</t>
  </si>
  <si>
    <t>-97.316889708034</t>
  </si>
  <si>
    <t>39599.0</t>
  </si>
  <si>
    <t>48465.0</t>
  </si>
  <si>
    <t>56681.0</t>
  </si>
  <si>
    <t>65712.0</t>
  </si>
  <si>
    <t>76506.0</t>
  </si>
  <si>
    <t>-3235.3</t>
  </si>
  <si>
    <t>-95.0173024119998</t>
  </si>
  <si>
    <t>102216.0</t>
  </si>
  <si>
    <t>109385.0</t>
  </si>
  <si>
    <t>121468.0</t>
  </si>
  <si>
    <t>127513.0</t>
  </si>
  <si>
    <t>135895.0</t>
  </si>
  <si>
    <t>143745.0</t>
  </si>
  <si>
    <t>-2642.2</t>
  </si>
  <si>
    <t>-77.5985894454876</t>
  </si>
  <si>
    <t>148011.0</t>
  </si>
  <si>
    <t>156208.0</t>
  </si>
  <si>
    <t>170400.0</t>
  </si>
  <si>
    <t>185238.0</t>
  </si>
  <si>
    <t>198349.0</t>
  </si>
  <si>
    <t>218195.0</t>
  </si>
  <si>
    <t>-1029.1</t>
  </si>
  <si>
    <t>-30.2235668754641</t>
  </si>
  <si>
    <t>239563.0</t>
  </si>
  <si>
    <t>13079.0</t>
  </si>
  <si>
    <t>267612.0</t>
  </si>
  <si>
    <t>296262.0</t>
  </si>
  <si>
    <t>318252.0</t>
  </si>
  <si>
    <t>342498.0</t>
  </si>
  <si>
    <t>355604.0</t>
  </si>
  <si>
    <t>10.547</t>
  </si>
  <si>
    <t>1479.2</t>
  </si>
  <si>
    <t>43.442522711288</t>
  </si>
  <si>
    <t>389309.0</t>
  </si>
  <si>
    <t>406579.0</t>
  </si>
  <si>
    <t>429458.0</t>
  </si>
  <si>
    <t>448020.0</t>
  </si>
  <si>
    <t>473190.0</t>
  </si>
  <si>
    <t>14.035</t>
  </si>
  <si>
    <t>494250.0</t>
  </si>
  <si>
    <t>4881.7</t>
  </si>
  <si>
    <t>143.370310383785</t>
  </si>
  <si>
    <t>512869.0</t>
  </si>
  <si>
    <t>15.212</t>
  </si>
  <si>
    <t>532169.0</t>
  </si>
  <si>
    <t>15.784</t>
  </si>
  <si>
    <t>553302.0</t>
  </si>
  <si>
    <t>16.411</t>
  </si>
  <si>
    <t>17692.0</t>
  </si>
  <si>
    <t>587292.0</t>
  </si>
  <si>
    <t>17.419</t>
  </si>
  <si>
    <t>605383.0</t>
  </si>
  <si>
    <t>630482.0</t>
  </si>
  <si>
    <t>650613.0</t>
  </si>
  <si>
    <t>8796.7</t>
  </si>
  <si>
    <t>258.349675185497</t>
  </si>
  <si>
    <t>661132.0</t>
  </si>
  <si>
    <t>19.609</t>
  </si>
  <si>
    <t>679582.0</t>
  </si>
  <si>
    <t>20.156</t>
  </si>
  <si>
    <t>715423.0</t>
  </si>
  <si>
    <t>736500.0</t>
  </si>
  <si>
    <t>21.845</t>
  </si>
  <si>
    <t>21315.0</t>
  </si>
  <si>
    <t>750526.0</t>
  </si>
  <si>
    <t>22.261</t>
  </si>
  <si>
    <t>788341.0</t>
  </si>
  <si>
    <t>23.382</t>
  </si>
  <si>
    <t>820967.0</t>
  </si>
  <si>
    <t>24336.0</t>
  </si>
  <si>
    <t>13034.9</t>
  </si>
  <si>
    <t>382.821078481185</t>
  </si>
  <si>
    <t>840922.0</t>
  </si>
  <si>
    <t>24.942</t>
  </si>
  <si>
    <t>875721.0</t>
  </si>
  <si>
    <t>905278.0</t>
  </si>
  <si>
    <t>26.851</t>
  </si>
  <si>
    <t>27122.0</t>
  </si>
  <si>
    <t>928797.0</t>
  </si>
  <si>
    <t>963617.0</t>
  </si>
  <si>
    <t>1012708.0</t>
  </si>
  <si>
    <t>30.037</t>
  </si>
  <si>
    <t>32052.0</t>
  </si>
  <si>
    <t>1058874.0</t>
  </si>
  <si>
    <t>31.406</t>
  </si>
  <si>
    <t>17422.5</t>
  </si>
  <si>
    <t>511.680200065857</t>
  </si>
  <si>
    <t>1076659.0</t>
  </si>
  <si>
    <t>1109052.0</t>
  </si>
  <si>
    <t>32.894</t>
  </si>
  <si>
    <t>1115615.0</t>
  </si>
  <si>
    <t>33.089</t>
  </si>
  <si>
    <t>1135831.0</t>
  </si>
  <si>
    <t>33.689</t>
  </si>
  <si>
    <t>29576.0</t>
  </si>
  <si>
    <t>1154468.0</t>
  </si>
  <si>
    <t>34.241</t>
  </si>
  <si>
    <t>1173003.0</t>
  </si>
  <si>
    <t>1191956.0</t>
  </si>
  <si>
    <t>35.353</t>
  </si>
  <si>
    <t>640.360171171528</t>
  </si>
  <si>
    <t>1203985.0</t>
  </si>
  <si>
    <t>1227691.0</t>
  </si>
  <si>
    <t>36.413</t>
  </si>
  <si>
    <t>16948.0</t>
  </si>
  <si>
    <t>1255756.0</t>
  </si>
  <si>
    <t>37.246</t>
  </si>
  <si>
    <t>1282478.0</t>
  </si>
  <si>
    <t>38.038</t>
  </si>
  <si>
    <t>1315417.0</t>
  </si>
  <si>
    <t>39.015</t>
  </si>
  <si>
    <t>1338477.0</t>
  </si>
  <si>
    <t>1360839.0</t>
  </si>
  <si>
    <t>40.362</t>
  </si>
  <si>
    <t>26213.8</t>
  </si>
  <si>
    <t>769.871283024041</t>
  </si>
  <si>
    <t>1376478.0</t>
  </si>
  <si>
    <t>41.423</t>
  </si>
  <si>
    <t>24131.0</t>
  </si>
  <si>
    <t>1417911.0</t>
  </si>
  <si>
    <t>42.055</t>
  </si>
  <si>
    <t>23165.0</t>
  </si>
  <si>
    <t>1439767.0</t>
  </si>
  <si>
    <t>42.703</t>
  </si>
  <si>
    <t>22470.0</t>
  </si>
  <si>
    <t>1461266.0</t>
  </si>
  <si>
    <t>43.341</t>
  </si>
  <si>
    <t>1482563.0</t>
  </si>
  <si>
    <t>43.973</t>
  </si>
  <si>
    <t>1504209.0</t>
  </si>
  <si>
    <t>44.615</t>
  </si>
  <si>
    <t>20481.0</t>
  </si>
  <si>
    <t>30343.2</t>
  </si>
  <si>
    <t>891.147346628688</t>
  </si>
  <si>
    <t>1517930.0</t>
  </si>
  <si>
    <t>1539746.0</t>
  </si>
  <si>
    <t>45.669</t>
  </si>
  <si>
    <t>1561653.0</t>
  </si>
  <si>
    <t>46.319</t>
  </si>
  <si>
    <t>1583605.0</t>
  </si>
  <si>
    <t>1604521.0</t>
  </si>
  <si>
    <t>1625135.0</t>
  </si>
  <si>
    <t>48.201</t>
  </si>
  <si>
    <t>1645112.0</t>
  </si>
  <si>
    <t>34010.4</t>
  </si>
  <si>
    <t>998.849090332605</t>
  </si>
  <si>
    <t>1661324.0</t>
  </si>
  <si>
    <t>49.275</t>
  </si>
  <si>
    <t>1679386.0</t>
  </si>
  <si>
    <t>19949.0</t>
  </si>
  <si>
    <t>1699369.0</t>
  </si>
  <si>
    <t>1720261.0</t>
  </si>
  <si>
    <t>51.023</t>
  </si>
  <si>
    <t>1740969.0</t>
  </si>
  <si>
    <t>51.637</t>
  </si>
  <si>
    <t>1761910.0</t>
  </si>
  <si>
    <t>52.258</t>
  </si>
  <si>
    <t>1782846.0</t>
  </si>
  <si>
    <t>52.879</t>
  </si>
  <si>
    <t>37691.4</t>
  </si>
  <si>
    <t>1106.9561252841</t>
  </si>
  <si>
    <t>1800690.0</t>
  </si>
  <si>
    <t>1821328.0</t>
  </si>
  <si>
    <t>54.021</t>
  </si>
  <si>
    <t>1842316.0</t>
  </si>
  <si>
    <t>54.643</t>
  </si>
  <si>
    <t>1863278.0</t>
  </si>
  <si>
    <t>55.265</t>
  </si>
  <si>
    <t>1883326.0</t>
  </si>
  <si>
    <t>55.859</t>
  </si>
  <si>
    <t>1904242.0</t>
  </si>
  <si>
    <t>1925231.0</t>
  </si>
  <si>
    <t>57.102</t>
  </si>
  <si>
    <t>20341.0</t>
  </si>
  <si>
    <t>41804.2</t>
  </si>
  <si>
    <t>1227.74466463441</t>
  </si>
  <si>
    <t>1943679.0</t>
  </si>
  <si>
    <t>57.649</t>
  </si>
  <si>
    <t>1963921.0</t>
  </si>
  <si>
    <t>1983932.0</t>
  </si>
  <si>
    <t>58.843</t>
  </si>
  <si>
    <t>20231.0</t>
  </si>
  <si>
    <t>2023996.0</t>
  </si>
  <si>
    <t>60.032</t>
  </si>
  <si>
    <t>2042218.0</t>
  </si>
  <si>
    <t>60.572</t>
  </si>
  <si>
    <t>2063240.0</t>
  </si>
  <si>
    <t>46136.5</t>
  </si>
  <si>
    <t>1354.97968433568</t>
  </si>
  <si>
    <t>2084311.0</t>
  </si>
  <si>
    <t>61.821</t>
  </si>
  <si>
    <t>2109202.0</t>
  </si>
  <si>
    <t>62.559</t>
  </si>
  <si>
    <t>2133775.0</t>
  </si>
  <si>
    <t>2158770.0</t>
  </si>
  <si>
    <t>64.029</t>
  </si>
  <si>
    <t>2183763.0</t>
  </si>
  <si>
    <t>2206105.0</t>
  </si>
  <si>
    <t>65.433</t>
  </si>
  <si>
    <t>23412.0</t>
  </si>
  <si>
    <t>2230247.0</t>
  </si>
  <si>
    <t>66.149</t>
  </si>
  <si>
    <t>50512.9</t>
  </si>
  <si>
    <t>1483.50987389333</t>
  </si>
  <si>
    <t>2250256.0</t>
  </si>
  <si>
    <t>2270717.0</t>
  </si>
  <si>
    <t>67.349</t>
  </si>
  <si>
    <t>2293612.0</t>
  </si>
  <si>
    <t>68.028</t>
  </si>
  <si>
    <t>2318254.0</t>
  </si>
  <si>
    <t>68.759</t>
  </si>
  <si>
    <t>2348396.0</t>
  </si>
  <si>
    <t>69.653</t>
  </si>
  <si>
    <t>2377948.0</t>
  </si>
  <si>
    <t>2404046.0</t>
  </si>
  <si>
    <t>71.304</t>
  </si>
  <si>
    <t>55012.0</t>
  </si>
  <si>
    <t>1615.6436312827</t>
  </si>
  <si>
    <t>2417857.0</t>
  </si>
  <si>
    <t>71.714</t>
  </si>
  <si>
    <t>2440184.0</t>
  </si>
  <si>
    <t>72.376</t>
  </si>
  <si>
    <t>2466745.0</t>
  </si>
  <si>
    <t>73.164</t>
  </si>
  <si>
    <t>2493429.0</t>
  </si>
  <si>
    <t>73.955</t>
  </si>
  <si>
    <t>2522993.0</t>
  </si>
  <si>
    <t>74.832</t>
  </si>
  <si>
    <t>2548439.0</t>
  </si>
  <si>
    <t>2573691.0</t>
  </si>
  <si>
    <t>59633.7</t>
  </si>
  <si>
    <t>141.06</t>
  </si>
  <si>
    <t>1751.37801961069</t>
  </si>
  <si>
    <t>2590078.0</t>
  </si>
  <si>
    <t>24603.0</t>
  </si>
  <si>
    <t>2612599.0</t>
  </si>
  <si>
    <t>2643464.0</t>
  </si>
  <si>
    <t>2677014.0</t>
  </si>
  <si>
    <t>2705122.0</t>
  </si>
  <si>
    <t>2738229.0</t>
  </si>
  <si>
    <t>81.216</t>
  </si>
  <si>
    <t>27113.0</t>
  </si>
  <si>
    <t>2773412.0</t>
  </si>
  <si>
    <t>82.259</t>
  </si>
  <si>
    <t>63976.3</t>
  </si>
  <si>
    <t>1878.91553930109</t>
  </si>
  <si>
    <t>2793614.0</t>
  </si>
  <si>
    <t>82.859</t>
  </si>
  <si>
    <t>2818943.0</t>
  </si>
  <si>
    <t>2852011.0</t>
  </si>
  <si>
    <t>84.591</t>
  </si>
  <si>
    <t>29792.0</t>
  </si>
  <si>
    <t>2883862.0</t>
  </si>
  <si>
    <t>85.535</t>
  </si>
  <si>
    <t>2915372.0</t>
  </si>
  <si>
    <t>2950589.0</t>
  </si>
  <si>
    <t>87.514</t>
  </si>
  <si>
    <t>2985782.0</t>
  </si>
  <si>
    <t>67641.9</t>
  </si>
  <si>
    <t>1986.57029271544</t>
  </si>
  <si>
    <t>3006993.0</t>
  </si>
  <si>
    <t>89.187</t>
  </si>
  <si>
    <t>3032744.0</t>
  </si>
  <si>
    <t>89.951</t>
  </si>
  <si>
    <t>3055850.0</t>
  </si>
  <si>
    <t>90.636</t>
  </si>
  <si>
    <t>3089459.0</t>
  </si>
  <si>
    <t>91.633</t>
  </si>
  <si>
    <t>3124076.0</t>
  </si>
  <si>
    <t>3156679.0</t>
  </si>
  <si>
    <t>93.627</t>
  </si>
  <si>
    <t>3191850.0</t>
  </si>
  <si>
    <t>70629.2</t>
  </si>
  <si>
    <t>2074.30410024344</t>
  </si>
  <si>
    <t>3215842.0</t>
  </si>
  <si>
    <t>95.382</t>
  </si>
  <si>
    <t>29836.0</t>
  </si>
  <si>
    <t>95.892</t>
  </si>
  <si>
    <t>3256711.0</t>
  </si>
  <si>
    <t>96.594</t>
  </si>
  <si>
    <t>3286526.0</t>
  </si>
  <si>
    <t>97.478</t>
  </si>
  <si>
    <t>3320012.0</t>
  </si>
  <si>
    <t>98.471</t>
  </si>
  <si>
    <t>3353435.0</t>
  </si>
  <si>
    <t>99.463</t>
  </si>
  <si>
    <t>3379580.0</t>
  </si>
  <si>
    <t>100.238</t>
  </si>
  <si>
    <t>72723.6</t>
  </si>
  <si>
    <t>2135.81438929599</t>
  </si>
  <si>
    <t>3386625.0</t>
  </si>
  <si>
    <t>3403397.0</t>
  </si>
  <si>
    <t>100.945</t>
  </si>
  <si>
    <t>3428910.0</t>
  </si>
  <si>
    <t>101.701</t>
  </si>
  <si>
    <t>3457205.0</t>
  </si>
  <si>
    <t>102.541</t>
  </si>
  <si>
    <t>3482894.0</t>
  </si>
  <si>
    <t>103.303</t>
  </si>
  <si>
    <t>3509997.0</t>
  </si>
  <si>
    <t>104.106</t>
  </si>
  <si>
    <t>3534937.0</t>
  </si>
  <si>
    <t>74330.0</t>
  </si>
  <si>
    <t>2182.99264002842</t>
  </si>
  <si>
    <t>3552710.0</t>
  </si>
  <si>
    <t>105.373</t>
  </si>
  <si>
    <t>3567927.0</t>
  </si>
  <si>
    <t>105.825</t>
  </si>
  <si>
    <t>3592221.0</t>
  </si>
  <si>
    <t>106.545</t>
  </si>
  <si>
    <t>3614738.0</t>
  </si>
  <si>
    <t>107.213</t>
  </si>
  <si>
    <t>22505.0</t>
  </si>
  <si>
    <t>3640863.0</t>
  </si>
  <si>
    <t>107.988</t>
  </si>
  <si>
    <t>3667968.0</t>
  </si>
  <si>
    <t>3693813.0</t>
  </si>
  <si>
    <t>109.558</t>
  </si>
  <si>
    <t>75485.6</t>
  </si>
  <si>
    <t>2216.93137667334</t>
  </si>
  <si>
    <t>3710694.0</t>
  </si>
  <si>
    <t>110.059</t>
  </si>
  <si>
    <t>3751583.0</t>
  </si>
  <si>
    <t>111.272</t>
  </si>
  <si>
    <t>3778648.0</t>
  </si>
  <si>
    <t>112.075</t>
  </si>
  <si>
    <t>3804340.0</t>
  </si>
  <si>
    <t>3827824.0</t>
  </si>
  <si>
    <t>113.533</t>
  </si>
  <si>
    <t>3850122.0</t>
  </si>
  <si>
    <t>114.195</t>
  </si>
  <si>
    <t>76197.0</t>
  </si>
  <si>
    <t>2237.82443417524</t>
  </si>
  <si>
    <t>3865360.0</t>
  </si>
  <si>
    <t>3878323.0</t>
  </si>
  <si>
    <t>115.031</t>
  </si>
  <si>
    <t>3892353.0</t>
  </si>
  <si>
    <t>115.447</t>
  </si>
  <si>
    <t>3908125.0</t>
  </si>
  <si>
    <t>115.915</t>
  </si>
  <si>
    <t>3922567.0</t>
  </si>
  <si>
    <t>116.343</t>
  </si>
  <si>
    <t>3929873.0</t>
  </si>
  <si>
    <t>3952298.0</t>
  </si>
  <si>
    <t>76726.7</t>
  </si>
  <si>
    <t>2253.38115691738</t>
  </si>
  <si>
    <t>3961345.0</t>
  </si>
  <si>
    <t>117.493</t>
  </si>
  <si>
    <t>3975007.0</t>
  </si>
  <si>
    <t>117.899</t>
  </si>
  <si>
    <t>3988070.0</t>
  </si>
  <si>
    <t>118.286</t>
  </si>
  <si>
    <t>4003363.0</t>
  </si>
  <si>
    <t>4027591.0</t>
  </si>
  <si>
    <t>119.458</t>
  </si>
  <si>
    <t>4050681.0</t>
  </si>
  <si>
    <t>120.143</t>
  </si>
  <si>
    <t>4077357.0</t>
  </si>
  <si>
    <t>120.934</t>
  </si>
  <si>
    <t>77105.2</t>
  </si>
  <si>
    <t>2264.49729729476</t>
  </si>
  <si>
    <t>4092566.0</t>
  </si>
  <si>
    <t>121.385</t>
  </si>
  <si>
    <t>4111951.0</t>
  </si>
  <si>
    <t>4135223.0</t>
  </si>
  <si>
    <t>122.651</t>
  </si>
  <si>
    <t>4158359.0</t>
  </si>
  <si>
    <t>123.337</t>
  </si>
  <si>
    <t>4181976.0</t>
  </si>
  <si>
    <t>4206371.0</t>
  </si>
  <si>
    <t>124.761</t>
  </si>
  <si>
    <t>4230353.0</t>
  </si>
  <si>
    <t>125.472</t>
  </si>
  <si>
    <t>2270.30647184336</t>
  </si>
  <si>
    <t>4249458.0</t>
  </si>
  <si>
    <t>126.039</t>
  </si>
  <si>
    <t>4270800.0</t>
  </si>
  <si>
    <t>126.672</t>
  </si>
  <si>
    <t>4293748.0</t>
  </si>
  <si>
    <t>127.352</t>
  </si>
  <si>
    <t>4316879.0</t>
  </si>
  <si>
    <t>128.039</t>
  </si>
  <si>
    <t>4343547.0</t>
  </si>
  <si>
    <t>128.829</t>
  </si>
  <si>
    <t>129.554</t>
  </si>
  <si>
    <t>4390402.0</t>
  </si>
  <si>
    <t>130.219</t>
  </si>
  <si>
    <t>77516.1</t>
  </si>
  <si>
    <t>2276.56499103601</t>
  </si>
  <si>
    <t>4407293.0</t>
  </si>
  <si>
    <t>4427751.0</t>
  </si>
  <si>
    <t>131.327</t>
  </si>
  <si>
    <t>4449985.0</t>
  </si>
  <si>
    <t>131.986</t>
  </si>
  <si>
    <t>4473483.0</t>
  </si>
  <si>
    <t>132.683</t>
  </si>
  <si>
    <t>4489872.0</t>
  </si>
  <si>
    <t>133.169</t>
  </si>
  <si>
    <t>4517584.0</t>
  </si>
  <si>
    <t>133.991</t>
  </si>
  <si>
    <t>4537540.0</t>
  </si>
  <si>
    <t>134.583</t>
  </si>
  <si>
    <t>77514.3</t>
  </si>
  <si>
    <t>2276.51212696024</t>
  </si>
  <si>
    <t>4551185.0</t>
  </si>
  <si>
    <t>134.988</t>
  </si>
  <si>
    <t>4568348.0</t>
  </si>
  <si>
    <t>135.497</t>
  </si>
  <si>
    <t>4591406.0</t>
  </si>
  <si>
    <t>136.181</t>
  </si>
  <si>
    <t>4611380.0</t>
  </si>
  <si>
    <t>136.773</t>
  </si>
  <si>
    <t>4635248.0</t>
  </si>
  <si>
    <t>137.481</t>
  </si>
  <si>
    <t>4655418.0</t>
  </si>
  <si>
    <t>4674263.0</t>
  </si>
  <si>
    <t>77654.2</t>
  </si>
  <si>
    <t>2280.62084040488</t>
  </si>
  <si>
    <t>4684817.0</t>
  </si>
  <si>
    <t>138.952</t>
  </si>
  <si>
    <t>4700489.0</t>
  </si>
  <si>
    <t>4721179.0</t>
  </si>
  <si>
    <t>4740666.0</t>
  </si>
  <si>
    <t>140.608</t>
  </si>
  <si>
    <t>4761540.0</t>
  </si>
  <si>
    <t>141.227</t>
  </si>
  <si>
    <t>4784978.0</t>
  </si>
  <si>
    <t>141.922</t>
  </si>
  <si>
    <t>4802591.0</t>
  </si>
  <si>
    <t>142.445</t>
  </si>
  <si>
    <t>77927.5</t>
  </si>
  <si>
    <t>2288.64736924276</t>
  </si>
  <si>
    <t>4815828.0</t>
  </si>
  <si>
    <t>142.837</t>
  </si>
  <si>
    <t>4831147.0</t>
  </si>
  <si>
    <t>143.292</t>
  </si>
  <si>
    <t>4852473.0</t>
  </si>
  <si>
    <t>143.924</t>
  </si>
  <si>
    <t>18756.0</t>
  </si>
  <si>
    <t>4874702.0</t>
  </si>
  <si>
    <t>144.584</t>
  </si>
  <si>
    <t>4896839.0</t>
  </si>
  <si>
    <t>4916164.0</t>
  </si>
  <si>
    <t>4935037.0</t>
  </si>
  <si>
    <t>146.373</t>
  </si>
  <si>
    <t>78065.9</t>
  </si>
  <si>
    <t>2292.71202929093</t>
  </si>
  <si>
    <t>4945165.0</t>
  </si>
  <si>
    <t>146.673</t>
  </si>
  <si>
    <t>4961493.0</t>
  </si>
  <si>
    <t>147.158</t>
  </si>
  <si>
    <t>4982778.0</t>
  </si>
  <si>
    <t>147.789</t>
  </si>
  <si>
    <t>4999956.0</t>
  </si>
  <si>
    <t>148.299</t>
  </si>
  <si>
    <t>17893.0</t>
  </si>
  <si>
    <t>5019608.0</t>
  </si>
  <si>
    <t>148.881</t>
  </si>
  <si>
    <t>5039956.0</t>
  </si>
  <si>
    <t>149.485</t>
  </si>
  <si>
    <t>5059179.0</t>
  </si>
  <si>
    <t>150.055</t>
  </si>
  <si>
    <t>78161.3</t>
  </si>
  <si>
    <t>2295.51382530678</t>
  </si>
  <si>
    <t>5069698.0</t>
  </si>
  <si>
    <t>150.367</t>
  </si>
  <si>
    <t>5085775.0</t>
  </si>
  <si>
    <t>5103401.0</t>
  </si>
  <si>
    <t>151.367</t>
  </si>
  <si>
    <t>5119245.0</t>
  </si>
  <si>
    <t>151.837</t>
  </si>
  <si>
    <t>5136390.0</t>
  </si>
  <si>
    <t>152.345</t>
  </si>
  <si>
    <t>5154919.0</t>
  </si>
  <si>
    <t>152.895</t>
  </si>
  <si>
    <t>5167466.0</t>
  </si>
  <si>
    <t>153.267</t>
  </si>
  <si>
    <t>78263.8</t>
  </si>
  <si>
    <t>2298.52414073263</t>
  </si>
  <si>
    <t>5179331.0</t>
  </si>
  <si>
    <t>153.619</t>
  </si>
  <si>
    <t>5195499.0</t>
  </si>
  <si>
    <t>154.098</t>
  </si>
  <si>
    <t>5204299.0</t>
  </si>
  <si>
    <t>154.359</t>
  </si>
  <si>
    <t>5217086.0</t>
  </si>
  <si>
    <t>154.739</t>
  </si>
  <si>
    <t>13977.0</t>
  </si>
  <si>
    <t>5232485.0</t>
  </si>
  <si>
    <t>155.195</t>
  </si>
  <si>
    <t>5248832.0</t>
  </si>
  <si>
    <t>155.68</t>
  </si>
  <si>
    <t>5264455.0</t>
  </si>
  <si>
    <t>78446.9</t>
  </si>
  <si>
    <t>2303.90159199577</t>
  </si>
  <si>
    <t>5273241.0</t>
  </si>
  <si>
    <t>156.404</t>
  </si>
  <si>
    <t>5284292.0</t>
  </si>
  <si>
    <t>156.732</t>
  </si>
  <si>
    <t>5301184.0</t>
  </si>
  <si>
    <t>157.233</t>
  </si>
  <si>
    <t>5318292.0</t>
  </si>
  <si>
    <t>5345801.0</t>
  </si>
  <si>
    <t>158.556</t>
  </si>
  <si>
    <t>5361432.0</t>
  </si>
  <si>
    <t>159.02</t>
  </si>
  <si>
    <t>5374886.0</t>
  </si>
  <si>
    <t>159.419</t>
  </si>
  <si>
    <t>78859.8</t>
  </si>
  <si>
    <t>2316.02802359899</t>
  </si>
  <si>
    <t>5383267.0</t>
  </si>
  <si>
    <t>159.668</t>
  </si>
  <si>
    <t>5397861.0</t>
  </si>
  <si>
    <t>5416226.0</t>
  </si>
  <si>
    <t>160.645</t>
  </si>
  <si>
    <t>5433168.0</t>
  </si>
  <si>
    <t>161.148</t>
  </si>
  <si>
    <t>5446927.0</t>
  </si>
  <si>
    <t>161.556</t>
  </si>
  <si>
    <t>5453091.0</t>
  </si>
  <si>
    <t>161.739</t>
  </si>
  <si>
    <t>5463577.0</t>
  </si>
  <si>
    <t>79307.8</t>
  </si>
  <si>
    <t>2329.18530467975</t>
  </si>
  <si>
    <t>5473555.0</t>
  </si>
  <si>
    <t>5486007.0</t>
  </si>
  <si>
    <t>162.715</t>
  </si>
  <si>
    <t>5502884.0</t>
  </si>
  <si>
    <t>163.215</t>
  </si>
  <si>
    <t>5522513.0</t>
  </si>
  <si>
    <t>163.798</t>
  </si>
  <si>
    <t>5537730.0</t>
  </si>
  <si>
    <t>164.249</t>
  </si>
  <si>
    <t>5543366.0</t>
  </si>
  <si>
    <t>164.416</t>
  </si>
  <si>
    <t>5555591.0</t>
  </si>
  <si>
    <t>79968.4</t>
  </si>
  <si>
    <t>2348.58642048767</t>
  </si>
  <si>
    <t>5567797.0</t>
  </si>
  <si>
    <t>165.141</t>
  </si>
  <si>
    <t>5581668.0</t>
  </si>
  <si>
    <t>165.552</t>
  </si>
  <si>
    <t>5601619.0</t>
  </si>
  <si>
    <t>166.144</t>
  </si>
  <si>
    <t>5616880.0</t>
  </si>
  <si>
    <t>166.597</t>
  </si>
  <si>
    <t>5631415.0</t>
  </si>
  <si>
    <t>167.028</t>
  </si>
  <si>
    <t>5651113.0</t>
  </si>
  <si>
    <t>167.612</t>
  </si>
  <si>
    <t>5667879.0</t>
  </si>
  <si>
    <t>168.109</t>
  </si>
  <si>
    <t>81275.0</t>
  </si>
  <si>
    <t>2386.95986571115</t>
  </si>
  <si>
    <t>5681038.0</t>
  </si>
  <si>
    <t>168.499</t>
  </si>
  <si>
    <t>5697183.0</t>
  </si>
  <si>
    <t>168.978</t>
  </si>
  <si>
    <t>5742300.0</t>
  </si>
  <si>
    <t>170.316</t>
  </si>
  <si>
    <t>5767641.0</t>
  </si>
  <si>
    <t>171.068</t>
  </si>
  <si>
    <t>21537.0</t>
  </si>
  <si>
    <t>5815670.0</t>
  </si>
  <si>
    <t>172.493</t>
  </si>
  <si>
    <t>5844283.0</t>
  </si>
  <si>
    <t>173.341</t>
  </si>
  <si>
    <t>5876017.0</t>
  </si>
  <si>
    <t>174.283</t>
  </si>
  <si>
    <t>83285.8</t>
  </si>
  <si>
    <t>2446.01491213344</t>
  </si>
  <si>
    <t>5901809.0</t>
  </si>
  <si>
    <t>175.047</t>
  </si>
  <si>
    <t>5928005.0</t>
  </si>
  <si>
    <t>175.824</t>
  </si>
  <si>
    <t>5958860.0</t>
  </si>
  <si>
    <t>176.74</t>
  </si>
  <si>
    <t>5989114.0</t>
  </si>
  <si>
    <t>177.637</t>
  </si>
  <si>
    <t>6028030.0</t>
  </si>
  <si>
    <t>178.791</t>
  </si>
  <si>
    <t>6060702.0</t>
  </si>
  <si>
    <t>6093440.0</t>
  </si>
  <si>
    <t>180.731</t>
  </si>
  <si>
    <t>2538.09238455396</t>
  </si>
  <si>
    <t>6113359.0</t>
  </si>
  <si>
    <t>181.322</t>
  </si>
  <si>
    <t>6142221.0</t>
  </si>
  <si>
    <t>182.178</t>
  </si>
  <si>
    <t>30602.0</t>
  </si>
  <si>
    <t>6176497.0</t>
  </si>
  <si>
    <t>183.195</t>
  </si>
  <si>
    <t>6213099.0</t>
  </si>
  <si>
    <t>184.28</t>
  </si>
  <si>
    <t>6250392.0</t>
  </si>
  <si>
    <t>185.386</t>
  </si>
  <si>
    <t>6300181.0</t>
  </si>
  <si>
    <t>186.863</t>
  </si>
  <si>
    <t>6333674.0</t>
  </si>
  <si>
    <t>187.857</t>
  </si>
  <si>
    <t>90601.2</t>
  </si>
  <si>
    <t>2660.86038985259</t>
  </si>
  <si>
    <t>6354240.0</t>
  </si>
  <si>
    <t>188.467</t>
  </si>
  <si>
    <t>6395019.0</t>
  </si>
  <si>
    <t>189.676</t>
  </si>
  <si>
    <t>36114.0</t>
  </si>
  <si>
    <t>6440564.0</t>
  </si>
  <si>
    <t>191.027</t>
  </si>
  <si>
    <t>6491121.0</t>
  </si>
  <si>
    <t>192.526</t>
  </si>
  <si>
    <t>6533783.0</t>
  </si>
  <si>
    <t>193.792</t>
  </si>
  <si>
    <t>6581216.0</t>
  </si>
  <si>
    <t>195.199</t>
  </si>
  <si>
    <t>40148.0</t>
  </si>
  <si>
    <t>6608063.0</t>
  </si>
  <si>
    <t>195.995</t>
  </si>
  <si>
    <t>39198.0</t>
  </si>
  <si>
    <t>94983.3</t>
  </si>
  <si>
    <t>2789.55798231685</t>
  </si>
  <si>
    <t>6636133.0</t>
  </si>
  <si>
    <t>6667246.0</t>
  </si>
  <si>
    <t>6707787.0</t>
  </si>
  <si>
    <t>198.953</t>
  </si>
  <si>
    <t>6767793.0</t>
  </si>
  <si>
    <t>200.733</t>
  </si>
  <si>
    <t>54591.0</t>
  </si>
  <si>
    <t>6825553.0</t>
  </si>
  <si>
    <t>202.446</t>
  </si>
  <si>
    <t>6879425.0</t>
  </si>
  <si>
    <t>204.044</t>
  </si>
  <si>
    <t>105843.0</t>
  </si>
  <si>
    <t>6927747.0</t>
  </si>
  <si>
    <t>205.477</t>
  </si>
  <si>
    <t>111144.0</t>
  </si>
  <si>
    <t>100186.1</t>
  </si>
  <si>
    <t>2942.35865643954</t>
  </si>
  <si>
    <t>6950735.0</t>
  </si>
  <si>
    <t>206.159</t>
  </si>
  <si>
    <t>44943.0</t>
  </si>
  <si>
    <t>122640.0</t>
  </si>
  <si>
    <t>6993146.0</t>
  </si>
  <si>
    <t>207.417</t>
  </si>
  <si>
    <t>7050280.0</t>
  </si>
  <si>
    <t>209.111</t>
  </si>
  <si>
    <t>7109157.0</t>
  </si>
  <si>
    <t>210.857</t>
  </si>
  <si>
    <t>141536.0</t>
  </si>
  <si>
    <t>7162772.0</t>
  </si>
  <si>
    <t>212.448</t>
  </si>
  <si>
    <t>48174.0</t>
  </si>
  <si>
    <t>7214178.0</t>
  </si>
  <si>
    <t>213.972</t>
  </si>
  <si>
    <t>198209.0</t>
  </si>
  <si>
    <t>7259287.0</t>
  </si>
  <si>
    <t>47363.0</t>
  </si>
  <si>
    <t>202772.0</t>
  </si>
  <si>
    <t>105377.3</t>
  </si>
  <si>
    <t>171.92</t>
  </si>
  <si>
    <t>3094.81865096282</t>
  </si>
  <si>
    <t>7281747.0</t>
  </si>
  <si>
    <t>215.976</t>
  </si>
  <si>
    <t>233279.0</t>
  </si>
  <si>
    <t>7332078.0</t>
  </si>
  <si>
    <t>217.469</t>
  </si>
  <si>
    <t>260669.0</t>
  </si>
  <si>
    <t>7381274.0</t>
  </si>
  <si>
    <t>218.928</t>
  </si>
  <si>
    <t>283582.0</t>
  </si>
  <si>
    <t>22913.0</t>
  </si>
  <si>
    <t>21350.0</t>
  </si>
  <si>
    <t>7435218.0</t>
  </si>
  <si>
    <t>220.528</t>
  </si>
  <si>
    <t>299471.0</t>
  </si>
  <si>
    <t>7489096.0</t>
  </si>
  <si>
    <t>222.126</t>
  </si>
  <si>
    <t>315395.0</t>
  </si>
  <si>
    <t>7541959.0</t>
  </si>
  <si>
    <t>223.694</t>
  </si>
  <si>
    <t>322199.0</t>
  </si>
  <si>
    <t>7584699.0</t>
  </si>
  <si>
    <t>224.962</t>
  </si>
  <si>
    <t>46487.0</t>
  </si>
  <si>
    <t>323199.0</t>
  </si>
  <si>
    <t>110114.2</t>
  </si>
  <si>
    <t>151.52</t>
  </si>
  <si>
    <t>3233.93634014015</t>
  </si>
  <si>
    <t>7604514.0</t>
  </si>
  <si>
    <t>225.55</t>
  </si>
  <si>
    <t>332505.0</t>
  </si>
  <si>
    <t>7648496.0</t>
  </si>
  <si>
    <t>226.854</t>
  </si>
  <si>
    <t>341797.0</t>
  </si>
  <si>
    <t>7701919.0</t>
  </si>
  <si>
    <t>228.439</t>
  </si>
  <si>
    <t>45806.0</t>
  </si>
  <si>
    <t>360256.0</t>
  </si>
  <si>
    <t>346042.0</t>
  </si>
  <si>
    <t>7757176.0</t>
  </si>
  <si>
    <t>230.078</t>
  </si>
  <si>
    <t>393417.0</t>
  </si>
  <si>
    <t>349829.0</t>
  </si>
  <si>
    <t>43588.0</t>
  </si>
  <si>
    <t>7812832.0</t>
  </si>
  <si>
    <t>231.728</t>
  </si>
  <si>
    <t>46248.0</t>
  </si>
  <si>
    <t>430540.0</t>
  </si>
  <si>
    <t>76046.0</t>
  </si>
  <si>
    <t>37123.0</t>
  </si>
  <si>
    <t>7868298.0</t>
  </si>
  <si>
    <t>233.374</t>
  </si>
  <si>
    <t>46620.0</t>
  </si>
  <si>
    <t>450739.0</t>
  </si>
  <si>
    <t>357533.0</t>
  </si>
  <si>
    <t>93206.0</t>
  </si>
  <si>
    <t>7917284.0</t>
  </si>
  <si>
    <t>234.826</t>
  </si>
  <si>
    <t>357676.0</t>
  </si>
  <si>
    <t>95685.0</t>
  </si>
  <si>
    <t>114882.3</t>
  </si>
  <si>
    <t>3373.97033996417</t>
  </si>
  <si>
    <t>7940435.0</t>
  </si>
  <si>
    <t>235.513</t>
  </si>
  <si>
    <t>484505.0</t>
  </si>
  <si>
    <t>376011.0</t>
  </si>
  <si>
    <t>7986252.0</t>
  </si>
  <si>
    <t>236.872</t>
  </si>
  <si>
    <t>48251.0</t>
  </si>
  <si>
    <t>511773.0</t>
  </si>
  <si>
    <t>395628.0</t>
  </si>
  <si>
    <t>8046193.0</t>
  </si>
  <si>
    <t>49182.0</t>
  </si>
  <si>
    <t>529876.0</t>
  </si>
  <si>
    <t>121253.0</t>
  </si>
  <si>
    <t>8105930.0</t>
  </si>
  <si>
    <t>240.422</t>
  </si>
  <si>
    <t>544389.0</t>
  </si>
  <si>
    <t>417203.0</t>
  </si>
  <si>
    <t>127186.0</t>
  </si>
  <si>
    <t>8172738.0</t>
  </si>
  <si>
    <t>242.403</t>
  </si>
  <si>
    <t>571134.0</t>
  </si>
  <si>
    <t>26745.0</t>
  </si>
  <si>
    <t>8234401.0</t>
  </si>
  <si>
    <t>244.232</t>
  </si>
  <si>
    <t>52300.0</t>
  </si>
  <si>
    <t>607022.0</t>
  </si>
  <si>
    <t>432216.0</t>
  </si>
  <si>
    <t>174806.0</t>
  </si>
  <si>
    <t>35888.0</t>
  </si>
  <si>
    <t>8284625.0</t>
  </si>
  <si>
    <t>245.722</t>
  </si>
  <si>
    <t>610471.0</t>
  </si>
  <si>
    <t>432941.0</t>
  </si>
  <si>
    <t>177530.0</t>
  </si>
  <si>
    <t>119695.1</t>
  </si>
  <si>
    <t>3515.31713100317</t>
  </si>
  <si>
    <t>8329451.0</t>
  </si>
  <si>
    <t>247.051</t>
  </si>
  <si>
    <t>55574.0</t>
  </si>
  <si>
    <t>658626.0</t>
  </si>
  <si>
    <t>451110.0</t>
  </si>
  <si>
    <t>207516.0</t>
  </si>
  <si>
    <t>48155.0</t>
  </si>
  <si>
    <t>24874.0</t>
  </si>
  <si>
    <t>8395433.0</t>
  </si>
  <si>
    <t>249.008</t>
  </si>
  <si>
    <t>706318.0</t>
  </si>
  <si>
    <t>473779.0</t>
  </si>
  <si>
    <t>232539.0</t>
  </si>
  <si>
    <t>47692.0</t>
  </si>
  <si>
    <t>27792.0</t>
  </si>
  <si>
    <t>8466183.0</t>
  </si>
  <si>
    <t>251.107</t>
  </si>
  <si>
    <t>753218.0</t>
  </si>
  <si>
    <t>496198.0</t>
  </si>
  <si>
    <t>257020.0</t>
  </si>
  <si>
    <t>46900.0</t>
  </si>
  <si>
    <t>8529823.0</t>
  </si>
  <si>
    <t>252.994</t>
  </si>
  <si>
    <t>796168.0</t>
  </si>
  <si>
    <t>522418.0</t>
  </si>
  <si>
    <t>273750.0</t>
  </si>
  <si>
    <t>8592274.0</t>
  </si>
  <si>
    <t>254.847</t>
  </si>
  <si>
    <t>837966.0</t>
  </si>
  <si>
    <t>548097.0</t>
  </si>
  <si>
    <t>289869.0</t>
  </si>
  <si>
    <t>38119.0</t>
  </si>
  <si>
    <t>8659841.0</t>
  </si>
  <si>
    <t>256.851</t>
  </si>
  <si>
    <t>60777.0</t>
  </si>
  <si>
    <t>862610.0</t>
  </si>
  <si>
    <t>296335.0</t>
  </si>
  <si>
    <t>24644.0</t>
  </si>
  <si>
    <t>8711797.0</t>
  </si>
  <si>
    <t>258.392</t>
  </si>
  <si>
    <t>864331.0</t>
  </si>
  <si>
    <t>566963.0</t>
  </si>
  <si>
    <t>297368.0</t>
  </si>
  <si>
    <t>124492.4</t>
  </si>
  <si>
    <t>3656.20870361192</t>
  </si>
  <si>
    <t>8748899.0</t>
  </si>
  <si>
    <t>259.492</t>
  </si>
  <si>
    <t>881802.0</t>
  </si>
  <si>
    <t>575667.0</t>
  </si>
  <si>
    <t>306135.0</t>
  </si>
  <si>
    <t>8810146.0</t>
  </si>
  <si>
    <t>261.309</t>
  </si>
  <si>
    <t>59245.0</t>
  </si>
  <si>
    <t>906776.0</t>
  </si>
  <si>
    <t>591317.0</t>
  </si>
  <si>
    <t>8881594.0</t>
  </si>
  <si>
    <t>263.428</t>
  </si>
  <si>
    <t>59344.0</t>
  </si>
  <si>
    <t>928855.0</t>
  </si>
  <si>
    <t>605994.0</t>
  </si>
  <si>
    <t>322861.0</t>
  </si>
  <si>
    <t>25091.0</t>
  </si>
  <si>
    <t>8950031.0</t>
  </si>
  <si>
    <t>265.458</t>
  </si>
  <si>
    <t>946698.0</t>
  </si>
  <si>
    <t>618960.0</t>
  </si>
  <si>
    <t>327738.0</t>
  </si>
  <si>
    <t>9014018.0</t>
  </si>
  <si>
    <t>267.356</t>
  </si>
  <si>
    <t>968105.0</t>
  </si>
  <si>
    <t>635601.0</t>
  </si>
  <si>
    <t>332504.0</t>
  </si>
  <si>
    <t>9089474.0</t>
  </si>
  <si>
    <t>269.594</t>
  </si>
  <si>
    <t>982525.0</t>
  </si>
  <si>
    <t>646903.0</t>
  </si>
  <si>
    <t>335622.0</t>
  </si>
  <si>
    <t>9160551.0</t>
  </si>
  <si>
    <t>271.702</t>
  </si>
  <si>
    <t>984833.0</t>
  </si>
  <si>
    <t>649003.0</t>
  </si>
  <si>
    <t>335830.0</t>
  </si>
  <si>
    <t>129521.5</t>
  </si>
  <si>
    <t>3803.90799442272</t>
  </si>
  <si>
    <t>9190114.0</t>
  </si>
  <si>
    <t>272.579</t>
  </si>
  <si>
    <t>1002782.0</t>
  </si>
  <si>
    <t>653924.0</t>
  </si>
  <si>
    <t>348858.0</t>
  </si>
  <si>
    <t>9243545.0</t>
  </si>
  <si>
    <t>274.163</t>
  </si>
  <si>
    <t>1029434.0</t>
  </si>
  <si>
    <t>658585.0</t>
  </si>
  <si>
    <t>370849.0</t>
  </si>
  <si>
    <t>9314947.0</t>
  </si>
  <si>
    <t>276.281</t>
  </si>
  <si>
    <t>1054752.0</t>
  </si>
  <si>
    <t>666260.0</t>
  </si>
  <si>
    <t>388492.0</t>
  </si>
  <si>
    <t>9394499.0</t>
  </si>
  <si>
    <t>278.641</t>
  </si>
  <si>
    <t>1061557.0</t>
  </si>
  <si>
    <t>668745.0</t>
  </si>
  <si>
    <t>392812.0</t>
  </si>
  <si>
    <t>9445356.0</t>
  </si>
  <si>
    <t>280.149</t>
  </si>
  <si>
    <t>61620.0</t>
  </si>
  <si>
    <t>1065557.0</t>
  </si>
  <si>
    <t>669911.0</t>
  </si>
  <si>
    <t>395646.0</t>
  </si>
  <si>
    <t>9483230.0</t>
  </si>
  <si>
    <t>281.272</t>
  </si>
  <si>
    <t>56251.0</t>
  </si>
  <si>
    <t>1074462.0</t>
  </si>
  <si>
    <t>672617.0</t>
  </si>
  <si>
    <t>401845.0</t>
  </si>
  <si>
    <t>9538127.0</t>
  </si>
  <si>
    <t>282.901</t>
  </si>
  <si>
    <t>1076075.0</t>
  </si>
  <si>
    <t>672906.0</t>
  </si>
  <si>
    <t>403169.0</t>
  </si>
  <si>
    <t>134954.6</t>
  </si>
  <si>
    <t>3963.47233335099</t>
  </si>
  <si>
    <t>9579440.0</t>
  </si>
  <si>
    <t>284.126</t>
  </si>
  <si>
    <t>1092742.0</t>
  </si>
  <si>
    <t>679127.0</t>
  </si>
  <si>
    <t>413615.0</t>
  </si>
  <si>
    <t>9641031.0</t>
  </si>
  <si>
    <t>285.953</t>
  </si>
  <si>
    <t>1123208.0</t>
  </si>
  <si>
    <t>690923.0</t>
  </si>
  <si>
    <t>432285.0</t>
  </si>
  <si>
    <t>9709043.0</t>
  </si>
  <si>
    <t>287.97</t>
  </si>
  <si>
    <t>56299.0</t>
  </si>
  <si>
    <t>1154132.0</t>
  </si>
  <si>
    <t>704820.0</t>
  </si>
  <si>
    <t>449312.0</t>
  </si>
  <si>
    <t>30924.0</t>
  </si>
  <si>
    <t>9790744.0</t>
  </si>
  <si>
    <t>290.393</t>
  </si>
  <si>
    <t>1199957.0</t>
  </si>
  <si>
    <t>721805.0</t>
  </si>
  <si>
    <t>9876422.0</t>
  </si>
  <si>
    <t>292.934</t>
  </si>
  <si>
    <t>1235097.0</t>
  </si>
  <si>
    <t>738443.0</t>
  </si>
  <si>
    <t>496654.0</t>
  </si>
  <si>
    <t>9945732.0</t>
  </si>
  <si>
    <t>294.99</t>
  </si>
  <si>
    <t>66072.0</t>
  </si>
  <si>
    <t>1248140.0</t>
  </si>
  <si>
    <t>742646.0</t>
  </si>
  <si>
    <t>505494.0</t>
  </si>
  <si>
    <t>10001832.0</t>
  </si>
  <si>
    <t>1248255.0</t>
  </si>
  <si>
    <t>742682.0</t>
  </si>
  <si>
    <t>505573.0</t>
  </si>
  <si>
    <t>140982.6</t>
  </si>
  <si>
    <t>4140.50824932155</t>
  </si>
  <si>
    <t>10026470.0</t>
  </si>
  <si>
    <t>297.385</t>
  </si>
  <si>
    <t>63861.0</t>
  </si>
  <si>
    <t>743595.0</t>
  </si>
  <si>
    <t>518826.0</t>
  </si>
  <si>
    <t>10086002.0</t>
  </si>
  <si>
    <t>1284453.0</t>
  </si>
  <si>
    <t>745488.0</t>
  </si>
  <si>
    <t>538965.0</t>
  </si>
  <si>
    <t>22032.0</t>
  </si>
  <si>
    <t>10158843.0</t>
  </si>
  <si>
    <t>301.311</t>
  </si>
  <si>
    <t>64257.0</t>
  </si>
  <si>
    <t>1307897.0</t>
  </si>
  <si>
    <t>748227.0</t>
  </si>
  <si>
    <t>559670.0</t>
  </si>
  <si>
    <t>10226394.0</t>
  </si>
  <si>
    <t>303.315</t>
  </si>
  <si>
    <t>62236.0</t>
  </si>
  <si>
    <t>1331324.0</t>
  </si>
  <si>
    <t>750086.0</t>
  </si>
  <si>
    <t>581238.0</t>
  </si>
  <si>
    <t>10295559.0</t>
  </si>
  <si>
    <t>305.366</t>
  </si>
  <si>
    <t>1372929.0</t>
  </si>
  <si>
    <t>769798.0</t>
  </si>
  <si>
    <t>603131.0</t>
  </si>
  <si>
    <t>10374315.0</t>
  </si>
  <si>
    <t>307.702</t>
  </si>
  <si>
    <t>61226.0</t>
  </si>
  <si>
    <t>1417215.0</t>
  </si>
  <si>
    <t>799444.0</t>
  </si>
  <si>
    <t>617771.0</t>
  </si>
  <si>
    <t>10435441.0</t>
  </si>
  <si>
    <t>309.515</t>
  </si>
  <si>
    <t>61944.0</t>
  </si>
  <si>
    <t>1448323.0</t>
  </si>
  <si>
    <t>827374.0</t>
  </si>
  <si>
    <t>620949.0</t>
  </si>
  <si>
    <t>147065.5</t>
  </si>
  <si>
    <t>4319.15651960312</t>
  </si>
  <si>
    <t>10461475.0</t>
  </si>
  <si>
    <t>310.287</t>
  </si>
  <si>
    <t>1459313.0</t>
  </si>
  <si>
    <t>834340.0</t>
  </si>
  <si>
    <t>624973.0</t>
  </si>
  <si>
    <t>10524419.0</t>
  </si>
  <si>
    <t>312.154</t>
  </si>
  <si>
    <t>1475749.0</t>
  </si>
  <si>
    <t>845612.0</t>
  </si>
  <si>
    <t>630137.0</t>
  </si>
  <si>
    <t>10582462.0</t>
  </si>
  <si>
    <t>313.876</t>
  </si>
  <si>
    <t>1495921.0</t>
  </si>
  <si>
    <t>855479.0</t>
  </si>
  <si>
    <t>26861.0</t>
  </si>
  <si>
    <t>10650847.0</t>
  </si>
  <si>
    <t>315.904</t>
  </si>
  <si>
    <t>60636.0</t>
  </si>
  <si>
    <t>1506701.0</t>
  </si>
  <si>
    <t>863711.0</t>
  </si>
  <si>
    <t>642990.0</t>
  </si>
  <si>
    <t>10723364.0</t>
  </si>
  <si>
    <t>318.055</t>
  </si>
  <si>
    <t>1535727.0</t>
  </si>
  <si>
    <t>890127.0</t>
  </si>
  <si>
    <t>645600.0</t>
  </si>
  <si>
    <t>10798298.0</t>
  </si>
  <si>
    <t>1565889.0</t>
  </si>
  <si>
    <t>917819.0</t>
  </si>
  <si>
    <t>648070.0</t>
  </si>
  <si>
    <t>10862019.0</t>
  </si>
  <si>
    <t>322.167</t>
  </si>
  <si>
    <t>1581593.0</t>
  </si>
  <si>
    <t>933380.0</t>
  </si>
  <si>
    <t>648213.0</t>
  </si>
  <si>
    <t>19039.0</t>
  </si>
  <si>
    <t>152843.5</t>
  </si>
  <si>
    <t>4488.85020282771</t>
  </si>
  <si>
    <t>10899191.0</t>
  </si>
  <si>
    <t>323.27</t>
  </si>
  <si>
    <t>1601476.0</t>
  </si>
  <si>
    <t>948746.0</t>
  </si>
  <si>
    <t>652730.0</t>
  </si>
  <si>
    <t>10964758.0</t>
  </si>
  <si>
    <t>325.214</t>
  </si>
  <si>
    <t>1632044.0</t>
  </si>
  <si>
    <t>968459.0</t>
  </si>
  <si>
    <t>663585.0</t>
  </si>
  <si>
    <t>30568.0</t>
  </si>
  <si>
    <t>11037602.0</t>
  </si>
  <si>
    <t>327.375</t>
  </si>
  <si>
    <t>1683447.0</t>
  </si>
  <si>
    <t>1007998.0</t>
  </si>
  <si>
    <t>675449.0</t>
  </si>
  <si>
    <t>21788.0</t>
  </si>
  <si>
    <t>11096385.0</t>
  </si>
  <si>
    <t>329.118</t>
  </si>
  <si>
    <t>1741095.0</t>
  </si>
  <si>
    <t>1052745.0</t>
  </si>
  <si>
    <t>688350.0</t>
  </si>
  <si>
    <t>11169530.0</t>
  </si>
  <si>
    <t>331.288</t>
  </si>
  <si>
    <t>1840722.0</t>
  </si>
  <si>
    <t>1134022.0</t>
  </si>
  <si>
    <t>706700.0</t>
  </si>
  <si>
    <t>99627.0</t>
  </si>
  <si>
    <t>43571.0</t>
  </si>
  <si>
    <t>11225924.0</t>
  </si>
  <si>
    <t>332.961</t>
  </si>
  <si>
    <t>1906903.0</t>
  </si>
  <si>
    <t>1197197.0</t>
  </si>
  <si>
    <t>709706.0</t>
  </si>
  <si>
    <t>48716.0</t>
  </si>
  <si>
    <t>11269734.0</t>
  </si>
  <si>
    <t>334.26</t>
  </si>
  <si>
    <t>1956016.0</t>
  </si>
  <si>
    <t>1245217.0</t>
  </si>
  <si>
    <t>710799.0</t>
  </si>
  <si>
    <t>49113.0</t>
  </si>
  <si>
    <t>53489.0</t>
  </si>
  <si>
    <t>158144.6</t>
  </si>
  <si>
    <t>4644.53784286612</t>
  </si>
  <si>
    <t>11293108.0</t>
  </si>
  <si>
    <t>334.953</t>
  </si>
  <si>
    <t>2020470.0</t>
  </si>
  <si>
    <t>1304618.0</t>
  </si>
  <si>
    <t>715852.0</t>
  </si>
  <si>
    <t>59856.0</t>
  </si>
  <si>
    <t>11348411.0</t>
  </si>
  <si>
    <t>336.594</t>
  </si>
  <si>
    <t>54808.0</t>
  </si>
  <si>
    <t>2044872.0</t>
  </si>
  <si>
    <t>1327503.0</t>
  </si>
  <si>
    <t>717369.0</t>
  </si>
  <si>
    <t>11411358.0</t>
  </si>
  <si>
    <t>338.461</t>
  </si>
  <si>
    <t>2069994.0</t>
  </si>
  <si>
    <t>1348034.0</t>
  </si>
  <si>
    <t>721960.0</t>
  </si>
  <si>
    <t>55221.0</t>
  </si>
  <si>
    <t>11483598.0</t>
  </si>
  <si>
    <t>340.603</t>
  </si>
  <si>
    <t>55316.0</t>
  </si>
  <si>
    <t>2111319.0</t>
  </si>
  <si>
    <t>1387289.0</t>
  </si>
  <si>
    <t>724030.0</t>
  </si>
  <si>
    <t>41325.0</t>
  </si>
  <si>
    <t>47792.0</t>
  </si>
  <si>
    <t>11555688.0</t>
  </si>
  <si>
    <t>342.741</t>
  </si>
  <si>
    <t>55165.0</t>
  </si>
  <si>
    <t>2159675.0</t>
  </si>
  <si>
    <t>1420824.0</t>
  </si>
  <si>
    <t>738851.0</t>
  </si>
  <si>
    <t>40972.0</t>
  </si>
  <si>
    <t>11624047.0</t>
  </si>
  <si>
    <t>344.769</t>
  </si>
  <si>
    <t>56875.0</t>
  </si>
  <si>
    <t>2243641.0</t>
  </si>
  <si>
    <t>1482011.0</t>
  </si>
  <si>
    <t>761630.0</t>
  </si>
  <si>
    <t>83966.0</t>
  </si>
  <si>
    <t>48105.0</t>
  </si>
  <si>
    <t>40688.0</t>
  </si>
  <si>
    <t>11682182.0</t>
  </si>
  <si>
    <t>346.493</t>
  </si>
  <si>
    <t>58921.0</t>
  </si>
  <si>
    <t>2302509.0</t>
  </si>
  <si>
    <t>1515406.0</t>
  </si>
  <si>
    <t>58868.0</t>
  </si>
  <si>
    <t>162768.5</t>
  </si>
  <si>
    <t>4780.33684284227</t>
  </si>
  <si>
    <t>11705258.0</t>
  </si>
  <si>
    <t>347.178</t>
  </si>
  <si>
    <t>2359130.0</t>
  </si>
  <si>
    <t>1562964.0</t>
  </si>
  <si>
    <t>796166.0</t>
  </si>
  <si>
    <t>56621.0</t>
  </si>
  <si>
    <t>11761084.0</t>
  </si>
  <si>
    <t>348.833</t>
  </si>
  <si>
    <t>2414493.0</t>
  </si>
  <si>
    <t>1605748.0</t>
  </si>
  <si>
    <t>808745.0</t>
  </si>
  <si>
    <t>55363.0</t>
  </si>
  <si>
    <t>11832582.0</t>
  </si>
  <si>
    <t>350.954</t>
  </si>
  <si>
    <t>60175.0</t>
  </si>
  <si>
    <t>2483638.0</t>
  </si>
  <si>
    <t>1663469.0</t>
  </si>
  <si>
    <t>820169.0</t>
  </si>
  <si>
    <t>59092.0</t>
  </si>
  <si>
    <t>45062.0</t>
  </si>
  <si>
    <t>11901521.0</t>
  </si>
  <si>
    <t>352.999</t>
  </si>
  <si>
    <t>2565532.0</t>
  </si>
  <si>
    <t>1736917.0</t>
  </si>
  <si>
    <t>828615.0</t>
  </si>
  <si>
    <t>64888.0</t>
  </si>
  <si>
    <t>11972376.0</t>
  </si>
  <si>
    <t>59527.0</t>
  </si>
  <si>
    <t>2674532.0</t>
  </si>
  <si>
    <t>1824943.0</t>
  </si>
  <si>
    <t>849589.0</t>
  </si>
  <si>
    <t>73551.0</t>
  </si>
  <si>
    <t>12034432.0</t>
  </si>
  <si>
    <t>356.941</t>
  </si>
  <si>
    <t>58626.0</t>
  </si>
  <si>
    <t>2749596.0</t>
  </si>
  <si>
    <t>1877970.0</t>
  </si>
  <si>
    <t>75064.0</t>
  </si>
  <si>
    <t>72279.0</t>
  </si>
  <si>
    <t>12091820.0</t>
  </si>
  <si>
    <t>358.643</t>
  </si>
  <si>
    <t>58520.0</t>
  </si>
  <si>
    <t>2787862.0</t>
  </si>
  <si>
    <t>1901686.0</t>
  </si>
  <si>
    <t>886176.0</t>
  </si>
  <si>
    <t>166814.1</t>
  </si>
  <si>
    <t>4899.15179003047</t>
  </si>
  <si>
    <t>12118928.0</t>
  </si>
  <si>
    <t>359.447</t>
  </si>
  <si>
    <t>59096.0</t>
  </si>
  <si>
    <t>2847373.0</t>
  </si>
  <si>
    <t>1952849.0</t>
  </si>
  <si>
    <t>894524.0</t>
  </si>
  <si>
    <t>69749.0</t>
  </si>
  <si>
    <t>55698.0</t>
  </si>
  <si>
    <t>12173032.0</t>
  </si>
  <si>
    <t>361.052</t>
  </si>
  <si>
    <t>2916909.0</t>
  </si>
  <si>
    <t>2012467.0</t>
  </si>
  <si>
    <t>904442.0</t>
  </si>
  <si>
    <t>69536.0</t>
  </si>
  <si>
    <t>71774.0</t>
  </si>
  <si>
    <t>12240660.0</t>
  </si>
  <si>
    <t>363.058</t>
  </si>
  <si>
    <t>2997641.0</t>
  </si>
  <si>
    <t>2072810.0</t>
  </si>
  <si>
    <t>924831.0</t>
  </si>
  <si>
    <t>80732.0</t>
  </si>
  <si>
    <t>58477.0</t>
  </si>
  <si>
    <t>12306614.0</t>
  </si>
  <si>
    <t>365.014</t>
  </si>
  <si>
    <t>57870.0</t>
  </si>
  <si>
    <t>3084385.0</t>
  </si>
  <si>
    <t>2143094.0</t>
  </si>
  <si>
    <t>941291.0</t>
  </si>
  <si>
    <t>86744.0</t>
  </si>
  <si>
    <t>12370803.0</t>
  </si>
  <si>
    <t>366.918</t>
  </si>
  <si>
    <t>3247467.0</t>
  </si>
  <si>
    <t>2252192.0</t>
  </si>
  <si>
    <t>995275.0</t>
  </si>
  <si>
    <t>81848.0</t>
  </si>
  <si>
    <t>12432321.0</t>
  </si>
  <si>
    <t>368.742</t>
  </si>
  <si>
    <t>56841.0</t>
  </si>
  <si>
    <t>3379817.0</t>
  </si>
  <si>
    <t>2331969.0</t>
  </si>
  <si>
    <t>1047848.0</t>
  </si>
  <si>
    <t>132350.0</t>
  </si>
  <si>
    <t>90032.0</t>
  </si>
  <si>
    <t>64857.0</t>
  </si>
  <si>
    <t>12482876.0</t>
  </si>
  <si>
    <t>370.242</t>
  </si>
  <si>
    <t>3469418.0</t>
  </si>
  <si>
    <t>2377847.0</t>
  </si>
  <si>
    <t>1091571.0</t>
  </si>
  <si>
    <t>89601.0</t>
  </si>
  <si>
    <t>97365.0</t>
  </si>
  <si>
    <t>68023.0</t>
  </si>
  <si>
    <t>170249.5</t>
  </si>
  <si>
    <t>5000.04581553233</t>
  </si>
  <si>
    <t>12506500.0</t>
  </si>
  <si>
    <t>370.942</t>
  </si>
  <si>
    <t>3591505.0</t>
  </si>
  <si>
    <t>2447171.0</t>
  </si>
  <si>
    <t>1144334.0</t>
  </si>
  <si>
    <t>122087.0</t>
  </si>
  <si>
    <t>70617.0</t>
  </si>
  <si>
    <t>12554299.0</t>
  </si>
  <si>
    <t>372.36</t>
  </si>
  <si>
    <t>3693088.0</t>
  </si>
  <si>
    <t>2525024.0</t>
  </si>
  <si>
    <t>1168064.0</t>
  </si>
  <si>
    <t>110883.0</t>
  </si>
  <si>
    <t>73222.0</t>
  </si>
  <si>
    <t>12614761.0</t>
  </si>
  <si>
    <t>374.153</t>
  </si>
  <si>
    <t>3789257.0</t>
  </si>
  <si>
    <t>2608380.0</t>
  </si>
  <si>
    <t>1180877.0</t>
  </si>
  <si>
    <t>96169.0</t>
  </si>
  <si>
    <t>113088.0</t>
  </si>
  <si>
    <t>76510.0</t>
  </si>
  <si>
    <t>12675765.0</t>
  </si>
  <si>
    <t>375.963</t>
  </si>
  <si>
    <t>52736.0</t>
  </si>
  <si>
    <t>3906768.0</t>
  </si>
  <si>
    <t>2698800.0</t>
  </si>
  <si>
    <t>1207968.0</t>
  </si>
  <si>
    <t>117511.0</t>
  </si>
  <si>
    <t>117483.0</t>
  </si>
  <si>
    <t>79387.0</t>
  </si>
  <si>
    <t>12733231.0</t>
  </si>
  <si>
    <t>377.667</t>
  </si>
  <si>
    <t>4059339.0</t>
  </si>
  <si>
    <t>2823517.0</t>
  </si>
  <si>
    <t>1235822.0</t>
  </si>
  <si>
    <t>81618.0</t>
  </si>
  <si>
    <t>12790076.0</t>
  </si>
  <si>
    <t>379.353</t>
  </si>
  <si>
    <t>51108.0</t>
  </si>
  <si>
    <t>4190989.0</t>
  </si>
  <si>
    <t>2898947.0</t>
  </si>
  <si>
    <t>1292042.0</t>
  </si>
  <si>
    <t>131650.0</t>
  </si>
  <si>
    <t>80997.0</t>
  </si>
  <si>
    <t>12839497.0</t>
  </si>
  <si>
    <t>380.819</t>
  </si>
  <si>
    <t>4256599.0</t>
  </si>
  <si>
    <t>2932686.0</t>
  </si>
  <si>
    <t>1323913.0</t>
  </si>
  <si>
    <t>65610.0</t>
  </si>
  <si>
    <t>79263.0</t>
  </si>
  <si>
    <t>173162.9</t>
  </si>
  <si>
    <t>5085.60925906064</t>
  </si>
  <si>
    <t>52739.0</t>
  </si>
  <si>
    <t>4369352.0</t>
  </si>
  <si>
    <t>3001918.0</t>
  </si>
  <si>
    <t>1367434.0</t>
  </si>
  <si>
    <t>112753.0</t>
  </si>
  <si>
    <t>111121.0</t>
  </si>
  <si>
    <t>79250.0</t>
  </si>
  <si>
    <t>12911851.0</t>
  </si>
  <si>
    <t>382.965</t>
  </si>
  <si>
    <t>51079.0</t>
  </si>
  <si>
    <t>4483264.0</t>
  </si>
  <si>
    <t>3077842.0</t>
  </si>
  <si>
    <t>1405422.0</t>
  </si>
  <si>
    <t>112882.0</t>
  </si>
  <si>
    <t>12969305.0</t>
  </si>
  <si>
    <t>384.669</t>
  </si>
  <si>
    <t>50649.0</t>
  </si>
  <si>
    <t>4598167.0</t>
  </si>
  <si>
    <t>3156241.0</t>
  </si>
  <si>
    <t>1441926.0</t>
  </si>
  <si>
    <t>114903.0</t>
  </si>
  <si>
    <t>78266.0</t>
  </si>
  <si>
    <t>13025140.0</t>
  </si>
  <si>
    <t>386.325</t>
  </si>
  <si>
    <t>49911.0</t>
  </si>
  <si>
    <t>4663851.0</t>
  </si>
  <si>
    <t>3194997.0</t>
  </si>
  <si>
    <t>1468854.0</t>
  </si>
  <si>
    <t>108155.0</t>
  </si>
  <si>
    <t>13076134.0</t>
  </si>
  <si>
    <t>387.838</t>
  </si>
  <si>
    <t>48986.0</t>
  </si>
  <si>
    <t>4701701.0</t>
  </si>
  <si>
    <t>3211222.0</t>
  </si>
  <si>
    <t>1490479.0</t>
  </si>
  <si>
    <t>37850.0</t>
  </si>
  <si>
    <t>91766.0</t>
  </si>
  <si>
    <t>13132238.0</t>
  </si>
  <si>
    <t>389.502</t>
  </si>
  <si>
    <t>48880.0</t>
  </si>
  <si>
    <t>4723025.0</t>
  </si>
  <si>
    <t>3218847.0</t>
  </si>
  <si>
    <t>1504178.0</t>
  </si>
  <si>
    <t>45700.0</t>
  </si>
  <si>
    <t>13173460.0</t>
  </si>
  <si>
    <t>390.724</t>
  </si>
  <si>
    <t>47709.0</t>
  </si>
  <si>
    <t>4725248.0</t>
  </si>
  <si>
    <t>3220755.0</t>
  </si>
  <si>
    <t>1504493.0</t>
  </si>
  <si>
    <t>41153.0</t>
  </si>
  <si>
    <t>175693.2</t>
  </si>
  <si>
    <t>5159.92146512903</t>
  </si>
  <si>
    <t>13188675.0</t>
  </si>
  <si>
    <t>391.176</t>
  </si>
  <si>
    <t>4756805.0</t>
  </si>
  <si>
    <t>3228750.0</t>
  </si>
  <si>
    <t>1528055.0</t>
  </si>
  <si>
    <t>31557.0</t>
  </si>
  <si>
    <t>55350.0</t>
  </si>
  <si>
    <t>32405.0</t>
  </si>
  <si>
    <t>13230098.0</t>
  </si>
  <si>
    <t>392.404</t>
  </si>
  <si>
    <t>4975321.0</t>
  </si>
  <si>
    <t>3330373.0</t>
  </si>
  <si>
    <t>1644948.0</t>
  </si>
  <si>
    <t>218516.0</t>
  </si>
  <si>
    <t>13274284.0</t>
  </si>
  <si>
    <t>393.715</t>
  </si>
  <si>
    <t>5182877.0</t>
  </si>
  <si>
    <t>3445558.0</t>
  </si>
  <si>
    <t>1737319.0</t>
  </si>
  <si>
    <t>207556.0</t>
  </si>
  <si>
    <t>13325242.0</t>
  </si>
  <si>
    <t>395.226</t>
  </si>
  <si>
    <t>42872.0</t>
  </si>
  <si>
    <t>5414455.0</t>
  </si>
  <si>
    <t>3570349.0</t>
  </si>
  <si>
    <t>1844106.0</t>
  </si>
  <si>
    <t>231578.0</t>
  </si>
  <si>
    <t>107229.0</t>
  </si>
  <si>
    <t>53622.0</t>
  </si>
  <si>
    <t>13371116.0</t>
  </si>
  <si>
    <t>396.587</t>
  </si>
  <si>
    <t>5640937.0</t>
  </si>
  <si>
    <t>3661207.0</t>
  </si>
  <si>
    <t>226482.0</t>
  </si>
  <si>
    <t>134177.0</t>
  </si>
  <si>
    <t>13418289.0</t>
  </si>
  <si>
    <t>397.986</t>
  </si>
  <si>
    <t>5805903.0</t>
  </si>
  <si>
    <t>3736766.0</t>
  </si>
  <si>
    <t>2069137.0</t>
  </si>
  <si>
    <t>164966.0</t>
  </si>
  <si>
    <t>154697.0</t>
  </si>
  <si>
    <t>73988.0</t>
  </si>
  <si>
    <t>13454594.0</t>
  </si>
  <si>
    <t>399.063</t>
  </si>
  <si>
    <t>5890340.0</t>
  </si>
  <si>
    <t>3774009.0</t>
  </si>
  <si>
    <t>2116331.0</t>
  </si>
  <si>
    <t>84437.0</t>
  </si>
  <si>
    <t>166442.0</t>
  </si>
  <si>
    <t>79036.0</t>
  </si>
  <si>
    <t>177498.7</t>
  </si>
  <si>
    <t>5212.94707002035</t>
  </si>
  <si>
    <t>13471110.0</t>
  </si>
  <si>
    <t>399.553</t>
  </si>
  <si>
    <t>40348.0</t>
  </si>
  <si>
    <t>6005679.0</t>
  </si>
  <si>
    <t>3810453.0</t>
  </si>
  <si>
    <t>2195226.0</t>
  </si>
  <si>
    <t>178411.0</t>
  </si>
  <si>
    <t>83100.0</t>
  </si>
  <si>
    <t>13510063.0</t>
  </si>
  <si>
    <t>39995.0</t>
  </si>
  <si>
    <t>6137677.0</t>
  </si>
  <si>
    <t>3852658.0</t>
  </si>
  <si>
    <t>2285019.0</t>
  </si>
  <si>
    <t>166051.0</t>
  </si>
  <si>
    <t>13564562.0</t>
  </si>
  <si>
    <t>402.325</t>
  </si>
  <si>
    <t>41468.0</t>
  </si>
  <si>
    <t>6253257.0</t>
  </si>
  <si>
    <t>3890891.0</t>
  </si>
  <si>
    <t>2362366.0</t>
  </si>
  <si>
    <t>63619.0</t>
  </si>
  <si>
    <t>13620937.0</t>
  </si>
  <si>
    <t>403.997</t>
  </si>
  <si>
    <t>6394688.0</t>
  </si>
  <si>
    <t>3931590.0</t>
  </si>
  <si>
    <t>2463098.0</t>
  </si>
  <si>
    <t>141431.0</t>
  </si>
  <si>
    <t>140033.0</t>
  </si>
  <si>
    <t>13673551.0</t>
  </si>
  <si>
    <t>405.557</t>
  </si>
  <si>
    <t>6569971.0</t>
  </si>
  <si>
    <t>3967364.0</t>
  </si>
  <si>
    <t>2602607.0</t>
  </si>
  <si>
    <t>132719.0</t>
  </si>
  <si>
    <t>43737.0</t>
  </si>
  <si>
    <t>13730352.0</t>
  </si>
  <si>
    <t>407.242</t>
  </si>
  <si>
    <t>44580.0</t>
  </si>
  <si>
    <t>6684777.0</t>
  </si>
  <si>
    <t>2694728.0</t>
  </si>
  <si>
    <t>114806.0</t>
  </si>
  <si>
    <t>125553.0</t>
  </si>
  <si>
    <t>36183.0</t>
  </si>
  <si>
    <t>13773500.0</t>
  </si>
  <si>
    <t>408.522</t>
  </si>
  <si>
    <t>6718386.0</t>
  </si>
  <si>
    <t>3996308.0</t>
  </si>
  <si>
    <t>2722078.0</t>
  </si>
  <si>
    <t>33609.0</t>
  </si>
  <si>
    <t>118292.0</t>
  </si>
  <si>
    <t>31757.0</t>
  </si>
  <si>
    <t>178875.3</t>
  </si>
  <si>
    <t>5253.37634041269</t>
  </si>
  <si>
    <t>13791063.0</t>
  </si>
  <si>
    <t>409.043</t>
  </si>
  <si>
    <t>45708.0</t>
  </si>
  <si>
    <t>6831622.0</t>
  </si>
  <si>
    <t>4040665.0</t>
  </si>
  <si>
    <t>2790957.0</t>
  </si>
  <si>
    <t>113236.0</t>
  </si>
  <si>
    <t>32887.0</t>
  </si>
  <si>
    <t>13836430.0</t>
  </si>
  <si>
    <t>410.388</t>
  </si>
  <si>
    <t>46624.0</t>
  </si>
  <si>
    <t>6973948.0</t>
  </si>
  <si>
    <t>4087744.0</t>
  </si>
  <si>
    <t>2886204.0</t>
  </si>
  <si>
    <t>142326.0</t>
  </si>
  <si>
    <t>119467.0</t>
  </si>
  <si>
    <t>13886987.0</t>
  </si>
  <si>
    <t>411.888</t>
  </si>
  <si>
    <t>46061.0</t>
  </si>
  <si>
    <t>7103393.0</t>
  </si>
  <si>
    <t>4129083.0</t>
  </si>
  <si>
    <t>2974310.0</t>
  </si>
  <si>
    <t>129445.0</t>
  </si>
  <si>
    <t>13939292.0</t>
  </si>
  <si>
    <t>413.439</t>
  </si>
  <si>
    <t>7189856.0</t>
  </si>
  <si>
    <t>4173376.0</t>
  </si>
  <si>
    <t>3016480.0</t>
  </si>
  <si>
    <t>86463.0</t>
  </si>
  <si>
    <t>113595.0</t>
  </si>
  <si>
    <t>13992580.0</t>
  </si>
  <si>
    <t>415.02</t>
  </si>
  <si>
    <t>45576.0</t>
  </si>
  <si>
    <t>7317754.0</t>
  </si>
  <si>
    <t>4266232.0</t>
  </si>
  <si>
    <t>3051522.0</t>
  </si>
  <si>
    <t>127898.0</t>
  </si>
  <si>
    <t>42695.0</t>
  </si>
  <si>
    <t>14042806.0</t>
  </si>
  <si>
    <t>416.509</t>
  </si>
  <si>
    <t>7400405.0</t>
  </si>
  <si>
    <t>4335868.0</t>
  </si>
  <si>
    <t>3064537.0</t>
  </si>
  <si>
    <t>82651.0</t>
  </si>
  <si>
    <t>102233.0</t>
  </si>
  <si>
    <t>14084148.0</t>
  </si>
  <si>
    <t>417.735</t>
  </si>
  <si>
    <t>7451849.0</t>
  </si>
  <si>
    <t>4383298.0</t>
  </si>
  <si>
    <t>3068551.0</t>
  </si>
  <si>
    <t>104780.0</t>
  </si>
  <si>
    <t>179817.2</t>
  </si>
  <si>
    <t>5281.03893650637</t>
  </si>
  <si>
    <t>14102037.0</t>
  </si>
  <si>
    <t>7508506.0</t>
  </si>
  <si>
    <t>4425911.0</t>
  </si>
  <si>
    <t>3082595.0</t>
  </si>
  <si>
    <t>56657.0</t>
  </si>
  <si>
    <t>96698.0</t>
  </si>
  <si>
    <t>14146986.0</t>
  </si>
  <si>
    <t>419.599</t>
  </si>
  <si>
    <t>7609977.0</t>
  </si>
  <si>
    <t>4457175.0</t>
  </si>
  <si>
    <t>3152802.0</t>
  </si>
  <si>
    <t>101471.0</t>
  </si>
  <si>
    <t>52776.0</t>
  </si>
  <si>
    <t>14176553.0</t>
  </si>
  <si>
    <t>420.476</t>
  </si>
  <si>
    <t>7793083.0</t>
  </si>
  <si>
    <t>4541317.0</t>
  </si>
  <si>
    <t>3251766.0</t>
  </si>
  <si>
    <t>183106.0</t>
  </si>
  <si>
    <t>58891.0</t>
  </si>
  <si>
    <t>14224136.0</t>
  </si>
  <si>
    <t>421.887</t>
  </si>
  <si>
    <t>7995805.0</t>
  </si>
  <si>
    <t>4641901.0</t>
  </si>
  <si>
    <t>3353904.0</t>
  </si>
  <si>
    <t>115136.0</t>
  </si>
  <si>
    <t>14276475.0</t>
  </si>
  <si>
    <t>423.44</t>
  </si>
  <si>
    <t>8204674.0</t>
  </si>
  <si>
    <t>4758801.0</t>
  </si>
  <si>
    <t>3445873.0</t>
  </si>
  <si>
    <t>208869.0</t>
  </si>
  <si>
    <t>14331473.0</t>
  </si>
  <si>
    <t>425.071</t>
  </si>
  <si>
    <t>8403223.0</t>
  </si>
  <si>
    <t>4883848.0</t>
  </si>
  <si>
    <t>3519375.0</t>
  </si>
  <si>
    <t>143260.0</t>
  </si>
  <si>
    <t>78283.0</t>
  </si>
  <si>
    <t>14373931.0</t>
  </si>
  <si>
    <t>426.33</t>
  </si>
  <si>
    <t>8539553.0</t>
  </si>
  <si>
    <t>4984395.0</t>
  </si>
  <si>
    <t>3555158.0</t>
  </si>
  <si>
    <t>136330.0</t>
  </si>
  <si>
    <t>155386.0</t>
  </si>
  <si>
    <t>180569.1</t>
  </si>
  <si>
    <t>5303.12143571311</t>
  </si>
  <si>
    <t>14392964.0</t>
  </si>
  <si>
    <t>426.895</t>
  </si>
  <si>
    <t>8728415.0</t>
  </si>
  <si>
    <t>5136063.0</t>
  </si>
  <si>
    <t>3592352.0</t>
  </si>
  <si>
    <t>188862.0</t>
  </si>
  <si>
    <t>101450.0</t>
  </si>
  <si>
    <t>14437212.0</t>
  </si>
  <si>
    <t>428.207</t>
  </si>
  <si>
    <t>5308939.0</t>
  </si>
  <si>
    <t>3634381.0</t>
  </si>
  <si>
    <t>214905.0</t>
  </si>
  <si>
    <t>190478.0</t>
  </si>
  <si>
    <t>14486350.0</t>
  </si>
  <si>
    <t>429.665</t>
  </si>
  <si>
    <t>44257.0</t>
  </si>
  <si>
    <t>9116009.0</t>
  </si>
  <si>
    <t>5446879.0</t>
  </si>
  <si>
    <t>3669130.0</t>
  </si>
  <si>
    <t>172689.0</t>
  </si>
  <si>
    <t>188989.0</t>
  </si>
  <si>
    <t>129366.0</t>
  </si>
  <si>
    <t>14540713.0</t>
  </si>
  <si>
    <t>431.277</t>
  </si>
  <si>
    <t>9275779.0</t>
  </si>
  <si>
    <t>5562772.0</t>
  </si>
  <si>
    <t>3713007.0</t>
  </si>
  <si>
    <t>159770.0</t>
  </si>
  <si>
    <t>182853.0</t>
  </si>
  <si>
    <t>131553.0</t>
  </si>
  <si>
    <t>14596948.0</t>
  </si>
  <si>
    <t>432.945</t>
  </si>
  <si>
    <t>45782.0</t>
  </si>
  <si>
    <t>9440508.0</t>
  </si>
  <si>
    <t>5686031.0</t>
  </si>
  <si>
    <t>3754477.0</t>
  </si>
  <si>
    <t>164729.0</t>
  </si>
  <si>
    <t>176548.0</t>
  </si>
  <si>
    <t>132461.0</t>
  </si>
  <si>
    <t>14642569.0</t>
  </si>
  <si>
    <t>434.298</t>
  </si>
  <si>
    <t>9709978.0</t>
  </si>
  <si>
    <t>5928240.0</t>
  </si>
  <si>
    <t>3781738.0</t>
  </si>
  <si>
    <t>269470.0</t>
  </si>
  <si>
    <t>186679.0</t>
  </si>
  <si>
    <t>149199.0</t>
  </si>
  <si>
    <t>14689572.0</t>
  </si>
  <si>
    <t>435.692</t>
  </si>
  <si>
    <t>45092.0</t>
  </si>
  <si>
    <t>9891689.0</t>
  </si>
  <si>
    <t>6098871.0</t>
  </si>
  <si>
    <t>3792818.0</t>
  </si>
  <si>
    <t>181711.0</t>
  </si>
  <si>
    <t>193162.0</t>
  </si>
  <si>
    <t>159211.0</t>
  </si>
  <si>
    <t>181036.1</t>
  </si>
  <si>
    <t>5316.83672648256</t>
  </si>
  <si>
    <t>14712510.0</t>
  </si>
  <si>
    <t>436.373</t>
  </si>
  <si>
    <t>45649.0</t>
  </si>
  <si>
    <t>9999474.0</t>
  </si>
  <si>
    <t>6183705.0</t>
  </si>
  <si>
    <t>3815769.0</t>
  </si>
  <si>
    <t>107785.0</t>
  </si>
  <si>
    <t>181580.0</t>
  </si>
  <si>
    <t>149663.0</t>
  </si>
  <si>
    <t>14760685.0</t>
  </si>
  <si>
    <t>437.802</t>
  </si>
  <si>
    <t>10112079.0</t>
  </si>
  <si>
    <t>6270617.0</t>
  </si>
  <si>
    <t>3841462.0</t>
  </si>
  <si>
    <t>166966.0</t>
  </si>
  <si>
    <t>14815619.0</t>
  </si>
  <si>
    <t>439.431</t>
  </si>
  <si>
    <t>10262127.0</t>
  </si>
  <si>
    <t>6390304.0</t>
  </si>
  <si>
    <t>3871823.0</t>
  </si>
  <si>
    <t>150048.0</t>
  </si>
  <si>
    <t>163731.0</t>
  </si>
  <si>
    <t>134775.0</t>
  </si>
  <si>
    <t>14869121.0</t>
  </si>
  <si>
    <t>441.018</t>
  </si>
  <si>
    <t>10462895.0</t>
  </si>
  <si>
    <t>6532842.0</t>
  </si>
  <si>
    <t>3930053.0</t>
  </si>
  <si>
    <t>200768.0</t>
  </si>
  <si>
    <t>169588.0</t>
  </si>
  <si>
    <t>138581.0</t>
  </si>
  <si>
    <t>14917790.0</t>
  </si>
  <si>
    <t>442.461</t>
  </si>
  <si>
    <t>10692191.0</t>
  </si>
  <si>
    <t>6666510.0</t>
  </si>
  <si>
    <t>4025681.0</t>
  </si>
  <si>
    <t>229296.0</t>
  </si>
  <si>
    <t>14967701.0</t>
  </si>
  <si>
    <t>443.942</t>
  </si>
  <si>
    <t>11002228.0</t>
  </si>
  <si>
    <t>6894685.0</t>
  </si>
  <si>
    <t>4107543.0</t>
  </si>
  <si>
    <t>310037.0</t>
  </si>
  <si>
    <t>184607.0</t>
  </si>
  <si>
    <t>15011901.0</t>
  </si>
  <si>
    <t>445.253</t>
  </si>
  <si>
    <t>11181460.0</t>
  </si>
  <si>
    <t>7026702.0</t>
  </si>
  <si>
    <t>4154758.0</t>
  </si>
  <si>
    <t>179232.0</t>
  </si>
  <si>
    <t>184253.0</t>
  </si>
  <si>
    <t>181355.5</t>
  </si>
  <si>
    <t>5326.2171630388</t>
  </si>
  <si>
    <t>15032458.0</t>
  </si>
  <si>
    <t>445.862</t>
  </si>
  <si>
    <t>11280200.0</t>
  </si>
  <si>
    <t>7084473.0</t>
  </si>
  <si>
    <t>4195727.0</t>
  </si>
  <si>
    <t>98740.0</t>
  </si>
  <si>
    <t>182961.0</t>
  </si>
  <si>
    <t>128681.0</t>
  </si>
  <si>
    <t>15073218.0</t>
  </si>
  <si>
    <t>447.071</t>
  </si>
  <si>
    <t>44648.0</t>
  </si>
  <si>
    <t>11384046.0</t>
  </si>
  <si>
    <t>7156244.0</t>
  </si>
  <si>
    <t>4227802.0</t>
  </si>
  <si>
    <t>181710.0</t>
  </si>
  <si>
    <t>126518.0</t>
  </si>
  <si>
    <t>15122721.0</t>
  </si>
  <si>
    <t>448.54</t>
  </si>
  <si>
    <t>43872.0</t>
  </si>
  <si>
    <t>11544035.0</t>
  </si>
  <si>
    <t>7243193.0</t>
  </si>
  <si>
    <t>4300842.0</t>
  </si>
  <si>
    <t>183130.0</t>
  </si>
  <si>
    <t>15169438.0</t>
  </si>
  <si>
    <t>449.925</t>
  </si>
  <si>
    <t>11738997.0</t>
  </si>
  <si>
    <t>7353887.0</t>
  </si>
  <si>
    <t>4385110.0</t>
  </si>
  <si>
    <t>15221108.0</t>
  </si>
  <si>
    <t>451.458</t>
  </si>
  <si>
    <t>11988162.0</t>
  </si>
  <si>
    <t>7501477.0</t>
  </si>
  <si>
    <t>4486685.0</t>
  </si>
  <si>
    <t>249165.0</t>
  </si>
  <si>
    <t>185139.0</t>
  </si>
  <si>
    <t>119281.0</t>
  </si>
  <si>
    <t>15272816.0</t>
  </si>
  <si>
    <t>452.991</t>
  </si>
  <si>
    <t>12377427.0</t>
  </si>
  <si>
    <t>7778194.0</t>
  </si>
  <si>
    <t>4599233.0</t>
  </si>
  <si>
    <t>389265.0</t>
  </si>
  <si>
    <t>126216.0</t>
  </si>
  <si>
    <t>15315895.0</t>
  </si>
  <si>
    <t>454.269</t>
  </si>
  <si>
    <t>12686306.0</t>
  </si>
  <si>
    <t>7985379.0</t>
  </si>
  <si>
    <t>4700927.0</t>
  </si>
  <si>
    <t>308879.0</t>
  </si>
  <si>
    <t>214978.0</t>
  </si>
  <si>
    <t>136954.0</t>
  </si>
  <si>
    <t>181509.6</t>
  </si>
  <si>
    <t>5330.74291530341</t>
  </si>
  <si>
    <t>15337567.0</t>
  </si>
  <si>
    <t>454.912</t>
  </si>
  <si>
    <t>12764528.0</t>
  </si>
  <si>
    <t>8037993.0</t>
  </si>
  <si>
    <t>4726535.0</t>
  </si>
  <si>
    <t>212047.0</t>
  </si>
  <si>
    <t>15380675.0</t>
  </si>
  <si>
    <t>456.19</t>
  </si>
  <si>
    <t>43922.0</t>
  </si>
  <si>
    <t>13020602.0</t>
  </si>
  <si>
    <t>8078873.0</t>
  </si>
  <si>
    <t>4941729.0</t>
  </si>
  <si>
    <t>256074.0</t>
  </si>
  <si>
    <t>233794.0</t>
  </si>
  <si>
    <t>131804.0</t>
  </si>
  <si>
    <t>15432556.0</t>
  </si>
  <si>
    <t>457.729</t>
  </si>
  <si>
    <t>44262.0</t>
  </si>
  <si>
    <t>13137167.0</t>
  </si>
  <si>
    <t>8093024.0</t>
  </si>
  <si>
    <t>5044143.0</t>
  </si>
  <si>
    <t>116565.0</t>
  </si>
  <si>
    <t>227590.0</t>
  </si>
  <si>
    <t>121404.0</t>
  </si>
  <si>
    <t>15457306.0</t>
  </si>
  <si>
    <t>458.463</t>
  </si>
  <si>
    <t>13202633.0</t>
  </si>
  <si>
    <t>8108732.0</t>
  </si>
  <si>
    <t>5093901.0</t>
  </si>
  <si>
    <t>209091.0</t>
  </si>
  <si>
    <t>107835.0</t>
  </si>
  <si>
    <t>15476472.0</t>
  </si>
  <si>
    <t>459.032</t>
  </si>
  <si>
    <t>36481.0</t>
  </si>
  <si>
    <t>13369311.0</t>
  </si>
  <si>
    <t>8146369.0</t>
  </si>
  <si>
    <t>5222942.0</t>
  </si>
  <si>
    <t>166678.0</t>
  </si>
  <si>
    <t>197307.0</t>
  </si>
  <si>
    <t>92127.0</t>
  </si>
  <si>
    <t>15515297.0</t>
  </si>
  <si>
    <t>460.183</t>
  </si>
  <si>
    <t>13646191.0</t>
  </si>
  <si>
    <t>8205603.0</t>
  </si>
  <si>
    <t>5440588.0</t>
  </si>
  <si>
    <t>276880.0</t>
  </si>
  <si>
    <t>15552222.0</t>
  </si>
  <si>
    <t>461.278</t>
  </si>
  <si>
    <t>13856516.0</t>
  </si>
  <si>
    <t>8258722.0</t>
  </si>
  <si>
    <t>5597794.0</t>
  </si>
  <si>
    <t>210325.0</t>
  </si>
  <si>
    <t>167173.0</t>
  </si>
  <si>
    <t>181545.0</t>
  </si>
  <si>
    <t>5331.78257546024</t>
  </si>
  <si>
    <t>15573179.0</t>
  </si>
  <si>
    <t>461.9</t>
  </si>
  <si>
    <t>14006237.0</t>
  </si>
  <si>
    <t>8299884.0</t>
  </si>
  <si>
    <t>5706353.0</t>
  </si>
  <si>
    <t>149721.0</t>
  </si>
  <si>
    <t>177387.0</t>
  </si>
  <si>
    <t>15617865.0</t>
  </si>
  <si>
    <t>463.225</t>
  </si>
  <si>
    <t>33884.0</t>
  </si>
  <si>
    <t>14146651.0</t>
  </si>
  <si>
    <t>8338386.0</t>
  </si>
  <si>
    <t>5808265.0</t>
  </si>
  <si>
    <t>140414.0</t>
  </si>
  <si>
    <t>160864.0</t>
  </si>
  <si>
    <t>15669595.0</t>
  </si>
  <si>
    <t>464.76</t>
  </si>
  <si>
    <t>33863.0</t>
  </si>
  <si>
    <t>14308895.0</t>
  </si>
  <si>
    <t>8387879.0</t>
  </si>
  <si>
    <t>5921016.0</t>
  </si>
  <si>
    <t>167390.0</t>
  </si>
  <si>
    <t>15715737.0</t>
  </si>
  <si>
    <t>466.128</t>
  </si>
  <si>
    <t>14481985.0</t>
  </si>
  <si>
    <t>8439158.0</t>
  </si>
  <si>
    <t>6042827.0</t>
  </si>
  <si>
    <t>173090.0</t>
  </si>
  <si>
    <t>182765.0</t>
  </si>
  <si>
    <t>15762783.0</t>
  </si>
  <si>
    <t>467.524</t>
  </si>
  <si>
    <t>14767847.0</t>
  </si>
  <si>
    <t>8595180.0</t>
  </si>
  <si>
    <t>6172667.0</t>
  </si>
  <si>
    <t>199791.0</t>
  </si>
  <si>
    <t>15807736.0</t>
  </si>
  <si>
    <t>468.857</t>
  </si>
  <si>
    <t>41777.0</t>
  </si>
  <si>
    <t>15266002.0</t>
  </si>
  <si>
    <t>8886035.0</t>
  </si>
  <si>
    <t>6379967.0</t>
  </si>
  <si>
    <t>498155.0</t>
  </si>
  <si>
    <t>231402.0</t>
  </si>
  <si>
    <t>97205.0</t>
  </si>
  <si>
    <t>15843728.0</t>
  </si>
  <si>
    <t>469.925</t>
  </si>
  <si>
    <t>41644.0</t>
  </si>
  <si>
    <t>15629551.0</t>
  </si>
  <si>
    <t>9108619.0</t>
  </si>
  <si>
    <t>6520932.0</t>
  </si>
  <si>
    <t>363549.0</t>
  </si>
  <si>
    <t>253291.0</t>
  </si>
  <si>
    <t>121414.0</t>
  </si>
  <si>
    <t>181523.5</t>
  </si>
  <si>
    <t>5331.15114344408</t>
  </si>
  <si>
    <t>15861011.0</t>
  </si>
  <si>
    <t>470.437</t>
  </si>
  <si>
    <t>15735837.0</t>
  </si>
  <si>
    <t>9162337.0</t>
  </si>
  <si>
    <t>6573500.0</t>
  </si>
  <si>
    <t>247086.0</t>
  </si>
  <si>
    <t>123208.0</t>
  </si>
  <si>
    <t>15898568.0</t>
  </si>
  <si>
    <t>471.551</t>
  </si>
  <si>
    <t>15860851.0</t>
  </si>
  <si>
    <t>9223346.0</t>
  </si>
  <si>
    <t>6637505.0</t>
  </si>
  <si>
    <t>125014.0</t>
  </si>
  <si>
    <t>244886.0</t>
  </si>
  <si>
    <t>126423.0</t>
  </si>
  <si>
    <t>15948211.0</t>
  </si>
  <si>
    <t>15981359.0</t>
  </si>
  <si>
    <t>9265555.0</t>
  </si>
  <si>
    <t>6715804.0</t>
  </si>
  <si>
    <t>120508.0</t>
  </si>
  <si>
    <t>238923.0</t>
  </si>
  <si>
    <t>125382.0</t>
  </si>
  <si>
    <t>15996274.0</t>
  </si>
  <si>
    <t>474.449</t>
  </si>
  <si>
    <t>16099930.0</t>
  </si>
  <si>
    <t>9303523.0</t>
  </si>
  <si>
    <t>6796407.0</t>
  </si>
  <si>
    <t>231135.0</t>
  </si>
  <si>
    <t>16047113.0</t>
  </si>
  <si>
    <t>475.957</t>
  </si>
  <si>
    <t>16218367.0</t>
  </si>
  <si>
    <t>9338206.0</t>
  </si>
  <si>
    <t>6880161.0</t>
  </si>
  <si>
    <t>118437.0</t>
  </si>
  <si>
    <t>207217.0</t>
  </si>
  <si>
    <t>106147.0</t>
  </si>
  <si>
    <t>16093186.0</t>
  </si>
  <si>
    <t>477.323</t>
  </si>
  <si>
    <t>16453906.0</t>
  </si>
  <si>
    <t>9378237.0</t>
  </si>
  <si>
    <t>7075669.0</t>
  </si>
  <si>
    <t>235539.0</t>
  </si>
  <si>
    <t>169701.0</t>
  </si>
  <si>
    <t>16129668.0</t>
  </si>
  <si>
    <t>478.406</t>
  </si>
  <si>
    <t>40849.0</t>
  </si>
  <si>
    <t>16651779.0</t>
  </si>
  <si>
    <t>9399538.0</t>
  </si>
  <si>
    <t>7252241.0</t>
  </si>
  <si>
    <t>197873.0</t>
  </si>
  <si>
    <t>41560.0</t>
  </si>
  <si>
    <t>181488.5</t>
  </si>
  <si>
    <t>5330.12323085965</t>
  </si>
  <si>
    <t>16145785.0</t>
  </si>
  <si>
    <t>478.884</t>
  </si>
  <si>
    <t>16732446.0</t>
  </si>
  <si>
    <t>9432358.0</t>
  </si>
  <si>
    <t>7300088.0</t>
  </si>
  <si>
    <t>80667.0</t>
  </si>
  <si>
    <t>142373.0</t>
  </si>
  <si>
    <t>16186164.0</t>
  </si>
  <si>
    <t>480.081</t>
  </si>
  <si>
    <t>16833729.0</t>
  </si>
  <si>
    <t>9470013.0</t>
  </si>
  <si>
    <t>7363716.0</t>
  </si>
  <si>
    <t>101283.0</t>
  </si>
  <si>
    <t>35238.0</t>
  </si>
  <si>
    <t>16235798.0</t>
  </si>
  <si>
    <t>481.553</t>
  </si>
  <si>
    <t>41084.0</t>
  </si>
  <si>
    <t>16923788.0</t>
  </si>
  <si>
    <t>9505048.0</t>
  </si>
  <si>
    <t>7418740.0</t>
  </si>
  <si>
    <t>90059.0</t>
  </si>
  <si>
    <t>16284168.0</t>
  </si>
  <si>
    <t>482.988</t>
  </si>
  <si>
    <t>41128.0</t>
  </si>
  <si>
    <t>17026290.0</t>
  </si>
  <si>
    <t>9548542.0</t>
  </si>
  <si>
    <t>7477748.0</t>
  </si>
  <si>
    <t>16332153.0</t>
  </si>
  <si>
    <t>484.411</t>
  </si>
  <si>
    <t>17177834.0</t>
  </si>
  <si>
    <t>9630583.0</t>
  </si>
  <si>
    <t>7547251.0</t>
  </si>
  <si>
    <t>151544.0</t>
  </si>
  <si>
    <t>137067.0</t>
  </si>
  <si>
    <t>16383337.0</t>
  </si>
  <si>
    <t>485.929</t>
  </si>
  <si>
    <t>17495593.0</t>
  </si>
  <si>
    <t>9817563.0</t>
  </si>
  <si>
    <t>7678030.0</t>
  </si>
  <si>
    <t>317759.0</t>
  </si>
  <si>
    <t>16425523.0</t>
  </si>
  <si>
    <t>487.181</t>
  </si>
  <si>
    <t>17728495.0</t>
  </si>
  <si>
    <t>9969926.0</t>
  </si>
  <si>
    <t>7758569.0</t>
  </si>
  <si>
    <t>232902.0</t>
  </si>
  <si>
    <t>153817.0</t>
  </si>
  <si>
    <t>181393.4</t>
  </si>
  <si>
    <t>5327.33024552309</t>
  </si>
  <si>
    <t>16442717.0</t>
  </si>
  <si>
    <t>487.691</t>
  </si>
  <si>
    <t>42419.0</t>
  </si>
  <si>
    <t>17809945.0</t>
  </si>
  <si>
    <t>10004911.0</t>
  </si>
  <si>
    <t>7805034.0</t>
  </si>
  <si>
    <t>81450.0</t>
  </si>
  <si>
    <t>153928.0</t>
  </si>
  <si>
    <t>16484068.0</t>
  </si>
  <si>
    <t>488.917</t>
  </si>
  <si>
    <t>17887692.0</t>
  </si>
  <si>
    <t>10042846.0</t>
  </si>
  <si>
    <t>7844846.0</t>
  </si>
  <si>
    <t>77747.0</t>
  </si>
  <si>
    <t>150566.0</t>
  </si>
  <si>
    <t>81833.0</t>
  </si>
  <si>
    <t>16535979.0</t>
  </si>
  <si>
    <t>490.457</t>
  </si>
  <si>
    <t>42883.0</t>
  </si>
  <si>
    <t>17979721.0</t>
  </si>
  <si>
    <t>10096533.0</t>
  </si>
  <si>
    <t>7883188.0</t>
  </si>
  <si>
    <t>92029.0</t>
  </si>
  <si>
    <t>150848.0</t>
  </si>
  <si>
    <t>84498.0</t>
  </si>
  <si>
    <t>16586657.0</t>
  </si>
  <si>
    <t>491.96</t>
  </si>
  <si>
    <t>18087183.0</t>
  </si>
  <si>
    <t>10167351.0</t>
  </si>
  <si>
    <t>7919832.0</t>
  </si>
  <si>
    <t>107462.0</t>
  </si>
  <si>
    <t>151556.0</t>
  </si>
  <si>
    <t>88401.0</t>
  </si>
  <si>
    <t>16634746.0</t>
  </si>
  <si>
    <t>493.386</t>
  </si>
  <si>
    <t>43228.0</t>
  </si>
  <si>
    <t>18261638.0</t>
  </si>
  <si>
    <t>10222640.0</t>
  </si>
  <si>
    <t>8038998.0</t>
  </si>
  <si>
    <t>174455.0</t>
  </si>
  <si>
    <t>154829.0</t>
  </si>
  <si>
    <t>84580.0</t>
  </si>
  <si>
    <t>16682090.0</t>
  </si>
  <si>
    <t>494.79</t>
  </si>
  <si>
    <t>18726397.0</t>
  </si>
  <si>
    <t>10453816.0</t>
  </si>
  <si>
    <t>8272581.0</t>
  </si>
  <si>
    <t>464759.0</t>
  </si>
  <si>
    <t>90893.0</t>
  </si>
  <si>
    <t>16713707.0</t>
  </si>
  <si>
    <t>495.728</t>
  </si>
  <si>
    <t>19136407.0</t>
  </si>
  <si>
    <t>10633645.0</t>
  </si>
  <si>
    <t>8502762.0</t>
  </si>
  <si>
    <t>410010.0</t>
  </si>
  <si>
    <t>201130.0</t>
  </si>
  <si>
    <t>181495.2</t>
  </si>
  <si>
    <t>5330.32000269724</t>
  </si>
  <si>
    <t>16733426.0</t>
  </si>
  <si>
    <t>496.313</t>
  </si>
  <si>
    <t>41530.0</t>
  </si>
  <si>
    <t>19154597.0</t>
  </si>
  <si>
    <t>10641506.0</t>
  </si>
  <si>
    <t>8513091.0</t>
  </si>
  <si>
    <t>90942.0</t>
  </si>
  <si>
    <t>16752029.0</t>
  </si>
  <si>
    <t>496.865</t>
  </si>
  <si>
    <t>38280.0</t>
  </si>
  <si>
    <t>19275265.0</t>
  </si>
  <si>
    <t>10712814.0</t>
  </si>
  <si>
    <t>8562451.0</t>
  </si>
  <si>
    <t>120668.0</t>
  </si>
  <si>
    <t>198225.0</t>
  </si>
  <si>
    <t>95710.0</t>
  </si>
  <si>
    <t>16793799.0</t>
  </si>
  <si>
    <t>498.104</t>
  </si>
  <si>
    <t>19432134.0</t>
  </si>
  <si>
    <t>10798055.0</t>
  </si>
  <si>
    <t>8634079.0</t>
  </si>
  <si>
    <t>207488.0</t>
  </si>
  <si>
    <t>100217.0</t>
  </si>
  <si>
    <t>16840906.0</t>
  </si>
  <si>
    <t>499.501</t>
  </si>
  <si>
    <t>19618928.0</t>
  </si>
  <si>
    <t>10925693.0</t>
  </si>
  <si>
    <t>8693235.0</t>
  </si>
  <si>
    <t>186794.0</t>
  </si>
  <si>
    <t>218821.0</t>
  </si>
  <si>
    <t>108335.0</t>
  </si>
  <si>
    <t>16886394.0</t>
  </si>
  <si>
    <t>500.85</t>
  </si>
  <si>
    <t>19834217.0</t>
  </si>
  <si>
    <t>11072268.0</t>
  </si>
  <si>
    <t>8761949.0</t>
  </si>
  <si>
    <t>215289.0</t>
  </si>
  <si>
    <t>224654.0</t>
  </si>
  <si>
    <t>121375.0</t>
  </si>
  <si>
    <t>16930834.0</t>
  </si>
  <si>
    <t>502.168</t>
  </si>
  <si>
    <t>35535.0</t>
  </si>
  <si>
    <t>20200322.0</t>
  </si>
  <si>
    <t>11362591.0</t>
  </si>
  <si>
    <t>8837731.0</t>
  </si>
  <si>
    <t>366105.0</t>
  </si>
  <si>
    <t>210561.0</t>
  </si>
  <si>
    <t>129825.0</t>
  </si>
  <si>
    <t>16968090.0</t>
  </si>
  <si>
    <t>503.273</t>
  </si>
  <si>
    <t>20472841.0</t>
  </si>
  <si>
    <t>11601372.0</t>
  </si>
  <si>
    <t>8871469.0</t>
  </si>
  <si>
    <t>272519.0</t>
  </si>
  <si>
    <t>190919.0</t>
  </si>
  <si>
    <t>138247.0</t>
  </si>
  <si>
    <t>181374.8</t>
  </si>
  <si>
    <t>5326.78398340679</t>
  </si>
  <si>
    <t>16988123.0</t>
  </si>
  <si>
    <t>503.867</t>
  </si>
  <si>
    <t>36385.0</t>
  </si>
  <si>
    <t>20614704.0</t>
  </si>
  <si>
    <t>11712923.0</t>
  </si>
  <si>
    <t>8901781.0</t>
  </si>
  <si>
    <t>208587.0</t>
  </si>
  <si>
    <t>17026824.0</t>
  </si>
  <si>
    <t>505.015</t>
  </si>
  <si>
    <t>20828708.0</t>
  </si>
  <si>
    <t>11888291.0</t>
  </si>
  <si>
    <t>8940417.0</t>
  </si>
  <si>
    <t>214004.0</t>
  </si>
  <si>
    <t>221920.0</t>
  </si>
  <si>
    <t>167925.0</t>
  </si>
  <si>
    <t>17072143.0</t>
  </si>
  <si>
    <t>506.359</t>
  </si>
  <si>
    <t>21183183.0</t>
  </si>
  <si>
    <t>12187905.0</t>
  </si>
  <si>
    <t>8995278.0</t>
  </si>
  <si>
    <t>354475.0</t>
  </si>
  <si>
    <t>250150.0</t>
  </si>
  <si>
    <t>198550.0</t>
  </si>
  <si>
    <t>17110053.0</t>
  </si>
  <si>
    <t>507.484</t>
  </si>
  <si>
    <t>21534164.0</t>
  </si>
  <si>
    <t>12487699.0</t>
  </si>
  <si>
    <t>9046465.0</t>
  </si>
  <si>
    <t>350981.0</t>
  </si>
  <si>
    <t>273605.0</t>
  </si>
  <si>
    <t>17146903.0</t>
  </si>
  <si>
    <t>508.577</t>
  </si>
  <si>
    <t>21949633.0</t>
  </si>
  <si>
    <t>12827289.0</t>
  </si>
  <si>
    <t>9122344.0</t>
  </si>
  <si>
    <t>415469.0</t>
  </si>
  <si>
    <t>302202.0</t>
  </si>
  <si>
    <t>250717.0</t>
  </si>
  <si>
    <t>17191030.0</t>
  </si>
  <si>
    <t>509.885</t>
  </si>
  <si>
    <t>37171.0</t>
  </si>
  <si>
    <t>22553465.0</t>
  </si>
  <si>
    <t>13311148.0</t>
  </si>
  <si>
    <t>9242317.0</t>
  </si>
  <si>
    <t>603832.0</t>
  </si>
  <si>
    <t>336163.0</t>
  </si>
  <si>
    <t>278365.0</t>
  </si>
  <si>
    <t>17230320.0</t>
  </si>
  <si>
    <t>511.051</t>
  </si>
  <si>
    <t>23045737.0</t>
  </si>
  <si>
    <t>13678658.0</t>
  </si>
  <si>
    <t>9367079.0</t>
  </si>
  <si>
    <t>492272.0</t>
  </si>
  <si>
    <t>367557.0</t>
  </si>
  <si>
    <t>296755.0</t>
  </si>
  <si>
    <t>181179.0</t>
  </si>
  <si>
    <t>5321.03354672015</t>
  </si>
  <si>
    <t>17248413.0</t>
  </si>
  <si>
    <t>511.587</t>
  </si>
  <si>
    <t>37184.0</t>
  </si>
  <si>
    <t>23256729.0</t>
  </si>
  <si>
    <t>13850146.0</t>
  </si>
  <si>
    <t>9406583.0</t>
  </si>
  <si>
    <t>210992.0</t>
  </si>
  <si>
    <t>377432.0</t>
  </si>
  <si>
    <t>305318.0</t>
  </si>
  <si>
    <t>17285788.0</t>
  </si>
  <si>
    <t>512.696</t>
  </si>
  <si>
    <t>23559513.0</t>
  </si>
  <si>
    <t>14111646.0</t>
  </si>
  <si>
    <t>9447867.0</t>
  </si>
  <si>
    <t>390115.0</t>
  </si>
  <si>
    <t>17331083.0</t>
  </si>
  <si>
    <t>514.039</t>
  </si>
  <si>
    <t>23813728.0</t>
  </si>
  <si>
    <t>14311729.0</t>
  </si>
  <si>
    <t>9501999.0</t>
  </si>
  <si>
    <t>254215.0</t>
  </si>
  <si>
    <t>375792.0</t>
  </si>
  <si>
    <t>303403.0</t>
  </si>
  <si>
    <t>17377197.0</t>
  </si>
  <si>
    <t>515.407</t>
  </si>
  <si>
    <t>24152069.0</t>
  </si>
  <si>
    <t>14575225.0</t>
  </si>
  <si>
    <t>9576844.0</t>
  </si>
  <si>
    <t>338341.0</t>
  </si>
  <si>
    <t>373986.0</t>
  </si>
  <si>
    <t>298218.0</t>
  </si>
  <si>
    <t>17421539.0</t>
  </si>
  <si>
    <t>516.722</t>
  </si>
  <si>
    <t>24460487.0</t>
  </si>
  <si>
    <t>14829656.0</t>
  </si>
  <si>
    <t>9630831.0</t>
  </si>
  <si>
    <t>308418.0</t>
  </si>
  <si>
    <t>358693.0</t>
  </si>
  <si>
    <t>286052.0</t>
  </si>
  <si>
    <t>17463391.0</t>
  </si>
  <si>
    <t>517.964</t>
  </si>
  <si>
    <t>38909.0</t>
  </si>
  <si>
    <t>24952513.0</t>
  </si>
  <si>
    <t>15161711.0</t>
  </si>
  <si>
    <t>9790802.0</t>
  </si>
  <si>
    <t>492026.0</t>
  </si>
  <si>
    <t>342721.0</t>
  </si>
  <si>
    <t>264366.0</t>
  </si>
  <si>
    <t>17500824.0</t>
  </si>
  <si>
    <t>519.074</t>
  </si>
  <si>
    <t>25257700.0</t>
  </si>
  <si>
    <t>15349636.0</t>
  </si>
  <si>
    <t>9908064.0</t>
  </si>
  <si>
    <t>305187.0</t>
  </si>
  <si>
    <t>238711.0</t>
  </si>
  <si>
    <t>180971.6</t>
  </si>
  <si>
    <t>5314.94243043411</t>
  </si>
  <si>
    <t>17521739.0</t>
  </si>
  <si>
    <t>519.694</t>
  </si>
  <si>
    <t>25389957.0</t>
  </si>
  <si>
    <t>15435422.0</t>
  </si>
  <si>
    <t>9954535.0</t>
  </si>
  <si>
    <t>132257.0</t>
  </si>
  <si>
    <t>304747.0</t>
  </si>
  <si>
    <t>226468.0</t>
  </si>
  <si>
    <t>17556028.0</t>
  </si>
  <si>
    <t>520.711</t>
  </si>
  <si>
    <t>25591857.0</t>
  </si>
  <si>
    <t>15554512.0</t>
  </si>
  <si>
    <t>10037345.0</t>
  </si>
  <si>
    <t>201900.0</t>
  </si>
  <si>
    <t>290335.0</t>
  </si>
  <si>
    <t>206124.0</t>
  </si>
  <si>
    <t>17599779.0</t>
  </si>
  <si>
    <t>522.009</t>
  </si>
  <si>
    <t>25776714.0</t>
  </si>
  <si>
    <t>15659786.0</t>
  </si>
  <si>
    <t>10116928.0</t>
  </si>
  <si>
    <t>192580.0</t>
  </si>
  <si>
    <t>17643188.0</t>
  </si>
  <si>
    <t>523.296</t>
  </si>
  <si>
    <t>25947680.0</t>
  </si>
  <si>
    <t>15754471.0</t>
  </si>
  <si>
    <t>10193209.0</t>
  </si>
  <si>
    <t>170966.0</t>
  </si>
  <si>
    <t>168464.0</t>
  </si>
  <si>
    <t>17688400.0</t>
  </si>
  <si>
    <t>524.637</t>
  </si>
  <si>
    <t>38123.0</t>
  </si>
  <si>
    <t>26145884.0</t>
  </si>
  <si>
    <t>15856207.0</t>
  </si>
  <si>
    <t>10289677.0</t>
  </si>
  <si>
    <t>240771.0</t>
  </si>
  <si>
    <t>146650.0</t>
  </si>
  <si>
    <t>17728752.0</t>
  </si>
  <si>
    <t>525.834</t>
  </si>
  <si>
    <t>26559267.0</t>
  </si>
  <si>
    <t>16015793.0</t>
  </si>
  <si>
    <t>10543474.0</t>
  </si>
  <si>
    <t>413383.0</t>
  </si>
  <si>
    <t>229536.0</t>
  </si>
  <si>
    <t>122012.0</t>
  </si>
  <si>
    <t>17765463.0</t>
  </si>
  <si>
    <t>526.923</t>
  </si>
  <si>
    <t>26888058.0</t>
  </si>
  <si>
    <t>16140094.0</t>
  </si>
  <si>
    <t>10747964.0</t>
  </si>
  <si>
    <t>328791.0</t>
  </si>
  <si>
    <t>232908.0</t>
  </si>
  <si>
    <t>112923.0</t>
  </si>
  <si>
    <t>180774.8</t>
  </si>
  <si>
    <t>5309.16262481649</t>
  </si>
  <si>
    <t>17782096.0</t>
  </si>
  <si>
    <t>527.416</t>
  </si>
  <si>
    <t>37194.0</t>
  </si>
  <si>
    <t>27095180.0</t>
  </si>
  <si>
    <t>16238161.0</t>
  </si>
  <si>
    <t>10857019.0</t>
  </si>
  <si>
    <t>207122.0</t>
  </si>
  <si>
    <t>243603.0</t>
  </si>
  <si>
    <t>114677.0</t>
  </si>
  <si>
    <t>17817252.0</t>
  </si>
  <si>
    <t>528.459</t>
  </si>
  <si>
    <t>27334688.0</t>
  </si>
  <si>
    <t>16348161.0</t>
  </si>
  <si>
    <t>10986527.0</t>
  </si>
  <si>
    <t>239508.0</t>
  </si>
  <si>
    <t>248976.0</t>
  </si>
  <si>
    <t>113378.0</t>
  </si>
  <si>
    <t>17861932.0</t>
  </si>
  <si>
    <t>27647442.0</t>
  </si>
  <si>
    <t>16451472.0</t>
  </si>
  <si>
    <t>11195970.0</t>
  </si>
  <si>
    <t>312754.0</t>
  </si>
  <si>
    <t>17904999.0</t>
  </si>
  <si>
    <t>27963424.0</t>
  </si>
  <si>
    <t>16547565.0</t>
  </si>
  <si>
    <t>11415859.0</t>
  </si>
  <si>
    <t>287963.0</t>
  </si>
  <si>
    <t>113299.0</t>
  </si>
  <si>
    <t>17950693.0</t>
  </si>
  <si>
    <t>532.417</t>
  </si>
  <si>
    <t>28254528.0</t>
  </si>
  <si>
    <t>16638966.0</t>
  </si>
  <si>
    <t>11615562.0</t>
  </si>
  <si>
    <t>291104.0</t>
  </si>
  <si>
    <t>301235.0</t>
  </si>
  <si>
    <t>111823.0</t>
  </si>
  <si>
    <t>17991471.0</t>
  </si>
  <si>
    <t>533.627</t>
  </si>
  <si>
    <t>28833074.0</t>
  </si>
  <si>
    <t>16817096.0</t>
  </si>
  <si>
    <t>12015978.0</t>
  </si>
  <si>
    <t>578546.0</t>
  </si>
  <si>
    <t>324830.0</t>
  </si>
  <si>
    <t>114472.0</t>
  </si>
  <si>
    <t>18031837.0</t>
  </si>
  <si>
    <t>534.824</t>
  </si>
  <si>
    <t>29319727.0</t>
  </si>
  <si>
    <t>16970498.0</t>
  </si>
  <si>
    <t>12349229.0</t>
  </si>
  <si>
    <t>486653.0</t>
  </si>
  <si>
    <t>118629.0</t>
  </si>
  <si>
    <t>180502.7</t>
  </si>
  <si>
    <t>5301.17133869579</t>
  </si>
  <si>
    <t>18051310.0</t>
  </si>
  <si>
    <t>535.401</t>
  </si>
  <si>
    <t>38459.0</t>
  </si>
  <si>
    <t>29587117.0</t>
  </si>
  <si>
    <t>17044834.0</t>
  </si>
  <si>
    <t>12542283.0</t>
  </si>
  <si>
    <t>355991.0</t>
  </si>
  <si>
    <t>115239.0</t>
  </si>
  <si>
    <t>18088014.0</t>
  </si>
  <si>
    <t>536.49</t>
  </si>
  <si>
    <t>38680.0</t>
  </si>
  <si>
    <t>29885014.0</t>
  </si>
  <si>
    <t>17119679.0</t>
  </si>
  <si>
    <t>12765335.0</t>
  </si>
  <si>
    <t>297897.0</t>
  </si>
  <si>
    <t>364332.0</t>
  </si>
  <si>
    <t>110217.0</t>
  </si>
  <si>
    <t>18132280.0</t>
  </si>
  <si>
    <t>537.803</t>
  </si>
  <si>
    <t>30168059.0</t>
  </si>
  <si>
    <t>17195312.0</t>
  </si>
  <si>
    <t>12972747.0</t>
  </si>
  <si>
    <t>283045.0</t>
  </si>
  <si>
    <t>360088.0</t>
  </si>
  <si>
    <t>18173294.0</t>
  </si>
  <si>
    <t>539.019</t>
  </si>
  <si>
    <t>30440730.0</t>
  </si>
  <si>
    <t>17265988.0</t>
  </si>
  <si>
    <t>13174742.0</t>
  </si>
  <si>
    <t>272671.0</t>
  </si>
  <si>
    <t>353901.0</t>
  </si>
  <si>
    <t>102632.0</t>
  </si>
  <si>
    <t>18218057.0</t>
  </si>
  <si>
    <t>540.347</t>
  </si>
  <si>
    <t>30653027.0</t>
  </si>
  <si>
    <t>17324365.0</t>
  </si>
  <si>
    <t>13328662.0</t>
  </si>
  <si>
    <t>212297.0</t>
  </si>
  <si>
    <t>342643.0</t>
  </si>
  <si>
    <t>18241022.0</t>
  </si>
  <si>
    <t>541.028</t>
  </si>
  <si>
    <t>35650.0</t>
  </si>
  <si>
    <t>31031998.0</t>
  </si>
  <si>
    <t>17419618.0</t>
  </si>
  <si>
    <t>13612380.0</t>
  </si>
  <si>
    <t>378971.0</t>
  </si>
  <si>
    <t>314132.0</t>
  </si>
  <si>
    <t>18273305.0</t>
  </si>
  <si>
    <t>541.986</t>
  </si>
  <si>
    <t>31276023.0</t>
  </si>
  <si>
    <t>17485026.0</t>
  </si>
  <si>
    <t>13790997.0</t>
  </si>
  <si>
    <t>244025.0</t>
  </si>
  <si>
    <t>279471.0</t>
  </si>
  <si>
    <t>73504.0</t>
  </si>
  <si>
    <t>180423.1</t>
  </si>
  <si>
    <t>5298.83357178947</t>
  </si>
  <si>
    <t>18289317.0</t>
  </si>
  <si>
    <t>542.461</t>
  </si>
  <si>
    <t>31457245.0</t>
  </si>
  <si>
    <t>17548887.0</t>
  </si>
  <si>
    <t>13908358.0</t>
  </si>
  <si>
    <t>181222.0</t>
  </si>
  <si>
    <t>267161.0</t>
  </si>
  <si>
    <t>92.39</t>
  </si>
  <si>
    <t>18324467.0</t>
  </si>
  <si>
    <t>543.503</t>
  </si>
  <si>
    <t>31699933.0</t>
  </si>
  <si>
    <t>17664944.0</t>
  </si>
  <si>
    <t>14034989.0</t>
  </si>
  <si>
    <t>242688.0</t>
  </si>
  <si>
    <t>18367317.0</t>
  </si>
  <si>
    <t>544.774</t>
  </si>
  <si>
    <t>31929415.0</t>
  </si>
  <si>
    <t>17775276.0</t>
  </si>
  <si>
    <t>14154139.0</t>
  </si>
  <si>
    <t>229482.0</t>
  </si>
  <si>
    <t>251622.0</t>
  </si>
  <si>
    <t>93.77</t>
  </si>
  <si>
    <t>18412077.0</t>
  </si>
  <si>
    <t>546.102</t>
  </si>
  <si>
    <t>32156146.0</t>
  </si>
  <si>
    <t>17882472.0</t>
  </si>
  <si>
    <t>14273674.0</t>
  </si>
  <si>
    <t>226731.0</t>
  </si>
  <si>
    <t>245059.0</t>
  </si>
  <si>
    <t>18458015.0</t>
  </si>
  <si>
    <t>547.464</t>
  </si>
  <si>
    <t>32399935.0</t>
  </si>
  <si>
    <t>17993374.0</t>
  </si>
  <si>
    <t>14386075.0</t>
  </si>
  <si>
    <t>243789.0</t>
  </si>
  <si>
    <t>249558.0</t>
  </si>
  <si>
    <t>95573.0</t>
  </si>
  <si>
    <t>18501179.0</t>
  </si>
  <si>
    <t>548.744</t>
  </si>
  <si>
    <t>37165.0</t>
  </si>
  <si>
    <t>32750163.0</t>
  </si>
  <si>
    <t>18171188.0</t>
  </si>
  <si>
    <t>14533203.0</t>
  </si>
  <si>
    <t>350228.0</t>
  </si>
  <si>
    <t>245452.0</t>
  </si>
  <si>
    <t>107367.0</t>
  </si>
  <si>
    <t>18538550.0</t>
  </si>
  <si>
    <t>549.853</t>
  </si>
  <si>
    <t>33040098.0</t>
  </si>
  <si>
    <t>18328429.0</t>
  </si>
  <si>
    <t>14654957.0</t>
  </si>
  <si>
    <t>56712.0</t>
  </si>
  <si>
    <t>289935.0</t>
  </si>
  <si>
    <t>252011.0</t>
  </si>
  <si>
    <t>97.04</t>
  </si>
  <si>
    <t>120486.0</t>
  </si>
  <si>
    <t>180194.5</t>
  </si>
  <si>
    <t>5292.11983416657</t>
  </si>
  <si>
    <t>18558389.0</t>
  </si>
  <si>
    <t>550.441</t>
  </si>
  <si>
    <t>33246830.0</t>
  </si>
  <si>
    <t>18420927.0</t>
  </si>
  <si>
    <t>14742232.0</t>
  </si>
  <si>
    <t>83671.0</t>
  </si>
  <si>
    <t>206732.0</t>
  </si>
  <si>
    <t>255655.0</t>
  </si>
  <si>
    <t>124577.0</t>
  </si>
  <si>
    <t>18594953.0</t>
  </si>
  <si>
    <t>551.526</t>
  </si>
  <si>
    <t>33453630.0</t>
  </si>
  <si>
    <t>18497527.0</t>
  </si>
  <si>
    <t>14846594.0</t>
  </si>
  <si>
    <t>206800.0</t>
  </si>
  <si>
    <t>250528.0</t>
  </si>
  <si>
    <t>118940.0</t>
  </si>
  <si>
    <t>18640751.0</t>
  </si>
  <si>
    <t>552.884</t>
  </si>
  <si>
    <t>33636157.0</t>
  </si>
  <si>
    <t>18555820.0</t>
  </si>
  <si>
    <t>14945253.0</t>
  </si>
  <si>
    <t>135084.0</t>
  </si>
  <si>
    <t>243820.0</t>
  </si>
  <si>
    <t>98.79</t>
  </si>
  <si>
    <t>18683017.0</t>
  </si>
  <si>
    <t>554.138</t>
  </si>
  <si>
    <t>38706.0</t>
  </si>
  <si>
    <t>33803962.0</t>
  </si>
  <si>
    <t>18613214.0</t>
  </si>
  <si>
    <t>15038788.0</t>
  </si>
  <si>
    <t>151960.0</t>
  </si>
  <si>
    <t>167805.0</t>
  </si>
  <si>
    <t>235402.0</t>
  </si>
  <si>
    <t>104392.0</t>
  </si>
  <si>
    <t>18728727.0</t>
  </si>
  <si>
    <t>555.494</t>
  </si>
  <si>
    <t>33959466.0</t>
  </si>
  <si>
    <t>18662133.0</t>
  </si>
  <si>
    <t>15129762.0</t>
  </si>
  <si>
    <t>167571.0</t>
  </si>
  <si>
    <t>155504.0</t>
  </si>
  <si>
    <t>99.74</t>
  </si>
  <si>
    <t>18771607.0</t>
  </si>
  <si>
    <t>556.765</t>
  </si>
  <si>
    <t>34220887.0</t>
  </si>
  <si>
    <t>18769171.0</t>
  </si>
  <si>
    <t>15276787.0</t>
  </si>
  <si>
    <t>174929.0</t>
  </si>
  <si>
    <t>261421.0</t>
  </si>
  <si>
    <t>210103.0</t>
  </si>
  <si>
    <t>18811869.0</t>
  </si>
  <si>
    <t>557.96</t>
  </si>
  <si>
    <t>34425676.0</t>
  </si>
  <si>
    <t>18843814.0</t>
  </si>
  <si>
    <t>15404698.0</t>
  </si>
  <si>
    <t>177164.0</t>
  </si>
  <si>
    <t>197940.0</t>
  </si>
  <si>
    <t>73626.0</t>
  </si>
  <si>
    <t>179885.1</t>
  </si>
  <si>
    <t>-9.21</t>
  </si>
  <si>
    <t>5283.03308692017</t>
  </si>
  <si>
    <t>18833282.0</t>
  </si>
  <si>
    <t>558.595</t>
  </si>
  <si>
    <t>34550109.0</t>
  </si>
  <si>
    <t>18884328.0</t>
  </si>
  <si>
    <t>15481583.0</t>
  </si>
  <si>
    <t>184198.0</t>
  </si>
  <si>
    <t>124433.0</t>
  </si>
  <si>
    <t>186183.0</t>
  </si>
  <si>
    <t>18867422.0</t>
  </si>
  <si>
    <t>34669457.0</t>
  </si>
  <si>
    <t>18922399.0</t>
  </si>
  <si>
    <t>15556526.0</t>
  </si>
  <si>
    <t>190532.0</t>
  </si>
  <si>
    <t>173690.0</t>
  </si>
  <si>
    <t>101.82</t>
  </si>
  <si>
    <t>60696.0</t>
  </si>
  <si>
    <t>18910768.0</t>
  </si>
  <si>
    <t>560.893</t>
  </si>
  <si>
    <t>34784091.0</t>
  </si>
  <si>
    <t>18960117.0</t>
  </si>
  <si>
    <t>15627622.0</t>
  </si>
  <si>
    <t>196352.0</t>
  </si>
  <si>
    <t>114634.0</t>
  </si>
  <si>
    <t>57757.0</t>
  </si>
  <si>
    <t>18955153.0</t>
  </si>
  <si>
    <t>562.209</t>
  </si>
  <si>
    <t>34913144.0</t>
  </si>
  <si>
    <t>19005104.0</t>
  </si>
  <si>
    <t>15700290.0</t>
  </si>
  <si>
    <t>207750.0</t>
  </si>
  <si>
    <t>129053.0</t>
  </si>
  <si>
    <t>158455.0</t>
  </si>
  <si>
    <t>55984.0</t>
  </si>
  <si>
    <t>18999051.0</t>
  </si>
  <si>
    <t>563.511</t>
  </si>
  <si>
    <t>38618.0</t>
  </si>
  <si>
    <t>35043776.0</t>
  </si>
  <si>
    <t>19052909.0</t>
  </si>
  <si>
    <t>15767849.0</t>
  </si>
  <si>
    <t>223018.0</t>
  </si>
  <si>
    <t>130632.0</t>
  </si>
  <si>
    <t>154901.0</t>
  </si>
  <si>
    <t>55825.0</t>
  </si>
  <si>
    <t>19043600.0</t>
  </si>
  <si>
    <t>564.833</t>
  </si>
  <si>
    <t>35354839.0</t>
  </si>
  <si>
    <t>19262153.0</t>
  </si>
  <si>
    <t>15855232.0</t>
  </si>
  <si>
    <t>311063.0</t>
  </si>
  <si>
    <t>70426.0</t>
  </si>
  <si>
    <t>19087167.0</t>
  </si>
  <si>
    <t>566.125</t>
  </si>
  <si>
    <t>35611117.0</t>
  </si>
  <si>
    <t>19438891.0</t>
  </si>
  <si>
    <t>15925614.0</t>
  </si>
  <si>
    <t>246612.0</t>
  </si>
  <si>
    <t>256278.0</t>
  </si>
  <si>
    <t>169349.0</t>
  </si>
  <si>
    <t>179569.7</t>
  </si>
  <si>
    <t>5273.77012608787</t>
  </si>
  <si>
    <t>19107779.0</t>
  </si>
  <si>
    <t>566.736</t>
  </si>
  <si>
    <t>35717072.0</t>
  </si>
  <si>
    <t>19515626.0</t>
  </si>
  <si>
    <t>15950407.0</t>
  </si>
  <si>
    <t>251039.0</t>
  </si>
  <si>
    <t>105955.0</t>
  </si>
  <si>
    <t>166709.0</t>
  </si>
  <si>
    <t>19127782.0</t>
  </si>
  <si>
    <t>567.33</t>
  </si>
  <si>
    <t>35854750.0</t>
  </si>
  <si>
    <t>19609394.0</t>
  </si>
  <si>
    <t>15987505.0</t>
  </si>
  <si>
    <t>257851.0</t>
  </si>
  <si>
    <t>137678.0</t>
  </si>
  <si>
    <t>169328.0</t>
  </si>
  <si>
    <t>19162650.0</t>
  </si>
  <si>
    <t>568.364</t>
  </si>
  <si>
    <t>36025904.0</t>
  </si>
  <si>
    <t>19720001.0</t>
  </si>
  <si>
    <t>16038285.0</t>
  </si>
  <si>
    <t>267618.0</t>
  </si>
  <si>
    <t>171154.0</t>
  </si>
  <si>
    <t>177402.0</t>
  </si>
  <si>
    <t>108555.0</t>
  </si>
  <si>
    <t>19206158.0</t>
  </si>
  <si>
    <t>569.654</t>
  </si>
  <si>
    <t>35858.0</t>
  </si>
  <si>
    <t>36269540.0</t>
  </si>
  <si>
    <t>19892105.0</t>
  </si>
  <si>
    <t>16099866.0</t>
  </si>
  <si>
    <t>277569.0</t>
  </si>
  <si>
    <t>243636.0</t>
  </si>
  <si>
    <t>106.52</t>
  </si>
  <si>
    <t>126714.0</t>
  </si>
  <si>
    <t>19253562.0</t>
  </si>
  <si>
    <t>571.06</t>
  </si>
  <si>
    <t>36570213.0</t>
  </si>
  <si>
    <t>20123456.0</t>
  </si>
  <si>
    <t>16160093.0</t>
  </si>
  <si>
    <t>286664.0</t>
  </si>
  <si>
    <t>218062.0</t>
  </si>
  <si>
    <t>152935.0</t>
  </si>
  <si>
    <t>19300645.0</t>
  </si>
  <si>
    <t>572.457</t>
  </si>
  <si>
    <t>37020162.0</t>
  </si>
  <si>
    <t>20459635.0</t>
  </si>
  <si>
    <t>16264525.0</t>
  </si>
  <si>
    <t>449949.0</t>
  </si>
  <si>
    <t>171069.0</t>
  </si>
  <si>
    <t>19345563.0</t>
  </si>
  <si>
    <t>573.789</t>
  </si>
  <si>
    <t>37343028.0</t>
  </si>
  <si>
    <t>20680315.0</t>
  </si>
  <si>
    <t>16360536.0</t>
  </si>
  <si>
    <t>322866.0</t>
  </si>
  <si>
    <t>247416.0</t>
  </si>
  <si>
    <t>177346.0</t>
  </si>
  <si>
    <t>179379.8</t>
  </si>
  <si>
    <t>-5.72</t>
  </si>
  <si>
    <t>5268.19296609404</t>
  </si>
  <si>
    <t>19364380.0</t>
  </si>
  <si>
    <t>574.347</t>
  </si>
  <si>
    <t>37551372.0</t>
  </si>
  <si>
    <t>20805860.0</t>
  </si>
  <si>
    <t>16435577.0</t>
  </si>
  <si>
    <t>208344.0</t>
  </si>
  <si>
    <t>262043.0</t>
  </si>
  <si>
    <t>110.28</t>
  </si>
  <si>
    <t>184319.0</t>
  </si>
  <si>
    <t>19405865.0</t>
  </si>
  <si>
    <t>575.577</t>
  </si>
  <si>
    <t>37776724.0</t>
  </si>
  <si>
    <t>20922012.0</t>
  </si>
  <si>
    <t>16533790.0</t>
  </si>
  <si>
    <t>320922.0</t>
  </si>
  <si>
    <t>225352.0</t>
  </si>
  <si>
    <t>274568.0</t>
  </si>
  <si>
    <t>19455747.0</t>
  </si>
  <si>
    <t>577.057</t>
  </si>
  <si>
    <t>41871.0</t>
  </si>
  <si>
    <t>37994085.0</t>
  </si>
  <si>
    <t>21038478.0</t>
  </si>
  <si>
    <t>16617705.0</t>
  </si>
  <si>
    <t>337902.0</t>
  </si>
  <si>
    <t>217361.0</t>
  </si>
  <si>
    <t>281169.0</t>
  </si>
  <si>
    <t>188354.0</t>
  </si>
  <si>
    <t>19503585.0</t>
  </si>
  <si>
    <t>578.476</t>
  </si>
  <si>
    <t>38194191.0</t>
  </si>
  <si>
    <t>21138122.0</t>
  </si>
  <si>
    <t>16698630.0</t>
  </si>
  <si>
    <t>357439.0</t>
  </si>
  <si>
    <t>200106.0</t>
  </si>
  <si>
    <t>274950.0</t>
  </si>
  <si>
    <t>178002.0</t>
  </si>
  <si>
    <t>19552599.0</t>
  </si>
  <si>
    <t>579.93</t>
  </si>
  <si>
    <t>38370783.0</t>
  </si>
  <si>
    <t>21230026.0</t>
  </si>
  <si>
    <t>16768556.0</t>
  </si>
  <si>
    <t>372201.0</t>
  </si>
  <si>
    <t>176592.0</t>
  </si>
  <si>
    <t>257224.0</t>
  </si>
  <si>
    <t>158081.0</t>
  </si>
  <si>
    <t>19599815.0</t>
  </si>
  <si>
    <t>581.33</t>
  </si>
  <si>
    <t>38624180.0</t>
  </si>
  <si>
    <t>21352040.0</t>
  </si>
  <si>
    <t>16888111.0</t>
  </si>
  <si>
    <t>384029.0</t>
  </si>
  <si>
    <t>253397.0</t>
  </si>
  <si>
    <t>127486.0</t>
  </si>
  <si>
    <t>19641289.0</t>
  </si>
  <si>
    <t>582.56</t>
  </si>
  <si>
    <t>42247.0</t>
  </si>
  <si>
    <t>38846958.0</t>
  </si>
  <si>
    <t>21456499.0</t>
  </si>
  <si>
    <t>16994208.0</t>
  </si>
  <si>
    <t>396251.0</t>
  </si>
  <si>
    <t>222778.0</t>
  </si>
  <si>
    <t>214847.0</t>
  </si>
  <si>
    <t>5261.12092751313</t>
  </si>
  <si>
    <t>19664890.0</t>
  </si>
  <si>
    <t>583.26</t>
  </si>
  <si>
    <t>39022761.0</t>
  </si>
  <si>
    <t>21547993.0</t>
  </si>
  <si>
    <t>17068414.0</t>
  </si>
  <si>
    <t>406354.0</t>
  </si>
  <si>
    <t>175803.0</t>
  </si>
  <si>
    <t>210198.0</t>
  </si>
  <si>
    <t>114.61</t>
  </si>
  <si>
    <t>106019.0</t>
  </si>
  <si>
    <t>39220089.0</t>
  </si>
  <si>
    <t>21660568.0</t>
  </si>
  <si>
    <t>17141827.0</t>
  </si>
  <si>
    <t>417694.0</t>
  </si>
  <si>
    <t>197328.0</t>
  </si>
  <si>
    <t>206195.0</t>
  </si>
  <si>
    <t>115.19</t>
  </si>
  <si>
    <t>19752740.0</t>
  </si>
  <si>
    <t>585.866</t>
  </si>
  <si>
    <t>39416627.0</t>
  </si>
  <si>
    <t>21772370.0</t>
  </si>
  <si>
    <t>17215963.0</t>
  </si>
  <si>
    <t>428294.0</t>
  </si>
  <si>
    <t>196538.0</t>
  </si>
  <si>
    <t>203220.0</t>
  </si>
  <si>
    <t>104842.0</t>
  </si>
  <si>
    <t>19798022.0</t>
  </si>
  <si>
    <t>587.209</t>
  </si>
  <si>
    <t>39611116.0</t>
  </si>
  <si>
    <t>21883702.0</t>
  </si>
  <si>
    <t>17288335.0</t>
  </si>
  <si>
    <t>439079.0</t>
  </si>
  <si>
    <t>194489.0</t>
  </si>
  <si>
    <t>202418.0</t>
  </si>
  <si>
    <t>19846203.0</t>
  </si>
  <si>
    <t>588.638</t>
  </si>
  <si>
    <t>41943.0</t>
  </si>
  <si>
    <t>39806024.0</t>
  </si>
  <si>
    <t>21998021.0</t>
  </si>
  <si>
    <t>17356678.0</t>
  </si>
  <si>
    <t>451325.0</t>
  </si>
  <si>
    <t>205034.0</t>
  </si>
  <si>
    <t>109714.0</t>
  </si>
  <si>
    <t>19894374.0</t>
  </si>
  <si>
    <t>590.067</t>
  </si>
  <si>
    <t>40152808.0</t>
  </si>
  <si>
    <t>22139956.0</t>
  </si>
  <si>
    <t>17548032.0</t>
  </si>
  <si>
    <t>464820.0</t>
  </si>
  <si>
    <t>346784.0</t>
  </si>
  <si>
    <t>218375.0</t>
  </si>
  <si>
    <t>19939334.0</t>
  </si>
  <si>
    <t>591.4</t>
  </si>
  <si>
    <t>40469900.0</t>
  </si>
  <si>
    <t>22255803.0</t>
  </si>
  <si>
    <t>17734165.0</t>
  </si>
  <si>
    <t>479932.0</t>
  </si>
  <si>
    <t>317092.0</t>
  </si>
  <si>
    <t>179005.1</t>
  </si>
  <si>
    <t>5257.1884276544</t>
  </si>
  <si>
    <t>19964326.0</t>
  </si>
  <si>
    <t>592.141</t>
  </si>
  <si>
    <t>40677703.0</t>
  </si>
  <si>
    <t>22343519.0</t>
  </si>
  <si>
    <t>17835934.0</t>
  </si>
  <si>
    <t>498250.0</t>
  </si>
  <si>
    <t>207803.0</t>
  </si>
  <si>
    <t>236420.0</t>
  </si>
  <si>
    <t>113647.0</t>
  </si>
  <si>
    <t>20008200.0</t>
  </si>
  <si>
    <t>593.443</t>
  </si>
  <si>
    <t>40898775.0</t>
  </si>
  <si>
    <t>22434879.0</t>
  </si>
  <si>
    <t>17946713.0</t>
  </si>
  <si>
    <t>517183.0</t>
  </si>
  <si>
    <t>221072.0</t>
  </si>
  <si>
    <t>239812.0</t>
  </si>
  <si>
    <t>20059723.0</t>
  </si>
  <si>
    <t>594.971</t>
  </si>
  <si>
    <t>41110658.0</t>
  </si>
  <si>
    <t>22516222.0</t>
  </si>
  <si>
    <t>18055235.0</t>
  </si>
  <si>
    <t>539201.0</t>
  </si>
  <si>
    <t>242004.0</t>
  </si>
  <si>
    <t>106265.0</t>
  </si>
  <si>
    <t>20109465.0</t>
  </si>
  <si>
    <t>596.446</t>
  </si>
  <si>
    <t>41359160.0</t>
  </si>
  <si>
    <t>22595667.0</t>
  </si>
  <si>
    <t>18201948.0</t>
  </si>
  <si>
    <t>561545.0</t>
  </si>
  <si>
    <t>248502.0</t>
  </si>
  <si>
    <t>101709.0</t>
  </si>
  <si>
    <t>20157400.0</t>
  </si>
  <si>
    <t>597.868</t>
  </si>
  <si>
    <t>41674060.0</t>
  </si>
  <si>
    <t>22670034.0</t>
  </si>
  <si>
    <t>18379834.0</t>
  </si>
  <si>
    <t>624192.0</t>
  </si>
  <si>
    <t>314900.0</t>
  </si>
  <si>
    <t>266862.0</t>
  </si>
  <si>
    <t>96002.0</t>
  </si>
  <si>
    <t>20204659.0</t>
  </si>
  <si>
    <t>599.27</t>
  </si>
  <si>
    <t>42139702.0</t>
  </si>
  <si>
    <t>22759878.0</t>
  </si>
  <si>
    <t>18646755.0</t>
  </si>
  <si>
    <t>733069.0</t>
  </si>
  <si>
    <t>465642.0</t>
  </si>
  <si>
    <t>283842.0</t>
  </si>
  <si>
    <t>88560.0</t>
  </si>
  <si>
    <t>20249074.0</t>
  </si>
  <si>
    <t>600.587</t>
  </si>
  <si>
    <t>42513040.0</t>
  </si>
  <si>
    <t>22836002.0</t>
  </si>
  <si>
    <t>18851805.0</t>
  </si>
  <si>
    <t>825233.0</t>
  </si>
  <si>
    <t>373338.0</t>
  </si>
  <si>
    <t>291877.0</t>
  </si>
  <si>
    <t>82886.0</t>
  </si>
  <si>
    <t>178918.0</t>
  </si>
  <si>
    <t>5254.6303937657</t>
  </si>
  <si>
    <t>20273392.0</t>
  </si>
  <si>
    <t>601.308</t>
  </si>
  <si>
    <t>42798751.0</t>
  </si>
  <si>
    <t>22895985.0</t>
  </si>
  <si>
    <t>18979322.0</t>
  </si>
  <si>
    <t>923444.0</t>
  </si>
  <si>
    <t>20314089.0</t>
  </si>
  <si>
    <t>602.515</t>
  </si>
  <si>
    <t>43076771.0</t>
  </si>
  <si>
    <t>22950798.0</t>
  </si>
  <si>
    <t>19095432.0</t>
  </si>
  <si>
    <t>1030541.0</t>
  </si>
  <si>
    <t>278020.0</t>
  </si>
  <si>
    <t>311142.0</t>
  </si>
  <si>
    <t>126.51</t>
  </si>
  <si>
    <t>73703.0</t>
  </si>
  <si>
    <t>20363118.0</t>
  </si>
  <si>
    <t>603.97</t>
  </si>
  <si>
    <t>43352167.0</t>
  </si>
  <si>
    <t>23012023.0</t>
  </si>
  <si>
    <t>19200386.0</t>
  </si>
  <si>
    <t>1139758.0</t>
  </si>
  <si>
    <t>275396.0</t>
  </si>
  <si>
    <t>320216.0</t>
  </si>
  <si>
    <t>20414072.0</t>
  </si>
  <si>
    <t>605.481</t>
  </si>
  <si>
    <t>43515.0</t>
  </si>
  <si>
    <t>43647283.0</t>
  </si>
  <si>
    <t>23080892.0</t>
  </si>
  <si>
    <t>19308831.0</t>
  </si>
  <si>
    <t>1257560.0</t>
  </si>
  <si>
    <t>326875.0</t>
  </si>
  <si>
    <t>69318.0</t>
  </si>
  <si>
    <t>20463224.0</t>
  </si>
  <si>
    <t>606.939</t>
  </si>
  <si>
    <t>43931505.0</t>
  </si>
  <si>
    <t>23148620.0</t>
  </si>
  <si>
    <t>19413722.0</t>
  </si>
  <si>
    <t>1369163.0</t>
  </si>
  <si>
    <t>284222.0</t>
  </si>
  <si>
    <t>322492.0</t>
  </si>
  <si>
    <t>68369.0</t>
  </si>
  <si>
    <t>20511702.0</t>
  </si>
  <si>
    <t>608.377</t>
  </si>
  <si>
    <t>43863.0</t>
  </si>
  <si>
    <t>44270125.0</t>
  </si>
  <si>
    <t>23230091.0</t>
  </si>
  <si>
    <t>19552933.0</t>
  </si>
  <si>
    <t>1487101.0</t>
  </si>
  <si>
    <t>338620.0</t>
  </si>
  <si>
    <t>304346.0</t>
  </si>
  <si>
    <t>67173.0</t>
  </si>
  <si>
    <t>20555444.0</t>
  </si>
  <si>
    <t>609.674</t>
  </si>
  <si>
    <t>44526015.0</t>
  </si>
  <si>
    <t>23295484.0</t>
  </si>
  <si>
    <t>19666107.0</t>
  </si>
  <si>
    <t>255890.0</t>
  </si>
  <si>
    <t>287568.0</t>
  </si>
  <si>
    <t>178970.8</t>
  </si>
  <si>
    <t>5256.18107332165</t>
  </si>
  <si>
    <t>20580665.0</t>
  </si>
  <si>
    <t>610.422</t>
  </si>
  <si>
    <t>44757200.0</t>
  </si>
  <si>
    <t>23355596.0</t>
  </si>
  <si>
    <t>19758506.0</t>
  </si>
  <si>
    <t>1643098.0</t>
  </si>
  <si>
    <t>231185.0</t>
  </si>
  <si>
    <t>279778.0</t>
  </si>
  <si>
    <t>20623407.0</t>
  </si>
  <si>
    <t>611.69</t>
  </si>
  <si>
    <t>44994777.0</t>
  </si>
  <si>
    <t>23415015.0</t>
  </si>
  <si>
    <t>19858625.0</t>
  </si>
  <si>
    <t>1721137.0</t>
  </si>
  <si>
    <t>237577.0</t>
  </si>
  <si>
    <t>274001.0</t>
  </si>
  <si>
    <t>20674445.0</t>
  </si>
  <si>
    <t>613.203</t>
  </si>
  <si>
    <t>45167181.0</t>
  </si>
  <si>
    <t>23461355.0</t>
  </si>
  <si>
    <t>19933907.0</t>
  </si>
  <si>
    <t>1771919.0</t>
  </si>
  <si>
    <t>172404.0</t>
  </si>
  <si>
    <t>259288.0</t>
  </si>
  <si>
    <t>64190.0</t>
  </si>
  <si>
    <t>20708063.0</t>
  </si>
  <si>
    <t>614.201</t>
  </si>
  <si>
    <t>45424358.0</t>
  </si>
  <si>
    <t>23529877.0</t>
  </si>
  <si>
    <t>20046254.0</t>
  </si>
  <si>
    <t>1848227.0</t>
  </si>
  <si>
    <t>257177.0</t>
  </si>
  <si>
    <t>253868.0</t>
  </si>
  <si>
    <t>20753581.0</t>
  </si>
  <si>
    <t>615.551</t>
  </si>
  <si>
    <t>41480.0</t>
  </si>
  <si>
    <t>45772271.0</t>
  </si>
  <si>
    <t>23643128.0</t>
  </si>
  <si>
    <t>20198320.0</t>
  </si>
  <si>
    <t>1930823.0</t>
  </si>
  <si>
    <t>347913.0</t>
  </si>
  <si>
    <t>262967.0</t>
  </si>
  <si>
    <t>20806885.0</t>
  </si>
  <si>
    <t>617.132</t>
  </si>
  <si>
    <t>46183588.0</t>
  </si>
  <si>
    <t>23782387.0</t>
  </si>
  <si>
    <t>20389193.0</t>
  </si>
  <si>
    <t>2012008.0</t>
  </si>
  <si>
    <t>411317.0</t>
  </si>
  <si>
    <t>273352.0</t>
  </si>
  <si>
    <t>78899.0</t>
  </si>
  <si>
    <t>20854234.0</t>
  </si>
  <si>
    <t>618.536</t>
  </si>
  <si>
    <t>46506197.0</t>
  </si>
  <si>
    <t>23887864.0</t>
  </si>
  <si>
    <t>20546820.0</t>
  </si>
  <si>
    <t>2071513.0</t>
  </si>
  <si>
    <t>322609.0</t>
  </si>
  <si>
    <t>282883.0</t>
  </si>
  <si>
    <t>84626.0</t>
  </si>
  <si>
    <t>179089.3</t>
  </si>
  <si>
    <t>5259.66129164324</t>
  </si>
  <si>
    <t>20879254.0</t>
  </si>
  <si>
    <t>619.278</t>
  </si>
  <si>
    <t>42656.0</t>
  </si>
  <si>
    <t>46816639.0</t>
  </si>
  <si>
    <t>24002313.0</t>
  </si>
  <si>
    <t>20678838.0</t>
  </si>
  <si>
    <t>2135488.0</t>
  </si>
  <si>
    <t>310442.0</t>
  </si>
  <si>
    <t>294206.0</t>
  </si>
  <si>
    <t>92388.0</t>
  </si>
  <si>
    <t>20921494.0</t>
  </si>
  <si>
    <t>620.531</t>
  </si>
  <si>
    <t>47142430.0</t>
  </si>
  <si>
    <t>24115891.0</t>
  </si>
  <si>
    <t>20826499.0</t>
  </si>
  <si>
    <t>325791.0</t>
  </si>
  <si>
    <t>306808.0</t>
  </si>
  <si>
    <t>20969226.0</t>
  </si>
  <si>
    <t>621.947</t>
  </si>
  <si>
    <t>47441491.0</t>
  </si>
  <si>
    <t>24219406.0</t>
  </si>
  <si>
    <t>20962632.0</t>
  </si>
  <si>
    <t>2259453.0</t>
  </si>
  <si>
    <t>299061.0</t>
  </si>
  <si>
    <t>324901.0</t>
  </si>
  <si>
    <t>108293.0</t>
  </si>
  <si>
    <t>21022179.0</t>
  </si>
  <si>
    <t>47683100.0</t>
  </si>
  <si>
    <t>24295899.0</t>
  </si>
  <si>
    <t>21074622.0</t>
  </si>
  <si>
    <t>2312579.0</t>
  </si>
  <si>
    <t>241609.0</t>
  </si>
  <si>
    <t>322677.0</t>
  </si>
  <si>
    <t>109432.0</t>
  </si>
  <si>
    <t>21074547.0</t>
  </si>
  <si>
    <t>625.071</t>
  </si>
  <si>
    <t>47920059.0</t>
  </si>
  <si>
    <t>24370886.0</t>
  </si>
  <si>
    <t>21183042.0</t>
  </si>
  <si>
    <t>2366131.0</t>
  </si>
  <si>
    <t>236959.0</t>
  </si>
  <si>
    <t>306827.0</t>
  </si>
  <si>
    <t>103965.0</t>
  </si>
  <si>
    <t>21125401.0</t>
  </si>
  <si>
    <t>48152517.0</t>
  </si>
  <si>
    <t>24439646.0</t>
  </si>
  <si>
    <t>21292958.0</t>
  </si>
  <si>
    <t>2419913.0</t>
  </si>
  <si>
    <t>232458.0</t>
  </si>
  <si>
    <t>281276.0</t>
  </si>
  <si>
    <t>141.42</t>
  </si>
  <si>
    <t>93894.0</t>
  </si>
  <si>
    <t>21169755.0</t>
  </si>
  <si>
    <t>627.894</t>
  </si>
  <si>
    <t>48335002.0</t>
  </si>
  <si>
    <t>24486335.0</t>
  </si>
  <si>
    <t>21383770.0</t>
  </si>
  <si>
    <t>2464897.0</t>
  </si>
  <si>
    <t>261258.0</t>
  </si>
  <si>
    <t>179074.6</t>
  </si>
  <si>
    <t>5259.22956835777</t>
  </si>
  <si>
    <t>21192993.0</t>
  </si>
  <si>
    <t>628.584</t>
  </si>
  <si>
    <t>48603517.0</t>
  </si>
  <si>
    <t>24540803.0</t>
  </si>
  <si>
    <t>21469316.0</t>
  </si>
  <si>
    <t>2593398.0</t>
  </si>
  <si>
    <t>268515.0</t>
  </si>
  <si>
    <t>255268.0</t>
  </si>
  <si>
    <t>76927.0</t>
  </si>
  <si>
    <t>21231952.0</t>
  </si>
  <si>
    <t>629.739</t>
  </si>
  <si>
    <t>48982897.0</t>
  </si>
  <si>
    <t>24590178.0</t>
  </si>
  <si>
    <t>21551183.0</t>
  </si>
  <si>
    <t>2841536.0</t>
  </si>
  <si>
    <t>21280472.0</t>
  </si>
  <si>
    <t>631.178</t>
  </si>
  <si>
    <t>44464.0</t>
  </si>
  <si>
    <t>49321572.0</t>
  </si>
  <si>
    <t>24631563.0</t>
  </si>
  <si>
    <t>21628765.0</t>
  </si>
  <si>
    <t>3061244.0</t>
  </si>
  <si>
    <t>338675.0</t>
  </si>
  <si>
    <t>268583.0</t>
  </si>
  <si>
    <t>58880.0</t>
  </si>
  <si>
    <t>21333592.0</t>
  </si>
  <si>
    <t>632.754</t>
  </si>
  <si>
    <t>49570177.0</t>
  </si>
  <si>
    <t>24664815.0</t>
  </si>
  <si>
    <t>21693781.0</t>
  </si>
  <si>
    <t>3211581.0</t>
  </si>
  <si>
    <t>248605.0</t>
  </si>
  <si>
    <t>269582.0</t>
  </si>
  <si>
    <t>21352702.0</t>
  </si>
  <si>
    <t>633.321</t>
  </si>
  <si>
    <t>49651152.0</t>
  </si>
  <si>
    <t>24677041.0</t>
  </si>
  <si>
    <t>21717979.0</t>
  </si>
  <si>
    <t>3256132.0</t>
  </si>
  <si>
    <t>80975.0</t>
  </si>
  <si>
    <t>247299.0</t>
  </si>
  <si>
    <t>21507541.0</t>
  </si>
  <si>
    <t>637.913</t>
  </si>
  <si>
    <t>49685887.0</t>
  </si>
  <si>
    <t>24680329.0</t>
  </si>
  <si>
    <t>21724171.0</t>
  </si>
  <si>
    <t>3281387.0</t>
  </si>
  <si>
    <t>219053.0</t>
  </si>
  <si>
    <t>21524736.0</t>
  </si>
  <si>
    <t>638.423</t>
  </si>
  <si>
    <t>50712.0</t>
  </si>
  <si>
    <t>49873640.0</t>
  </si>
  <si>
    <t>24696387.0</t>
  </si>
  <si>
    <t>21767013.0</t>
  </si>
  <si>
    <t>3410240.0</t>
  </si>
  <si>
    <t>187753.0</t>
  </si>
  <si>
    <t>219805.0</t>
  </si>
  <si>
    <t>179190.7</t>
  </si>
  <si>
    <t>5262.639301245</t>
  </si>
  <si>
    <t>21550239.0</t>
  </si>
  <si>
    <t>639.18</t>
  </si>
  <si>
    <t>50190004.0</t>
  </si>
  <si>
    <t>24730943.0</t>
  </si>
  <si>
    <t>21845160.0</t>
  </si>
  <si>
    <t>3613901.0</t>
  </si>
  <si>
    <t>316364.0</t>
  </si>
  <si>
    <t>226641.0</t>
  </si>
  <si>
    <t>21591818.0</t>
  </si>
  <si>
    <t>640.413</t>
  </si>
  <si>
    <t>50519348.0</t>
  </si>
  <si>
    <t>24767324.0</t>
  </si>
  <si>
    <t>21926535.0</t>
  </si>
  <si>
    <t>3825489.0</t>
  </si>
  <si>
    <t>329344.0</t>
  </si>
  <si>
    <t>219493.0</t>
  </si>
  <si>
    <t>21656119.0</t>
  </si>
  <si>
    <t>642.32</t>
  </si>
  <si>
    <t>50804586.0</t>
  </si>
  <si>
    <t>24801396.0</t>
  </si>
  <si>
    <t>21997609.0</t>
  </si>
  <si>
    <t>4005581.0</t>
  </si>
  <si>
    <t>285238.0</t>
  </si>
  <si>
    <t>211859.0</t>
  </si>
  <si>
    <t>24262.0</t>
  </si>
  <si>
    <t>21725629.0</t>
  </si>
  <si>
    <t>644.382</t>
  </si>
  <si>
    <t>51024316.0</t>
  </si>
  <si>
    <t>24830960.0</t>
  </si>
  <si>
    <t>22060044.0</t>
  </si>
  <si>
    <t>4133312.0</t>
  </si>
  <si>
    <t>219730.0</t>
  </si>
  <si>
    <t>207734.0</t>
  </si>
  <si>
    <t>21790289.0</t>
  </si>
  <si>
    <t>646.299</t>
  </si>
  <si>
    <t>51095900.0</t>
  </si>
  <si>
    <t>24841028.0</t>
  </si>
  <si>
    <t>22086660.0</t>
  </si>
  <si>
    <t>4168212.0</t>
  </si>
  <si>
    <t>71584.0</t>
  </si>
  <si>
    <t>206393.0</t>
  </si>
  <si>
    <t>21843645.0</t>
  </si>
  <si>
    <t>647.882</t>
  </si>
  <si>
    <t>51127640.0</t>
  </si>
  <si>
    <t>24852434.0</t>
  </si>
  <si>
    <t>22092237.0</t>
  </si>
  <si>
    <t>4182969.0</t>
  </si>
  <si>
    <t>205965.0</t>
  </si>
  <si>
    <t>21861790.0</t>
  </si>
  <si>
    <t>648.42</t>
  </si>
  <si>
    <t>51249257.0</t>
  </si>
  <si>
    <t>24866419.0</t>
  </si>
  <si>
    <t>22123340.0</t>
  </si>
  <si>
    <t>4259498.0</t>
  </si>
  <si>
    <t>196517.0</t>
  </si>
  <si>
    <t>179463.2</t>
  </si>
  <si>
    <t>5270.64233493809</t>
  </si>
  <si>
    <t>21881553.0</t>
  </si>
  <si>
    <t>649.006</t>
  </si>
  <si>
    <t>51503451.0</t>
  </si>
  <si>
    <t>24896967.0</t>
  </si>
  <si>
    <t>22196722.0</t>
  </si>
  <si>
    <t>4409762.0</t>
  </si>
  <si>
    <t>254194.0</t>
  </si>
  <si>
    <t>187635.0</t>
  </si>
  <si>
    <t>21929599.0</t>
  </si>
  <si>
    <t>48254.0</t>
  </si>
  <si>
    <t>51782252.0</t>
  </si>
  <si>
    <t>24926158.0</t>
  </si>
  <si>
    <t>22275651.0</t>
  </si>
  <si>
    <t>4580443.0</t>
  </si>
  <si>
    <t>278801.0</t>
  </si>
  <si>
    <t>180415.0</t>
  </si>
  <si>
    <t>22691.0</t>
  </si>
  <si>
    <t>21999418.0</t>
  </si>
  <si>
    <t>652.502</t>
  </si>
  <si>
    <t>52103800.0</t>
  </si>
  <si>
    <t>24958438.0</t>
  </si>
  <si>
    <t>22356131.0</t>
  </si>
  <si>
    <t>4789231.0</t>
  </si>
  <si>
    <t>321548.0</t>
  </si>
  <si>
    <t>185602.0</t>
  </si>
  <si>
    <t>22086761.0</t>
  </si>
  <si>
    <t>655.093</t>
  </si>
  <si>
    <t>52428447.0</t>
  </si>
  <si>
    <t>24989111.0</t>
  </si>
  <si>
    <t>22433428.0</t>
  </si>
  <si>
    <t>5005908.0</t>
  </si>
  <si>
    <t>324647.0</t>
  </si>
  <si>
    <t>200590.0</t>
  </si>
  <si>
    <t>22173887.0</t>
  </si>
  <si>
    <t>657.677</t>
  </si>
  <si>
    <t>52753210.0</t>
  </si>
  <si>
    <t>25018407.0</t>
  </si>
  <si>
    <t>22509968.0</t>
  </si>
  <si>
    <t>5224835.0</t>
  </si>
  <si>
    <t>324763.0</t>
  </si>
  <si>
    <t>236759.0</t>
  </si>
  <si>
    <t>25340.0</t>
  </si>
  <si>
    <t>22270297.0</t>
  </si>
  <si>
    <t>660.536</t>
  </si>
  <si>
    <t>60950.0</t>
  </si>
  <si>
    <t>53092419.0</t>
  </si>
  <si>
    <t>25044872.0</t>
  </si>
  <si>
    <t>22582073.0</t>
  </si>
  <si>
    <t>5465474.0</t>
  </si>
  <si>
    <t>339209.0</t>
  </si>
  <si>
    <t>280683.0</t>
  </si>
  <si>
    <t>27491.0</t>
  </si>
  <si>
    <t>22368752.0</t>
  </si>
  <si>
    <t>663.457</t>
  </si>
  <si>
    <t>72423.0</t>
  </si>
  <si>
    <t>53298098.0</t>
  </si>
  <si>
    <t>25062119.0</t>
  </si>
  <si>
    <t>22629099.0</t>
  </si>
  <si>
    <t>5606880.0</t>
  </si>
  <si>
    <t>205679.0</t>
  </si>
  <si>
    <t>292692.0</t>
  </si>
  <si>
    <t>180133.9</t>
  </si>
  <si>
    <t>5290.34007694895</t>
  </si>
  <si>
    <t>22424563.0</t>
  </si>
  <si>
    <t>665.112</t>
  </si>
  <si>
    <t>77573.0</t>
  </si>
  <si>
    <t>53580994.0</t>
  </si>
  <si>
    <t>25091219.0</t>
  </si>
  <si>
    <t>22699603.0</t>
  </si>
  <si>
    <t>5790172.0</t>
  </si>
  <si>
    <t>282896.0</t>
  </si>
  <si>
    <t>296792.0</t>
  </si>
  <si>
    <t>157.36</t>
  </si>
  <si>
    <t>22544032.0</t>
  </si>
  <si>
    <t>668.655</t>
  </si>
  <si>
    <t>87776.0</t>
  </si>
  <si>
    <t>53845421.0</t>
  </si>
  <si>
    <t>25116425.0</t>
  </si>
  <si>
    <t>22762770.0</t>
  </si>
  <si>
    <t>5966226.0</t>
  </si>
  <si>
    <t>294738.0</t>
  </si>
  <si>
    <t>22674737.0</t>
  </si>
  <si>
    <t>672.532</t>
  </si>
  <si>
    <t>96474.0</t>
  </si>
  <si>
    <t>54092666.0</t>
  </si>
  <si>
    <t>25141248.0</t>
  </si>
  <si>
    <t>22823316.0</t>
  </si>
  <si>
    <t>6128102.0</t>
  </si>
  <si>
    <t>247245.0</t>
  </si>
  <si>
    <t>284124.0</t>
  </si>
  <si>
    <t>22824009.0</t>
  </si>
  <si>
    <t>676.959</t>
  </si>
  <si>
    <t>105321.0</t>
  </si>
  <si>
    <t>54343730.0</t>
  </si>
  <si>
    <t>25164642.0</t>
  </si>
  <si>
    <t>22879690.0</t>
  </si>
  <si>
    <t>6299398.0</t>
  </si>
  <si>
    <t>251064.0</t>
  </si>
  <si>
    <t>22974449.0</t>
  </si>
  <si>
    <t>681.422</t>
  </si>
  <si>
    <t>114366.0</t>
  </si>
  <si>
    <t>54577619.0</t>
  </si>
  <si>
    <t>25186523.0</t>
  </si>
  <si>
    <t>22929423.0</t>
  </si>
  <si>
    <t>6461673.0</t>
  </si>
  <si>
    <t>233889.0</t>
  </si>
  <si>
    <t>260630.0</t>
  </si>
  <si>
    <t>23133453.0</t>
  </si>
  <si>
    <t>686.138</t>
  </si>
  <si>
    <t>123308.0</t>
  </si>
  <si>
    <t>54805976.0</t>
  </si>
  <si>
    <t>25204888.0</t>
  </si>
  <si>
    <t>22968370.0</t>
  </si>
  <si>
    <t>6632718.0</t>
  </si>
  <si>
    <t>228357.0</t>
  </si>
  <si>
    <t>244794.0</t>
  </si>
  <si>
    <t>23289858.0</t>
  </si>
  <si>
    <t>690.777</t>
  </si>
  <si>
    <t>131587.0</t>
  </si>
  <si>
    <t>54939248.0</t>
  </si>
  <si>
    <t>25216154.0</t>
  </si>
  <si>
    <t>22994669.0</t>
  </si>
  <si>
    <t>6728425.0</t>
  </si>
  <si>
    <t>133272.0</t>
  </si>
  <si>
    <t>234450.0</t>
  </si>
  <si>
    <t>5317.94980896685</t>
  </si>
  <si>
    <t>23372578.0</t>
  </si>
  <si>
    <t>135431.0</t>
  </si>
  <si>
    <t>55125799.0</t>
  </si>
  <si>
    <t>25236430.0</t>
  </si>
  <si>
    <t>23037823.0</t>
  </si>
  <si>
    <t>6851546.0</t>
  </si>
  <si>
    <t>186551.0</t>
  </si>
  <si>
    <t>220686.0</t>
  </si>
  <si>
    <t>23488903.0</t>
  </si>
  <si>
    <t>696.68</t>
  </si>
  <si>
    <t>134982.0</t>
  </si>
  <si>
    <t>55296696.0</t>
  </si>
  <si>
    <t>25253122.0</t>
  </si>
  <si>
    <t>23076426.0</t>
  </si>
  <si>
    <t>6967148.0</t>
  </si>
  <si>
    <t>170897.0</t>
  </si>
  <si>
    <t>207325.0</t>
  </si>
  <si>
    <t>23656156.0</t>
  </si>
  <si>
    <t>701.641</t>
  </si>
  <si>
    <t>140203.0</t>
  </si>
  <si>
    <t>55462918.0</t>
  </si>
  <si>
    <t>25270192.0</t>
  </si>
  <si>
    <t>23114184.0</t>
  </si>
  <si>
    <t>7078542.0</t>
  </si>
  <si>
    <t>195750.0</t>
  </si>
  <si>
    <t>23825355.0</t>
  </si>
  <si>
    <t>706.659</t>
  </si>
  <si>
    <t>143049.0</t>
  </si>
  <si>
    <t>55611777.0</t>
  </si>
  <si>
    <t>25286024.0</t>
  </si>
  <si>
    <t>23149324.0</t>
  </si>
  <si>
    <t>7176429.0</t>
  </si>
  <si>
    <t>148859.0</t>
  </si>
  <si>
    <t>181150.0</t>
  </si>
  <si>
    <t>23995453.0</t>
  </si>
  <si>
    <t>711.704</t>
  </si>
  <si>
    <t>145858.0</t>
  </si>
  <si>
    <t>55754350.0</t>
  </si>
  <si>
    <t>25300435.0</t>
  </si>
  <si>
    <t>23181391.0</t>
  </si>
  <si>
    <t>7272524.0</t>
  </si>
  <si>
    <t>142573.0</t>
  </si>
  <si>
    <t>168104.0</t>
  </si>
  <si>
    <t>24166026.0</t>
  </si>
  <si>
    <t>716.764</t>
  </si>
  <si>
    <t>55908365.0</t>
  </si>
  <si>
    <t>25313896.0</t>
  </si>
  <si>
    <t>23212914.0</t>
  </si>
  <si>
    <t>7381555.0</t>
  </si>
  <si>
    <t>154015.0</t>
  </si>
  <si>
    <t>157484.0</t>
  </si>
  <si>
    <t>24325873.0</t>
  </si>
  <si>
    <t>721.505</t>
  </si>
  <si>
    <t>148002.0</t>
  </si>
  <si>
    <t>56027340.0</t>
  </si>
  <si>
    <t>25324168.0</t>
  </si>
  <si>
    <t>23237984.0</t>
  </si>
  <si>
    <t>7465188.0</t>
  </si>
  <si>
    <t>118975.0</t>
  </si>
  <si>
    <t>155442.0</t>
  </si>
  <si>
    <t>164.55</t>
  </si>
  <si>
    <t>182577.2</t>
  </si>
  <si>
    <t>5362.09718602175</t>
  </si>
  <si>
    <t>24413349.0</t>
  </si>
  <si>
    <t>724.099</t>
  </si>
  <si>
    <t>148682.0</t>
  </si>
  <si>
    <t>56203099.0</t>
  </si>
  <si>
    <t>25378230.0</t>
  </si>
  <si>
    <t>23270385.0</t>
  </si>
  <si>
    <t>7554484.0</t>
  </si>
  <si>
    <t>175759.0</t>
  </si>
  <si>
    <t>153900.0</t>
  </si>
  <si>
    <t>24547117.0</t>
  </si>
  <si>
    <t>728.067</t>
  </si>
  <si>
    <t>151173.0</t>
  </si>
  <si>
    <t>56380516.0</t>
  </si>
  <si>
    <t>25435369.0</t>
  </si>
  <si>
    <t>23300718.0</t>
  </si>
  <si>
    <t>7644429.0</t>
  </si>
  <si>
    <t>177417.0</t>
  </si>
  <si>
    <t>154831.0</t>
  </si>
  <si>
    <t>26035.0</t>
  </si>
  <si>
    <t>24712863.0</t>
  </si>
  <si>
    <t>732.983</t>
  </si>
  <si>
    <t>150958.0</t>
  </si>
  <si>
    <t>56569941.0</t>
  </si>
  <si>
    <t>25509856.0</t>
  </si>
  <si>
    <t>23331221.0</t>
  </si>
  <si>
    <t>7728864.0</t>
  </si>
  <si>
    <t>189425.0</t>
  </si>
  <si>
    <t>24888301.0</t>
  </si>
  <si>
    <t>738.186</t>
  </si>
  <si>
    <t>151849.0</t>
  </si>
  <si>
    <t>56771326.0</t>
  </si>
  <si>
    <t>25597743.0</t>
  </si>
  <si>
    <t>23360581.0</t>
  </si>
  <si>
    <t>7813002.0</t>
  </si>
  <si>
    <t>201385.0</t>
  </si>
  <si>
    <t>165650.0</t>
  </si>
  <si>
    <t>166.73</t>
  </si>
  <si>
    <t>25035696.0</t>
  </si>
  <si>
    <t>742.558</t>
  </si>
  <si>
    <t>148606.0</t>
  </si>
  <si>
    <t>56978623.0</t>
  </si>
  <si>
    <t>25694461.0</t>
  </si>
  <si>
    <t>23388564.0</t>
  </si>
  <si>
    <t>7895598.0</t>
  </si>
  <si>
    <t>207297.0</t>
  </si>
  <si>
    <t>56289.0</t>
  </si>
  <si>
    <t>25171627.0</t>
  </si>
  <si>
    <t>746.59</t>
  </si>
  <si>
    <t>143657.0</t>
  </si>
  <si>
    <t>57255299.0</t>
  </si>
  <si>
    <t>25844751.0</t>
  </si>
  <si>
    <t>23414419.0</t>
  </si>
  <si>
    <t>7996129.0</t>
  </si>
  <si>
    <t>276676.0</t>
  </si>
  <si>
    <t>192419.0</t>
  </si>
  <si>
    <t>25283300.0</t>
  </si>
  <si>
    <t>749.902</t>
  </si>
  <si>
    <t>136775.0</t>
  </si>
  <si>
    <t>57467364.0</t>
  </si>
  <si>
    <t>25958080.0</t>
  </si>
  <si>
    <t>23432709.0</t>
  </si>
  <si>
    <t>8076575.0</t>
  </si>
  <si>
    <t>212065.0</t>
  </si>
  <si>
    <t>205718.0</t>
  </si>
  <si>
    <t>184375.9</t>
  </si>
  <si>
    <t>5414.92308218238</t>
  </si>
  <si>
    <t>25338842.0</t>
  </si>
  <si>
    <t>751.549</t>
  </si>
  <si>
    <t>132213.0</t>
  </si>
  <si>
    <t>57708049.0</t>
  </si>
  <si>
    <t>26076319.0</t>
  </si>
  <si>
    <t>23460344.0</t>
  </si>
  <si>
    <t>8171386.0</t>
  </si>
  <si>
    <t>240685.0</t>
  </si>
  <si>
    <t>169.48</t>
  </si>
  <si>
    <t>25436629.0</t>
  </si>
  <si>
    <t>754.45</t>
  </si>
  <si>
    <t>127073.0</t>
  </si>
  <si>
    <t>57947473.0</t>
  </si>
  <si>
    <t>26188222.0</t>
  </si>
  <si>
    <t>23487113.0</t>
  </si>
  <si>
    <t>8272138.0</t>
  </si>
  <si>
    <t>239424.0</t>
  </si>
  <si>
    <t>223851.0</t>
  </si>
  <si>
    <t>170.19</t>
  </si>
  <si>
    <t>107550.0</t>
  </si>
  <si>
    <t>25544384.0</t>
  </si>
  <si>
    <t>757.646</t>
  </si>
  <si>
    <t>118789.0</t>
  </si>
  <si>
    <t>58168494.0</t>
  </si>
  <si>
    <t>26284042.0</t>
  </si>
  <si>
    <t>23513970.0</t>
  </si>
  <si>
    <t>8370482.0</t>
  </si>
  <si>
    <t>221021.0</t>
  </si>
  <si>
    <t>228365.0</t>
  </si>
  <si>
    <t>110598.0</t>
  </si>
  <si>
    <t>25652377.0</t>
  </si>
  <si>
    <t>760.849</t>
  </si>
  <si>
    <t>109154.0</t>
  </si>
  <si>
    <t>58399741.0</t>
  </si>
  <si>
    <t>26390713.0</t>
  </si>
  <si>
    <t>23540284.0</t>
  </si>
  <si>
    <t>8468744.0</t>
  </si>
  <si>
    <t>231247.0</t>
  </si>
  <si>
    <t>232631.0</t>
  </si>
  <si>
    <t>113281.0</t>
  </si>
  <si>
    <t>25759330.0</t>
  </si>
  <si>
    <t>764.021</t>
  </si>
  <si>
    <t>103376.0</t>
  </si>
  <si>
    <t>58638235.0</t>
  </si>
  <si>
    <t>26503032.0</t>
  </si>
  <si>
    <t>23566300.0</t>
  </si>
  <si>
    <t>8568903.0</t>
  </si>
  <si>
    <t>238494.0</t>
  </si>
  <si>
    <t>237087.0</t>
  </si>
  <si>
    <t>115510.0</t>
  </si>
  <si>
    <t>25854325.0</t>
  </si>
  <si>
    <t>766.839</t>
  </si>
  <si>
    <t>97528.0</t>
  </si>
  <si>
    <t>58892079.0</t>
  </si>
  <si>
    <t>26613916.0</t>
  </si>
  <si>
    <t>23591353.0</t>
  </si>
  <si>
    <t>8686810.0</t>
  </si>
  <si>
    <t>253844.0</t>
  </si>
  <si>
    <t>25933414.0</t>
  </si>
  <si>
    <t>769.184</t>
  </si>
  <si>
    <t>92873.0</t>
  </si>
  <si>
    <t>59048633.0</t>
  </si>
  <si>
    <t>26677789.0</t>
  </si>
  <si>
    <t>23607640.0</t>
  </si>
  <si>
    <t>8763204.0</t>
  </si>
  <si>
    <t>156554.0</t>
  </si>
  <si>
    <t>225896.0</t>
  </si>
  <si>
    <t>185938.4</t>
  </si>
  <si>
    <t>5460.81203684462</t>
  </si>
  <si>
    <t>25983005.0</t>
  </si>
  <si>
    <t>770.655</t>
  </si>
  <si>
    <t>92023.0</t>
  </si>
  <si>
    <t>59266153.0</t>
  </si>
  <si>
    <t>26770395.0</t>
  </si>
  <si>
    <t>23633699.0</t>
  </si>
  <si>
    <t>8862059.0</t>
  </si>
  <si>
    <t>217520.0</t>
  </si>
  <si>
    <t>26075030.0</t>
  </si>
  <si>
    <t>773.385</t>
  </si>
  <si>
    <t>59483526.0</t>
  </si>
  <si>
    <t>26859384.0</t>
  </si>
  <si>
    <t>23658761.0</t>
  </si>
  <si>
    <t>8965381.0</t>
  </si>
  <si>
    <t>217373.0</t>
  </si>
  <si>
    <t>219436.0</t>
  </si>
  <si>
    <t>95880.0</t>
  </si>
  <si>
    <t>26171623.0</t>
  </si>
  <si>
    <t>776.25</t>
  </si>
  <si>
    <t>89606.0</t>
  </si>
  <si>
    <t>59697052.0</t>
  </si>
  <si>
    <t>26944655.0</t>
  </si>
  <si>
    <t>23682643.0</t>
  </si>
  <si>
    <t>9069754.0</t>
  </si>
  <si>
    <t>213526.0</t>
  </si>
  <si>
    <t>218365.0</t>
  </si>
  <si>
    <t>94373.0</t>
  </si>
  <si>
    <t>26267281.0</t>
  </si>
  <si>
    <t>779.087</t>
  </si>
  <si>
    <t>59901448.0</t>
  </si>
  <si>
    <t>27023099.0</t>
  </si>
  <si>
    <t>23706982.0</t>
  </si>
  <si>
    <t>9171367.0</t>
  </si>
  <si>
    <t>204396.0</t>
  </si>
  <si>
    <t>214530.0</t>
  </si>
  <si>
    <t>175.92</t>
  </si>
  <si>
    <t>90341.0</t>
  </si>
  <si>
    <t>26363363.0</t>
  </si>
  <si>
    <t>781.937</t>
  </si>
  <si>
    <t>86290.0</t>
  </si>
  <si>
    <t>60118787.0</t>
  </si>
  <si>
    <t>27113557.0</t>
  </si>
  <si>
    <t>23731383.0</t>
  </si>
  <si>
    <t>9273847.0</t>
  </si>
  <si>
    <t>217339.0</t>
  </si>
  <si>
    <t>211507.0</t>
  </si>
  <si>
    <t>176.56</t>
  </si>
  <si>
    <t>87218.0</t>
  </si>
  <si>
    <t>26447601.0</t>
  </si>
  <si>
    <t>784.435</t>
  </si>
  <si>
    <t>60319515.0</t>
  </si>
  <si>
    <t>27188269.0</t>
  </si>
  <si>
    <t>23752408.0</t>
  </si>
  <si>
    <t>9378838.0</t>
  </si>
  <si>
    <t>200728.0</t>
  </si>
  <si>
    <t>203919.0</t>
  </si>
  <si>
    <t>26523394.0</t>
  </si>
  <si>
    <t>786.683</t>
  </si>
  <si>
    <t>60442897.0</t>
  </si>
  <si>
    <t>27232149.0</t>
  </si>
  <si>
    <t>23765714.0</t>
  </si>
  <si>
    <t>9445034.0</t>
  </si>
  <si>
    <t>123382.0</t>
  </si>
  <si>
    <t>199181.0</t>
  </si>
  <si>
    <t>187220.2</t>
  </si>
  <si>
    <t>5498.4571325797</t>
  </si>
  <si>
    <t>26556891.0</t>
  </si>
  <si>
    <t>787.677</t>
  </si>
  <si>
    <t>60597786.0</t>
  </si>
  <si>
    <t>27282815.0</t>
  </si>
  <si>
    <t>23801298.0</t>
  </si>
  <si>
    <t>9513673.0</t>
  </si>
  <si>
    <t>154889.0</t>
  </si>
  <si>
    <t>190233.0</t>
  </si>
  <si>
    <t>73203.0</t>
  </si>
  <si>
    <t>26620405.0</t>
  </si>
  <si>
    <t>789.561</t>
  </si>
  <si>
    <t>60785487.0</t>
  </si>
  <si>
    <t>27338919.0</t>
  </si>
  <si>
    <t>23843485.0</t>
  </si>
  <si>
    <t>9603083.0</t>
  </si>
  <si>
    <t>185994.0</t>
  </si>
  <si>
    <t>26697922.0</t>
  </si>
  <si>
    <t>791.86</t>
  </si>
  <si>
    <t>60988485.0</t>
  </si>
  <si>
    <t>27399556.0</t>
  </si>
  <si>
    <t>23893383.0</t>
  </si>
  <si>
    <t>9695546.0</t>
  </si>
  <si>
    <t>202998.0</t>
  </si>
  <si>
    <t>184490.0</t>
  </si>
  <si>
    <t>26777800.0</t>
  </si>
  <si>
    <t>794.229</t>
  </si>
  <si>
    <t>72931.0</t>
  </si>
  <si>
    <t>61194114.0</t>
  </si>
  <si>
    <t>27455093.0</t>
  </si>
  <si>
    <t>23951399.0</t>
  </si>
  <si>
    <t>9787622.0</t>
  </si>
  <si>
    <t>205629.0</t>
  </si>
  <si>
    <t>184667.0</t>
  </si>
  <si>
    <t>179.72</t>
  </si>
  <si>
    <t>26843930.0</t>
  </si>
  <si>
    <t>796.19</t>
  </si>
  <si>
    <t>61414915.0</t>
  </si>
  <si>
    <t>27509826.0</t>
  </si>
  <si>
    <t>24022289.0</t>
  </si>
  <si>
    <t>9882800.0</t>
  </si>
  <si>
    <t>220801.0</t>
  </si>
  <si>
    <t>185161.0</t>
  </si>
  <si>
    <t>26909789.0</t>
  </si>
  <si>
    <t>798.144</t>
  </si>
  <si>
    <t>61663199.0</t>
  </si>
  <si>
    <t>27564951.0</t>
  </si>
  <si>
    <t>24112406.0</t>
  </si>
  <si>
    <t>9985842.0</t>
  </si>
  <si>
    <t>248284.0</t>
  </si>
  <si>
    <t>191955.0</t>
  </si>
  <si>
    <t>53812.0</t>
  </si>
  <si>
    <t>26969707.0</t>
  </si>
  <si>
    <t>799.921</t>
  </si>
  <si>
    <t>61844719.0</t>
  </si>
  <si>
    <t>27605871.0</t>
  </si>
  <si>
    <t>24177038.0</t>
  </si>
  <si>
    <t>10061810.0</t>
  </si>
  <si>
    <t>181520.0</t>
  </si>
  <si>
    <t>200260.0</t>
  </si>
  <si>
    <t>187972.7</t>
  </si>
  <si>
    <t>5520.55725314503</t>
  </si>
  <si>
    <t>26997737.0</t>
  </si>
  <si>
    <t>800.752</t>
  </si>
  <si>
    <t>62978.0</t>
  </si>
  <si>
    <t>62072061.0</t>
  </si>
  <si>
    <t>27657793.0</t>
  </si>
  <si>
    <t>24261872.0</t>
  </si>
  <si>
    <t>10152396.0</t>
  </si>
  <si>
    <t>227342.0</t>
  </si>
  <si>
    <t>210611.0</t>
  </si>
  <si>
    <t>53568.0</t>
  </si>
  <si>
    <t>27049785.0</t>
  </si>
  <si>
    <t>802.296</t>
  </si>
  <si>
    <t>62311097.0</t>
  </si>
  <si>
    <t>27709217.0</t>
  </si>
  <si>
    <t>24355776.0</t>
  </si>
  <si>
    <t>10246104.0</t>
  </si>
  <si>
    <t>239036.0</t>
  </si>
  <si>
    <t>217944.0</t>
  </si>
  <si>
    <t>27110980.0</t>
  </si>
  <si>
    <t>804.111</t>
  </si>
  <si>
    <t>59008.0</t>
  </si>
  <si>
    <t>62531078.0</t>
  </si>
  <si>
    <t>27755738.0</t>
  </si>
  <si>
    <t>24435474.0</t>
  </si>
  <si>
    <t>10339866.0</t>
  </si>
  <si>
    <t>220370.0</t>
  </si>
  <si>
    <t>27166379.0</t>
  </si>
  <si>
    <t>805.754</t>
  </si>
  <si>
    <t>62744641.0</t>
  </si>
  <si>
    <t>27800853.0</t>
  </si>
  <si>
    <t>24520417.0</t>
  </si>
  <si>
    <t>10423371.0</t>
  </si>
  <si>
    <t>213563.0</t>
  </si>
  <si>
    <t>221504.0</t>
  </si>
  <si>
    <t>184.27</t>
  </si>
  <si>
    <t>27224498.0</t>
  </si>
  <si>
    <t>807.478</t>
  </si>
  <si>
    <t>62967171.0</t>
  </si>
  <si>
    <t>27846401.0</t>
  </si>
  <si>
    <t>24616063.0</t>
  </si>
  <si>
    <t>10504707.0</t>
  </si>
  <si>
    <t>222530.0</t>
  </si>
  <si>
    <t>221751.0</t>
  </si>
  <si>
    <t>184.93</t>
  </si>
  <si>
    <t>48082.0</t>
  </si>
  <si>
    <t>27286215.0</t>
  </si>
  <si>
    <t>809.308</t>
  </si>
  <si>
    <t>63176295.0</t>
  </si>
  <si>
    <t>27887539.0</t>
  </si>
  <si>
    <t>24700319.0</t>
  </si>
  <si>
    <t>10588437.0</t>
  </si>
  <si>
    <t>209124.0</t>
  </si>
  <si>
    <t>216157.0</t>
  </si>
  <si>
    <t>27340836.0</t>
  </si>
  <si>
    <t>810.928</t>
  </si>
  <si>
    <t>53018.0</t>
  </si>
  <si>
    <t>63320072.0</t>
  </si>
  <si>
    <t>27917182.0</t>
  </si>
  <si>
    <t>24755582.0</t>
  </si>
  <si>
    <t>10647308.0</t>
  </si>
  <si>
    <t>143777.0</t>
  </si>
  <si>
    <t>210765.0</t>
  </si>
  <si>
    <t>44473.0</t>
  </si>
  <si>
    <t>188262.3</t>
  </si>
  <si>
    <t>5529.06249555795</t>
  </si>
  <si>
    <t>27364060.0</t>
  </si>
  <si>
    <t>811.617</t>
  </si>
  <si>
    <t>52332.0</t>
  </si>
  <si>
    <t>63530324.0</t>
  </si>
  <si>
    <t>27963324.0</t>
  </si>
  <si>
    <t>24838006.0</t>
  </si>
  <si>
    <t>10728994.0</t>
  </si>
  <si>
    <t>208323.0</t>
  </si>
  <si>
    <t>27407063.0</t>
  </si>
  <si>
    <t>812.893</t>
  </si>
  <si>
    <t>63707796.0</t>
  </si>
  <si>
    <t>28005145.0</t>
  </si>
  <si>
    <t>24901954.0</t>
  </si>
  <si>
    <t>10800697.0</t>
  </si>
  <si>
    <t>199528.0</t>
  </si>
  <si>
    <t>42275.0</t>
  </si>
  <si>
    <t>27460384.0</t>
  </si>
  <si>
    <t>814.474</t>
  </si>
  <si>
    <t>63889082.0</t>
  </si>
  <si>
    <t>28047675.0</t>
  </si>
  <si>
    <t>24968156.0</t>
  </si>
  <si>
    <t>10873251.0</t>
  </si>
  <si>
    <t>181286.0</t>
  </si>
  <si>
    <t>194001.0</t>
  </si>
  <si>
    <t>187.64</t>
  </si>
  <si>
    <t>27510769.0</t>
  </si>
  <si>
    <t>815.969</t>
  </si>
  <si>
    <t>64067955.0</t>
  </si>
  <si>
    <t>28089249.0</t>
  </si>
  <si>
    <t>25035797.0</t>
  </si>
  <si>
    <t>10942909.0</t>
  </si>
  <si>
    <t>189045.0</t>
  </si>
  <si>
    <t>27557825.0</t>
  </si>
  <si>
    <t>817.364</t>
  </si>
  <si>
    <t>47618.0</t>
  </si>
  <si>
    <t>64257944.0</t>
  </si>
  <si>
    <t>28132337.0</t>
  </si>
  <si>
    <t>25113639.0</t>
  </si>
  <si>
    <t>11011968.0</t>
  </si>
  <si>
    <t>189989.0</t>
  </si>
  <si>
    <t>184396.0</t>
  </si>
  <si>
    <t>27602423.0</t>
  </si>
  <si>
    <t>818.687</t>
  </si>
  <si>
    <t>45173.0</t>
  </si>
  <si>
    <t>64463526.0</t>
  </si>
  <si>
    <t>28180224.0</t>
  </si>
  <si>
    <t>25193380.0</t>
  </si>
  <si>
    <t>11089922.0</t>
  </si>
  <si>
    <t>205582.0</t>
  </si>
  <si>
    <t>183890.0</t>
  </si>
  <si>
    <t>27647736.0</t>
  </si>
  <si>
    <t>820.031</t>
  </si>
  <si>
    <t>64588276.0</t>
  </si>
  <si>
    <t>28209534.0</t>
  </si>
  <si>
    <t>25237110.0</t>
  </si>
  <si>
    <t>11141632.0</t>
  </si>
  <si>
    <t>124750.0</t>
  </si>
  <si>
    <t>181172.0</t>
  </si>
  <si>
    <t>188389.7</t>
  </si>
  <si>
    <t>5532.80409736529</t>
  </si>
  <si>
    <t>27665850.0</t>
  </si>
  <si>
    <t>820.568</t>
  </si>
  <si>
    <t>64747458.0</t>
  </si>
  <si>
    <t>28247220.0</t>
  </si>
  <si>
    <t>25293413.0</t>
  </si>
  <si>
    <t>11206825.0</t>
  </si>
  <si>
    <t>159182.0</t>
  </si>
  <si>
    <t>173876.0</t>
  </si>
  <si>
    <t>190.16</t>
  </si>
  <si>
    <t>40557.0</t>
  </si>
  <si>
    <t>27699558.0</t>
  </si>
  <si>
    <t>821.568</t>
  </si>
  <si>
    <t>41785.0</t>
  </si>
  <si>
    <t>64889315.0</t>
  </si>
  <si>
    <t>28280309.0</t>
  </si>
  <si>
    <t>25346331.0</t>
  </si>
  <si>
    <t>11262675.0</t>
  </si>
  <si>
    <t>141857.0</t>
  </si>
  <si>
    <t>168788.0</t>
  </si>
  <si>
    <t>27740350.0</t>
  </si>
  <si>
    <t>822.778</t>
  </si>
  <si>
    <t>65042089.0</t>
  </si>
  <si>
    <t>28316338.0</t>
  </si>
  <si>
    <t>25401748.0</t>
  </si>
  <si>
    <t>11324003.0</t>
  </si>
  <si>
    <t>152774.0</t>
  </si>
  <si>
    <t>164715.0</t>
  </si>
  <si>
    <t>38380.0</t>
  </si>
  <si>
    <t>27785664.0</t>
  </si>
  <si>
    <t>824.122</t>
  </si>
  <si>
    <t>39271.0</t>
  </si>
  <si>
    <t>65199608.0</t>
  </si>
  <si>
    <t>28355997.0</t>
  </si>
  <si>
    <t>25456132.0</t>
  </si>
  <si>
    <t>11387479.0</t>
  </si>
  <si>
    <t>157519.0</t>
  </si>
  <si>
    <t>161665.0</t>
  </si>
  <si>
    <t>27851471.0</t>
  </si>
  <si>
    <t>826.074</t>
  </si>
  <si>
    <t>65365870.0</t>
  </si>
  <si>
    <t>28403702.0</t>
  </si>
  <si>
    <t>25514246.0</t>
  </si>
  <si>
    <t>11447922.0</t>
  </si>
  <si>
    <t>166262.0</t>
  </si>
  <si>
    <t>158275.0</t>
  </si>
  <si>
    <t>38766.0</t>
  </si>
  <si>
    <t>27898207.0</t>
  </si>
  <si>
    <t>65559533.0</t>
  </si>
  <si>
    <t>28452965.0</t>
  </si>
  <si>
    <t>25580205.0</t>
  </si>
  <si>
    <t>11526363.0</t>
  </si>
  <si>
    <t>193663.0</t>
  </si>
  <si>
    <t>156572.0</t>
  </si>
  <si>
    <t>38963.0</t>
  </si>
  <si>
    <t>27941525.0</t>
  </si>
  <si>
    <t>828.745</t>
  </si>
  <si>
    <t>41970.0</t>
  </si>
  <si>
    <t>65691314.0</t>
  </si>
  <si>
    <t>28481464.0</t>
  </si>
  <si>
    <t>25624005.0</t>
  </si>
  <si>
    <t>11585845.0</t>
  </si>
  <si>
    <t>131781.0</t>
  </si>
  <si>
    <t>157577.0</t>
  </si>
  <si>
    <t>188544.8</t>
  </si>
  <si>
    <t>5537.35921856088</t>
  </si>
  <si>
    <t>27960358.0</t>
  </si>
  <si>
    <t>829.303</t>
  </si>
  <si>
    <t>65820577.0</t>
  </si>
  <si>
    <t>28511574.0</t>
  </si>
  <si>
    <t>25663708.0</t>
  </si>
  <si>
    <t>11645295.0</t>
  </si>
  <si>
    <t>129263.0</t>
  </si>
  <si>
    <t>153303.0</t>
  </si>
  <si>
    <t>28001696.0</t>
  </si>
  <si>
    <t>830.53</t>
  </si>
  <si>
    <t>65950076.0</t>
  </si>
  <si>
    <t>28537320.0</t>
  </si>
  <si>
    <t>25703321.0</t>
  </si>
  <si>
    <t>11709435.0</t>
  </si>
  <si>
    <t>129499.0</t>
  </si>
  <si>
    <t>151537.0</t>
  </si>
  <si>
    <t>28054106.0</t>
  </si>
  <si>
    <t>832.084</t>
  </si>
  <si>
    <t>66076759.0</t>
  </si>
  <si>
    <t>28560902.0</t>
  </si>
  <si>
    <t>25741775.0</t>
  </si>
  <si>
    <t>11774082.0</t>
  </si>
  <si>
    <t>126683.0</t>
  </si>
  <si>
    <t>147810.0</t>
  </si>
  <si>
    <t>34938.0</t>
  </si>
  <si>
    <t>28107876.0</t>
  </si>
  <si>
    <t>833.679</t>
  </si>
  <si>
    <t>66199675.0</t>
  </si>
  <si>
    <t>28582988.0</t>
  </si>
  <si>
    <t>25779024.0</t>
  </si>
  <si>
    <t>11837663.0</t>
  </si>
  <si>
    <t>122916.0</t>
  </si>
  <si>
    <t>28158045.0</t>
  </si>
  <si>
    <t>835.167</t>
  </si>
  <si>
    <t>66337516.0</t>
  </si>
  <si>
    <t>28612827.0</t>
  </si>
  <si>
    <t>25822666.0</t>
  </si>
  <si>
    <t>11902023.0</t>
  </si>
  <si>
    <t>137841.0</t>
  </si>
  <si>
    <t>138807.0</t>
  </si>
  <si>
    <t>28199031.0</t>
  </si>
  <si>
    <t>836.383</t>
  </si>
  <si>
    <t>66498788.0</t>
  </si>
  <si>
    <t>28642445.0</t>
  </si>
  <si>
    <t>25878906.0</t>
  </si>
  <si>
    <t>11977437.0</t>
  </si>
  <si>
    <t>27069.0</t>
  </si>
  <si>
    <t>28238793.0</t>
  </si>
  <si>
    <t>837.562</t>
  </si>
  <si>
    <t>66615240.0</t>
  </si>
  <si>
    <t>28662820.0</t>
  </si>
  <si>
    <t>25915567.0</t>
  </si>
  <si>
    <t>12036853.0</t>
  </si>
  <si>
    <t>116452.0</t>
  </si>
  <si>
    <t>131989.0</t>
  </si>
  <si>
    <t>188586.5</t>
  </si>
  <si>
    <t>5538.58390298291</t>
  </si>
  <si>
    <t>28259007.0</t>
  </si>
  <si>
    <t>838.161</t>
  </si>
  <si>
    <t>66725021.0</t>
  </si>
  <si>
    <t>28681794.0</t>
  </si>
  <si>
    <t>25948018.0</t>
  </si>
  <si>
    <t>12095209.0</t>
  </si>
  <si>
    <t>129206.0</t>
  </si>
  <si>
    <t>28300965.0</t>
  </si>
  <si>
    <t>839.406</t>
  </si>
  <si>
    <t>42753.0</t>
  </si>
  <si>
    <t>66847144.0</t>
  </si>
  <si>
    <t>28700734.0</t>
  </si>
  <si>
    <t>25982680.0</t>
  </si>
  <si>
    <t>12163730.0</t>
  </si>
  <si>
    <t>122123.0</t>
  </si>
  <si>
    <t>128153.0</t>
  </si>
  <si>
    <t>196.32</t>
  </si>
  <si>
    <t>28350635.0</t>
  </si>
  <si>
    <t>840.879</t>
  </si>
  <si>
    <t>66967845.0</t>
  </si>
  <si>
    <t>28719349.0</t>
  </si>
  <si>
    <t>26016815.0</t>
  </si>
  <si>
    <t>12231681.0</t>
  </si>
  <si>
    <t>120701.0</t>
  </si>
  <si>
    <t>127298.0</t>
  </si>
  <si>
    <t>196.68</t>
  </si>
  <si>
    <t>28399228.0</t>
  </si>
  <si>
    <t>842.32</t>
  </si>
  <si>
    <t>41622.0</t>
  </si>
  <si>
    <t>67102209.0</t>
  </si>
  <si>
    <t>28737105.0</t>
  </si>
  <si>
    <t>26049838.0</t>
  </si>
  <si>
    <t>12315266.0</t>
  </si>
  <si>
    <t>134364.0</t>
  </si>
  <si>
    <t>28459124.0</t>
  </si>
  <si>
    <t>844.097</t>
  </si>
  <si>
    <t>67256305.0</t>
  </si>
  <si>
    <t>28758097.0</t>
  </si>
  <si>
    <t>26088658.0</t>
  </si>
  <si>
    <t>12409550.0</t>
  </si>
  <si>
    <t>20753.0</t>
  </si>
  <si>
    <t>28511805.0</t>
  </si>
  <si>
    <t>845.659</t>
  </si>
  <si>
    <t>67482948.0</t>
  </si>
  <si>
    <t>28785620.0</t>
  </si>
  <si>
    <t>26149422.0</t>
  </si>
  <si>
    <t>12547906.0</t>
  </si>
  <si>
    <t>226643.0</t>
  </si>
  <si>
    <t>198.19</t>
  </si>
  <si>
    <t>28566991.0</t>
  </si>
  <si>
    <t>847.296</t>
  </si>
  <si>
    <t>46885.0</t>
  </si>
  <si>
    <t>67669001.0</t>
  </si>
  <si>
    <t>28805743.0</t>
  </si>
  <si>
    <t>26189705.0</t>
  </si>
  <si>
    <t>12673553.0</t>
  </si>
  <si>
    <t>186053.0</t>
  </si>
  <si>
    <t>150537.0</t>
  </si>
  <si>
    <t>188434.8</t>
  </si>
  <si>
    <t>5534.12863615266</t>
  </si>
  <si>
    <t>28614628.0</t>
  </si>
  <si>
    <t>848.709</t>
  </si>
  <si>
    <t>67824653.0</t>
  </si>
  <si>
    <t>28820716.0</t>
  </si>
  <si>
    <t>26218807.0</t>
  </si>
  <si>
    <t>12785130.0</t>
  </si>
  <si>
    <t>155652.0</t>
  </si>
  <si>
    <t>157090.0</t>
  </si>
  <si>
    <t>28626927.0</t>
  </si>
  <si>
    <t>849.074</t>
  </si>
  <si>
    <t>67981801.0</t>
  </si>
  <si>
    <t>28836120.0</t>
  </si>
  <si>
    <t>26246962.0</t>
  </si>
  <si>
    <t>12898719.0</t>
  </si>
  <si>
    <t>157148.0</t>
  </si>
  <si>
    <t>162094.0</t>
  </si>
  <si>
    <t>28675909.0</t>
  </si>
  <si>
    <t>850.527</t>
  </si>
  <si>
    <t>68144050.0</t>
  </si>
  <si>
    <t>28850168.0</t>
  </si>
  <si>
    <t>26274425.0</t>
  </si>
  <si>
    <t>13019457.0</t>
  </si>
  <si>
    <t>162249.0</t>
  </si>
  <si>
    <t>28736342.0</t>
  </si>
  <si>
    <t>852.319</t>
  </si>
  <si>
    <t>68315350.0</t>
  </si>
  <si>
    <t>28862730.0</t>
  </si>
  <si>
    <t>26302060.0</t>
  </si>
  <si>
    <t>13150560.0</t>
  </si>
  <si>
    <t>171300.0</t>
  </si>
  <si>
    <t>28804457.0</t>
  </si>
  <si>
    <t>854.339</t>
  </si>
  <si>
    <t>68512521.0</t>
  </si>
  <si>
    <t>28880065.0</t>
  </si>
  <si>
    <t>26333821.0</t>
  </si>
  <si>
    <t>13298635.0</t>
  </si>
  <si>
    <t>197171.0</t>
  </si>
  <si>
    <t>28860933.0</t>
  </si>
  <si>
    <t>856.015</t>
  </si>
  <si>
    <t>68757206.0</t>
  </si>
  <si>
    <t>28899694.0</t>
  </si>
  <si>
    <t>26381842.0</t>
  </si>
  <si>
    <t>13475670.0</t>
  </si>
  <si>
    <t>244685.0</t>
  </si>
  <si>
    <t>182037.0</t>
  </si>
  <si>
    <t>28904299.0</t>
  </si>
  <si>
    <t>857.301</t>
  </si>
  <si>
    <t>68970508.0</t>
  </si>
  <si>
    <t>28916096.0</t>
  </si>
  <si>
    <t>26416865.0</t>
  </si>
  <si>
    <t>13637547.0</t>
  </si>
  <si>
    <t>213302.0</t>
  </si>
  <si>
    <t>185930.0</t>
  </si>
  <si>
    <t>188320.3</t>
  </si>
  <si>
    <t>5530.76589355501</t>
  </si>
  <si>
    <t>28937071.0</t>
  </si>
  <si>
    <t>858.273</t>
  </si>
  <si>
    <t>69110465.0</t>
  </si>
  <si>
    <t>28925804.0</t>
  </si>
  <si>
    <t>26437257.0</t>
  </si>
  <si>
    <t>13747404.0</t>
  </si>
  <si>
    <t>139957.0</t>
  </si>
  <si>
    <t>183687.0</t>
  </si>
  <si>
    <t>28971116.0</t>
  </si>
  <si>
    <t>859.283</t>
  </si>
  <si>
    <t>69201552.0</t>
  </si>
  <si>
    <t>28934351.0</t>
  </si>
  <si>
    <t>26453992.0</t>
  </si>
  <si>
    <t>13813209.0</t>
  </si>
  <si>
    <t>91087.0</t>
  </si>
  <si>
    <t>174250.0</t>
  </si>
  <si>
    <t>69374486.0</t>
  </si>
  <si>
    <t>28947384.0</t>
  </si>
  <si>
    <t>26480823.0</t>
  </si>
  <si>
    <t>13946279.0</t>
  </si>
  <si>
    <t>172934.0</t>
  </si>
  <si>
    <t>69540671.0</t>
  </si>
  <si>
    <t>28960798.0</t>
  </si>
  <si>
    <t>26507861.0</t>
  </si>
  <si>
    <t>14072012.0</t>
  </si>
  <si>
    <t>175046.0</t>
  </si>
  <si>
    <t>69712412.0</t>
  </si>
  <si>
    <t>28976743.0</t>
  </si>
  <si>
    <t>26539567.0</t>
  </si>
  <si>
    <t>14196102.0</t>
  </si>
  <si>
    <t>171413.0</t>
  </si>
  <si>
    <t>69907329.0</t>
  </si>
  <si>
    <t>28994140.0</t>
  </si>
  <si>
    <t>26581013.0</t>
  </si>
  <si>
    <t>14332176.0</t>
  </si>
  <si>
    <t>194917.0</t>
  </si>
  <si>
    <t>164303.0</t>
  </si>
  <si>
    <t>70063863.0</t>
  </si>
  <si>
    <t>29007122.0</t>
  </si>
  <si>
    <t>26610651.0</t>
  </si>
  <si>
    <t>14446090.0</t>
  </si>
  <si>
    <t>156534.0</t>
  </si>
  <si>
    <t>156194.0</t>
  </si>
  <si>
    <t>188336.1</t>
  </si>
  <si>
    <t>5531.22992266456</t>
  </si>
  <si>
    <t>70219939.0</t>
  </si>
  <si>
    <t>29018986.0</t>
  </si>
  <si>
    <t>26635059.0</t>
  </si>
  <si>
    <t>14565894.0</t>
  </si>
  <si>
    <t>156076.0</t>
  </si>
  <si>
    <t>158496.0</t>
  </si>
  <si>
    <t>70380061.0</t>
  </si>
  <si>
    <t>29031823.0</t>
  </si>
  <si>
    <t>26660350.0</t>
  </si>
  <si>
    <t>14687888.0</t>
  </si>
  <si>
    <t>160122.0</t>
  </si>
  <si>
    <t>168358.0</t>
  </si>
  <si>
    <t>70548301.0</t>
  </si>
  <si>
    <t>29046499.0</t>
  </si>
  <si>
    <t>26687736.0</t>
  </si>
  <si>
    <t>14814066.0</t>
  </si>
  <si>
    <t>168240.0</t>
  </si>
  <si>
    <t>167688.0</t>
  </si>
  <si>
    <t>70638936.0</t>
  </si>
  <si>
    <t>29054704.0</t>
  </si>
  <si>
    <t>26704576.0</t>
  </si>
  <si>
    <t>14879656.0</t>
  </si>
  <si>
    <t>90635.0</t>
  </si>
  <si>
    <t>156895.0</t>
  </si>
  <si>
    <t>207.46</t>
  </si>
  <si>
    <t>70696608.0</t>
  </si>
  <si>
    <t>29059588.0</t>
  </si>
  <si>
    <t>26715329.0</t>
  </si>
  <si>
    <t>14921691.0</t>
  </si>
  <si>
    <t>57672.0</t>
  </si>
  <si>
    <t>140599.0</t>
  </si>
  <si>
    <t>70836521.0</t>
  </si>
  <si>
    <t>29070109.0</t>
  </si>
  <si>
    <t>26741849.0</t>
  </si>
  <si>
    <t>15024563.0</t>
  </si>
  <si>
    <t>139913.0</t>
  </si>
  <si>
    <t>132742.0</t>
  </si>
  <si>
    <t>70933792.0</t>
  </si>
  <si>
    <t>29078514.0</t>
  </si>
  <si>
    <t>26760995.0</t>
  </si>
  <si>
    <t>15094283.0</t>
  </si>
  <si>
    <t>97271.0</t>
  </si>
  <si>
    <t>124276.0</t>
  </si>
  <si>
    <t>208.32</t>
  </si>
  <si>
    <t>188314.3</t>
  </si>
  <si>
    <t>5530.58967996911</t>
  </si>
  <si>
    <t>71074808.0</t>
  </si>
  <si>
    <t>29088771.0</t>
  </si>
  <si>
    <t>26783659.0</t>
  </si>
  <si>
    <t>15202378.0</t>
  </si>
  <si>
    <t>141016.0</t>
  </si>
  <si>
    <t>122124.0</t>
  </si>
  <si>
    <t>71215601.0</t>
  </si>
  <si>
    <t>29100027.0</t>
  </si>
  <si>
    <t>26807427.0</t>
  </si>
  <si>
    <t>15308147.0</t>
  </si>
  <si>
    <t>119363.0</t>
  </si>
  <si>
    <t>71357084.0</t>
  </si>
  <si>
    <t>29112218.0</t>
  </si>
  <si>
    <t>26831673.0</t>
  </si>
  <si>
    <t>15413193.0</t>
  </si>
  <si>
    <t>141483.0</t>
  </si>
  <si>
    <t>115540.0</t>
  </si>
  <si>
    <t>71499741.0</t>
  </si>
  <si>
    <t>29124582.0</t>
  </si>
  <si>
    <t>26856820.0</t>
  </si>
  <si>
    <t>15518339.0</t>
  </si>
  <si>
    <t>142657.0</t>
  </si>
  <si>
    <t>122972.0</t>
  </si>
  <si>
    <t>71661518.0</t>
  </si>
  <si>
    <t>29141092.0</t>
  </si>
  <si>
    <t>26890410.0</t>
  </si>
  <si>
    <t>15630016.0</t>
  </si>
  <si>
    <t>161777.0</t>
  </si>
  <si>
    <t>137844.0</t>
  </si>
  <si>
    <t>71839895.0</t>
  </si>
  <si>
    <t>29158815.0</t>
  </si>
  <si>
    <t>26928661.0</t>
  </si>
  <si>
    <t>15752419.0</t>
  </si>
  <si>
    <t>178377.0</t>
  </si>
  <si>
    <t>143339.0</t>
  </si>
  <si>
    <t>71983301.0</t>
  </si>
  <si>
    <t>29172904.0</t>
  </si>
  <si>
    <t>26958715.0</t>
  </si>
  <si>
    <t>15851682.0</t>
  </si>
  <si>
    <t>143406.0</t>
  </si>
  <si>
    <t>149930.0</t>
  </si>
  <si>
    <t>188225.7</t>
  </si>
  <si>
    <t>-2.89</t>
  </si>
  <si>
    <t>5527.98759268394</t>
  </si>
  <si>
    <t>72125314.0</t>
  </si>
  <si>
    <t>29186491.0</t>
  </si>
  <si>
    <t>26983792.0</t>
  </si>
  <si>
    <t>15955031.0</t>
  </si>
  <si>
    <t>142013.0</t>
  </si>
  <si>
    <t>72272702.0</t>
  </si>
  <si>
    <t>29201785.0</t>
  </si>
  <si>
    <t>27010429.0</t>
  </si>
  <si>
    <t>16060488.0</t>
  </si>
  <si>
    <t>147388.0</t>
  </si>
  <si>
    <t>151014.0</t>
  </si>
  <si>
    <t>72418718.0</t>
  </si>
  <si>
    <t>29217222.0</t>
  </si>
  <si>
    <t>27037775.0</t>
  </si>
  <si>
    <t>16163721.0</t>
  </si>
  <si>
    <t>146016.0</t>
  </si>
  <si>
    <t>151662.0</t>
  </si>
  <si>
    <t>72560485.0</t>
  </si>
  <si>
    <t>29232223.0</t>
  </si>
  <si>
    <t>27064462.0</t>
  </si>
  <si>
    <t>16263800.0</t>
  </si>
  <si>
    <t>151535.0</t>
  </si>
  <si>
    <t>72708750.0</t>
  </si>
  <si>
    <t>29249077.0</t>
  </si>
  <si>
    <t>27094372.0</t>
  </si>
  <si>
    <t>16365301.0</t>
  </si>
  <si>
    <t>148265.0</t>
  </si>
  <si>
    <t>149605.0</t>
  </si>
  <si>
    <t>72865360.0</t>
  </si>
  <si>
    <t>29263128.0</t>
  </si>
  <si>
    <t>27123469.0</t>
  </si>
  <si>
    <t>16478763.0</t>
  </si>
  <si>
    <t>156610.0</t>
  </si>
  <si>
    <t>72906193.0</t>
  </si>
  <si>
    <t>29267089.0</t>
  </si>
  <si>
    <t>27128919.0</t>
  </si>
  <si>
    <t>16510185.0</t>
  </si>
  <si>
    <t>131842.0</t>
  </si>
  <si>
    <t>188151.4</t>
  </si>
  <si>
    <t>5525.80548111184</t>
  </si>
  <si>
    <t>72985638.0</t>
  </si>
  <si>
    <t>29272299.0</t>
  </si>
  <si>
    <t>27138389.0</t>
  </si>
  <si>
    <t>16574950.0</t>
  </si>
  <si>
    <t>122903.0</t>
  </si>
  <si>
    <t>214.35</t>
  </si>
  <si>
    <t>73079967.0</t>
  </si>
  <si>
    <t>29277997.0</t>
  </si>
  <si>
    <t>27148678.0</t>
  </si>
  <si>
    <t>16653292.0</t>
  </si>
  <si>
    <t>214.63</t>
  </si>
  <si>
    <t>73174030.0</t>
  </si>
  <si>
    <t>29283838.0</t>
  </si>
  <si>
    <t>27159792.0</t>
  </si>
  <si>
    <t>16730400.0</t>
  </si>
  <si>
    <t>73266478.0</t>
  </si>
  <si>
    <t>29289617.0</t>
  </si>
  <si>
    <t>27170282.0</t>
  </si>
  <si>
    <t>16806579.0</t>
  </si>
  <si>
    <t>92448.0</t>
  </si>
  <si>
    <t>100856.0</t>
  </si>
  <si>
    <t>73353803.0</t>
  </si>
  <si>
    <t>29295084.0</t>
  </si>
  <si>
    <t>27179835.0</t>
  </si>
  <si>
    <t>16878884.0</t>
  </si>
  <si>
    <t>87325.0</t>
  </si>
  <si>
    <t>92150.0</t>
  </si>
  <si>
    <t>73434986.0</t>
  </si>
  <si>
    <t>29299558.0</t>
  </si>
  <si>
    <t>27189205.0</t>
  </si>
  <si>
    <t>16946223.0</t>
  </si>
  <si>
    <t>81375.0</t>
  </si>
  <si>
    <t>73451809.0</t>
  </si>
  <si>
    <t>29300592.0</t>
  </si>
  <si>
    <t>27191157.0</t>
  </si>
  <si>
    <t>16960060.0</t>
  </si>
  <si>
    <t>188026.1</t>
  </si>
  <si>
    <t>5522.12555405957</t>
  </si>
  <si>
    <t>73542599.0</t>
  </si>
  <si>
    <t>29305388.0</t>
  </si>
  <si>
    <t>27200077.0</t>
  </si>
  <si>
    <t>17037134.0</t>
  </si>
  <si>
    <t>90790.0</t>
  </si>
  <si>
    <t>79566.0</t>
  </si>
  <si>
    <t>73645455.0</t>
  </si>
  <si>
    <t>29310730.0</t>
  </si>
  <si>
    <t>27210308.0</t>
  </si>
  <si>
    <t>17124417.0</t>
  </si>
  <si>
    <t>73745126.0</t>
  </si>
  <si>
    <t>29316139.0</t>
  </si>
  <si>
    <t>27220746.0</t>
  </si>
  <si>
    <t>17208241.0</t>
  </si>
  <si>
    <t>73842822.0</t>
  </si>
  <si>
    <t>29321968.0</t>
  </si>
  <si>
    <t>27232288.0</t>
  </si>
  <si>
    <t>17288566.0</t>
  </si>
  <si>
    <t>97696.0</t>
  </si>
  <si>
    <t>82335.0</t>
  </si>
  <si>
    <t>73943136.0</t>
  </si>
  <si>
    <t>29328313.0</t>
  </si>
  <si>
    <t>27245330.0</t>
  </si>
  <si>
    <t>17369493.0</t>
  </si>
  <si>
    <t>100314.0</t>
  </si>
  <si>
    <t>84190.0</t>
  </si>
  <si>
    <t>74049737.0</t>
  </si>
  <si>
    <t>29334622.0</t>
  </si>
  <si>
    <t>27259801.0</t>
  </si>
  <si>
    <t>17455314.0</t>
  </si>
  <si>
    <t>87822.0</t>
  </si>
  <si>
    <t>74118376.0</t>
  </si>
  <si>
    <t>29338344.0</t>
  </si>
  <si>
    <t>27268857.0</t>
  </si>
  <si>
    <t>17511175.0</t>
  </si>
  <si>
    <t>95224.0</t>
  </si>
  <si>
    <t>188173.0</t>
  </si>
  <si>
    <t>5526.43985002109</t>
  </si>
  <si>
    <t>74209759.0</t>
  </si>
  <si>
    <t>29343468.0</t>
  </si>
  <si>
    <t>27280017.0</t>
  </si>
  <si>
    <t>17586274.0</t>
  </si>
  <si>
    <t>91383.0</t>
  </si>
  <si>
    <t>95309.0</t>
  </si>
  <si>
    <t>74306066.0</t>
  </si>
  <si>
    <t>29349059.0</t>
  </si>
  <si>
    <t>27292340.0</t>
  </si>
  <si>
    <t>17664667.0</t>
  </si>
  <si>
    <t>74403233.0</t>
  </si>
  <si>
    <t>29354680.0</t>
  </si>
  <si>
    <t>27304782.0</t>
  </si>
  <si>
    <t>17743771.0</t>
  </si>
  <si>
    <t>74497439.0</t>
  </si>
  <si>
    <t>29360626.0</t>
  </si>
  <si>
    <t>27317342.0</t>
  </si>
  <si>
    <t>17819471.0</t>
  </si>
  <si>
    <t>94206.0</t>
  </si>
  <si>
    <t>93517.0</t>
  </si>
  <si>
    <t>74598670.0</t>
  </si>
  <si>
    <t>29367379.0</t>
  </si>
  <si>
    <t>27332006.0</t>
  </si>
  <si>
    <t>17899285.0</t>
  </si>
  <si>
    <t>101231.0</t>
  </si>
  <si>
    <t>74712342.0</t>
  </si>
  <si>
    <t>29374299.0</t>
  </si>
  <si>
    <t>27348111.0</t>
  </si>
  <si>
    <t>17989932.0</t>
  </si>
  <si>
    <t>219.42</t>
  </si>
  <si>
    <t>74792277.0</t>
  </si>
  <si>
    <t>29378910.0</t>
  </si>
  <si>
    <t>27359322.0</t>
  </si>
  <si>
    <t>18054045.0</t>
  </si>
  <si>
    <t>79935.0</t>
  </si>
  <si>
    <t>188042.5</t>
  </si>
  <si>
    <t>5522.6072045277</t>
  </si>
  <si>
    <t>74889024.0</t>
  </si>
  <si>
    <t>29384688.0</t>
  </si>
  <si>
    <t>27371190.0</t>
  </si>
  <si>
    <t>18133146.0</t>
  </si>
  <si>
    <t>74989327.0</t>
  </si>
  <si>
    <t>29390522.0</t>
  </si>
  <si>
    <t>27383671.0</t>
  </si>
  <si>
    <t>18215134.0</t>
  </si>
  <si>
    <t>97609.0</t>
  </si>
  <si>
    <t>75089187.0</t>
  </si>
  <si>
    <t>29396720.0</t>
  </si>
  <si>
    <t>27396625.0</t>
  </si>
  <si>
    <t>18295842.0</t>
  </si>
  <si>
    <t>99860.0</t>
  </si>
  <si>
    <t>97993.0</t>
  </si>
  <si>
    <t>75186506.0</t>
  </si>
  <si>
    <t>29403058.0</t>
  </si>
  <si>
    <t>27409794.0</t>
  </si>
  <si>
    <t>18373654.0</t>
  </si>
  <si>
    <t>97319.0</t>
  </si>
  <si>
    <t>98438.0</t>
  </si>
  <si>
    <t>75290086.0</t>
  </si>
  <si>
    <t>29410300.0</t>
  </si>
  <si>
    <t>27424416.0</t>
  </si>
  <si>
    <t>18455370.0</t>
  </si>
  <si>
    <t>103580.0</t>
  </si>
  <si>
    <t>75403293.0</t>
  </si>
  <si>
    <t>29417799.0</t>
  </si>
  <si>
    <t>27439899.0</t>
  </si>
  <si>
    <t>18545595.0</t>
  </si>
  <si>
    <t>113207.0</t>
  </si>
  <si>
    <t>98707.0</t>
  </si>
  <si>
    <t>75485800.0</t>
  </si>
  <si>
    <t>29422704.0</t>
  </si>
  <si>
    <t>27449883.0</t>
  </si>
  <si>
    <t>18613213.0</t>
  </si>
  <si>
    <t>99075.0</t>
  </si>
  <si>
    <t>187964.1</t>
  </si>
  <si>
    <t>5520.30468033857</t>
  </si>
  <si>
    <t>75577507.0</t>
  </si>
  <si>
    <t>29428250.0</t>
  </si>
  <si>
    <t>27460495.0</t>
  </si>
  <si>
    <t>18688762.0</t>
  </si>
  <si>
    <t>98355.0</t>
  </si>
  <si>
    <t>221.96</t>
  </si>
  <si>
    <t>75663900.0</t>
  </si>
  <si>
    <t>29433480.0</t>
  </si>
  <si>
    <t>27470918.0</t>
  </si>
  <si>
    <t>18759502.0</t>
  </si>
  <si>
    <t>96368.0</t>
  </si>
  <si>
    <t>75736186.0</t>
  </si>
  <si>
    <t>29438370.0</t>
  </si>
  <si>
    <t>27478843.0</t>
  </si>
  <si>
    <t>18818973.0</t>
  </si>
  <si>
    <t>92428.0</t>
  </si>
  <si>
    <t>75812226.0</t>
  </si>
  <si>
    <t>29442879.0</t>
  </si>
  <si>
    <t>27487315.0</t>
  </si>
  <si>
    <t>18882032.0</t>
  </si>
  <si>
    <t>89389.0</t>
  </si>
  <si>
    <t>75892772.0</t>
  </si>
  <si>
    <t>29447966.0</t>
  </si>
  <si>
    <t>27496883.0</t>
  </si>
  <si>
    <t>18947923.0</t>
  </si>
  <si>
    <t>80546.0</t>
  </si>
  <si>
    <t>75983933.0</t>
  </si>
  <si>
    <t>29453337.0</t>
  </si>
  <si>
    <t>27507666.0</t>
  </si>
  <si>
    <t>19022930.0</t>
  </si>
  <si>
    <t>91161.0</t>
  </si>
  <si>
    <t>76044836.0</t>
  </si>
  <si>
    <t>29457015.0</t>
  </si>
  <si>
    <t>27514545.0</t>
  </si>
  <si>
    <t>19073276.0</t>
  </si>
  <si>
    <t>79862.0</t>
  </si>
  <si>
    <t>187915.1</t>
  </si>
  <si>
    <t>5518.86560272036</t>
  </si>
  <si>
    <t>76123232.0</t>
  </si>
  <si>
    <t>29461550.0</t>
  </si>
  <si>
    <t>27523216.0</t>
  </si>
  <si>
    <t>19138466.0</t>
  </si>
  <si>
    <t>78396.0</t>
  </si>
  <si>
    <t>77961.0</t>
  </si>
  <si>
    <t>76203321.0</t>
  </si>
  <si>
    <t>29466344.0</t>
  </si>
  <si>
    <t>27532164.0</t>
  </si>
  <si>
    <t>19204813.0</t>
  </si>
  <si>
    <t>80089.0</t>
  </si>
  <si>
    <t>76288248.0</t>
  </si>
  <si>
    <t>29471579.0</t>
  </si>
  <si>
    <t>27541905.0</t>
  </si>
  <si>
    <t>19274764.0</t>
  </si>
  <si>
    <t>84927.0</t>
  </si>
  <si>
    <t>78866.0</t>
  </si>
  <si>
    <t>76372997.0</t>
  </si>
  <si>
    <t>29476784.0</t>
  </si>
  <si>
    <t>27551333.0</t>
  </si>
  <si>
    <t>19344880.0</t>
  </si>
  <si>
    <t>80110.0</t>
  </si>
  <si>
    <t>76459927.0</t>
  </si>
  <si>
    <t>29482499.0</t>
  </si>
  <si>
    <t>27561456.0</t>
  </si>
  <si>
    <t>19415972.0</t>
  </si>
  <si>
    <t>86930.0</t>
  </si>
  <si>
    <t>81022.0</t>
  </si>
  <si>
    <t>224.55</t>
  </si>
  <si>
    <t>76553130.0</t>
  </si>
  <si>
    <t>29488152.0</t>
  </si>
  <si>
    <t>27572480.0</t>
  </si>
  <si>
    <t>19492498.0</t>
  </si>
  <si>
    <t>93203.0</t>
  </si>
  <si>
    <t>81314.0</t>
  </si>
  <si>
    <t>76621677.0</t>
  </si>
  <si>
    <t>29492321.0</t>
  </si>
  <si>
    <t>27580343.0</t>
  </si>
  <si>
    <t>19549013.0</t>
  </si>
  <si>
    <t>225.03</t>
  </si>
  <si>
    <t>187702.7</t>
  </si>
  <si>
    <t>5512.6276417794</t>
  </si>
  <si>
    <t>76673847.0</t>
  </si>
  <si>
    <t>29495614.0</t>
  </si>
  <si>
    <t>27586522.0</t>
  </si>
  <si>
    <t>19591711.0</t>
  </si>
  <si>
    <t>52170.0</t>
  </si>
  <si>
    <t>78659.0</t>
  </si>
  <si>
    <t>76753933.0</t>
  </si>
  <si>
    <t>29500547.0</t>
  </si>
  <si>
    <t>27595526.0</t>
  </si>
  <si>
    <t>19657860.0</t>
  </si>
  <si>
    <t>80086.0</t>
  </si>
  <si>
    <t>225.42</t>
  </si>
  <si>
    <t>76836674.0</t>
  </si>
  <si>
    <t>29505370.0</t>
  </si>
  <si>
    <t>27604537.0</t>
  </si>
  <si>
    <t>19726767.0</t>
  </si>
  <si>
    <t>76924897.0</t>
  </si>
  <si>
    <t>29510223.0</t>
  </si>
  <si>
    <t>27613255.0</t>
  </si>
  <si>
    <t>19801419.0</t>
  </si>
  <si>
    <t>78843.0</t>
  </si>
  <si>
    <t>77010644.0</t>
  </si>
  <si>
    <t>29515030.0</t>
  </si>
  <si>
    <t>27622177.0</t>
  </si>
  <si>
    <t>19873437.0</t>
  </si>
  <si>
    <t>77094017.0</t>
  </si>
  <si>
    <t>29519491.0</t>
  </si>
  <si>
    <t>27631077.0</t>
  </si>
  <si>
    <t>19943449.0</t>
  </si>
  <si>
    <t>77270.0</t>
  </si>
  <si>
    <t>226.42</t>
  </si>
  <si>
    <t>77124455.0</t>
  </si>
  <si>
    <t>29521146.0</t>
  </si>
  <si>
    <t>27634427.0</t>
  </si>
  <si>
    <t>19968882.0</t>
  </si>
  <si>
    <t>71825.0</t>
  </si>
  <si>
    <t>226.51</t>
  </si>
  <si>
    <t>187557.8</t>
  </si>
  <si>
    <t>5508.37208367984</t>
  </si>
  <si>
    <t>77206915.0</t>
  </si>
  <si>
    <t>29525410.0</t>
  </si>
  <si>
    <t>27642302.0</t>
  </si>
  <si>
    <t>20039203.0</t>
  </si>
  <si>
    <t>82460.0</t>
  </si>
  <si>
    <t>77298448.0</t>
  </si>
  <si>
    <t>29530079.0</t>
  </si>
  <si>
    <t>27650931.0</t>
  </si>
  <si>
    <t>20117438.0</t>
  </si>
  <si>
    <t>91533.0</t>
  </si>
  <si>
    <t>77788.0</t>
  </si>
  <si>
    <t>77395283.0</t>
  </si>
  <si>
    <t>29534725.0</t>
  </si>
  <si>
    <t>27660183.0</t>
  </si>
  <si>
    <t>20200375.0</t>
  </si>
  <si>
    <t>77485356.0</t>
  </si>
  <si>
    <t>29538983.0</t>
  </si>
  <si>
    <t>27668040.0</t>
  </si>
  <si>
    <t>20278333.0</t>
  </si>
  <si>
    <t>80066.0</t>
  </si>
  <si>
    <t>227.57</t>
  </si>
  <si>
    <t>77569132.0</t>
  </si>
  <si>
    <t>29542693.0</t>
  </si>
  <si>
    <t>27675263.0</t>
  </si>
  <si>
    <t>20351176.0</t>
  </si>
  <si>
    <t>83776.0</t>
  </si>
  <si>
    <t>227.81</t>
  </si>
  <si>
    <t>77672479.0</t>
  </si>
  <si>
    <t>29547318.0</t>
  </si>
  <si>
    <t>27684599.0</t>
  </si>
  <si>
    <t>20440562.0</t>
  </si>
  <si>
    <t>103347.0</t>
  </si>
  <si>
    <t>228.12</t>
  </si>
  <si>
    <t>77751432.0</t>
  </si>
  <si>
    <t>29550764.0</t>
  </si>
  <si>
    <t>27691402.0</t>
  </si>
  <si>
    <t>20509266.0</t>
  </si>
  <si>
    <t>89568.0</t>
  </si>
  <si>
    <t>187322.7</t>
  </si>
  <si>
    <t>5501.46744800554</t>
  </si>
  <si>
    <t>77848301.0</t>
  </si>
  <si>
    <t>29554828.0</t>
  </si>
  <si>
    <t>27699111.0</t>
  </si>
  <si>
    <t>20594362.0</t>
  </si>
  <si>
    <t>96869.0</t>
  </si>
  <si>
    <t>91627.0</t>
  </si>
  <si>
    <t>77958333.0</t>
  </si>
  <si>
    <t>29559623.0</t>
  </si>
  <si>
    <t>27708024.0</t>
  </si>
  <si>
    <t>20690686.0</t>
  </si>
  <si>
    <t>110032.0</t>
  </si>
  <si>
    <t>94269.0</t>
  </si>
  <si>
    <t>78032304.0</t>
  </si>
  <si>
    <t>29562978.0</t>
  </si>
  <si>
    <t>27714457.0</t>
  </si>
  <si>
    <t>20754869.0</t>
  </si>
  <si>
    <t>73971.0</t>
  </si>
  <si>
    <t>91003.0</t>
  </si>
  <si>
    <t>229.17</t>
  </si>
  <si>
    <t>78126656.0</t>
  </si>
  <si>
    <t>29567104.0</t>
  </si>
  <si>
    <t>27722056.0</t>
  </si>
  <si>
    <t>20837496.0</t>
  </si>
  <si>
    <t>94352.0</t>
  </si>
  <si>
    <t>78200810.0</t>
  </si>
  <si>
    <t>29570602.0</t>
  </si>
  <si>
    <t>27727757.0</t>
  </si>
  <si>
    <t>20902451.0</t>
  </si>
  <si>
    <t>90240.0</t>
  </si>
  <si>
    <t>78293457.0</t>
  </si>
  <si>
    <t>29574683.0</t>
  </si>
  <si>
    <t>27735123.0</t>
  </si>
  <si>
    <t>20983651.0</t>
  </si>
  <si>
    <t>78349507.0</t>
  </si>
  <si>
    <t>29577031.0</t>
  </si>
  <si>
    <t>27739437.0</t>
  </si>
  <si>
    <t>21033039.0</t>
  </si>
  <si>
    <t>56050.0</t>
  </si>
  <si>
    <t>85439.0</t>
  </si>
  <si>
    <t>187232.5</t>
  </si>
  <si>
    <t>-2.67</t>
  </si>
  <si>
    <t>5498.8183704308</t>
  </si>
  <si>
    <t>78416909.0</t>
  </si>
  <si>
    <t>29579765.0</t>
  </si>
  <si>
    <t>27744356.0</t>
  </si>
  <si>
    <t>21092788.0</t>
  </si>
  <si>
    <t>67402.0</t>
  </si>
  <si>
    <t>81230.0</t>
  </si>
  <si>
    <t>78499462.0</t>
  </si>
  <si>
    <t>29583193.0</t>
  </si>
  <si>
    <t>27750375.0</t>
  </si>
  <si>
    <t>21165894.0</t>
  </si>
  <si>
    <t>77304.0</t>
  </si>
  <si>
    <t>230.54</t>
  </si>
  <si>
    <t>78586596.0</t>
  </si>
  <si>
    <t>29587084.0</t>
  </si>
  <si>
    <t>27757294.0</t>
  </si>
  <si>
    <t>21242218.0</t>
  </si>
  <si>
    <t>87134.0</t>
  </si>
  <si>
    <t>79185.0</t>
  </si>
  <si>
    <t>78673375.0</t>
  </si>
  <si>
    <t>29590847.0</t>
  </si>
  <si>
    <t>27764170.0</t>
  </si>
  <si>
    <t>21318358.0</t>
  </si>
  <si>
    <t>86779.0</t>
  </si>
  <si>
    <t>78103.0</t>
  </si>
  <si>
    <t>231.06</t>
  </si>
  <si>
    <t>78770078.0</t>
  </si>
  <si>
    <t>29595885.0</t>
  </si>
  <si>
    <t>27772752.0</t>
  </si>
  <si>
    <t>21401441.0</t>
  </si>
  <si>
    <t>96703.0</t>
  </si>
  <si>
    <t>81324.0</t>
  </si>
  <si>
    <t>78888080.0</t>
  </si>
  <si>
    <t>29601575.0</t>
  </si>
  <si>
    <t>27782787.0</t>
  </si>
  <si>
    <t>21503718.0</t>
  </si>
  <si>
    <t>118002.0</t>
  </si>
  <si>
    <t>78967820.0</t>
  </si>
  <si>
    <t>29605434.0</t>
  </si>
  <si>
    <t>21572886.0</t>
  </si>
  <si>
    <t>79740.0</t>
  </si>
  <si>
    <t>231.92</t>
  </si>
  <si>
    <t>187043.5</t>
  </si>
  <si>
    <t>-5.5</t>
  </si>
  <si>
    <t>5493.26764247485</t>
  </si>
  <si>
    <t>79060842.0</t>
  </si>
  <si>
    <t>29609913.0</t>
  </si>
  <si>
    <t>27797080.0</t>
  </si>
  <si>
    <t>21653849.0</t>
  </si>
  <si>
    <t>93022.0</t>
  </si>
  <si>
    <t>232.19</t>
  </si>
  <si>
    <t>79167226.0</t>
  </si>
  <si>
    <t>29615008.0</t>
  </si>
  <si>
    <t>27805630.0</t>
  </si>
  <si>
    <t>21746588.0</t>
  </si>
  <si>
    <t>106384.0</t>
  </si>
  <si>
    <t>95395.0</t>
  </si>
  <si>
    <t>232.51</t>
  </si>
  <si>
    <t>79275555.0</t>
  </si>
  <si>
    <t>29620500.0</t>
  </si>
  <si>
    <t>27814954.0</t>
  </si>
  <si>
    <t>21840101.0</t>
  </si>
  <si>
    <t>98423.0</t>
  </si>
  <si>
    <t>232.82</t>
  </si>
  <si>
    <t>79393421.0</t>
  </si>
  <si>
    <t>29626236.0</t>
  </si>
  <si>
    <t>27824254.0</t>
  </si>
  <si>
    <t>21942931.0</t>
  </si>
  <si>
    <t>233.17</t>
  </si>
  <si>
    <t>79522137.0</t>
  </si>
  <si>
    <t>29633342.0</t>
  </si>
  <si>
    <t>27835097.0</t>
  </si>
  <si>
    <t>22053698.0</t>
  </si>
  <si>
    <t>128716.0</t>
  </si>
  <si>
    <t>107437.0</t>
  </si>
  <si>
    <t>233.55</t>
  </si>
  <si>
    <t>79660501.0</t>
  </si>
  <si>
    <t>29640527.0</t>
  </si>
  <si>
    <t>27846052.0</t>
  </si>
  <si>
    <t>22173922.0</t>
  </si>
  <si>
    <t>110346.0</t>
  </si>
  <si>
    <t>79755780.0</t>
  </si>
  <si>
    <t>29644755.0</t>
  </si>
  <si>
    <t>27852962.0</t>
  </si>
  <si>
    <t>22258063.0</t>
  </si>
  <si>
    <t>187090.6</t>
  </si>
  <si>
    <t>5494.65091912419</t>
  </si>
  <si>
    <t>79867379.0</t>
  </si>
  <si>
    <t>29650081.0</t>
  </si>
  <si>
    <t>27861630.0</t>
  </si>
  <si>
    <t>22355668.0</t>
  </si>
  <si>
    <t>111599.0</t>
  </si>
  <si>
    <t>115220.0</t>
  </si>
  <si>
    <t>79984633.0</t>
  </si>
  <si>
    <t>29656001.0</t>
  </si>
  <si>
    <t>27870779.0</t>
  </si>
  <si>
    <t>22457853.0</t>
  </si>
  <si>
    <t>117254.0</t>
  </si>
  <si>
    <t>116772.0</t>
  </si>
  <si>
    <t>234.91</t>
  </si>
  <si>
    <t>80103780.0</t>
  </si>
  <si>
    <t>29662083.0</t>
  </si>
  <si>
    <t>27880771.0</t>
  </si>
  <si>
    <t>22560926.0</t>
  </si>
  <si>
    <t>119147.0</t>
  </si>
  <si>
    <t>118318.0</t>
  </si>
  <si>
    <t>80221394.0</t>
  </si>
  <si>
    <t>29668573.0</t>
  </si>
  <si>
    <t>27891040.0</t>
  </si>
  <si>
    <t>22661781.0</t>
  </si>
  <si>
    <t>117614.0</t>
  </si>
  <si>
    <t>118282.0</t>
  </si>
  <si>
    <t>80339633.0</t>
  </si>
  <si>
    <t>29675449.0</t>
  </si>
  <si>
    <t>27901751.0</t>
  </si>
  <si>
    <t>22762433.0</t>
  </si>
  <si>
    <t>118239.0</t>
  </si>
  <si>
    <t>80460690.0</t>
  </si>
  <si>
    <t>29681599.0</t>
  </si>
  <si>
    <t>27911337.0</t>
  </si>
  <si>
    <t>22867754.0</t>
  </si>
  <si>
    <t>121057.0</t>
  </si>
  <si>
    <t>114313.0</t>
  </si>
  <si>
    <t>80544539.0</t>
  </si>
  <si>
    <t>29685626.0</t>
  </si>
  <si>
    <t>27917916.0</t>
  </si>
  <si>
    <t>22940997.0</t>
  </si>
  <si>
    <t>83849.0</t>
  </si>
  <si>
    <t>112680.0</t>
  </si>
  <si>
    <t>187129.7</t>
  </si>
  <si>
    <t>5495.79924432566</t>
  </si>
  <si>
    <t>80640155.0</t>
  </si>
  <si>
    <t>29690610.0</t>
  </si>
  <si>
    <t>27925492.0</t>
  </si>
  <si>
    <t>23024053.0</t>
  </si>
  <si>
    <t>95616.0</t>
  </si>
  <si>
    <t>110397.0</t>
  </si>
  <si>
    <t>236.83</t>
  </si>
  <si>
    <t>80739688.0</t>
  </si>
  <si>
    <t>29695708.0</t>
  </si>
  <si>
    <t>27933448.0</t>
  </si>
  <si>
    <t>23110532.0</t>
  </si>
  <si>
    <t>99533.0</t>
  </si>
  <si>
    <t>107865.0</t>
  </si>
  <si>
    <t>237.12</t>
  </si>
  <si>
    <t>80832006.0</t>
  </si>
  <si>
    <t>29700233.0</t>
  </si>
  <si>
    <t>27940792.0</t>
  </si>
  <si>
    <t>23190981.0</t>
  </si>
  <si>
    <t>92318.0</t>
  </si>
  <si>
    <t>104032.0</t>
  </si>
  <si>
    <t>80879602.0</t>
  </si>
  <si>
    <t>29702720.0</t>
  </si>
  <si>
    <t>27944701.0</t>
  </si>
  <si>
    <t>23232181.0</t>
  </si>
  <si>
    <t>80924658.0</t>
  </si>
  <si>
    <t>29705098.0</t>
  </si>
  <si>
    <t>27948507.0</t>
  </si>
  <si>
    <t>23271053.0</t>
  </si>
  <si>
    <t>81003962.0</t>
  </si>
  <si>
    <t>29708728.0</t>
  </si>
  <si>
    <t>27954726.0</t>
  </si>
  <si>
    <t>23340508.0</t>
  </si>
  <si>
    <t>79304.0</t>
  </si>
  <si>
    <t>77610.0</t>
  </si>
  <si>
    <t>81055977.0</t>
  </si>
  <si>
    <t>29711118.0</t>
  </si>
  <si>
    <t>27958892.0</t>
  </si>
  <si>
    <t>23385967.0</t>
  </si>
  <si>
    <t>52015.0</t>
  </si>
  <si>
    <t>73063.0</t>
  </si>
  <si>
    <t>238.05</t>
  </si>
  <si>
    <t>187177.8</t>
  </si>
  <si>
    <t>5497.21188990598</t>
  </si>
  <si>
    <t>81113530.0</t>
  </si>
  <si>
    <t>29714404.0</t>
  </si>
  <si>
    <t>27963103.0</t>
  </si>
  <si>
    <t>23436023.0</t>
  </si>
  <si>
    <t>57553.0</t>
  </si>
  <si>
    <t>67625.0</t>
  </si>
  <si>
    <t>238.22</t>
  </si>
  <si>
    <t>81178502.0</t>
  </si>
  <si>
    <t>29717450.0</t>
  </si>
  <si>
    <t>27967723.0</t>
  </si>
  <si>
    <t>23493329.0</t>
  </si>
  <si>
    <t>62688.0</t>
  </si>
  <si>
    <t>81250913.0</t>
  </si>
  <si>
    <t>29721037.0</t>
  </si>
  <si>
    <t>27973083.0</t>
  </si>
  <si>
    <t>23556793.0</t>
  </si>
  <si>
    <t>59844.0</t>
  </si>
  <si>
    <t>81323620.0</t>
  </si>
  <si>
    <t>29724504.0</t>
  </si>
  <si>
    <t>27978613.0</t>
  </si>
  <si>
    <t>23620503.0</t>
  </si>
  <si>
    <t>72707.0</t>
  </si>
  <si>
    <t>81401471.0</t>
  </si>
  <si>
    <t>29728156.0</t>
  </si>
  <si>
    <t>27984602.0</t>
  </si>
  <si>
    <t>23688713.0</t>
  </si>
  <si>
    <t>77851.0</t>
  </si>
  <si>
    <t>68116.0</t>
  </si>
  <si>
    <t>81472946.0</t>
  </si>
  <si>
    <t>29731391.0</t>
  </si>
  <si>
    <t>27990004.0</t>
  </si>
  <si>
    <t>23751551.0</t>
  </si>
  <si>
    <t>71475.0</t>
  </si>
  <si>
    <t>81522820.0</t>
  </si>
  <si>
    <t>29733785.0</t>
  </si>
  <si>
    <t>27994059.0</t>
  </si>
  <si>
    <t>23794976.0</t>
  </si>
  <si>
    <t>66692.0</t>
  </si>
  <si>
    <t>239.42</t>
  </si>
  <si>
    <t>187443.2</t>
  </si>
  <si>
    <t>5505.00640418909</t>
  </si>
  <si>
    <t>81592116.0</t>
  </si>
  <si>
    <t>29737332.0</t>
  </si>
  <si>
    <t>27999868.0</t>
  </si>
  <si>
    <t>23854916.0</t>
  </si>
  <si>
    <t>81666876.0</t>
  </si>
  <si>
    <t>29741368.0</t>
  </si>
  <si>
    <t>28006056.0</t>
  </si>
  <si>
    <t>23919452.0</t>
  </si>
  <si>
    <t>69768.0</t>
  </si>
  <si>
    <t>81744258.0</t>
  </si>
  <si>
    <t>29745390.0</t>
  </si>
  <si>
    <t>28012364.0</t>
  </si>
  <si>
    <t>23986504.0</t>
  </si>
  <si>
    <t>77382.0</t>
  </si>
  <si>
    <t>81824476.0</t>
  </si>
  <si>
    <t>29749378.0</t>
  </si>
  <si>
    <t>28018993.0</t>
  </si>
  <si>
    <t>24056105.0</t>
  </si>
  <si>
    <t>80218.0</t>
  </si>
  <si>
    <t>71551.0</t>
  </si>
  <si>
    <t>81913336.0</t>
  </si>
  <si>
    <t>29754422.0</t>
  </si>
  <si>
    <t>28026861.0</t>
  </si>
  <si>
    <t>24132053.0</t>
  </si>
  <si>
    <t>88860.0</t>
  </si>
  <si>
    <t>73124.0</t>
  </si>
  <si>
    <t>82009239.0</t>
  </si>
  <si>
    <t>29759552.0</t>
  </si>
  <si>
    <t>28034723.0</t>
  </si>
  <si>
    <t>24214964.0</t>
  </si>
  <si>
    <t>95903.0</t>
  </si>
  <si>
    <t>76613.0</t>
  </si>
  <si>
    <t>82070618.0</t>
  </si>
  <si>
    <t>29762734.0</t>
  </si>
  <si>
    <t>28039946.0</t>
  </si>
  <si>
    <t>24267938.0</t>
  </si>
  <si>
    <t>78257.0</t>
  </si>
  <si>
    <t>187551.7</t>
  </si>
  <si>
    <t>5508.19293320084</t>
  </si>
  <si>
    <t>82144703.0</t>
  </si>
  <si>
    <t>29766683.0</t>
  </si>
  <si>
    <t>28046238.0</t>
  </si>
  <si>
    <t>24331782.0</t>
  </si>
  <si>
    <t>74085.0</t>
  </si>
  <si>
    <t>82229876.0</t>
  </si>
  <si>
    <t>29771263.0</t>
  </si>
  <si>
    <t>28053776.0</t>
  </si>
  <si>
    <t>24404837.0</t>
  </si>
  <si>
    <t>82317174.0</t>
  </si>
  <si>
    <t>29776194.0</t>
  </si>
  <si>
    <t>28061471.0</t>
  </si>
  <si>
    <t>24479509.0</t>
  </si>
  <si>
    <t>87298.0</t>
  </si>
  <si>
    <t>82405598.0</t>
  </si>
  <si>
    <t>29781045.0</t>
  </si>
  <si>
    <t>28069280.0</t>
  </si>
  <si>
    <t>24555273.0</t>
  </si>
  <si>
    <t>242.02</t>
  </si>
  <si>
    <t>82499080.0</t>
  </si>
  <si>
    <t>29786127.0</t>
  </si>
  <si>
    <t>28077744.0</t>
  </si>
  <si>
    <t>24635209.0</t>
  </si>
  <si>
    <t>93482.0</t>
  </si>
  <si>
    <t>83678.0</t>
  </si>
  <si>
    <t>242.29</t>
  </si>
  <si>
    <t>82593904.0</t>
  </si>
  <si>
    <t>29791165.0</t>
  </si>
  <si>
    <t>28085457.0</t>
  </si>
  <si>
    <t>24717282.0</t>
  </si>
  <si>
    <t>94824.0</t>
  </si>
  <si>
    <t>82656179.0</t>
  </si>
  <si>
    <t>29794618.0</t>
  </si>
  <si>
    <t>28090883.0</t>
  </si>
  <si>
    <t>24770678.0</t>
  </si>
  <si>
    <t>62275.0</t>
  </si>
  <si>
    <t>5515.01533586838</t>
  </si>
  <si>
    <t>82735120.0</t>
  </si>
  <si>
    <t>29798982.0</t>
  </si>
  <si>
    <t>28098313.0</t>
  </si>
  <si>
    <t>24837825.0</t>
  </si>
  <si>
    <t>242.98</t>
  </si>
  <si>
    <t>82818529.0</t>
  </si>
  <si>
    <t>29803583.0</t>
  </si>
  <si>
    <t>28106024.0</t>
  </si>
  <si>
    <t>24908922.0</t>
  </si>
  <si>
    <t>84093.0</t>
  </si>
  <si>
    <t>243.23</t>
  </si>
  <si>
    <t>82898536.0</t>
  </si>
  <si>
    <t>29807986.0</t>
  </si>
  <si>
    <t>28113024.0</t>
  </si>
  <si>
    <t>24977526.0</t>
  </si>
  <si>
    <t>80007.0</t>
  </si>
  <si>
    <t>83052.0</t>
  </si>
  <si>
    <t>243.46</t>
  </si>
  <si>
    <t>82975297.0</t>
  </si>
  <si>
    <t>29812190.0</t>
  </si>
  <si>
    <t>28119818.0</t>
  </si>
  <si>
    <t>25043289.0</t>
  </si>
  <si>
    <t>76761.0</t>
  </si>
  <si>
    <t>81386.0</t>
  </si>
  <si>
    <t>243.69</t>
  </si>
  <si>
    <t>83058679.0</t>
  </si>
  <si>
    <t>29816930.0</t>
  </si>
  <si>
    <t>28127383.0</t>
  </si>
  <si>
    <t>25114366.0</t>
  </si>
  <si>
    <t>79943.0</t>
  </si>
  <si>
    <t>243.93</t>
  </si>
  <si>
    <t>83139752.0</t>
  </si>
  <si>
    <t>29821071.0</t>
  </si>
  <si>
    <t>28134013.0</t>
  </si>
  <si>
    <t>25184668.0</t>
  </si>
  <si>
    <t>81073.0</t>
  </si>
  <si>
    <t>77978.0</t>
  </si>
  <si>
    <t>244.17</t>
  </si>
  <si>
    <t>83191833.0</t>
  </si>
  <si>
    <t>29823659.0</t>
  </si>
  <si>
    <t>28138393.0</t>
  </si>
  <si>
    <t>25229781.0</t>
  </si>
  <si>
    <t>52081.0</t>
  </si>
  <si>
    <t>76522.0</t>
  </si>
  <si>
    <t>244.33</t>
  </si>
  <si>
    <t>187727.3</t>
  </si>
  <si>
    <t>5513.3501174816</t>
  </si>
  <si>
    <t>83246120.0</t>
  </si>
  <si>
    <t>29826434.0</t>
  </si>
  <si>
    <t>28142983.0</t>
  </si>
  <si>
    <t>25276703.0</t>
  </si>
  <si>
    <t>83272564.0</t>
  </si>
  <si>
    <t>29827834.0</t>
  </si>
  <si>
    <t>28145418.0</t>
  </si>
  <si>
    <t>25299312.0</t>
  </si>
  <si>
    <t>244.56</t>
  </si>
  <si>
    <t>83328834.0</t>
  </si>
  <si>
    <t>29830706.0</t>
  </si>
  <si>
    <t>28150302.0</t>
  </si>
  <si>
    <t>25347826.0</t>
  </si>
  <si>
    <t>56270.0</t>
  </si>
  <si>
    <t>244.73</t>
  </si>
  <si>
    <t>83366390.0</t>
  </si>
  <si>
    <t>29832974.0</t>
  </si>
  <si>
    <t>28153568.0</t>
  </si>
  <si>
    <t>25379848.0</t>
  </si>
  <si>
    <t>55870.0</t>
  </si>
  <si>
    <t>83410532.0</t>
  </si>
  <si>
    <t>29835513.0</t>
  </si>
  <si>
    <t>28157590.0</t>
  </si>
  <si>
    <t>25417429.0</t>
  </si>
  <si>
    <t>44142.0</t>
  </si>
  <si>
    <t>244.97</t>
  </si>
  <si>
    <t>83456326.0</t>
  </si>
  <si>
    <t>29837768.0</t>
  </si>
  <si>
    <t>28161311.0</t>
  </si>
  <si>
    <t>25457247.0</t>
  </si>
  <si>
    <t>45794.0</t>
  </si>
  <si>
    <t>83480135.0</t>
  </si>
  <si>
    <t>29838945.0</t>
  </si>
  <si>
    <t>28163396.0</t>
  </si>
  <si>
    <t>25477794.0</t>
  </si>
  <si>
    <t>245.17</t>
  </si>
  <si>
    <t>187718.4</t>
  </si>
  <si>
    <t>5513.08873399584</t>
  </si>
  <si>
    <t>83520476.0</t>
  </si>
  <si>
    <t>29841130.0</t>
  </si>
  <si>
    <t>28166842.0</t>
  </si>
  <si>
    <t>25512504.0</t>
  </si>
  <si>
    <t>245.29</t>
  </si>
  <si>
    <t>83562433.0</t>
  </si>
  <si>
    <t>29843245.0</t>
  </si>
  <si>
    <t>28170476.0</t>
  </si>
  <si>
    <t>25548712.0</t>
  </si>
  <si>
    <t>41410.0</t>
  </si>
  <si>
    <t>245.41</t>
  </si>
  <si>
    <t>83606674.0</t>
  </si>
  <si>
    <t>29845636.0</t>
  </si>
  <si>
    <t>28174489.0</t>
  </si>
  <si>
    <t>25586549.0</t>
  </si>
  <si>
    <t>245.54</t>
  </si>
  <si>
    <t>83649156.0</t>
  </si>
  <si>
    <t>29848056.0</t>
  </si>
  <si>
    <t>28178519.0</t>
  </si>
  <si>
    <t>25622581.0</t>
  </si>
  <si>
    <t>42482.0</t>
  </si>
  <si>
    <t>83699871.0</t>
  </si>
  <si>
    <t>29850979.0</t>
  </si>
  <si>
    <t>28183318.0</t>
  </si>
  <si>
    <t>25665574.0</t>
  </si>
  <si>
    <t>245.82</t>
  </si>
  <si>
    <t>83749390.0</t>
  </si>
  <si>
    <t>29853487.0</t>
  </si>
  <si>
    <t>28187286.0</t>
  </si>
  <si>
    <t>25708617.0</t>
  </si>
  <si>
    <t>49519.0</t>
  </si>
  <si>
    <t>245.96</t>
  </si>
  <si>
    <t>83778340.0</t>
  </si>
  <si>
    <t>29854869.0</t>
  </si>
  <si>
    <t>28189733.0</t>
  </si>
  <si>
    <t>25733738.0</t>
  </si>
  <si>
    <t>187677.8</t>
  </si>
  <si>
    <t>5511.8963553979</t>
  </si>
  <si>
    <t>83822302.0</t>
  </si>
  <si>
    <t>29857044.0</t>
  </si>
  <si>
    <t>28193479.0</t>
  </si>
  <si>
    <t>25771779.0</t>
  </si>
  <si>
    <t>43118.0</t>
  </si>
  <si>
    <t>246.18</t>
  </si>
  <si>
    <t>83870339.0</t>
  </si>
  <si>
    <t>29859486.0</t>
  </si>
  <si>
    <t>28197627.0</t>
  </si>
  <si>
    <t>25813226.0</t>
  </si>
  <si>
    <t>246.32</t>
  </si>
  <si>
    <t>83917795.0</t>
  </si>
  <si>
    <t>29861853.0</t>
  </si>
  <si>
    <t>28201829.0</t>
  </si>
  <si>
    <t>25854113.0</t>
  </si>
  <si>
    <t>47456.0</t>
  </si>
  <si>
    <t>83965475.0</t>
  </si>
  <si>
    <t>29864320.0</t>
  </si>
  <si>
    <t>28206175.0</t>
  </si>
  <si>
    <t>25894980.0</t>
  </si>
  <si>
    <t>45188.0</t>
  </si>
  <si>
    <t>84017358.0</t>
  </si>
  <si>
    <t>29866932.0</t>
  </si>
  <si>
    <t>28210594.0</t>
  </si>
  <si>
    <t>25939832.0</t>
  </si>
  <si>
    <t>84065770.0</t>
  </si>
  <si>
    <t>29869121.0</t>
  </si>
  <si>
    <t>28214309.0</t>
  </si>
  <si>
    <t>25982340.0</t>
  </si>
  <si>
    <t>45197.0</t>
  </si>
  <si>
    <t>84091766.0</t>
  </si>
  <si>
    <t>29870422.0</t>
  </si>
  <si>
    <t>28216498.0</t>
  </si>
  <si>
    <t>26004846.0</t>
  </si>
  <si>
    <t>25996.0</t>
  </si>
  <si>
    <t>187481.0</t>
  </si>
  <si>
    <t>5506.11654978028</t>
  </si>
  <si>
    <t>84134561.0</t>
  </si>
  <si>
    <t>29872576.0</t>
  </si>
  <si>
    <t>28220248.0</t>
  </si>
  <si>
    <t>26041737.0</t>
  </si>
  <si>
    <t>44608.0</t>
  </si>
  <si>
    <t>247.09</t>
  </si>
  <si>
    <t>84177517.0</t>
  </si>
  <si>
    <t>29874709.0</t>
  </si>
  <si>
    <t>28224008.0</t>
  </si>
  <si>
    <t>26078800.0</t>
  </si>
  <si>
    <t>84218370.0</t>
  </si>
  <si>
    <t>29876906.0</t>
  </si>
  <si>
    <t>28227671.0</t>
  </si>
  <si>
    <t>26113793.0</t>
  </si>
  <si>
    <t>247.34</t>
  </si>
  <si>
    <t>84259342.0</t>
  </si>
  <si>
    <t>29878900.0</t>
  </si>
  <si>
    <t>28231360.0</t>
  </si>
  <si>
    <t>26149082.0</t>
  </si>
  <si>
    <t>41981.0</t>
  </si>
  <si>
    <t>247.46</t>
  </si>
  <si>
    <t>84305151.0</t>
  </si>
  <si>
    <t>29881141.0</t>
  </si>
  <si>
    <t>28235161.0</t>
  </si>
  <si>
    <t>26188849.0</t>
  </si>
  <si>
    <t>45809.0</t>
  </si>
  <si>
    <t>84357237.0</t>
  </si>
  <si>
    <t>29883433.0</t>
  </si>
  <si>
    <t>28239265.0</t>
  </si>
  <si>
    <t>26234539.0</t>
  </si>
  <si>
    <t>41638.0</t>
  </si>
  <si>
    <t>247.75</t>
  </si>
  <si>
    <t>84401871.0</t>
  </si>
  <si>
    <t>29885791.0</t>
  </si>
  <si>
    <t>28242521.0</t>
  </si>
  <si>
    <t>26273559.0</t>
  </si>
  <si>
    <t>44634.0</t>
  </si>
  <si>
    <t>44301.0</t>
  </si>
  <si>
    <t>187107.7</t>
  </si>
  <si>
    <t>5495.15312784402</t>
  </si>
  <si>
    <t>84437868.0</t>
  </si>
  <si>
    <t>29887894.0</t>
  </si>
  <si>
    <t>28245600.0</t>
  </si>
  <si>
    <t>26304374.0</t>
  </si>
  <si>
    <t>43330.0</t>
  </si>
  <si>
    <t>247.98</t>
  </si>
  <si>
    <t>84476220.0</t>
  </si>
  <si>
    <t>29890183.0</t>
  </si>
  <si>
    <t>28249116.0</t>
  </si>
  <si>
    <t>26336921.0</t>
  </si>
  <si>
    <t>84512710.0</t>
  </si>
  <si>
    <t>29892505.0</t>
  </si>
  <si>
    <t>28252491.0</t>
  </si>
  <si>
    <t>26367714.0</t>
  </si>
  <si>
    <t>84547996.0</t>
  </si>
  <si>
    <t>29894631.0</t>
  </si>
  <si>
    <t>28255792.0</t>
  </si>
  <si>
    <t>26397573.0</t>
  </si>
  <si>
    <t>248.31</t>
  </si>
  <si>
    <t>84580812.0</t>
  </si>
  <si>
    <t>29896602.0</t>
  </si>
  <si>
    <t>28258639.0</t>
  </si>
  <si>
    <t>26425571.0</t>
  </si>
  <si>
    <t>248.4</t>
  </si>
  <si>
    <t>84602074.0</t>
  </si>
  <si>
    <t>29898011.0</t>
  </si>
  <si>
    <t>28259822.0</t>
  </si>
  <si>
    <t>26444241.0</t>
  </si>
  <si>
    <t>21262.0</t>
  </si>
  <si>
    <t>248.47</t>
  </si>
  <si>
    <t>84608749.0</t>
  </si>
  <si>
    <t>29898297.0</t>
  </si>
  <si>
    <t>28260207.0</t>
  </si>
  <si>
    <t>26450245.0</t>
  </si>
  <si>
    <t>248.49</t>
  </si>
  <si>
    <t>186552.7</t>
  </si>
  <si>
    <t>5478.85337114799</t>
  </si>
  <si>
    <t>84625190.0</t>
  </si>
  <si>
    <t>29899483.0</t>
  </si>
  <si>
    <t>28261133.0</t>
  </si>
  <si>
    <t>26464574.0</t>
  </si>
  <si>
    <t>248.54</t>
  </si>
  <si>
    <t>84644041.0</t>
  </si>
  <si>
    <t>29900764.0</t>
  </si>
  <si>
    <t>28262317.0</t>
  </si>
  <si>
    <t>26480960.0</t>
  </si>
  <si>
    <t>84662744.0</t>
  </si>
  <si>
    <t>29902398.0</t>
  </si>
  <si>
    <t>28263503.0</t>
  </si>
  <si>
    <t>26496843.0</t>
  </si>
  <si>
    <t>248.65</t>
  </si>
  <si>
    <t>84682847.0</t>
  </si>
  <si>
    <t>29904318.0</t>
  </si>
  <si>
    <t>28264810.0</t>
  </si>
  <si>
    <t>26513719.0</t>
  </si>
  <si>
    <t>84704269.0</t>
  </si>
  <si>
    <t>29906679.0</t>
  </si>
  <si>
    <t>28266268.0</t>
  </si>
  <si>
    <t>26531322.0</t>
  </si>
  <si>
    <t>84717336.0</t>
  </si>
  <si>
    <t>29908113.0</t>
  </si>
  <si>
    <t>28267124.0</t>
  </si>
  <si>
    <t>26542099.0</t>
  </si>
  <si>
    <t>84727552.0</t>
  </si>
  <si>
    <t>29909040.0</t>
  </si>
  <si>
    <t>28267715.0</t>
  </si>
  <si>
    <t>26550797.0</t>
  </si>
  <si>
    <t>186398.5</t>
  </si>
  <si>
    <t>5474.32468199028</t>
  </si>
  <si>
    <t>84752551.0</t>
  </si>
  <si>
    <t>29912249.0</t>
  </si>
  <si>
    <t>28269253.0</t>
  </si>
  <si>
    <t>26571049.0</t>
  </si>
  <si>
    <t>248.91</t>
  </si>
  <si>
    <t>84776931.0</t>
  </si>
  <si>
    <t>29915653.0</t>
  </si>
  <si>
    <t>28270672.0</t>
  </si>
  <si>
    <t>26590606.0</t>
  </si>
  <si>
    <t>248.98</t>
  </si>
  <si>
    <t>84800487.0</t>
  </si>
  <si>
    <t>29919183.0</t>
  </si>
  <si>
    <t>28272107.0</t>
  </si>
  <si>
    <t>26609197.0</t>
  </si>
  <si>
    <t>249.05</t>
  </si>
  <si>
    <t>84824231.0</t>
  </si>
  <si>
    <t>29922426.0</t>
  </si>
  <si>
    <t>28273444.0</t>
  </si>
  <si>
    <t>26628361.0</t>
  </si>
  <si>
    <t>84849812.0</t>
  </si>
  <si>
    <t>29926439.0</t>
  </si>
  <si>
    <t>28275057.0</t>
  </si>
  <si>
    <t>26648316.0</t>
  </si>
  <si>
    <t>84873616.0</t>
  </si>
  <si>
    <t>29929905.0</t>
  </si>
  <si>
    <t>28276443.0</t>
  </si>
  <si>
    <t>26667268.0</t>
  </si>
  <si>
    <t>249.26</t>
  </si>
  <si>
    <t>84884247.0</t>
  </si>
  <si>
    <t>29931156.0</t>
  </si>
  <si>
    <t>28277135.0</t>
  </si>
  <si>
    <t>26675956.0</t>
  </si>
  <si>
    <t>84908704.0</t>
  </si>
  <si>
    <t>29935349.0</t>
  </si>
  <si>
    <t>28278570.0</t>
  </si>
  <si>
    <t>26694785.0</t>
  </si>
  <si>
    <t>84932003.0</t>
  </si>
  <si>
    <t>29939642.0</t>
  </si>
  <si>
    <t>28279988.0</t>
  </si>
  <si>
    <t>26712373.0</t>
  </si>
  <si>
    <t>249.44</t>
  </si>
  <si>
    <t>84956375.0</t>
  </si>
  <si>
    <t>29944373.0</t>
  </si>
  <si>
    <t>28281516.0</t>
  </si>
  <si>
    <t>26730486.0</t>
  </si>
  <si>
    <t>84981006.0</t>
  </si>
  <si>
    <t>29949280.0</t>
  </si>
  <si>
    <t>28283072.0</t>
  </si>
  <si>
    <t>26748654.0</t>
  </si>
  <si>
    <t>249.58</t>
  </si>
  <si>
    <t>85009740.0</t>
  </si>
  <si>
    <t>29955295.0</t>
  </si>
  <si>
    <t>28285077.0</t>
  </si>
  <si>
    <t>26769368.0</t>
  </si>
  <si>
    <t>85034756.0</t>
  </si>
  <si>
    <t>29960414.0</t>
  </si>
  <si>
    <t>28286667.0</t>
  </si>
  <si>
    <t>26787675.0</t>
  </si>
  <si>
    <t>25016.0</t>
  </si>
  <si>
    <t>249.74</t>
  </si>
  <si>
    <t>85046037.0</t>
  </si>
  <si>
    <t>29962078.0</t>
  </si>
  <si>
    <t>28287367.0</t>
  </si>
  <si>
    <t>26796592.0</t>
  </si>
  <si>
    <t>249.77</t>
  </si>
  <si>
    <t>85069127.0</t>
  </si>
  <si>
    <t>29967225.0</t>
  </si>
  <si>
    <t>28288796.0</t>
  </si>
  <si>
    <t>26813106.0</t>
  </si>
  <si>
    <t>249.84</t>
  </si>
  <si>
    <t>85094479.0</t>
  </si>
  <si>
    <t>29971765.0</t>
  </si>
  <si>
    <t>28290320.0</t>
  </si>
  <si>
    <t>26832394.0</t>
  </si>
  <si>
    <t>85119221.0</t>
  </si>
  <si>
    <t>29976804.0</t>
  </si>
  <si>
    <t>28291913.0</t>
  </si>
  <si>
    <t>26850504.0</t>
  </si>
  <si>
    <t>24742.0</t>
  </si>
  <si>
    <t>85144332.0</t>
  </si>
  <si>
    <t>29981130.0</t>
  </si>
  <si>
    <t>28293630.0</t>
  </si>
  <si>
    <t>26869572.0</t>
  </si>
  <si>
    <t>85178771.0</t>
  </si>
  <si>
    <t>29988591.0</t>
  </si>
  <si>
    <t>28295952.0</t>
  </si>
  <si>
    <t>26894228.0</t>
  </si>
  <si>
    <t>34439.0</t>
  </si>
  <si>
    <t>85214153.0</t>
  </si>
  <si>
    <t>29995923.0</t>
  </si>
  <si>
    <t>28298400.0</t>
  </si>
  <si>
    <t>26919830.0</t>
  </si>
  <si>
    <t>35382.0</t>
  </si>
  <si>
    <t>85246175.0</t>
  </si>
  <si>
    <t>30001330.0</t>
  </si>
  <si>
    <t>28300456.0</t>
  </si>
  <si>
    <t>26944389.0</t>
  </si>
  <si>
    <t>250.36</t>
  </si>
  <si>
    <t>85259057.0</t>
  </si>
  <si>
    <t>30003744.0</t>
  </si>
  <si>
    <t>28301346.0</t>
  </si>
  <si>
    <t>26953967.0</t>
  </si>
  <si>
    <t>85263699.0</t>
  </si>
  <si>
    <t>30004586.0</t>
  </si>
  <si>
    <t>28301682.0</t>
  </si>
  <si>
    <t>26957431.0</t>
  </si>
  <si>
    <t>85277850.0</t>
  </si>
  <si>
    <t>30007506.0</t>
  </si>
  <si>
    <t>28302596.0</t>
  </si>
  <si>
    <t>26967748.0</t>
  </si>
  <si>
    <t>85293988.0</t>
  </si>
  <si>
    <t>30011011.0</t>
  </si>
  <si>
    <t>28303648.0</t>
  </si>
  <si>
    <t>26979329.0</t>
  </si>
  <si>
    <t>85313752.0</t>
  </si>
  <si>
    <t>30015129.0</t>
  </si>
  <si>
    <t>28305007.0</t>
  </si>
  <si>
    <t>26993616.0</t>
  </si>
  <si>
    <t>85334651.0</t>
  </si>
  <si>
    <t>30019027.0</t>
  </si>
  <si>
    <t>28306371.0</t>
  </si>
  <si>
    <t>27009253.0</t>
  </si>
  <si>
    <t>250.62</t>
  </si>
  <si>
    <t>85344100.0</t>
  </si>
  <si>
    <t>30020367.0</t>
  </si>
  <si>
    <t>28306887.0</t>
  </si>
  <si>
    <t>27016846.0</t>
  </si>
  <si>
    <t>85366757.0</t>
  </si>
  <si>
    <t>30024707.0</t>
  </si>
  <si>
    <t>28308372.0</t>
  </si>
  <si>
    <t>27033678.0</t>
  </si>
  <si>
    <t>250.71</t>
  </si>
  <si>
    <t>85391182.0</t>
  </si>
  <si>
    <t>30029093.0</t>
  </si>
  <si>
    <t>28310162.0</t>
  </si>
  <si>
    <t>27051927.0</t>
  </si>
  <si>
    <t>250.78</t>
  </si>
  <si>
    <t>85416940.0</t>
  </si>
  <si>
    <t>30033481.0</t>
  </si>
  <si>
    <t>28311927.0</t>
  </si>
  <si>
    <t>27071532.0</t>
  </si>
  <si>
    <t>250.86</t>
  </si>
  <si>
    <t>85444601.0</t>
  </si>
  <si>
    <t>30038586.0</t>
  </si>
  <si>
    <t>28313921.0</t>
  </si>
  <si>
    <t>27092094.0</t>
  </si>
  <si>
    <t>27661.0</t>
  </si>
  <si>
    <t>250.94</t>
  </si>
  <si>
    <t>85477052.0</t>
  </si>
  <si>
    <t>30044042.0</t>
  </si>
  <si>
    <t>28316431.0</t>
  </si>
  <si>
    <t>27116579.0</t>
  </si>
  <si>
    <t>32451.0</t>
  </si>
  <si>
    <t>85508263.0</t>
  </si>
  <si>
    <t>30048956.0</t>
  </si>
  <si>
    <t>28318783.0</t>
  </si>
  <si>
    <t>27140524.0</t>
  </si>
  <si>
    <t>85530508.0</t>
  </si>
  <si>
    <t>30051332.0</t>
  </si>
  <si>
    <t>28319974.0</t>
  </si>
  <si>
    <t>27159202.0</t>
  </si>
  <si>
    <t>85560864.0</t>
  </si>
  <si>
    <t>30056761.0</t>
  </si>
  <si>
    <t>28322174.0</t>
  </si>
  <si>
    <t>27181929.0</t>
  </si>
  <si>
    <t>27730.0</t>
  </si>
  <si>
    <t>251.28</t>
  </si>
  <si>
    <t>85596850.0</t>
  </si>
  <si>
    <t>30062146.0</t>
  </si>
  <si>
    <t>28324814.0</t>
  </si>
  <si>
    <t>27209890.0</t>
  </si>
  <si>
    <t>29381.0</t>
  </si>
  <si>
    <t>251.39</t>
  </si>
  <si>
    <t>85632795.0</t>
  </si>
  <si>
    <t>30067494.0</t>
  </si>
  <si>
    <t>28327357.0</t>
  </si>
  <si>
    <t>27237944.0</t>
  </si>
  <si>
    <t>85667159.0</t>
  </si>
  <si>
    <t>30072336.0</t>
  </si>
  <si>
    <t>28329886.0</t>
  </si>
  <si>
    <t>27264937.0</t>
  </si>
  <si>
    <t>34364.0</t>
  </si>
  <si>
    <t>85706680.0</t>
  </si>
  <si>
    <t>30078065.0</t>
  </si>
  <si>
    <t>28333056.0</t>
  </si>
  <si>
    <t>27295559.0</t>
  </si>
  <si>
    <t>85742651.0</t>
  </si>
  <si>
    <t>30083193.0</t>
  </si>
  <si>
    <t>28335968.0</t>
  </si>
  <si>
    <t>27323490.0</t>
  </si>
  <si>
    <t>35971.0</t>
  </si>
  <si>
    <t>251.82</t>
  </si>
  <si>
    <t>85763153.0</t>
  </si>
  <si>
    <t>30085203.0</t>
  </si>
  <si>
    <t>28337208.0</t>
  </si>
  <si>
    <t>27340742.0</t>
  </si>
  <si>
    <t>20502.0</t>
  </si>
  <si>
    <t>85794813.0</t>
  </si>
  <si>
    <t>30089953.0</t>
  </si>
  <si>
    <t>28340019.0</t>
  </si>
  <si>
    <t>27364841.0</t>
  </si>
  <si>
    <t>85828604.0</t>
  </si>
  <si>
    <t>30094276.0</t>
  </si>
  <si>
    <t>28342880.0</t>
  </si>
  <si>
    <t>27391448.0</t>
  </si>
  <si>
    <t>33791.0</t>
  </si>
  <si>
    <t>85863352.0</t>
  </si>
  <si>
    <t>30098740.0</t>
  </si>
  <si>
    <t>28345591.0</t>
  </si>
  <si>
    <t>27419021.0</t>
  </si>
  <si>
    <t>85895354.0</t>
  </si>
  <si>
    <t>30103043.0</t>
  </si>
  <si>
    <t>28348376.0</t>
  </si>
  <si>
    <t>27443935.0</t>
  </si>
  <si>
    <t>32599.0</t>
  </si>
  <si>
    <t>252.27</t>
  </si>
  <si>
    <t>85937820.0</t>
  </si>
  <si>
    <t>30109651.0</t>
  </si>
  <si>
    <t>28352762.0</t>
  </si>
  <si>
    <t>27475407.0</t>
  </si>
  <si>
    <t>252.39</t>
  </si>
  <si>
    <t>85981019.0</t>
  </si>
  <si>
    <t>30115986.0</t>
  </si>
  <si>
    <t>28356697.0</t>
  </si>
  <si>
    <t>27508336.0</t>
  </si>
  <si>
    <t>34053.0</t>
  </si>
  <si>
    <t>86024748.0</t>
  </si>
  <si>
    <t>30120645.0</t>
  </si>
  <si>
    <t>28359925.0</t>
  </si>
  <si>
    <t>27544178.0</t>
  </si>
  <si>
    <t>252.65</t>
  </si>
  <si>
    <t>86054746.0</t>
  </si>
  <si>
    <t>30125030.0</t>
  </si>
  <si>
    <t>28362955.0</t>
  </si>
  <si>
    <t>27566761.0</t>
  </si>
  <si>
    <t>37133.0</t>
  </si>
  <si>
    <t>252.73</t>
  </si>
  <si>
    <t>86086797.0</t>
  </si>
  <si>
    <t>30129002.0</t>
  </si>
  <si>
    <t>28365514.0</t>
  </si>
  <si>
    <t>27592281.0</t>
  </si>
  <si>
    <t>252.83</t>
  </si>
  <si>
    <t>86116430.0</t>
  </si>
  <si>
    <t>30132668.0</t>
  </si>
  <si>
    <t>28367924.0</t>
  </si>
  <si>
    <t>27615838.0</t>
  </si>
  <si>
    <t>252.91</t>
  </si>
  <si>
    <t>86148775.0</t>
  </si>
  <si>
    <t>30136103.0</t>
  </si>
  <si>
    <t>28369833.0</t>
  </si>
  <si>
    <t>27642839.0</t>
  </si>
  <si>
    <t>86184535.0</t>
  </si>
  <si>
    <t>30140044.0</t>
  </si>
  <si>
    <t>28372177.0</t>
  </si>
  <si>
    <t>27672314.0</t>
  </si>
  <si>
    <t>35760.0</t>
  </si>
  <si>
    <t>35245.0</t>
  </si>
  <si>
    <t>253.11</t>
  </si>
  <si>
    <t>86220295.0</t>
  </si>
  <si>
    <t>30143749.0</t>
  </si>
  <si>
    <t>28374413.0</t>
  </si>
  <si>
    <t>27702133.0</t>
  </si>
  <si>
    <t>253.22</t>
  </si>
  <si>
    <t>86238786.0</t>
  </si>
  <si>
    <t>30144963.0</t>
  </si>
  <si>
    <t>28375242.0</t>
  </si>
  <si>
    <t>27718581.0</t>
  </si>
  <si>
    <t>86267843.0</t>
  </si>
  <si>
    <t>30148973.0</t>
  </si>
  <si>
    <t>28377682.0</t>
  </si>
  <si>
    <t>27741188.0</t>
  </si>
  <si>
    <t>29057.0</t>
  </si>
  <si>
    <t>86296542.0</t>
  </si>
  <si>
    <t>30152502.0</t>
  </si>
  <si>
    <t>28379984.0</t>
  </si>
  <si>
    <t>27764056.0</t>
  </si>
  <si>
    <t>29964.0</t>
  </si>
  <si>
    <t>253.44</t>
  </si>
  <si>
    <t>86327702.0</t>
  </si>
  <si>
    <t>30156379.0</t>
  </si>
  <si>
    <t>28382667.0</t>
  </si>
  <si>
    <t>27788656.0</t>
  </si>
  <si>
    <t>253.54</t>
  </si>
  <si>
    <t>86341740.0</t>
  </si>
  <si>
    <t>30158084.0</t>
  </si>
  <si>
    <t>28383865.0</t>
  </si>
  <si>
    <t>27799791.0</t>
  </si>
  <si>
    <t>86356617.0</t>
  </si>
  <si>
    <t>30159955.0</t>
  </si>
  <si>
    <t>28385302.0</t>
  </si>
  <si>
    <t>27811360.0</t>
  </si>
  <si>
    <t>86381261.0</t>
  </si>
  <si>
    <t>30162917.0</t>
  </si>
  <si>
    <t>28387747.0</t>
  </si>
  <si>
    <t>27830597.0</t>
  </si>
  <si>
    <t>22995.0</t>
  </si>
  <si>
    <t>86394754.0</t>
  </si>
  <si>
    <t>30164133.0</t>
  </si>
  <si>
    <t>28388703.0</t>
  </si>
  <si>
    <t>27841918.0</t>
  </si>
  <si>
    <t>86421690.0</t>
  </si>
  <si>
    <t>30167744.0</t>
  </si>
  <si>
    <t>28391596.0</t>
  </si>
  <si>
    <t>27862350.0</t>
  </si>
  <si>
    <t>26936.0</t>
  </si>
  <si>
    <t>86445058.0</t>
  </si>
  <si>
    <t>30170724.0</t>
  </si>
  <si>
    <t>28394175.0</t>
  </si>
  <si>
    <t>27880159.0</t>
  </si>
  <si>
    <t>253.88</t>
  </si>
  <si>
    <t>86463800.0</t>
  </si>
  <si>
    <t>30173723.0</t>
  </si>
  <si>
    <t>28396651.0</t>
  </si>
  <si>
    <t>27893426.0</t>
  </si>
  <si>
    <t>19443.0</t>
  </si>
  <si>
    <t>253.93</t>
  </si>
  <si>
    <t>86486073.0</t>
  </si>
  <si>
    <t>30177287.0</t>
  </si>
  <si>
    <t>28399631.0</t>
  </si>
  <si>
    <t>27909155.0</t>
  </si>
  <si>
    <t>20619.0</t>
  </si>
  <si>
    <t>86508176.0</t>
  </si>
  <si>
    <t>30180963.0</t>
  </si>
  <si>
    <t>28402634.0</t>
  </si>
  <si>
    <t>27924579.0</t>
  </si>
  <si>
    <t>254.07</t>
  </si>
  <si>
    <t>86530438.0</t>
  </si>
  <si>
    <t>30184435.0</t>
  </si>
  <si>
    <t>28405620.0</t>
  </si>
  <si>
    <t>27940383.0</t>
  </si>
  <si>
    <t>22262.0</t>
  </si>
  <si>
    <t>86551845.0</t>
  </si>
  <si>
    <t>30187414.0</t>
  </si>
  <si>
    <t>28408122.0</t>
  </si>
  <si>
    <t>27956309.0</t>
  </si>
  <si>
    <t>254.19</t>
  </si>
  <si>
    <t>86571058.0</t>
  </si>
  <si>
    <t>30190817.0</t>
  </si>
  <si>
    <t>28410972.0</t>
  </si>
  <si>
    <t>27969269.0</t>
  </si>
  <si>
    <t>254.25</t>
  </si>
  <si>
    <t>86588734.0</t>
  </si>
  <si>
    <t>30193879.0</t>
  </si>
  <si>
    <t>28413509.0</t>
  </si>
  <si>
    <t>27981346.0</t>
  </si>
  <si>
    <t>86604391.0</t>
  </si>
  <si>
    <t>30196600.0</t>
  </si>
  <si>
    <t>28415814.0</t>
  </si>
  <si>
    <t>27991977.0</t>
  </si>
  <si>
    <t>254.35</t>
  </si>
  <si>
    <t>86618735.0</t>
  </si>
  <si>
    <t>30198943.0</t>
  </si>
  <si>
    <t>28417934.0</t>
  </si>
  <si>
    <t>28001858.0</t>
  </si>
  <si>
    <t>18952.0</t>
  </si>
  <si>
    <t>254.39</t>
  </si>
  <si>
    <t>86629895.0</t>
  </si>
  <si>
    <t>30200576.0</t>
  </si>
  <si>
    <t>28419744.0</t>
  </si>
  <si>
    <t>28009575.0</t>
  </si>
  <si>
    <t>254.42</t>
  </si>
  <si>
    <t>86634092.0</t>
  </si>
  <si>
    <t>30201213.0</t>
  </si>
  <si>
    <t>28420435.0</t>
  </si>
  <si>
    <t>28012444.0</t>
  </si>
  <si>
    <t>254.44</t>
  </si>
  <si>
    <t>86635148.0</t>
  </si>
  <si>
    <t>30201339.0</t>
  </si>
  <si>
    <t>28420620.0</t>
  </si>
  <si>
    <t>28013189.0</t>
  </si>
  <si>
    <t>86647781.0</t>
  </si>
  <si>
    <t>30203243.0</t>
  </si>
  <si>
    <t>28422587.0</t>
  </si>
  <si>
    <t>28021951.0</t>
  </si>
  <si>
    <t>254.48</t>
  </si>
  <si>
    <t>86660885.0</t>
  </si>
  <si>
    <t>30205325.0</t>
  </si>
  <si>
    <t>28424777.0</t>
  </si>
  <si>
    <t>28030783.0</t>
  </si>
  <si>
    <t>254.51</t>
  </si>
  <si>
    <t>86672644.0</t>
  </si>
  <si>
    <t>30207206.0</t>
  </si>
  <si>
    <t>28426871.0</t>
  </si>
  <si>
    <t>28038567.0</t>
  </si>
  <si>
    <t>254.55</t>
  </si>
  <si>
    <t>86682256.0</t>
  </si>
  <si>
    <t>30208850.0</t>
  </si>
  <si>
    <t>28428576.0</t>
  </si>
  <si>
    <t>28044830.0</t>
  </si>
  <si>
    <t>86689506.0</t>
  </si>
  <si>
    <t>30210023.0</t>
  </si>
  <si>
    <t>28429817.0</t>
  </si>
  <si>
    <t>28049666.0</t>
  </si>
  <si>
    <t>86691797.0</t>
  </si>
  <si>
    <t>30210334.0</t>
  </si>
  <si>
    <t>28430274.0</t>
  </si>
  <si>
    <t>28051189.0</t>
  </si>
  <si>
    <t>86692276.0</t>
  </si>
  <si>
    <t>30210406.0</t>
  </si>
  <si>
    <t>28430332.0</t>
  </si>
  <si>
    <t>28051538.0</t>
  </si>
  <si>
    <t>254.61</t>
  </si>
  <si>
    <t>86698406.0</t>
  </si>
  <si>
    <t>30211198.0</t>
  </si>
  <si>
    <t>28431078.0</t>
  </si>
  <si>
    <t>28056130.0</t>
  </si>
  <si>
    <t>254.62</t>
  </si>
  <si>
    <t>86704566.0</t>
  </si>
  <si>
    <t>30212041.0</t>
  </si>
  <si>
    <t>28431791.0</t>
  </si>
  <si>
    <t>28060734.0</t>
  </si>
  <si>
    <t>86707854.0</t>
  </si>
  <si>
    <t>30212428.0</t>
  </si>
  <si>
    <t>28432121.0</t>
  </si>
  <si>
    <t>28063305.0</t>
  </si>
  <si>
    <t>254.65</t>
  </si>
  <si>
    <t>PHL</t>
  </si>
  <si>
    <t>Philippines</t>
  </si>
  <si>
    <t>-1699.0</t>
  </si>
  <si>
    <t>-14.7024453515558</t>
  </si>
  <si>
    <t>-4100.6</t>
  </si>
  <si>
    <t>-35.4849013587933</t>
  </si>
  <si>
    <t>-9219.4</t>
  </si>
  <si>
    <t>-79.7808856233865</t>
  </si>
  <si>
    <t>23027.0</t>
  </si>
  <si>
    <t>24727.0</t>
  </si>
  <si>
    <t>26412.0</t>
  </si>
  <si>
    <t>31526.0</t>
  </si>
  <si>
    <t>34072.0</t>
  </si>
  <si>
    <t>42623.0</t>
  </si>
  <si>
    <t>53191.0</t>
  </si>
  <si>
    <t>72214.0</t>
  </si>
  <si>
    <t>89369.0</t>
  </si>
  <si>
    <t>99190.0</t>
  </si>
  <si>
    <t>-14913.4</t>
  </si>
  <si>
    <t>-11.28</t>
  </si>
  <si>
    <t>-129.054413481985</t>
  </si>
  <si>
    <t>108330.0</t>
  </si>
  <si>
    <t>112817.0</t>
  </si>
  <si>
    <t>118281.0</t>
  </si>
  <si>
    <t>124836.0</t>
  </si>
  <si>
    <t>129973.0</t>
  </si>
  <si>
    <t>140906.0</t>
  </si>
  <si>
    <t>156793.0</t>
  </si>
  <si>
    <t>165307.0</t>
  </si>
  <si>
    <t>182585.0</t>
  </si>
  <si>
    <t>199205.0</t>
  </si>
  <si>
    <t>209734.0</t>
  </si>
  <si>
    <t>219224.0</t>
  </si>
  <si>
    <t>233713.0</t>
  </si>
  <si>
    <t>241067.0</t>
  </si>
  <si>
    <t>249282.0</t>
  </si>
  <si>
    <t>257972.0</t>
  </si>
  <si>
    <t>266971.0</t>
  </si>
  <si>
    <t>280554.0</t>
  </si>
  <si>
    <t>285975.0</t>
  </si>
  <si>
    <t>300987.0</t>
  </si>
  <si>
    <t>310270.0</t>
  </si>
  <si>
    <t>318800.0</t>
  </si>
  <si>
    <t>328190.0</t>
  </si>
  <si>
    <t>337163.0</t>
  </si>
  <si>
    <t>-16968.4</t>
  </si>
  <si>
    <t>-146.837536023155</t>
  </si>
  <si>
    <t>344616.0</t>
  </si>
  <si>
    <t>355271.0</t>
  </si>
  <si>
    <t>376320.0</t>
  </si>
  <si>
    <t>386818.0</t>
  </si>
  <si>
    <t>398750.0</t>
  </si>
  <si>
    <t>406877.0</t>
  </si>
  <si>
    <t>417133.0</t>
  </si>
  <si>
    <t>427627.0</t>
  </si>
  <si>
    <t>437540.0</t>
  </si>
  <si>
    <t>459633.0</t>
  </si>
  <si>
    <t>471264.0</t>
  </si>
  <si>
    <t>479763.0</t>
  </si>
  <si>
    <t>488493.0</t>
  </si>
  <si>
    <t>498388.0</t>
  </si>
  <si>
    <t>513103.0</t>
  </si>
  <si>
    <t>524438.0</t>
  </si>
  <si>
    <t>539371.0</t>
  </si>
  <si>
    <t>552576.0</t>
  </si>
  <si>
    <t>563687.0</t>
  </si>
  <si>
    <t>575418.0</t>
  </si>
  <si>
    <t>590411.0</t>
  </si>
  <si>
    <t>5.184</t>
  </si>
  <si>
    <t>603474.0</t>
  </si>
  <si>
    <t>618557.0</t>
  </si>
  <si>
    <t>634568.0</t>
  </si>
  <si>
    <t>651315.0</t>
  </si>
  <si>
    <t>665710.0</t>
  </si>
  <si>
    <t>682614.0</t>
  </si>
  <si>
    <t>697570.0</t>
  </si>
  <si>
    <t>-17794.6</t>
  </si>
  <si>
    <t>-153.98713010759</t>
  </si>
  <si>
    <t>715908.0</t>
  </si>
  <si>
    <t>733602.0</t>
  </si>
  <si>
    <t>752422.0</t>
  </si>
  <si>
    <t>773290.0</t>
  </si>
  <si>
    <t>788745.0</t>
  </si>
  <si>
    <t>805813.0</t>
  </si>
  <si>
    <t>828132.0</t>
  </si>
  <si>
    <t>18652.0</t>
  </si>
  <si>
    <t>849903.0</t>
  </si>
  <si>
    <t>873779.0</t>
  </si>
  <si>
    <t>895857.0</t>
  </si>
  <si>
    <t>920500.0</t>
  </si>
  <si>
    <t>936793.0</t>
  </si>
  <si>
    <t>955256.0</t>
  </si>
  <si>
    <t>975917.0</t>
  </si>
  <si>
    <t>998197.0</t>
  </si>
  <si>
    <t>8.765</t>
  </si>
  <si>
    <t>1025129.0</t>
  </si>
  <si>
    <t>1052050.0</t>
  </si>
  <si>
    <t>26921.0</t>
  </si>
  <si>
    <t>1078746.0</t>
  </si>
  <si>
    <t>26696.0</t>
  </si>
  <si>
    <t>22607.0</t>
  </si>
  <si>
    <t>1100325.0</t>
  </si>
  <si>
    <t>23362.0</t>
  </si>
  <si>
    <t>21774.0</t>
  </si>
  <si>
    <t>1148186.0</t>
  </si>
  <si>
    <t>24610.0</t>
  </si>
  <si>
    <t>1177539.0</t>
  </si>
  <si>
    <t>25620.0</t>
  </si>
  <si>
    <t>1208284.0</t>
  </si>
  <si>
    <t>26165.0</t>
  </si>
  <si>
    <t>1240249.0</t>
  </si>
  <si>
    <t>28257.0</t>
  </si>
  <si>
    <t>1303437.0</t>
  </si>
  <si>
    <t>26893.0</t>
  </si>
  <si>
    <t>1362380.0</t>
  </si>
  <si>
    <t>1398331.0</t>
  </si>
  <si>
    <t>35951.0</t>
  </si>
  <si>
    <t>31542.0</t>
  </si>
  <si>
    <t>1434293.0</t>
  </si>
  <si>
    <t>32287.0</t>
  </si>
  <si>
    <t>1466363.0</t>
  </si>
  <si>
    <t>-15445.6</t>
  </si>
  <si>
    <t>-133.659852808705</t>
  </si>
  <si>
    <t>1496749.0</t>
  </si>
  <si>
    <t>31458.0</t>
  </si>
  <si>
    <t>1520417.0</t>
  </si>
  <si>
    <t>1550252.0</t>
  </si>
  <si>
    <t>1576713.0</t>
  </si>
  <si>
    <t>26461.0</t>
  </si>
  <si>
    <t>1605044.0</t>
  </si>
  <si>
    <t>1636879.0</t>
  </si>
  <si>
    <t>14.374</t>
  </si>
  <si>
    <t>1674682.0</t>
  </si>
  <si>
    <t>1710372.0</t>
  </si>
  <si>
    <t>15.019</t>
  </si>
  <si>
    <t>30518.0</t>
  </si>
  <si>
    <t>1739148.0</t>
  </si>
  <si>
    <t>15.272</t>
  </si>
  <si>
    <t>1773476.0</t>
  </si>
  <si>
    <t>34328.0</t>
  </si>
  <si>
    <t>15.573</t>
  </si>
  <si>
    <t>1800405.0</t>
  </si>
  <si>
    <t>31956.0</t>
  </si>
  <si>
    <t>1831840.0</t>
  </si>
  <si>
    <t>1866471.0</t>
  </si>
  <si>
    <t>1903145.0</t>
  </si>
  <si>
    <t>16.712</t>
  </si>
  <si>
    <t>1940712.0</t>
  </si>
  <si>
    <t>17.042</t>
  </si>
  <si>
    <t>1970709.0</t>
  </si>
  <si>
    <t>17.305</t>
  </si>
  <si>
    <t>2002209.0</t>
  </si>
  <si>
    <t>2033834.0</t>
  </si>
  <si>
    <t>31625.0</t>
  </si>
  <si>
    <t>17.859</t>
  </si>
  <si>
    <t>33347.0</t>
  </si>
  <si>
    <t>2070005.0</t>
  </si>
  <si>
    <t>36171.0</t>
  </si>
  <si>
    <t>34024.0</t>
  </si>
  <si>
    <t>2105385.0</t>
  </si>
  <si>
    <t>34131.0</t>
  </si>
  <si>
    <t>2143761.0</t>
  </si>
  <si>
    <t>18.825</t>
  </si>
  <si>
    <t>34374.0</t>
  </si>
  <si>
    <t>2179971.0</t>
  </si>
  <si>
    <t>2206749.0</t>
  </si>
  <si>
    <t>2235166.0</t>
  </si>
  <si>
    <t>19.627</t>
  </si>
  <si>
    <t>2263041.0</t>
  </si>
  <si>
    <t>27875.0</t>
  </si>
  <si>
    <t>19.872</t>
  </si>
  <si>
    <t>2302726.0</t>
  </si>
  <si>
    <t>20.221</t>
  </si>
  <si>
    <t>33246.0</t>
  </si>
  <si>
    <t>2342648.0</t>
  </si>
  <si>
    <t>2381370.0</t>
  </si>
  <si>
    <t>2417477.0</t>
  </si>
  <si>
    <t>36107.0</t>
  </si>
  <si>
    <t>21.228</t>
  </si>
  <si>
    <t>2451090.0</t>
  </si>
  <si>
    <t>33613.0</t>
  </si>
  <si>
    <t>2483571.0</t>
  </si>
  <si>
    <t>21.809</t>
  </si>
  <si>
    <t>-12387.4</t>
  </si>
  <si>
    <t>-107.195451175905</t>
  </si>
  <si>
    <t>2515187.0</t>
  </si>
  <si>
    <t>22.086</t>
  </si>
  <si>
    <t>2552484.0</t>
  </si>
  <si>
    <t>2590879.0</t>
  </si>
  <si>
    <t>38395.0</t>
  </si>
  <si>
    <t>22.751</t>
  </si>
  <si>
    <t>2629814.0</t>
  </si>
  <si>
    <t>35492.0</t>
  </si>
  <si>
    <t>2669093.0</t>
  </si>
  <si>
    <t>23.438</t>
  </si>
  <si>
    <t>2700983.0</t>
  </si>
  <si>
    <t>23.718</t>
  </si>
  <si>
    <t>2735749.0</t>
  </si>
  <si>
    <t>24.023</t>
  </si>
  <si>
    <t>36025.0</t>
  </si>
  <si>
    <t>2770428.0</t>
  </si>
  <si>
    <t>24.328</t>
  </si>
  <si>
    <t>36463.0</t>
  </si>
  <si>
    <t>2809483.0</t>
  </si>
  <si>
    <t>36714.0</t>
  </si>
  <si>
    <t>2852108.0</t>
  </si>
  <si>
    <t>25.045</t>
  </si>
  <si>
    <t>2896933.0</t>
  </si>
  <si>
    <t>44825.0</t>
  </si>
  <si>
    <t>25.438</t>
  </si>
  <si>
    <t>2938866.0</t>
  </si>
  <si>
    <t>41933.0</t>
  </si>
  <si>
    <t>2968959.0</t>
  </si>
  <si>
    <t>26.071</t>
  </si>
  <si>
    <t>38282.0</t>
  </si>
  <si>
    <t>2997861.0</t>
  </si>
  <si>
    <t>26.325</t>
  </si>
  <si>
    <t>3032861.0</t>
  </si>
  <si>
    <t>3070208.0</t>
  </si>
  <si>
    <t>37246.0</t>
  </si>
  <si>
    <t>3109516.0</t>
  </si>
  <si>
    <t>27.305</t>
  </si>
  <si>
    <t>3151038.0</t>
  </si>
  <si>
    <t>3189407.0</t>
  </si>
  <si>
    <t>28.007</t>
  </si>
  <si>
    <t>3215188.0</t>
  </si>
  <si>
    <t>28.233</t>
  </si>
  <si>
    <t>3244588.0</t>
  </si>
  <si>
    <t>28.491</t>
  </si>
  <si>
    <t>35247.0</t>
  </si>
  <si>
    <t>3278483.0</t>
  </si>
  <si>
    <t>28.789</t>
  </si>
  <si>
    <t>35089.0</t>
  </si>
  <si>
    <t>3316757.0</t>
  </si>
  <si>
    <t>38274.0</t>
  </si>
  <si>
    <t>29.125</t>
  </si>
  <si>
    <t>3356618.0</t>
  </si>
  <si>
    <t>29.475</t>
  </si>
  <si>
    <t>3393831.0</t>
  </si>
  <si>
    <t>3430770.0</t>
  </si>
  <si>
    <t>36939.0</t>
  </si>
  <si>
    <t>30.126</t>
  </si>
  <si>
    <t>3458759.0</t>
  </si>
  <si>
    <t>27989.0</t>
  </si>
  <si>
    <t>30.372</t>
  </si>
  <si>
    <t>3485080.0</t>
  </si>
  <si>
    <t>30.603</t>
  </si>
  <si>
    <t>3518685.0</t>
  </si>
  <si>
    <t>33605.0</t>
  </si>
  <si>
    <t>3556760.0</t>
  </si>
  <si>
    <t>-11008.8</t>
  </si>
  <si>
    <t>-95.2656152950015</t>
  </si>
  <si>
    <t>3596371.0</t>
  </si>
  <si>
    <t>3634355.0</t>
  </si>
  <si>
    <t>31.914</t>
  </si>
  <si>
    <t>3673204.0</t>
  </si>
  <si>
    <t>3700115.0</t>
  </si>
  <si>
    <t>26911.0</t>
  </si>
  <si>
    <t>3729817.0</t>
  </si>
  <si>
    <t>3764395.0</t>
  </si>
  <si>
    <t>35101.0</t>
  </si>
  <si>
    <t>3801891.0</t>
  </si>
  <si>
    <t>33.385</t>
  </si>
  <si>
    <t>3838194.0</t>
  </si>
  <si>
    <t>36303.0</t>
  </si>
  <si>
    <t>3876873.0</t>
  </si>
  <si>
    <t>38679.0</t>
  </si>
  <si>
    <t>34.043</t>
  </si>
  <si>
    <t>3917104.0</t>
  </si>
  <si>
    <t>34.397</t>
  </si>
  <si>
    <t>3947242.0</t>
  </si>
  <si>
    <t>34.661</t>
  </si>
  <si>
    <t>3974726.0</t>
  </si>
  <si>
    <t>34.903</t>
  </si>
  <si>
    <t>4009328.0</t>
  </si>
  <si>
    <t>35.207</t>
  </si>
  <si>
    <t>34990.0</t>
  </si>
  <si>
    <t>4047196.0</t>
  </si>
  <si>
    <t>35.539</t>
  </si>
  <si>
    <t>4085550.0</t>
  </si>
  <si>
    <t>4115255.0</t>
  </si>
  <si>
    <t>29705.0</t>
  </si>
  <si>
    <t>34055.0</t>
  </si>
  <si>
    <t>4147638.0</t>
  </si>
  <si>
    <t>36.421</t>
  </si>
  <si>
    <t>4166896.0</t>
  </si>
  <si>
    <t>4191899.0</t>
  </si>
  <si>
    <t>4221175.0</t>
  </si>
  <si>
    <t>29276.0</t>
  </si>
  <si>
    <t>37.067</t>
  </si>
  <si>
    <t>4255360.0</t>
  </si>
  <si>
    <t>34185.0</t>
  </si>
  <si>
    <t>37.367</t>
  </si>
  <si>
    <t>4289769.0</t>
  </si>
  <si>
    <t>37.669</t>
  </si>
  <si>
    <t>29174.0</t>
  </si>
  <si>
    <t>4325489.0</t>
  </si>
  <si>
    <t>37.983</t>
  </si>
  <si>
    <t>30033.0</t>
  </si>
  <si>
    <t>4358334.0</t>
  </si>
  <si>
    <t>38.271</t>
  </si>
  <si>
    <t>30099.0</t>
  </si>
  <si>
    <t>4382226.0</t>
  </si>
  <si>
    <t>23892.0</t>
  </si>
  <si>
    <t>38.481</t>
  </si>
  <si>
    <t>30761.0</t>
  </si>
  <si>
    <t>4409509.0</t>
  </si>
  <si>
    <t>4442090.0</t>
  </si>
  <si>
    <t>39.007</t>
  </si>
  <si>
    <t>4476346.0</t>
  </si>
  <si>
    <t>4510483.0</t>
  </si>
  <si>
    <t>34137.0</t>
  </si>
  <si>
    <t>39.607</t>
  </si>
  <si>
    <t>4548121.0</t>
  </si>
  <si>
    <t>39.938</t>
  </si>
  <si>
    <t>31805.0</t>
  </si>
  <si>
    <t>4584347.0</t>
  </si>
  <si>
    <t>-11328.4</t>
  </si>
  <si>
    <t>-98.0313018955649</t>
  </si>
  <si>
    <t>4606997.0</t>
  </si>
  <si>
    <t>4625434.0</t>
  </si>
  <si>
    <t>4647727.0</t>
  </si>
  <si>
    <t>40.812</t>
  </si>
  <si>
    <t>4679207.0</t>
  </si>
  <si>
    <t>41.089</t>
  </si>
  <si>
    <t>4715197.0</t>
  </si>
  <si>
    <t>41.405</t>
  </si>
  <si>
    <t>29245.0</t>
  </si>
  <si>
    <t>41.737</t>
  </si>
  <si>
    <t>4788106.0</t>
  </si>
  <si>
    <t>42.045</t>
  </si>
  <si>
    <t>4809675.0</t>
  </si>
  <si>
    <t>42.234</t>
  </si>
  <si>
    <t>4835092.0</t>
  </si>
  <si>
    <t>25417.0</t>
  </si>
  <si>
    <t>42.458</t>
  </si>
  <si>
    <t>29951.0</t>
  </si>
  <si>
    <t>4864966.0</t>
  </si>
  <si>
    <t>4901339.0</t>
  </si>
  <si>
    <t>43.039</t>
  </si>
  <si>
    <t>4926040.0</t>
  </si>
  <si>
    <t>43.256</t>
  </si>
  <si>
    <t>4955136.0</t>
  </si>
  <si>
    <t>4983975.0</t>
  </si>
  <si>
    <t>43.765</t>
  </si>
  <si>
    <t>5008165.0</t>
  </si>
  <si>
    <t>43.977</t>
  </si>
  <si>
    <t>5035604.0</t>
  </si>
  <si>
    <t>5067652.0</t>
  </si>
  <si>
    <t>5103681.0</t>
  </si>
  <si>
    <t>44.816</t>
  </si>
  <si>
    <t>28906.0</t>
  </si>
  <si>
    <t>5135129.0</t>
  </si>
  <si>
    <t>5169097.0</t>
  </si>
  <si>
    <t>33968.0</t>
  </si>
  <si>
    <t>5202328.0</t>
  </si>
  <si>
    <t>45.682</t>
  </si>
  <si>
    <t>5226027.0</t>
  </si>
  <si>
    <t>31123.0</t>
  </si>
  <si>
    <t>5250549.0</t>
  </si>
  <si>
    <t>46.106</t>
  </si>
  <si>
    <t>5283294.0</t>
  </si>
  <si>
    <t>46.393</t>
  </si>
  <si>
    <t>5321448.0</t>
  </si>
  <si>
    <t>46.728</t>
  </si>
  <si>
    <t>5357941.0</t>
  </si>
  <si>
    <t>47.049</t>
  </si>
  <si>
    <t>5396729.0</t>
  </si>
  <si>
    <t>5431738.0</t>
  </si>
  <si>
    <t>47.697</t>
  </si>
  <si>
    <t>5454780.0</t>
  </si>
  <si>
    <t>5478386.0</t>
  </si>
  <si>
    <t>48.107</t>
  </si>
  <si>
    <t>-11648.6</t>
  </si>
  <si>
    <t>-100.802180648695</t>
  </si>
  <si>
    <t>5539872.0</t>
  </si>
  <si>
    <t>48.646</t>
  </si>
  <si>
    <t>31203.0</t>
  </si>
  <si>
    <t>5575832.0</t>
  </si>
  <si>
    <t>35960.0</t>
  </si>
  <si>
    <t>5614129.0</t>
  </si>
  <si>
    <t>49.298</t>
  </si>
  <si>
    <t>5653112.0</t>
  </si>
  <si>
    <t>5678067.0</t>
  </si>
  <si>
    <t>5707064.0</t>
  </si>
  <si>
    <t>50.115</t>
  </si>
  <si>
    <t>5742647.0</t>
  </si>
  <si>
    <t>50.427</t>
  </si>
  <si>
    <t>5774310.0</t>
  </si>
  <si>
    <t>31663.0</t>
  </si>
  <si>
    <t>33491.0</t>
  </si>
  <si>
    <t>5807545.0</t>
  </si>
  <si>
    <t>50.997</t>
  </si>
  <si>
    <t>5844128.0</t>
  </si>
  <si>
    <t>51.318</t>
  </si>
  <si>
    <t>5880354.0</t>
  </si>
  <si>
    <t>51.636</t>
  </si>
  <si>
    <t>5904970.0</t>
  </si>
  <si>
    <t>51.852</t>
  </si>
  <si>
    <t>5930948.0</t>
  </si>
  <si>
    <t>25978.0</t>
  </si>
  <si>
    <t>52.081</t>
  </si>
  <si>
    <t>5964719.0</t>
  </si>
  <si>
    <t>52.377</t>
  </si>
  <si>
    <t>6000864.0</t>
  </si>
  <si>
    <t>32365.0</t>
  </si>
  <si>
    <t>6038838.0</t>
  </si>
  <si>
    <t>37974.0</t>
  </si>
  <si>
    <t>53.028</t>
  </si>
  <si>
    <t>33042.0</t>
  </si>
  <si>
    <t>6075898.0</t>
  </si>
  <si>
    <t>6108179.0</t>
  </si>
  <si>
    <t>53.637</t>
  </si>
  <si>
    <t>6132558.0</t>
  </si>
  <si>
    <t>53.851</t>
  </si>
  <si>
    <t>32513.0</t>
  </si>
  <si>
    <t>6158590.0</t>
  </si>
  <si>
    <t>54.079</t>
  </si>
  <si>
    <t>6193591.0</t>
  </si>
  <si>
    <t>35001.0</t>
  </si>
  <si>
    <t>54.387</t>
  </si>
  <si>
    <t>6226008.0</t>
  </si>
  <si>
    <t>54.671</t>
  </si>
  <si>
    <t>6257906.0</t>
  </si>
  <si>
    <t>6272336.0</t>
  </si>
  <si>
    <t>55.078</t>
  </si>
  <si>
    <t>6288163.0</t>
  </si>
  <si>
    <t>6304371.0</t>
  </si>
  <si>
    <t>6324935.0</t>
  </si>
  <si>
    <t>6355332.0</t>
  </si>
  <si>
    <t>55.807</t>
  </si>
  <si>
    <t>6385612.0</t>
  </si>
  <si>
    <t>56.073</t>
  </si>
  <si>
    <t>22801.0</t>
  </si>
  <si>
    <t>6408076.0</t>
  </si>
  <si>
    <t>-11136.8</t>
  </si>
  <si>
    <t>-96.3732745092447</t>
  </si>
  <si>
    <t>6420297.0</t>
  </si>
  <si>
    <t>56.378</t>
  </si>
  <si>
    <t>6435663.0</t>
  </si>
  <si>
    <t>56.513</t>
  </si>
  <si>
    <t>6450129.0</t>
  </si>
  <si>
    <t>6473817.0</t>
  </si>
  <si>
    <t>56.848</t>
  </si>
  <si>
    <t>6508632.0</t>
  </si>
  <si>
    <t>34815.0</t>
  </si>
  <si>
    <t>57.153</t>
  </si>
  <si>
    <t>6544980.0</t>
  </si>
  <si>
    <t>57.472</t>
  </si>
  <si>
    <t>6580900.0</t>
  </si>
  <si>
    <t>57.788</t>
  </si>
  <si>
    <t>6621364.0</t>
  </si>
  <si>
    <t>40464.0</t>
  </si>
  <si>
    <t>6659540.0</t>
  </si>
  <si>
    <t>58.478</t>
  </si>
  <si>
    <t>6684569.0</t>
  </si>
  <si>
    <t>58.698</t>
  </si>
  <si>
    <t>6713349.0</t>
  </si>
  <si>
    <t>6749922.0</t>
  </si>
  <si>
    <t>36573.0</t>
  </si>
  <si>
    <t>34470.0</t>
  </si>
  <si>
    <t>6790636.0</t>
  </si>
  <si>
    <t>40714.0</t>
  </si>
  <si>
    <t>35094.0</t>
  </si>
  <si>
    <t>6829901.0</t>
  </si>
  <si>
    <t>39265.0</t>
  </si>
  <si>
    <t>59.974</t>
  </si>
  <si>
    <t>35572.0</t>
  </si>
  <si>
    <t>6866895.0</t>
  </si>
  <si>
    <t>60.299</t>
  </si>
  <si>
    <t>6904974.0</t>
  </si>
  <si>
    <t>38079.0</t>
  </si>
  <si>
    <t>60.634</t>
  </si>
  <si>
    <t>6930462.0</t>
  </si>
  <si>
    <t>25488.0</t>
  </si>
  <si>
    <t>60.857</t>
  </si>
  <si>
    <t>6957543.0</t>
  </si>
  <si>
    <t>61.095</t>
  </si>
  <si>
    <t>6993868.0</t>
  </si>
  <si>
    <t>61.414</t>
  </si>
  <si>
    <t>7029780.0</t>
  </si>
  <si>
    <t>7068648.0</t>
  </si>
  <si>
    <t>62.071</t>
  </si>
  <si>
    <t>7107753.0</t>
  </si>
  <si>
    <t>62.414</t>
  </si>
  <si>
    <t>34408.0</t>
  </si>
  <si>
    <t>7144491.0</t>
  </si>
  <si>
    <t>62.737</t>
  </si>
  <si>
    <t>62.965</t>
  </si>
  <si>
    <t>7199121.0</t>
  </si>
  <si>
    <t>63.217</t>
  </si>
  <si>
    <t>7234760.0</t>
  </si>
  <si>
    <t>63.529</t>
  </si>
  <si>
    <t>7273871.0</t>
  </si>
  <si>
    <t>34870.0</t>
  </si>
  <si>
    <t>7313151.0</t>
  </si>
  <si>
    <t>7353729.0</t>
  </si>
  <si>
    <t>64.574</t>
  </si>
  <si>
    <t>7394249.0</t>
  </si>
  <si>
    <t>40520.0</t>
  </si>
  <si>
    <t>7422756.0</t>
  </si>
  <si>
    <t>36042.0</t>
  </si>
  <si>
    <t>-7410.7</t>
  </si>
  <si>
    <t>-64.1291417108738</t>
  </si>
  <si>
    <t>7448617.0</t>
  </si>
  <si>
    <t>25861.0</t>
  </si>
  <si>
    <t>7483695.0</t>
  </si>
  <si>
    <t>65.715</t>
  </si>
  <si>
    <t>7520472.0</t>
  </si>
  <si>
    <t>36777.0</t>
  </si>
  <si>
    <t>35229.0</t>
  </si>
  <si>
    <t>7558265.0</t>
  </si>
  <si>
    <t>7595163.0</t>
  </si>
  <si>
    <t>66.694</t>
  </si>
  <si>
    <t>7654621.0</t>
  </si>
  <si>
    <t>67.216</t>
  </si>
  <si>
    <t>7680973.0</t>
  </si>
  <si>
    <t>67.448</t>
  </si>
  <si>
    <t>7715911.0</t>
  </si>
  <si>
    <t>67.755</t>
  </si>
  <si>
    <t>7753711.0</t>
  </si>
  <si>
    <t>68.086</t>
  </si>
  <si>
    <t>33320.0</t>
  </si>
  <si>
    <t>7792456.0</t>
  </si>
  <si>
    <t>68.427</t>
  </si>
  <si>
    <t>7829665.0</t>
  </si>
  <si>
    <t>37209.0</t>
  </si>
  <si>
    <t>68.753</t>
  </si>
  <si>
    <t>7858439.0</t>
  </si>
  <si>
    <t>7878295.0</t>
  </si>
  <si>
    <t>31953.0</t>
  </si>
  <si>
    <t>7901765.0</t>
  </si>
  <si>
    <t>69.387</t>
  </si>
  <si>
    <t>7934880.0</t>
  </si>
  <si>
    <t>69.677</t>
  </si>
  <si>
    <t>7972060.0</t>
  </si>
  <si>
    <t>37180.0</t>
  </si>
  <si>
    <t>70.004</t>
  </si>
  <si>
    <t>8008907.0</t>
  </si>
  <si>
    <t>70.327</t>
  </si>
  <si>
    <t>8043512.0</t>
  </si>
  <si>
    <t>30550.0</t>
  </si>
  <si>
    <t>8079920.0</t>
  </si>
  <si>
    <t>31640.0</t>
  </si>
  <si>
    <t>8101118.0</t>
  </si>
  <si>
    <t>8126444.0</t>
  </si>
  <si>
    <t>8164924.0</t>
  </si>
  <si>
    <t>71.697</t>
  </si>
  <si>
    <t>32863.0</t>
  </si>
  <si>
    <t>8203270.0</t>
  </si>
  <si>
    <t>8243520.0</t>
  </si>
  <si>
    <t>40250.0</t>
  </si>
  <si>
    <t>72.388</t>
  </si>
  <si>
    <t>8274745.0</t>
  </si>
  <si>
    <t>72.662</t>
  </si>
  <si>
    <t>8306458.0</t>
  </si>
  <si>
    <t>32363.0</t>
  </si>
  <si>
    <t>8329872.0</t>
  </si>
  <si>
    <t>73.146</t>
  </si>
  <si>
    <t>-3275.2</t>
  </si>
  <si>
    <t>-28.3422301444471</t>
  </si>
  <si>
    <t>8355355.0</t>
  </si>
  <si>
    <t>25483.0</t>
  </si>
  <si>
    <t>8391644.0</t>
  </si>
  <si>
    <t>73.688</t>
  </si>
  <si>
    <t>8430435.0</t>
  </si>
  <si>
    <t>8470591.0</t>
  </si>
  <si>
    <t>74.382</t>
  </si>
  <si>
    <t>32439.0</t>
  </si>
  <si>
    <t>8510211.0</t>
  </si>
  <si>
    <t>39620.0</t>
  </si>
  <si>
    <t>74.729</t>
  </si>
  <si>
    <t>8549821.0</t>
  </si>
  <si>
    <t>39610.0</t>
  </si>
  <si>
    <t>75.077</t>
  </si>
  <si>
    <t>8578097.0</t>
  </si>
  <si>
    <t>75.326</t>
  </si>
  <si>
    <t>29266.0</t>
  </si>
  <si>
    <t>8608604.0</t>
  </si>
  <si>
    <t>75.593</t>
  </si>
  <si>
    <t>8649539.0</t>
  </si>
  <si>
    <t>40935.0</t>
  </si>
  <si>
    <t>75.953</t>
  </si>
  <si>
    <t>36842.0</t>
  </si>
  <si>
    <t>45077.0</t>
  </si>
  <si>
    <t>8692868.0</t>
  </si>
  <si>
    <t>43329.0</t>
  </si>
  <si>
    <t>76.333</t>
  </si>
  <si>
    <t>114500.0</t>
  </si>
  <si>
    <t>8737804.0</t>
  </si>
  <si>
    <t>44936.0</t>
  </si>
  <si>
    <t>38173.0</t>
  </si>
  <si>
    <t>8783047.0</t>
  </si>
  <si>
    <t>45243.0</t>
  </si>
  <si>
    <t>77.125</t>
  </si>
  <si>
    <t>8828247.0</t>
  </si>
  <si>
    <t>45200.0</t>
  </si>
  <si>
    <t>193492.0</t>
  </si>
  <si>
    <t>8860618.0</t>
  </si>
  <si>
    <t>77.806</t>
  </si>
  <si>
    <t>40360.0</t>
  </si>
  <si>
    <t>25068.0</t>
  </si>
  <si>
    <t>8896583.0</t>
  </si>
  <si>
    <t>78.122</t>
  </si>
  <si>
    <t>215997.0</t>
  </si>
  <si>
    <t>24571.0</t>
  </si>
  <si>
    <t>8944537.0</t>
  </si>
  <si>
    <t>47954.0</t>
  </si>
  <si>
    <t>78.543</t>
  </si>
  <si>
    <t>216794.0</t>
  </si>
  <si>
    <t>8995619.0</t>
  </si>
  <si>
    <t>43250.0</t>
  </si>
  <si>
    <t>269583.0</t>
  </si>
  <si>
    <t>9046737.0</t>
  </si>
  <si>
    <t>51118.0</t>
  </si>
  <si>
    <t>44133.0</t>
  </si>
  <si>
    <t>9100180.0</t>
  </si>
  <si>
    <t>9154933.0</t>
  </si>
  <si>
    <t>336656.0</t>
  </si>
  <si>
    <t>9197575.0</t>
  </si>
  <si>
    <t>80.765</t>
  </si>
  <si>
    <t>9240563.0</t>
  </si>
  <si>
    <t>42988.0</t>
  </si>
  <si>
    <t>81.143</t>
  </si>
  <si>
    <t>9296891.0</t>
  </si>
  <si>
    <t>56328.0</t>
  </si>
  <si>
    <t>81.637</t>
  </si>
  <si>
    <t>50336.0</t>
  </si>
  <si>
    <t>508332.0</t>
  </si>
  <si>
    <t>9352523.0</t>
  </si>
  <si>
    <t>82.126</t>
  </si>
  <si>
    <t>50986.0</t>
  </si>
  <si>
    <t>39393.0</t>
  </si>
  <si>
    <t>9407672.0</t>
  </si>
  <si>
    <t>51562.0</t>
  </si>
  <si>
    <t>9461063.0</t>
  </si>
  <si>
    <t>53391.0</t>
  </si>
  <si>
    <t>83.079</t>
  </si>
  <si>
    <t>43576.0</t>
  </si>
  <si>
    <t>9507997.0</t>
  </si>
  <si>
    <t>83.491</t>
  </si>
  <si>
    <t>656331.0</t>
  </si>
  <si>
    <t>9547767.0</t>
  </si>
  <si>
    <t>41361.0</t>
  </si>
  <si>
    <t>9594892.0</t>
  </si>
  <si>
    <t>84.254</t>
  </si>
  <si>
    <t>37183.0</t>
  </si>
  <si>
    <t>37055.0</t>
  </si>
  <si>
    <t>9650670.0</t>
  </si>
  <si>
    <t>55778.0</t>
  </si>
  <si>
    <t>84.744</t>
  </si>
  <si>
    <t>738913.0</t>
  </si>
  <si>
    <t>737569.0</t>
  </si>
  <si>
    <t>32748.0</t>
  </si>
  <si>
    <t>9707818.0</t>
  </si>
  <si>
    <t>85.246</t>
  </si>
  <si>
    <t>50756.0</t>
  </si>
  <si>
    <t>7100.1</t>
  </si>
  <si>
    <t>61.4413373988118</t>
  </si>
  <si>
    <t>9760966.0</t>
  </si>
  <si>
    <t>9803187.0</t>
  </si>
  <si>
    <t>42221.0</t>
  </si>
  <si>
    <t>9839995.0</t>
  </si>
  <si>
    <t>86.406</t>
  </si>
  <si>
    <t>795320.0</t>
  </si>
  <si>
    <t>9869873.0</t>
  </si>
  <si>
    <t>86.669</t>
  </si>
  <si>
    <t>9908782.0</t>
  </si>
  <si>
    <t>855457.0</t>
  </si>
  <si>
    <t>826607.0</t>
  </si>
  <si>
    <t>9961846.0</t>
  </si>
  <si>
    <t>87.476</t>
  </si>
  <si>
    <t>44454.0</t>
  </si>
  <si>
    <t>922898.0</t>
  </si>
  <si>
    <t>872213.0</t>
  </si>
  <si>
    <t>10022435.0</t>
  </si>
  <si>
    <t>60589.0</t>
  </si>
  <si>
    <t>88.008</t>
  </si>
  <si>
    <t>44945.0</t>
  </si>
  <si>
    <t>29701.0</t>
  </si>
  <si>
    <t>21034.0</t>
  </si>
  <si>
    <t>10083947.0</t>
  </si>
  <si>
    <t>61512.0</t>
  </si>
  <si>
    <t>88.549</t>
  </si>
  <si>
    <t>10145453.0</t>
  </si>
  <si>
    <t>48895.0</t>
  </si>
  <si>
    <t>36537.0</t>
  </si>
  <si>
    <t>10203763.0</t>
  </si>
  <si>
    <t>58310.0</t>
  </si>
  <si>
    <t>89.601</t>
  </si>
  <si>
    <t>26430.0</t>
  </si>
  <si>
    <t>10242657.0</t>
  </si>
  <si>
    <t>38894.0</t>
  </si>
  <si>
    <t>89.942</t>
  </si>
  <si>
    <t>1139644.0</t>
  </si>
  <si>
    <t>1007356.0</t>
  </si>
  <si>
    <t>132288.0</t>
  </si>
  <si>
    <t>10287796.0</t>
  </si>
  <si>
    <t>45139.0</t>
  </si>
  <si>
    <t>90.339</t>
  </si>
  <si>
    <t>54145.0</t>
  </si>
  <si>
    <t>1202297.0</t>
  </si>
  <si>
    <t>1053256.0</t>
  </si>
  <si>
    <t>149041.0</t>
  </si>
  <si>
    <t>49549.0</t>
  </si>
  <si>
    <t>32378.0</t>
  </si>
  <si>
    <t>10347559.0</t>
  </si>
  <si>
    <t>90.863</t>
  </si>
  <si>
    <t>55102.0</t>
  </si>
  <si>
    <t>1255716.0</t>
  </si>
  <si>
    <t>1093651.0</t>
  </si>
  <si>
    <t>162065.0</t>
  </si>
  <si>
    <t>10412062.0</t>
  </si>
  <si>
    <t>64503.0</t>
  </si>
  <si>
    <t>55661.0</t>
  </si>
  <si>
    <t>1312356.0</t>
  </si>
  <si>
    <t>56640.0</t>
  </si>
  <si>
    <t>10473365.0</t>
  </si>
  <si>
    <t>91.968</t>
  </si>
  <si>
    <t>55631.0</t>
  </si>
  <si>
    <t>10532451.0</t>
  </si>
  <si>
    <t>92.487</t>
  </si>
  <si>
    <t>10592242.0</t>
  </si>
  <si>
    <t>59791.0</t>
  </si>
  <si>
    <t>93.012</t>
  </si>
  <si>
    <t>1456793.0</t>
  </si>
  <si>
    <t>1264811.0</t>
  </si>
  <si>
    <t>191982.0</t>
  </si>
  <si>
    <t>10635572.0</t>
  </si>
  <si>
    <t>93.393</t>
  </si>
  <si>
    <t>1477757.0</t>
  </si>
  <si>
    <t>1279223.0</t>
  </si>
  <si>
    <t>198534.0</t>
  </si>
  <si>
    <t>10679566.0</t>
  </si>
  <si>
    <t>93.779</t>
  </si>
  <si>
    <t>55967.0</t>
  </si>
  <si>
    <t>1507547.0</t>
  </si>
  <si>
    <t>10737579.0</t>
  </si>
  <si>
    <t>58013.0</t>
  </si>
  <si>
    <t>94.288</t>
  </si>
  <si>
    <t>55717.0</t>
  </si>
  <si>
    <t>1562563.0</t>
  </si>
  <si>
    <t>1353107.0</t>
  </si>
  <si>
    <t>209456.0</t>
  </si>
  <si>
    <t>55016.0</t>
  </si>
  <si>
    <t>10796579.0</t>
  </si>
  <si>
    <t>59000.0</t>
  </si>
  <si>
    <t>94.806</t>
  </si>
  <si>
    <t>1612420.0</t>
  </si>
  <si>
    <t>1397628.0</t>
  </si>
  <si>
    <t>214792.0</t>
  </si>
  <si>
    <t>10854416.0</t>
  </si>
  <si>
    <t>1666687.0</t>
  </si>
  <si>
    <t>37155.0</t>
  </si>
  <si>
    <t>10910654.0</t>
  </si>
  <si>
    <t>56238.0</t>
  </si>
  <si>
    <t>95.808</t>
  </si>
  <si>
    <t>54029.0</t>
  </si>
  <si>
    <t>1732359.0</t>
  </si>
  <si>
    <t>10964093.0</t>
  </si>
  <si>
    <t>96.277</t>
  </si>
  <si>
    <t>1753465.0</t>
  </si>
  <si>
    <t>1522696.0</t>
  </si>
  <si>
    <t>230769.0</t>
  </si>
  <si>
    <t>11007729.0</t>
  </si>
  <si>
    <t>43636.0</t>
  </si>
  <si>
    <t>53165.0</t>
  </si>
  <si>
    <t>40421.0</t>
  </si>
  <si>
    <t>11049895.0</t>
  </si>
  <si>
    <t>97.031</t>
  </si>
  <si>
    <t>1767940.0</t>
  </si>
  <si>
    <t>1529948.0</t>
  </si>
  <si>
    <t>237992.0</t>
  </si>
  <si>
    <t>30540.0</t>
  </si>
  <si>
    <t>11106806.0</t>
  </si>
  <si>
    <t>52747.0</t>
  </si>
  <si>
    <t>1809801.0</t>
  </si>
  <si>
    <t>1562815.0</t>
  </si>
  <si>
    <t>246986.0</t>
  </si>
  <si>
    <t>41861.0</t>
  </si>
  <si>
    <t>11166606.0</t>
  </si>
  <si>
    <t>52861.0</t>
  </si>
  <si>
    <t>1849566.0</t>
  </si>
  <si>
    <t>27284.0</t>
  </si>
  <si>
    <t>11224024.0</t>
  </si>
  <si>
    <t>57418.0</t>
  </si>
  <si>
    <t>1880975.0</t>
  </si>
  <si>
    <t>1614420.0</t>
  </si>
  <si>
    <t>266555.0</t>
  </si>
  <si>
    <t>11279419.0</t>
  </si>
  <si>
    <t>99.046</t>
  </si>
  <si>
    <t>1919851.0</t>
  </si>
  <si>
    <t>1639806.0</t>
  </si>
  <si>
    <t>280045.0</t>
  </si>
  <si>
    <t>26126.2</t>
  </si>
  <si>
    <t>226.085360649686</t>
  </si>
  <si>
    <t>11330120.0</t>
  </si>
  <si>
    <t>50701.0</t>
  </si>
  <si>
    <t>99.491</t>
  </si>
  <si>
    <t>1941196.0</t>
  </si>
  <si>
    <t>1656643.0</t>
  </si>
  <si>
    <t>284553.0</t>
  </si>
  <si>
    <t>11370530.0</t>
  </si>
  <si>
    <t>99.846</t>
  </si>
  <si>
    <t>51829.0</t>
  </si>
  <si>
    <t>29929.0</t>
  </si>
  <si>
    <t>20988.0</t>
  </si>
  <si>
    <t>11409937.0</t>
  </si>
  <si>
    <t>39407.0</t>
  </si>
  <si>
    <t>100.192</t>
  </si>
  <si>
    <t>1999214.0</t>
  </si>
  <si>
    <t>1689829.0</t>
  </si>
  <si>
    <t>309385.0</t>
  </si>
  <si>
    <t>11460530.0</t>
  </si>
  <si>
    <t>100.637</t>
  </si>
  <si>
    <t>2065235.0</t>
  </si>
  <si>
    <t>1744649.0</t>
  </si>
  <si>
    <t>36491.0</t>
  </si>
  <si>
    <t>11519535.0</t>
  </si>
  <si>
    <t>101.155</t>
  </si>
  <si>
    <t>2129185.0</t>
  </si>
  <si>
    <t>1786480.0</t>
  </si>
  <si>
    <t>342705.0</t>
  </si>
  <si>
    <t>63950.0</t>
  </si>
  <si>
    <t>39946.0</t>
  </si>
  <si>
    <t>28266.0</t>
  </si>
  <si>
    <t>11576065.0</t>
  </si>
  <si>
    <t>101.651</t>
  </si>
  <si>
    <t>48687.0</t>
  </si>
  <si>
    <t>11629351.0</t>
  </si>
  <si>
    <t>102.119</t>
  </si>
  <si>
    <t>49990.0</t>
  </si>
  <si>
    <t>2314377.0</t>
  </si>
  <si>
    <t>1892934.0</t>
  </si>
  <si>
    <t>421443.0</t>
  </si>
  <si>
    <t>56361.0</t>
  </si>
  <si>
    <t>36161.0</t>
  </si>
  <si>
    <t>11683471.0</t>
  </si>
  <si>
    <t>54120.0</t>
  </si>
  <si>
    <t>102.594</t>
  </si>
  <si>
    <t>2395494.0</t>
  </si>
  <si>
    <t>1951698.0</t>
  </si>
  <si>
    <t>443796.0</t>
  </si>
  <si>
    <t>81117.0</t>
  </si>
  <si>
    <t>42151.0</t>
  </si>
  <si>
    <t>11723343.0</t>
  </si>
  <si>
    <t>102.944</t>
  </si>
  <si>
    <t>2408781.0</t>
  </si>
  <si>
    <t>1957511.0</t>
  </si>
  <si>
    <t>40611.0</t>
  </si>
  <si>
    <t>11761981.0</t>
  </si>
  <si>
    <t>11815111.0</t>
  </si>
  <si>
    <t>2542066.0</t>
  </si>
  <si>
    <t>2024953.0</t>
  </si>
  <si>
    <t>517113.0</t>
  </si>
  <si>
    <t>40043.0</t>
  </si>
  <si>
    <t>11871290.0</t>
  </si>
  <si>
    <t>71312.0</t>
  </si>
  <si>
    <t>11928027.0</t>
  </si>
  <si>
    <t>104.742</t>
  </si>
  <si>
    <t>2714677.0</t>
  </si>
  <si>
    <t>38776.0</t>
  </si>
  <si>
    <t>11973482.0</t>
  </si>
  <si>
    <t>49162.0</t>
  </si>
  <si>
    <t>2790287.0</t>
  </si>
  <si>
    <t>2154233.0</t>
  </si>
  <si>
    <t>636054.0</t>
  </si>
  <si>
    <t>75610.0</t>
  </si>
  <si>
    <t>67987.0</t>
  </si>
  <si>
    <t>37328.0</t>
  </si>
  <si>
    <t>12025952.0</t>
  </si>
  <si>
    <t>52470.0</t>
  </si>
  <si>
    <t>105.602</t>
  </si>
  <si>
    <t>2921196.0</t>
  </si>
  <si>
    <t>2245397.0</t>
  </si>
  <si>
    <t>675799.0</t>
  </si>
  <si>
    <t>130909.0</t>
  </si>
  <si>
    <t>12061828.0</t>
  </si>
  <si>
    <t>35876.0</t>
  </si>
  <si>
    <t>105.917</t>
  </si>
  <si>
    <t>48355.0</t>
  </si>
  <si>
    <t>3001875.0</t>
  </si>
  <si>
    <t>719602.0</t>
  </si>
  <si>
    <t>12097608.0</t>
  </si>
  <si>
    <t>106.231</t>
  </si>
  <si>
    <t>96464.0</t>
  </si>
  <si>
    <t>58054.0</t>
  </si>
  <si>
    <t>12150579.0</t>
  </si>
  <si>
    <t>106.696</t>
  </si>
  <si>
    <t>47924.0</t>
  </si>
  <si>
    <t>3299470.0</t>
  </si>
  <si>
    <t>2512942.0</t>
  </si>
  <si>
    <t>108201.0</t>
  </si>
  <si>
    <t>69713.0</t>
  </si>
  <si>
    <t>12202164.0</t>
  </si>
  <si>
    <t>107.149</t>
  </si>
  <si>
    <t>47268.0</t>
  </si>
  <si>
    <t>88206.0</t>
  </si>
  <si>
    <t>12256389.0</t>
  </si>
  <si>
    <t>54225.0</t>
  </si>
  <si>
    <t>107.625</t>
  </si>
  <si>
    <t>46909.0</t>
  </si>
  <si>
    <t>3718308.0</t>
  </si>
  <si>
    <t>143376.0</t>
  </si>
  <si>
    <t>106699.0</t>
  </si>
  <si>
    <t>12309603.0</t>
  </si>
  <si>
    <t>108.092</t>
  </si>
  <si>
    <t>48017.0</t>
  </si>
  <si>
    <t>3956292.0</t>
  </si>
  <si>
    <t>3030579.0</t>
  </si>
  <si>
    <t>925713.0</t>
  </si>
  <si>
    <t>237984.0</t>
  </si>
  <si>
    <t>166572.0</t>
  </si>
  <si>
    <t>125192.0</t>
  </si>
  <si>
    <t>12363319.0</t>
  </si>
  <si>
    <t>53716.0</t>
  </si>
  <si>
    <t>108.564</t>
  </si>
  <si>
    <t>48195.0</t>
  </si>
  <si>
    <t>4097425.0</t>
  </si>
  <si>
    <t>3147486.0</t>
  </si>
  <si>
    <t>949939.0</t>
  </si>
  <si>
    <t>141133.0</t>
  </si>
  <si>
    <t>168033.0</t>
  </si>
  <si>
    <t>128870.0</t>
  </si>
  <si>
    <t>12400488.0</t>
  </si>
  <si>
    <t>108.891</t>
  </si>
  <si>
    <t>4169905.0</t>
  </si>
  <si>
    <t>72480.0</t>
  </si>
  <si>
    <t>166861.0</t>
  </si>
  <si>
    <t>135828.0</t>
  </si>
  <si>
    <t>12440790.0</t>
  </si>
  <si>
    <t>109.244</t>
  </si>
  <si>
    <t>4305575.0</t>
  </si>
  <si>
    <t>986929.0</t>
  </si>
  <si>
    <t>135670.0</t>
  </si>
  <si>
    <t>164986.0</t>
  </si>
  <si>
    <t>131577.0</t>
  </si>
  <si>
    <t>12499782.0</t>
  </si>
  <si>
    <t>58992.0</t>
  </si>
  <si>
    <t>109.762</t>
  </si>
  <si>
    <t>4495375.0</t>
  </si>
  <si>
    <t>3466314.0</t>
  </si>
  <si>
    <t>1029061.0</t>
  </si>
  <si>
    <t>170844.0</t>
  </si>
  <si>
    <t>136196.0</t>
  </si>
  <si>
    <t>12556848.0</t>
  </si>
  <si>
    <t>57066.0</t>
  </si>
  <si>
    <t>110.264</t>
  </si>
  <si>
    <t>4666358.0</t>
  </si>
  <si>
    <t>165353.0</t>
  </si>
  <si>
    <t>126062.0</t>
  </si>
  <si>
    <t>12612264.0</t>
  </si>
  <si>
    <t>55416.0</t>
  </si>
  <si>
    <t>4862358.0</t>
  </si>
  <si>
    <t>196000.0</t>
  </si>
  <si>
    <t>163436.0</t>
  </si>
  <si>
    <t>12667305.0</t>
  </si>
  <si>
    <t>55041.0</t>
  </si>
  <si>
    <t>111.233</t>
  </si>
  <si>
    <t>51100.0</t>
  </si>
  <si>
    <t>144598.0</t>
  </si>
  <si>
    <t>12722217.0</t>
  </si>
  <si>
    <t>54912.0</t>
  </si>
  <si>
    <t>111.716</t>
  </si>
  <si>
    <t>139596.0</t>
  </si>
  <si>
    <t>103608.0</t>
  </si>
  <si>
    <t>12763178.0</t>
  </si>
  <si>
    <t>51813.0</t>
  </si>
  <si>
    <t>5180721.0</t>
  </si>
  <si>
    <t>3974350.0</t>
  </si>
  <si>
    <t>1206371.0</t>
  </si>
  <si>
    <t>144402.0</t>
  </si>
  <si>
    <t>105898.0</t>
  </si>
  <si>
    <t>12805071.0</t>
  </si>
  <si>
    <t>112.443</t>
  </si>
  <si>
    <t>103199.0</t>
  </si>
  <si>
    <t>44672.3</t>
  </si>
  <si>
    <t>386.575661847149</t>
  </si>
  <si>
    <t>12858660.0</t>
  </si>
  <si>
    <t>112.914</t>
  </si>
  <si>
    <t>51268.0</t>
  </si>
  <si>
    <t>5382172.0</t>
  </si>
  <si>
    <t>126685.0</t>
  </si>
  <si>
    <t>12914513.0</t>
  </si>
  <si>
    <t>55853.0</t>
  </si>
  <si>
    <t>5517523.0</t>
  </si>
  <si>
    <t>4174416.0</t>
  </si>
  <si>
    <t>1343107.0</t>
  </si>
  <si>
    <t>135351.0</t>
  </si>
  <si>
    <t>121595.0</t>
  </si>
  <si>
    <t>86642.0</t>
  </si>
  <si>
    <t>12968342.0</t>
  </si>
  <si>
    <t>53829.0</t>
  </si>
  <si>
    <t>113.877</t>
  </si>
  <si>
    <t>50868.0</t>
  </si>
  <si>
    <t>13019755.0</t>
  </si>
  <si>
    <t>51413.0</t>
  </si>
  <si>
    <t>114.328</t>
  </si>
  <si>
    <t>50350.0</t>
  </si>
  <si>
    <t>5828735.0</t>
  </si>
  <si>
    <t>4343914.0</t>
  </si>
  <si>
    <t>1484821.0</t>
  </si>
  <si>
    <t>81825.0</t>
  </si>
  <si>
    <t>13073671.0</t>
  </si>
  <si>
    <t>114.802</t>
  </si>
  <si>
    <t>5907255.0</t>
  </si>
  <si>
    <t>4386467.0</t>
  </si>
  <si>
    <t>1520788.0</t>
  </si>
  <si>
    <t>78520.0</t>
  </si>
  <si>
    <t>118951.0</t>
  </si>
  <si>
    <t>73389.0</t>
  </si>
  <si>
    <t>13110370.0</t>
  </si>
  <si>
    <t>49599.0</t>
  </si>
  <si>
    <t>5965651.0</t>
  </si>
  <si>
    <t>4421319.0</t>
  </si>
  <si>
    <t>1544332.0</t>
  </si>
  <si>
    <t>58396.0</t>
  </si>
  <si>
    <t>63853.0</t>
  </si>
  <si>
    <t>13154530.0</t>
  </si>
  <si>
    <t>115.512</t>
  </si>
  <si>
    <t>49923.0</t>
  </si>
  <si>
    <t>6096208.0</t>
  </si>
  <si>
    <t>4491948.0</t>
  </si>
  <si>
    <t>1604260.0</t>
  </si>
  <si>
    <t>130557.0</t>
  </si>
  <si>
    <t>116394.0</t>
  </si>
  <si>
    <t>13210561.0</t>
  </si>
  <si>
    <t>6314548.0</t>
  </si>
  <si>
    <t>4632826.0</t>
  </si>
  <si>
    <t>1681722.0</t>
  </si>
  <si>
    <t>218340.0</t>
  </si>
  <si>
    <t>133197.0</t>
  </si>
  <si>
    <t>13269085.0</t>
  </si>
  <si>
    <t>116.518</t>
  </si>
  <si>
    <t>6470776.0</t>
  </si>
  <si>
    <t>4724263.0</t>
  </si>
  <si>
    <t>1746513.0</t>
  </si>
  <si>
    <t>136179.0</t>
  </si>
  <si>
    <t>13330483.0</t>
  </si>
  <si>
    <t>61398.0</t>
  </si>
  <si>
    <t>117.057</t>
  </si>
  <si>
    <t>6614417.0</t>
  </si>
  <si>
    <t>13387600.0</t>
  </si>
  <si>
    <t>117.558</t>
  </si>
  <si>
    <t>130500.0</t>
  </si>
  <si>
    <t>13438746.0</t>
  </si>
  <si>
    <t>118.008</t>
  </si>
  <si>
    <t>52154.0</t>
  </si>
  <si>
    <t>6870054.0</t>
  </si>
  <si>
    <t>5014582.0</t>
  </si>
  <si>
    <t>1855472.0</t>
  </si>
  <si>
    <t>137543.0</t>
  </si>
  <si>
    <t>89731.0</t>
  </si>
  <si>
    <t>13475459.0</t>
  </si>
  <si>
    <t>52156.0</t>
  </si>
  <si>
    <t>6948549.0</t>
  </si>
  <si>
    <t>5068855.0</t>
  </si>
  <si>
    <t>1879694.0</t>
  </si>
  <si>
    <t>78495.0</t>
  </si>
  <si>
    <t>13517678.0</t>
  </si>
  <si>
    <t>118.701</t>
  </si>
  <si>
    <t>51878.0</t>
  </si>
  <si>
    <t>7045380.0</t>
  </si>
  <si>
    <t>5132000.0</t>
  </si>
  <si>
    <t>1903000.0</t>
  </si>
  <si>
    <t>135596.0</t>
  </si>
  <si>
    <t>91436.0</t>
  </si>
  <si>
    <t>13568585.0</t>
  </si>
  <si>
    <t>50907.0</t>
  </si>
  <si>
    <t>119.148</t>
  </si>
  <si>
    <t>7368309.0</t>
  </si>
  <si>
    <t>5392859.0</t>
  </si>
  <si>
    <t>322929.0</t>
  </si>
  <si>
    <t>108576.0</t>
  </si>
  <si>
    <t>13621467.0</t>
  </si>
  <si>
    <t>52882.0</t>
  </si>
  <si>
    <t>119.612</t>
  </si>
  <si>
    <t>7563241.0</t>
  </si>
  <si>
    <t>5551087.0</t>
  </si>
  <si>
    <t>194932.0</t>
  </si>
  <si>
    <t>156066.0</t>
  </si>
  <si>
    <t>118118.0</t>
  </si>
  <si>
    <t>13678687.0</t>
  </si>
  <si>
    <t>120.115</t>
  </si>
  <si>
    <t>49743.0</t>
  </si>
  <si>
    <t>7848392.0</t>
  </si>
  <si>
    <t>2065134.0</t>
  </si>
  <si>
    <t>285151.0</t>
  </si>
  <si>
    <t>176282.0</t>
  </si>
  <si>
    <t>137460.0</t>
  </si>
  <si>
    <t>13733376.0</t>
  </si>
  <si>
    <t>120.595</t>
  </si>
  <si>
    <t>8050711.0</t>
  </si>
  <si>
    <t>5953810.0</t>
  </si>
  <si>
    <t>2096901.0</t>
  </si>
  <si>
    <t>202319.0</t>
  </si>
  <si>
    <t>186925.0</t>
  </si>
  <si>
    <t>13784620.0</t>
  </si>
  <si>
    <t>51244.0</t>
  </si>
  <si>
    <t>121.045</t>
  </si>
  <si>
    <t>8222759.0</t>
  </si>
  <si>
    <t>6102625.0</t>
  </si>
  <si>
    <t>2120134.0</t>
  </si>
  <si>
    <t>172048.0</t>
  </si>
  <si>
    <t>193244.0</t>
  </si>
  <si>
    <t>155435.0</t>
  </si>
  <si>
    <t>13821860.0</t>
  </si>
  <si>
    <t>121.372</t>
  </si>
  <si>
    <t>8407342.0</t>
  </si>
  <si>
    <t>6253400.0</t>
  </si>
  <si>
    <t>2153942.0</t>
  </si>
  <si>
    <t>184583.0</t>
  </si>
  <si>
    <t>208399.0</t>
  </si>
  <si>
    <t>169221.0</t>
  </si>
  <si>
    <t>13860338.0</t>
  </si>
  <si>
    <t>48951.0</t>
  </si>
  <si>
    <t>8591406.0</t>
  </si>
  <si>
    <t>2183489.0</t>
  </si>
  <si>
    <t>184064.0</t>
  </si>
  <si>
    <t>220861.0</t>
  </si>
  <si>
    <t>273340.0</t>
  </si>
  <si>
    <t>13912256.0</t>
  </si>
  <si>
    <t>51918.0</t>
  </si>
  <si>
    <t>122.166</t>
  </si>
  <si>
    <t>208700.0</t>
  </si>
  <si>
    <t>245015.0</t>
  </si>
  <si>
    <t>13969524.0</t>
  </si>
  <si>
    <t>122.668</t>
  </si>
  <si>
    <t>49722.0</t>
  </si>
  <si>
    <t>214824.0</t>
  </si>
  <si>
    <t>14024593.0</t>
  </si>
  <si>
    <t>123.152</t>
  </si>
  <si>
    <t>208060.0</t>
  </si>
  <si>
    <t>207125.0</t>
  </si>
  <si>
    <t>14079264.0</t>
  </si>
  <si>
    <t>54671.0</t>
  </si>
  <si>
    <t>123.632</t>
  </si>
  <si>
    <t>9542612.0</t>
  </si>
  <si>
    <t>7295715.0</t>
  </si>
  <si>
    <t>2246897.0</t>
  </si>
  <si>
    <t>213129.0</t>
  </si>
  <si>
    <t>191701.0</t>
  </si>
  <si>
    <t>14129280.0</t>
  </si>
  <si>
    <t>50016.0</t>
  </si>
  <si>
    <t>225893.0</t>
  </si>
  <si>
    <t>187757.0</t>
  </si>
  <si>
    <t>14166642.0</t>
  </si>
  <si>
    <t>37362.0</t>
  </si>
  <si>
    <t>124.399</t>
  </si>
  <si>
    <t>10065414.0</t>
  </si>
  <si>
    <t>7538128.0</t>
  </si>
  <si>
    <t>2527286.0</t>
  </si>
  <si>
    <t>236867.0</t>
  </si>
  <si>
    <t>183533.0</t>
  </si>
  <si>
    <t>14206346.0</t>
  </si>
  <si>
    <t>39704.0</t>
  </si>
  <si>
    <t>124.748</t>
  </si>
  <si>
    <t>49430.0</t>
  </si>
  <si>
    <t>222783.0</t>
  </si>
  <si>
    <t>79524.0</t>
  </si>
  <si>
    <t>14259371.0</t>
  </si>
  <si>
    <t>125.214</t>
  </si>
  <si>
    <t>10236354.0</t>
  </si>
  <si>
    <t>7665974.0</t>
  </si>
  <si>
    <t>2570380.0</t>
  </si>
  <si>
    <t>201021.0</t>
  </si>
  <si>
    <t>14316229.0</t>
  </si>
  <si>
    <t>10443407.0</t>
  </si>
  <si>
    <t>2632938.0</t>
  </si>
  <si>
    <t>207053.0</t>
  </si>
  <si>
    <t>196628.0</t>
  </si>
  <si>
    <t>62693.2</t>
  </si>
  <si>
    <t>542.52109883117</t>
  </si>
  <si>
    <t>14373119.0</t>
  </si>
  <si>
    <t>56890.0</t>
  </si>
  <si>
    <t>126.212</t>
  </si>
  <si>
    <t>49789.0</t>
  </si>
  <si>
    <t>10703704.0</t>
  </si>
  <si>
    <t>8002640.0</t>
  </si>
  <si>
    <t>2701064.0</t>
  </si>
  <si>
    <t>109930.0</t>
  </si>
  <si>
    <t>14423575.0</t>
  </si>
  <si>
    <t>50456.0</t>
  </si>
  <si>
    <t>126.656</t>
  </si>
  <si>
    <t>213695.0</t>
  </si>
  <si>
    <t>140822.0</t>
  </si>
  <si>
    <t>14476206.0</t>
  </si>
  <si>
    <t>52631.0</t>
  </si>
  <si>
    <t>127.118</t>
  </si>
  <si>
    <t>224177.0</t>
  </si>
  <si>
    <t>163339.0</t>
  </si>
  <si>
    <t>14512255.0</t>
  </si>
  <si>
    <t>127.434</t>
  </si>
  <si>
    <t>11708029.0</t>
  </si>
  <si>
    <t>8839124.0</t>
  </si>
  <si>
    <t>2868905.0</t>
  </si>
  <si>
    <t>234659.0</t>
  </si>
  <si>
    <t>185857.0</t>
  </si>
  <si>
    <t>14550638.0</t>
  </si>
  <si>
    <t>127.771</t>
  </si>
  <si>
    <t>49185.0</t>
  </si>
  <si>
    <t>241005.0</t>
  </si>
  <si>
    <t>191598.0</t>
  </si>
  <si>
    <t>14605249.0</t>
  </si>
  <si>
    <t>54611.0</t>
  </si>
  <si>
    <t>128.251</t>
  </si>
  <si>
    <t>11967805.0</t>
  </si>
  <si>
    <t>9047357.0</t>
  </si>
  <si>
    <t>2920448.0</t>
  </si>
  <si>
    <t>247350.0</t>
  </si>
  <si>
    <t>197340.0</t>
  </si>
  <si>
    <t>14660578.0</t>
  </si>
  <si>
    <t>128.737</t>
  </si>
  <si>
    <t>12179437.0</t>
  </si>
  <si>
    <t>9208070.0</t>
  </si>
  <si>
    <t>2971367.0</t>
  </si>
  <si>
    <t>248004.0</t>
  </si>
  <si>
    <t>199657.0</t>
  </si>
  <si>
    <t>14716002.0</t>
  </si>
  <si>
    <t>55424.0</t>
  </si>
  <si>
    <t>129.223</t>
  </si>
  <si>
    <t>48983.0</t>
  </si>
  <si>
    <t>12489777.0</t>
  </si>
  <si>
    <t>9399801.0</t>
  </si>
  <si>
    <t>3089976.0</t>
  </si>
  <si>
    <t>255153.0</t>
  </si>
  <si>
    <t>199594.0</t>
  </si>
  <si>
    <t>14768557.0</t>
  </si>
  <si>
    <t>52555.0</t>
  </si>
  <si>
    <t>129.685</t>
  </si>
  <si>
    <t>49283.0</t>
  </si>
  <si>
    <t>239656.0</t>
  </si>
  <si>
    <t>172392.0</t>
  </si>
  <si>
    <t>14819119.0</t>
  </si>
  <si>
    <t>130.129</t>
  </si>
  <si>
    <t>12942364.0</t>
  </si>
  <si>
    <t>9576619.0</t>
  </si>
  <si>
    <t>3365745.0</t>
  </si>
  <si>
    <t>14854657.0</t>
  </si>
  <si>
    <t>130.441</t>
  </si>
  <si>
    <t>48915.0</t>
  </si>
  <si>
    <t>13122277.0</t>
  </si>
  <si>
    <t>9657361.0</t>
  </si>
  <si>
    <t>3464916.0</t>
  </si>
  <si>
    <t>179913.0</t>
  </si>
  <si>
    <t>202035.0</t>
  </si>
  <si>
    <t>116891.0</t>
  </si>
  <si>
    <t>14891355.0</t>
  </si>
  <si>
    <t>130.763</t>
  </si>
  <si>
    <t>13196282.0</t>
  </si>
  <si>
    <t>9669940.0</t>
  </si>
  <si>
    <t>3526342.0</t>
  </si>
  <si>
    <t>74005.0</t>
  </si>
  <si>
    <t>194052.0</t>
  </si>
  <si>
    <t>103814.0</t>
  </si>
  <si>
    <t>14943175.0</t>
  </si>
  <si>
    <t>131.218</t>
  </si>
  <si>
    <t>48275.0</t>
  </si>
  <si>
    <t>13442299.0</t>
  </si>
  <si>
    <t>9771359.0</t>
  </si>
  <si>
    <t>3670940.0</t>
  </si>
  <si>
    <t>246017.0</t>
  </si>
  <si>
    <t>210642.0</t>
  </si>
  <si>
    <t>14999333.0</t>
  </si>
  <si>
    <t>56158.0</t>
  </si>
  <si>
    <t>131.711</t>
  </si>
  <si>
    <t>48394.0</t>
  </si>
  <si>
    <t>98710.0</t>
  </si>
  <si>
    <t>15055318.0</t>
  </si>
  <si>
    <t>55985.0</t>
  </si>
  <si>
    <t>132.203</t>
  </si>
  <si>
    <t>14074514.0</t>
  </si>
  <si>
    <t>10026722.0</t>
  </si>
  <si>
    <t>4047792.0</t>
  </si>
  <si>
    <t>226391.0</t>
  </si>
  <si>
    <t>89560.0</t>
  </si>
  <si>
    <t>15112722.0</t>
  </si>
  <si>
    <t>132.707</t>
  </si>
  <si>
    <t>49166.0</t>
  </si>
  <si>
    <t>14465786.0</t>
  </si>
  <si>
    <t>10177126.0</t>
  </si>
  <si>
    <t>4288660.0</t>
  </si>
  <si>
    <t>391272.0</t>
  </si>
  <si>
    <t>249959.0</t>
  </si>
  <si>
    <t>98417.0</t>
  </si>
  <si>
    <t>15166371.0</t>
  </si>
  <si>
    <t>53649.0</t>
  </si>
  <si>
    <t>133.178</t>
  </si>
  <si>
    <t>49607.0</t>
  </si>
  <si>
    <t>247654.0</t>
  </si>
  <si>
    <t>95837.0</t>
  </si>
  <si>
    <t>15203051.0</t>
  </si>
  <si>
    <t>36680.0</t>
  </si>
  <si>
    <t>49771.0</t>
  </si>
  <si>
    <t>251975.0</t>
  </si>
  <si>
    <t>94353.0</t>
  </si>
  <si>
    <t>15241439.0</t>
  </si>
  <si>
    <t>38388.0</t>
  </si>
  <si>
    <t>133.837</t>
  </si>
  <si>
    <t>15096261.0</t>
  </si>
  <si>
    <t>10388188.0</t>
  </si>
  <si>
    <t>4708073.0</t>
  </si>
  <si>
    <t>271426.0</t>
  </si>
  <si>
    <t>15292259.0</t>
  </si>
  <si>
    <t>134.284</t>
  </si>
  <si>
    <t>273445.0</t>
  </si>
  <si>
    <t>102195.0</t>
  </si>
  <si>
    <t>15338723.0</t>
  </si>
  <si>
    <t>46464.0</t>
  </si>
  <si>
    <t>134.692</t>
  </si>
  <si>
    <t>15616562.0</t>
  </si>
  <si>
    <t>10585261.0</t>
  </si>
  <si>
    <t>5031301.0</t>
  </si>
  <si>
    <t>265451.0</t>
  </si>
  <si>
    <t>15390670.0</t>
  </si>
  <si>
    <t>51947.0</t>
  </si>
  <si>
    <t>135.148</t>
  </si>
  <si>
    <t>47907.0</t>
  </si>
  <si>
    <t>278129.0</t>
  </si>
  <si>
    <t>99861.0</t>
  </si>
  <si>
    <t>15442689.0</t>
  </si>
  <si>
    <t>135.605</t>
  </si>
  <si>
    <t>16426267.0</t>
  </si>
  <si>
    <t>10866238.0</t>
  </si>
  <si>
    <t>5560029.0</t>
  </si>
  <si>
    <t>280069.0</t>
  </si>
  <si>
    <t>98445.0</t>
  </si>
  <si>
    <t>15494323.0</t>
  </si>
  <si>
    <t>51634.0</t>
  </si>
  <si>
    <t>136.058</t>
  </si>
  <si>
    <t>46850.0</t>
  </si>
  <si>
    <t>295751.0</t>
  </si>
  <si>
    <t>15529360.0</t>
  </si>
  <si>
    <t>136.366</t>
  </si>
  <si>
    <t>46616.0</t>
  </si>
  <si>
    <t>17066135.0</t>
  </si>
  <si>
    <t>11082020.0</t>
  </si>
  <si>
    <t>5984115.0</t>
  </si>
  <si>
    <t>311433.0</t>
  </si>
  <si>
    <t>109169.0</t>
  </si>
  <si>
    <t>15567172.0</t>
  </si>
  <si>
    <t>37812.0</t>
  </si>
  <si>
    <t>136.698</t>
  </si>
  <si>
    <t>17202421.0</t>
  </si>
  <si>
    <t>11113107.0</t>
  </si>
  <si>
    <t>6089314.0</t>
  </si>
  <si>
    <t>136286.0</t>
  </si>
  <si>
    <t>300880.0</t>
  </si>
  <si>
    <t>103560.0</t>
  </si>
  <si>
    <t>15620734.0</t>
  </si>
  <si>
    <t>17515376.0</t>
  </si>
  <si>
    <t>11204316.0</t>
  </si>
  <si>
    <t>6311060.0</t>
  </si>
  <si>
    <t>312955.0</t>
  </si>
  <si>
    <t>308424.0</t>
  </si>
  <si>
    <t>15677845.0</t>
  </si>
  <si>
    <t>137.669</t>
  </si>
  <si>
    <t>111286.0</t>
  </si>
  <si>
    <t>15737077.0</t>
  </si>
  <si>
    <t>59232.0</t>
  </si>
  <si>
    <t>19359927.0</t>
  </si>
  <si>
    <t>11524212.0</t>
  </si>
  <si>
    <t>7835715.0</t>
  </si>
  <si>
    <t>476930.0</t>
  </si>
  <si>
    <t>15792172.0</t>
  </si>
  <si>
    <t>55095.0</t>
  </si>
  <si>
    <t>138.673</t>
  </si>
  <si>
    <t>472795.0</t>
  </si>
  <si>
    <t>101974.0</t>
  </si>
  <si>
    <t>15850987.0</t>
  </si>
  <si>
    <t>58815.0</t>
  </si>
  <si>
    <t>480791.0</t>
  </si>
  <si>
    <t>85234.3</t>
  </si>
  <si>
    <t>737.582482535675</t>
  </si>
  <si>
    <t>15891265.0</t>
  </si>
  <si>
    <t>139.544</t>
  </si>
  <si>
    <t>51701.0</t>
  </si>
  <si>
    <t>488786.0</t>
  </si>
  <si>
    <t>87103.0</t>
  </si>
  <si>
    <t>15935222.0</t>
  </si>
  <si>
    <t>20863544.0</t>
  </si>
  <si>
    <t>11747581.0</t>
  </si>
  <si>
    <t>9115963.0</t>
  </si>
  <si>
    <t>523018.0</t>
  </si>
  <si>
    <t>90639.0</t>
  </si>
  <si>
    <t>15995863.0</t>
  </si>
  <si>
    <t>60641.0</t>
  </si>
  <si>
    <t>140.462</t>
  </si>
  <si>
    <t>22488705.0</t>
  </si>
  <si>
    <t>12206553.0</t>
  </si>
  <si>
    <t>10282152.0</t>
  </si>
  <si>
    <t>1625161.0</t>
  </si>
  <si>
    <t>143177.0</t>
  </si>
  <si>
    <t>16059347.0</t>
  </si>
  <si>
    <t>629471.0</t>
  </si>
  <si>
    <t>16120573.0</t>
  </si>
  <si>
    <t>141.557</t>
  </si>
  <si>
    <t>54785.0</t>
  </si>
  <si>
    <t>23199187.0</t>
  </si>
  <si>
    <t>12493997.0</t>
  </si>
  <si>
    <t>10705190.0</t>
  </si>
  <si>
    <t>548466.0</t>
  </si>
  <si>
    <t>138541.0</t>
  </si>
  <si>
    <t>16180967.0</t>
  </si>
  <si>
    <t>142.087</t>
  </si>
  <si>
    <t>580044.0</t>
  </si>
  <si>
    <t>172537.0</t>
  </si>
  <si>
    <t>16235513.0</t>
  </si>
  <si>
    <t>142.566</t>
  </si>
  <si>
    <t>611622.0</t>
  </si>
  <si>
    <t>206534.0</t>
  </si>
  <si>
    <t>16274717.0</t>
  </si>
  <si>
    <t>142.911</t>
  </si>
  <si>
    <t>54779.0</t>
  </si>
  <si>
    <t>24990042.0</t>
  </si>
  <si>
    <t>13375452.0</t>
  </si>
  <si>
    <t>11614590.0</t>
  </si>
  <si>
    <t>643200.0</t>
  </si>
  <si>
    <t>240530.0</t>
  </si>
  <si>
    <t>16318018.0</t>
  </si>
  <si>
    <t>43301.0</t>
  </si>
  <si>
    <t>143.291</t>
  </si>
  <si>
    <t>54685.0</t>
  </si>
  <si>
    <t>643664.0</t>
  </si>
  <si>
    <t>16378736.0</t>
  </si>
  <si>
    <t>60718.0</t>
  </si>
  <si>
    <t>143.824</t>
  </si>
  <si>
    <t>54696.0</t>
  </si>
  <si>
    <t>465663.0</t>
  </si>
  <si>
    <t>236001.0</t>
  </si>
  <si>
    <t>16440106.0</t>
  </si>
  <si>
    <t>61370.0</t>
  </si>
  <si>
    <t>144.363</t>
  </si>
  <si>
    <t>54394.0</t>
  </si>
  <si>
    <t>26127502.0</t>
  </si>
  <si>
    <t>14100119.0</t>
  </si>
  <si>
    <t>12027383.0</t>
  </si>
  <si>
    <t>249978.0</t>
  </si>
  <si>
    <t>16500138.0</t>
  </si>
  <si>
    <t>60032.0</t>
  </si>
  <si>
    <t>144.89</t>
  </si>
  <si>
    <t>478309.0</t>
  </si>
  <si>
    <t>393643.0</t>
  </si>
  <si>
    <t>16565069.0</t>
  </si>
  <si>
    <t>54872.0</t>
  </si>
  <si>
    <t>16630766.0</t>
  </si>
  <si>
    <t>65697.0</t>
  </si>
  <si>
    <t>146.037</t>
  </si>
  <si>
    <t>56465.0</t>
  </si>
  <si>
    <t>427707.0</t>
  </si>
  <si>
    <t>638090.0</t>
  </si>
  <si>
    <t>16676028.0</t>
  </si>
  <si>
    <t>146.435</t>
  </si>
  <si>
    <t>57330.0</t>
  </si>
  <si>
    <t>27806881.0</t>
  </si>
  <si>
    <t>18697647.0</t>
  </si>
  <si>
    <t>12565017.0</t>
  </si>
  <si>
    <t>402406.0</t>
  </si>
  <si>
    <t>760314.0</t>
  </si>
  <si>
    <t>16726006.0</t>
  </si>
  <si>
    <t>58284.0</t>
  </si>
  <si>
    <t>28308493.0</t>
  </si>
  <si>
    <t>12743082.0</t>
  </si>
  <si>
    <t>501612.0</t>
  </si>
  <si>
    <t>762938.0</t>
  </si>
  <si>
    <t>16791175.0</t>
  </si>
  <si>
    <t>65169.0</t>
  </si>
  <si>
    <t>147.446</t>
  </si>
  <si>
    <t>58920.0</t>
  </si>
  <si>
    <t>424217.0</t>
  </si>
  <si>
    <t>765563.0</t>
  </si>
  <si>
    <t>16861564.0</t>
  </si>
  <si>
    <t>148.064</t>
  </si>
  <si>
    <t>60208.0</t>
  </si>
  <si>
    <t>29127240.0</t>
  </si>
  <si>
    <t>12877197.0</t>
  </si>
  <si>
    <t>428534.0</t>
  </si>
  <si>
    <t>768187.0</t>
  </si>
  <si>
    <t>16933576.0</t>
  </si>
  <si>
    <t>72012.0</t>
  </si>
  <si>
    <t>148.696</t>
  </si>
  <si>
    <t>413625.0</t>
  </si>
  <si>
    <t>641122.0</t>
  </si>
  <si>
    <t>17003270.0</t>
  </si>
  <si>
    <t>149.308</t>
  </si>
  <si>
    <t>62600.0</t>
  </si>
  <si>
    <t>398716.0</t>
  </si>
  <si>
    <t>514057.0</t>
  </si>
  <si>
    <t>17072595.0</t>
  </si>
  <si>
    <t>69325.0</t>
  </si>
  <si>
    <t>383806.0</t>
  </si>
  <si>
    <t>386992.0</t>
  </si>
  <si>
    <t>17122282.0</t>
  </si>
  <si>
    <t>150.353</t>
  </si>
  <si>
    <t>30389160.0</t>
  </si>
  <si>
    <t>13130485.0</t>
  </si>
  <si>
    <t>368897.0</t>
  </si>
  <si>
    <t>259927.0</t>
  </si>
  <si>
    <t>17175654.0</t>
  </si>
  <si>
    <t>53372.0</t>
  </si>
  <si>
    <t>64235.0</t>
  </si>
  <si>
    <t>30693019.0</t>
  </si>
  <si>
    <t>13197689.0</t>
  </si>
  <si>
    <t>303859.0</t>
  </si>
  <si>
    <t>340647.0</t>
  </si>
  <si>
    <t>17246592.0</t>
  </si>
  <si>
    <t>70938.0</t>
  </si>
  <si>
    <t>335053.0</t>
  </si>
  <si>
    <t>17322753.0</t>
  </si>
  <si>
    <t>152.114</t>
  </si>
  <si>
    <t>31433450.0</t>
  </si>
  <si>
    <t>13371734.0</t>
  </si>
  <si>
    <t>329459.0</t>
  </si>
  <si>
    <t>17400820.0</t>
  </si>
  <si>
    <t>78067.0</t>
  </si>
  <si>
    <t>152.799</t>
  </si>
  <si>
    <t>343888.0</t>
  </si>
  <si>
    <t>17473253.0</t>
  </si>
  <si>
    <t>153.435</t>
  </si>
  <si>
    <t>67140.0</t>
  </si>
  <si>
    <t>358317.0</t>
  </si>
  <si>
    <t>17545534.0</t>
  </si>
  <si>
    <t>72281.0</t>
  </si>
  <si>
    <t>372747.0</t>
  </si>
  <si>
    <t>17602136.0</t>
  </si>
  <si>
    <t>56602.0</t>
  </si>
  <si>
    <t>154.567</t>
  </si>
  <si>
    <t>33099392.0</t>
  </si>
  <si>
    <t>13784681.0</t>
  </si>
  <si>
    <t>387176.0</t>
  </si>
  <si>
    <t>17658452.0</t>
  </si>
  <si>
    <t>56316.0</t>
  </si>
  <si>
    <t>155.061</t>
  </si>
  <si>
    <t>68971.0</t>
  </si>
  <si>
    <t>387118.0</t>
  </si>
  <si>
    <t>17727495.0</t>
  </si>
  <si>
    <t>69043.0</t>
  </si>
  <si>
    <t>33706295.0</t>
  </si>
  <si>
    <t>13958418.0</t>
  </si>
  <si>
    <t>377580.0</t>
  </si>
  <si>
    <t>128277.6</t>
  </si>
  <si>
    <t>1110.06145016406</t>
  </si>
  <si>
    <t>17804664.0</t>
  </si>
  <si>
    <t>77169.0</t>
  </si>
  <si>
    <t>156.345</t>
  </si>
  <si>
    <t>68844.0</t>
  </si>
  <si>
    <t>34112320.0</t>
  </si>
  <si>
    <t>14109916.0</t>
  </si>
  <si>
    <t>406025.0</t>
  </si>
  <si>
    <t>382696.0</t>
  </si>
  <si>
    <t>17888669.0</t>
  </si>
  <si>
    <t>84005.0</t>
  </si>
  <si>
    <t>69693.0</t>
  </si>
  <si>
    <t>0.2486</t>
  </si>
  <si>
    <t>384864.0</t>
  </si>
  <si>
    <t>17969750.0</t>
  </si>
  <si>
    <t>157.795</t>
  </si>
  <si>
    <t>70928.0</t>
  </si>
  <si>
    <t>387032.0</t>
  </si>
  <si>
    <t>18054013.0</t>
  </si>
  <si>
    <t>84263.0</t>
  </si>
  <si>
    <t>158.535</t>
  </si>
  <si>
    <t>72640.0</t>
  </si>
  <si>
    <t>389200.0</t>
  </si>
  <si>
    <t>18118254.0</t>
  </si>
  <si>
    <t>64241.0</t>
  </si>
  <si>
    <t>159.099</t>
  </si>
  <si>
    <t>73731.0</t>
  </si>
  <si>
    <t>35838964.0</t>
  </si>
  <si>
    <t>15033354.0</t>
  </si>
  <si>
    <t>391367.0</t>
  </si>
  <si>
    <t>18182720.0</t>
  </si>
  <si>
    <t>64466.0</t>
  </si>
  <si>
    <t>159.665</t>
  </si>
  <si>
    <t>35995813.0</t>
  </si>
  <si>
    <t>15121776.0</t>
  </si>
  <si>
    <t>156849.0</t>
  </si>
  <si>
    <t>370424.0</t>
  </si>
  <si>
    <t>18265116.0</t>
  </si>
  <si>
    <t>82396.0</t>
  </si>
  <si>
    <t>76803.0</t>
  </si>
  <si>
    <t>18350888.0</t>
  </si>
  <si>
    <t>161.142</t>
  </si>
  <si>
    <t>78032.0</t>
  </si>
  <si>
    <t>37176513.0</t>
  </si>
  <si>
    <t>15837799.0</t>
  </si>
  <si>
    <t>437742.0</t>
  </si>
  <si>
    <t>18433246.0</t>
  </si>
  <si>
    <t>82358.0</t>
  </si>
  <si>
    <t>161.865</t>
  </si>
  <si>
    <t>37728114.0</t>
  </si>
  <si>
    <t>25195827.0</t>
  </si>
  <si>
    <t>16138934.0</t>
  </si>
  <si>
    <t>454876.0</t>
  </si>
  <si>
    <t>18516561.0</t>
  </si>
  <si>
    <t>83315.0</t>
  </si>
  <si>
    <t>162.597</t>
  </si>
  <si>
    <t>441705.0</t>
  </si>
  <si>
    <t>240759.0</t>
  </si>
  <si>
    <t>18596994.0</t>
  </si>
  <si>
    <t>80433.0</t>
  </si>
  <si>
    <t>0.2669</t>
  </si>
  <si>
    <t>221590.0</t>
  </si>
  <si>
    <t>18658987.0</t>
  </si>
  <si>
    <t>61993.0</t>
  </si>
  <si>
    <t>163.847</t>
  </si>
  <si>
    <t>77248.0</t>
  </si>
  <si>
    <t>38746501.0</t>
  </si>
  <si>
    <t>16794545.0</t>
  </si>
  <si>
    <t>415362.0</t>
  </si>
  <si>
    <t>202422.0</t>
  </si>
  <si>
    <t>18722847.0</t>
  </si>
  <si>
    <t>77161.0</t>
  </si>
  <si>
    <t>39142205.0</t>
  </si>
  <si>
    <t>17078676.0</t>
  </si>
  <si>
    <t>395704.0</t>
  </si>
  <si>
    <t>449485.0</t>
  </si>
  <si>
    <t>183253.0</t>
  </si>
  <si>
    <t>18806935.0</t>
  </si>
  <si>
    <t>165.146</t>
  </si>
  <si>
    <t>39530073.0</t>
  </si>
  <si>
    <t>17348671.0</t>
  </si>
  <si>
    <t>387868.0</t>
  </si>
  <si>
    <t>420559.0</t>
  </si>
  <si>
    <t>164085.0</t>
  </si>
  <si>
    <t>18892117.0</t>
  </si>
  <si>
    <t>165.894</t>
  </si>
  <si>
    <t>77318.0</t>
  </si>
  <si>
    <t>40030388.0</t>
  </si>
  <si>
    <t>17675959.0</t>
  </si>
  <si>
    <t>500315.0</t>
  </si>
  <si>
    <t>407696.0</t>
  </si>
  <si>
    <t>144916.0</t>
  </si>
  <si>
    <t>18977358.0</t>
  </si>
  <si>
    <t>85241.0</t>
  </si>
  <si>
    <t>166.643</t>
  </si>
  <si>
    <t>40518845.0</t>
  </si>
  <si>
    <t>17977462.0</t>
  </si>
  <si>
    <t>488457.0</t>
  </si>
  <si>
    <t>398676.0</t>
  </si>
  <si>
    <t>125748.0</t>
  </si>
  <si>
    <t>19058080.0</t>
  </si>
  <si>
    <t>167.352</t>
  </si>
  <si>
    <t>77360.0</t>
  </si>
  <si>
    <t>392808.0</t>
  </si>
  <si>
    <t>19139206.0</t>
  </si>
  <si>
    <t>168.064</t>
  </si>
  <si>
    <t>77459.0</t>
  </si>
  <si>
    <t>386941.0</t>
  </si>
  <si>
    <t>19197681.0</t>
  </si>
  <si>
    <t>58475.0</t>
  </si>
  <si>
    <t>168.578</t>
  </si>
  <si>
    <t>76956.0</t>
  </si>
  <si>
    <t>41414015.0</t>
  </si>
  <si>
    <t>18560409.0</t>
  </si>
  <si>
    <t>381073.0</t>
  </si>
  <si>
    <t>19257548.0</t>
  </si>
  <si>
    <t>169.103</t>
  </si>
  <si>
    <t>76386.0</t>
  </si>
  <si>
    <t>375813.0</t>
  </si>
  <si>
    <t>19339259.0</t>
  </si>
  <si>
    <t>81711.0</t>
  </si>
  <si>
    <t>169.821</t>
  </si>
  <si>
    <t>42131771.0</t>
  </si>
  <si>
    <t>19023958.0</t>
  </si>
  <si>
    <t>371671.0</t>
  </si>
  <si>
    <t>19422786.0</t>
  </si>
  <si>
    <t>170.554</t>
  </si>
  <si>
    <t>75810.0</t>
  </si>
  <si>
    <t>368541.0</t>
  </si>
  <si>
    <t>19504230.0</t>
  </si>
  <si>
    <t>81444.0</t>
  </si>
  <si>
    <t>171.27</t>
  </si>
  <si>
    <t>75267.0</t>
  </si>
  <si>
    <t>43088582.0</t>
  </si>
  <si>
    <t>19671725.0</t>
  </si>
  <si>
    <t>367105.0</t>
  </si>
  <si>
    <t>19585933.0</t>
  </si>
  <si>
    <t>81703.0</t>
  </si>
  <si>
    <t>171.987</t>
  </si>
  <si>
    <t>75408.0</t>
  </si>
  <si>
    <t>364731.0</t>
  </si>
  <si>
    <t>19663395.0</t>
  </si>
  <si>
    <t>172.667</t>
  </si>
  <si>
    <t>74884.0</t>
  </si>
  <si>
    <t>362356.0</t>
  </si>
  <si>
    <t>19719157.0</t>
  </si>
  <si>
    <t>173.157</t>
  </si>
  <si>
    <t>74497.0</t>
  </si>
  <si>
    <t>43933886.0</t>
  </si>
  <si>
    <t>20307122.0</t>
  </si>
  <si>
    <t>19776805.0</t>
  </si>
  <si>
    <t>173.663</t>
  </si>
  <si>
    <t>74180.0</t>
  </si>
  <si>
    <t>44361285.0</t>
  </si>
  <si>
    <t>20583580.0</t>
  </si>
  <si>
    <t>369770.0</t>
  </si>
  <si>
    <t>19849219.0</t>
  </si>
  <si>
    <t>72414.0</t>
  </si>
  <si>
    <t>174.299</t>
  </si>
  <si>
    <t>44741741.0</t>
  </si>
  <si>
    <t>20815925.0</t>
  </si>
  <si>
    <t>380456.0</t>
  </si>
  <si>
    <t>372853.0</t>
  </si>
  <si>
    <t>19923088.0</t>
  </si>
  <si>
    <t>73869.0</t>
  </si>
  <si>
    <t>174.948</t>
  </si>
  <si>
    <t>45147577.0</t>
  </si>
  <si>
    <t>21103317.0</t>
  </si>
  <si>
    <t>405836.0</t>
  </si>
  <si>
    <t>362486.0</t>
  </si>
  <si>
    <t>19998126.0</t>
  </si>
  <si>
    <t>75038.0</t>
  </si>
  <si>
    <t>175.607</t>
  </si>
  <si>
    <t>70557.0</t>
  </si>
  <si>
    <t>45601096.0</t>
  </si>
  <si>
    <t>27836530.0</t>
  </si>
  <si>
    <t>21358676.0</t>
  </si>
  <si>
    <t>453519.0</t>
  </si>
  <si>
    <t>358931.0</t>
  </si>
  <si>
    <t>194393.3</t>
  </si>
  <si>
    <t>1682.19945259482</t>
  </si>
  <si>
    <t>20069030.0</t>
  </si>
  <si>
    <t>176.229</t>
  </si>
  <si>
    <t>69014.0</t>
  </si>
  <si>
    <t>355791.0</t>
  </si>
  <si>
    <t>142603.0</t>
  </si>
  <si>
    <t>20134734.0</t>
  </si>
  <si>
    <t>65704.0</t>
  </si>
  <si>
    <t>176.806</t>
  </si>
  <si>
    <t>67334.0</t>
  </si>
  <si>
    <t>352651.0</t>
  </si>
  <si>
    <t>159458.0</t>
  </si>
  <si>
    <t>20185871.0</t>
  </si>
  <si>
    <t>177.255</t>
  </si>
  <si>
    <t>46380460.0</t>
  </si>
  <si>
    <t>21800974.0</t>
  </si>
  <si>
    <t>349511.0</t>
  </si>
  <si>
    <t>176313.0</t>
  </si>
  <si>
    <t>20237260.0</t>
  </si>
  <si>
    <t>177.706</t>
  </si>
  <si>
    <t>65779.0</t>
  </si>
  <si>
    <t>46778666.0</t>
  </si>
  <si>
    <t>21991452.0</t>
  </si>
  <si>
    <t>398206.0</t>
  </si>
  <si>
    <t>345340.0</t>
  </si>
  <si>
    <t>193168.0</t>
  </si>
  <si>
    <t>20302441.0</t>
  </si>
  <si>
    <t>65181.0</t>
  </si>
  <si>
    <t>178.279</t>
  </si>
  <si>
    <t>47778751.0</t>
  </si>
  <si>
    <t>22402105.0</t>
  </si>
  <si>
    <t>1000085.0</t>
  </si>
  <si>
    <t>433859.0</t>
  </si>
  <si>
    <t>210023.0</t>
  </si>
  <si>
    <t>20371132.0</t>
  </si>
  <si>
    <t>178.882</t>
  </si>
  <si>
    <t>64006.0</t>
  </si>
  <si>
    <t>48390819.0</t>
  </si>
  <si>
    <t>22657351.0</t>
  </si>
  <si>
    <t>612068.0</t>
  </si>
  <si>
    <t>463320.0</t>
  </si>
  <si>
    <t>226878.0</t>
  </si>
  <si>
    <t>20436415.0</t>
  </si>
  <si>
    <t>65283.0</t>
  </si>
  <si>
    <t>179.455</t>
  </si>
  <si>
    <t>62613.0</t>
  </si>
  <si>
    <t>48925516.0</t>
  </si>
  <si>
    <t>22874013.0</t>
  </si>
  <si>
    <t>534697.0</t>
  </si>
  <si>
    <t>474917.0</t>
  </si>
  <si>
    <t>243734.0</t>
  </si>
  <si>
    <t>20497186.0</t>
  </si>
  <si>
    <t>179.989</t>
  </si>
  <si>
    <t>473422.0</t>
  </si>
  <si>
    <t>20556795.0</t>
  </si>
  <si>
    <t>180.512</t>
  </si>
  <si>
    <t>471928.0</t>
  </si>
  <si>
    <t>20596586.0</t>
  </si>
  <si>
    <t>180.862</t>
  </si>
  <si>
    <t>49673491.0</t>
  </si>
  <si>
    <t>23186969.0</t>
  </si>
  <si>
    <t>470433.0</t>
  </si>
  <si>
    <t>20640403.0</t>
  </si>
  <si>
    <t>181.246</t>
  </si>
  <si>
    <t>57592.0</t>
  </si>
  <si>
    <t>50066590.0</t>
  </si>
  <si>
    <t>23360489.0</t>
  </si>
  <si>
    <t>393099.0</t>
  </si>
  <si>
    <t>469703.0</t>
  </si>
  <si>
    <t>20699428.0</t>
  </si>
  <si>
    <t>59025.0</t>
  </si>
  <si>
    <t>181.765</t>
  </si>
  <si>
    <t>50475955.0</t>
  </si>
  <si>
    <t>23538103.0</t>
  </si>
  <si>
    <t>409365.0</t>
  </si>
  <si>
    <t>385315.0</t>
  </si>
  <si>
    <t>20758484.0</t>
  </si>
  <si>
    <t>59056.0</t>
  </si>
  <si>
    <t>182.283</t>
  </si>
  <si>
    <t>50936703.0</t>
  </si>
  <si>
    <t>23765641.0</t>
  </si>
  <si>
    <t>460748.0</t>
  </si>
  <si>
    <t>363698.0</t>
  </si>
  <si>
    <t>20816854.0</t>
  </si>
  <si>
    <t>58370.0</t>
  </si>
  <si>
    <t>182.796</t>
  </si>
  <si>
    <t>54348.0</t>
  </si>
  <si>
    <t>51482063.0</t>
  </si>
  <si>
    <t>23981240.0</t>
  </si>
  <si>
    <t>545360.0</t>
  </si>
  <si>
    <t>365221.0</t>
  </si>
  <si>
    <t>20877694.0</t>
  </si>
  <si>
    <t>60840.0</t>
  </si>
  <si>
    <t>183.33</t>
  </si>
  <si>
    <t>368738.0</t>
  </si>
  <si>
    <t>20935999.0</t>
  </si>
  <si>
    <t>183.842</t>
  </si>
  <si>
    <t>372256.0</t>
  </si>
  <si>
    <t>20974416.0</t>
  </si>
  <si>
    <t>38417.0</t>
  </si>
  <si>
    <t>184.179</t>
  </si>
  <si>
    <t>52303905.0</t>
  </si>
  <si>
    <t>24307903.0</t>
  </si>
  <si>
    <t>375773.0</t>
  </si>
  <si>
    <t>21020485.0</t>
  </si>
  <si>
    <t>46069.0</t>
  </si>
  <si>
    <t>184.584</t>
  </si>
  <si>
    <t>54297.0</t>
  </si>
  <si>
    <t>52783354.0</t>
  </si>
  <si>
    <t>24498753.0</t>
  </si>
  <si>
    <t>388109.0</t>
  </si>
  <si>
    <t>21075923.0</t>
  </si>
  <si>
    <t>55438.0</t>
  </si>
  <si>
    <t>185.071</t>
  </si>
  <si>
    <t>53785.0</t>
  </si>
  <si>
    <t>53315069.0</t>
  </si>
  <si>
    <t>24694717.0</t>
  </si>
  <si>
    <t>531715.0</t>
  </si>
  <si>
    <t>405588.0</t>
  </si>
  <si>
    <t>21134704.0</t>
  </si>
  <si>
    <t>185.587</t>
  </si>
  <si>
    <t>53746.0</t>
  </si>
  <si>
    <t>53838248.0</t>
  </si>
  <si>
    <t>24876889.0</t>
  </si>
  <si>
    <t>523179.0</t>
  </si>
  <si>
    <t>21194643.0</t>
  </si>
  <si>
    <t>59939.0</t>
  </si>
  <si>
    <t>186.113</t>
  </si>
  <si>
    <t>54444161.0</t>
  </si>
  <si>
    <t>32954936.0</t>
  </si>
  <si>
    <t>25101222.0</t>
  </si>
  <si>
    <t>605913.0</t>
  </si>
  <si>
    <t>423157.0</t>
  </si>
  <si>
    <t>21251857.0</t>
  </si>
  <si>
    <t>186.616</t>
  </si>
  <si>
    <t>53452.0</t>
  </si>
  <si>
    <t>444571.0</t>
  </si>
  <si>
    <t>260364.0</t>
  </si>
  <si>
    <t>21302436.0</t>
  </si>
  <si>
    <t>187.06</t>
  </si>
  <si>
    <t>465984.0</t>
  </si>
  <si>
    <t>276994.0</t>
  </si>
  <si>
    <t>21339986.0</t>
  </si>
  <si>
    <t>37550.0</t>
  </si>
  <si>
    <t>187.39</t>
  </si>
  <si>
    <t>52224.0</t>
  </si>
  <si>
    <t>55715693.0</t>
  </si>
  <si>
    <t>25711980.0</t>
  </si>
  <si>
    <t>487398.0</t>
  </si>
  <si>
    <t>293624.0</t>
  </si>
  <si>
    <t>21382254.0</t>
  </si>
  <si>
    <t>42268.0</t>
  </si>
  <si>
    <t>187.761</t>
  </si>
  <si>
    <t>56254529.0</t>
  </si>
  <si>
    <t>25955669.0</t>
  </si>
  <si>
    <t>538836.0</t>
  </si>
  <si>
    <t>495882.0</t>
  </si>
  <si>
    <t>21435114.0</t>
  </si>
  <si>
    <t>188.225</t>
  </si>
  <si>
    <t>51313.0</t>
  </si>
  <si>
    <t>56774753.0</t>
  </si>
  <si>
    <t>26180669.0</t>
  </si>
  <si>
    <t>520224.0</t>
  </si>
  <si>
    <t>494241.0</t>
  </si>
  <si>
    <t>326884.0</t>
  </si>
  <si>
    <t>21489759.0</t>
  </si>
  <si>
    <t>54645.0</t>
  </si>
  <si>
    <t>188.705</t>
  </si>
  <si>
    <t>50722.0</t>
  </si>
  <si>
    <t>57494154.0</t>
  </si>
  <si>
    <t>26479028.0</t>
  </si>
  <si>
    <t>719401.0</t>
  </si>
  <si>
    <t>522272.0</t>
  </si>
  <si>
    <t>343514.0</t>
  </si>
  <si>
    <t>21543434.0</t>
  </si>
  <si>
    <t>53675.0</t>
  </si>
  <si>
    <t>189.176</t>
  </si>
  <si>
    <t>58212187.0</t>
  </si>
  <si>
    <t>26803677.0</t>
  </si>
  <si>
    <t>718033.0</t>
  </si>
  <si>
    <t>538289.0</t>
  </si>
  <si>
    <t>360144.0</t>
  </si>
  <si>
    <t>21595236.0</t>
  </si>
  <si>
    <t>189.631</t>
  </si>
  <si>
    <t>530339.0</t>
  </si>
  <si>
    <t>21640686.0</t>
  </si>
  <si>
    <t>48321.0</t>
  </si>
  <si>
    <t>522389.0</t>
  </si>
  <si>
    <t>21672539.0</t>
  </si>
  <si>
    <t>31853.0</t>
  </si>
  <si>
    <t>190.31</t>
  </si>
  <si>
    <t>59316764.0</t>
  </si>
  <si>
    <t>27360873.0</t>
  </si>
  <si>
    <t>514439.0</t>
  </si>
  <si>
    <t>223233.8</t>
  </si>
  <si>
    <t>1931.77324609779</t>
  </si>
  <si>
    <t>21704189.0</t>
  </si>
  <si>
    <t>190.588</t>
  </si>
  <si>
    <t>59473662.0</t>
  </si>
  <si>
    <t>27442969.0</t>
  </si>
  <si>
    <t>156898.0</t>
  </si>
  <si>
    <t>459876.0</t>
  </si>
  <si>
    <t>21740226.0</t>
  </si>
  <si>
    <t>190.904</t>
  </si>
  <si>
    <t>60406424.0</t>
  </si>
  <si>
    <t>27749809.0</t>
  </si>
  <si>
    <t>932762.0</t>
  </si>
  <si>
    <t>518810.0</t>
  </si>
  <si>
    <t>21786587.0</t>
  </si>
  <si>
    <t>191.311</t>
  </si>
  <si>
    <t>42404.0</t>
  </si>
  <si>
    <t>61354945.0</t>
  </si>
  <si>
    <t>28198294.0</t>
  </si>
  <si>
    <t>948521.0</t>
  </si>
  <si>
    <t>551542.0</t>
  </si>
  <si>
    <t>21837174.0</t>
  </si>
  <si>
    <t>191.755</t>
  </si>
  <si>
    <t>41963.0</t>
  </si>
  <si>
    <t>62474334.0</t>
  </si>
  <si>
    <t>1119389.0</t>
  </si>
  <si>
    <t>608878.0</t>
  </si>
  <si>
    <t>21888688.0</t>
  </si>
  <si>
    <t>638260.0</t>
  </si>
  <si>
    <t>21934866.0</t>
  </si>
  <si>
    <t>21967167.0</t>
  </si>
  <si>
    <t>32301.0</t>
  </si>
  <si>
    <t>192.897</t>
  </si>
  <si>
    <t>64195936.0</t>
  </si>
  <si>
    <t>697025.0</t>
  </si>
  <si>
    <t>22003679.0</t>
  </si>
  <si>
    <t>193.218</t>
  </si>
  <si>
    <t>64947366.0</t>
  </si>
  <si>
    <t>751430.0</t>
  </si>
  <si>
    <t>781958.0</t>
  </si>
  <si>
    <t>22048452.0</t>
  </si>
  <si>
    <t>44773.0</t>
  </si>
  <si>
    <t>193.611</t>
  </si>
  <si>
    <t>65764376.0</t>
  </si>
  <si>
    <t>817010.0</t>
  </si>
  <si>
    <t>765422.0</t>
  </si>
  <si>
    <t>22094794.0</t>
  </si>
  <si>
    <t>194.018</t>
  </si>
  <si>
    <t>44030.0</t>
  </si>
  <si>
    <t>66816976.0</t>
  </si>
  <si>
    <t>1052600.0</t>
  </si>
  <si>
    <t>780290.0</t>
  </si>
  <si>
    <t>22142609.0</t>
  </si>
  <si>
    <t>47815.0</t>
  </si>
  <si>
    <t>194.438</t>
  </si>
  <si>
    <t>43634.0</t>
  </si>
  <si>
    <t>67716205.0</t>
  </si>
  <si>
    <t>40517967.0</t>
  </si>
  <si>
    <t>30804594.0</t>
  </si>
  <si>
    <t>899229.0</t>
  </si>
  <si>
    <t>22185819.0</t>
  </si>
  <si>
    <t>43210.0</t>
  </si>
  <si>
    <t>194.817</t>
  </si>
  <si>
    <t>761990.0</t>
  </si>
  <si>
    <t>414765.0</t>
  </si>
  <si>
    <t>22228173.0</t>
  </si>
  <si>
    <t>195.189</t>
  </si>
  <si>
    <t>775142.0</t>
  </si>
  <si>
    <t>469387.0</t>
  </si>
  <si>
    <t>22256965.0</t>
  </si>
  <si>
    <t>195.442</t>
  </si>
  <si>
    <t>41400.0</t>
  </si>
  <si>
    <t>69713994.0</t>
  </si>
  <si>
    <t>788294.0</t>
  </si>
  <si>
    <t>524008.0</t>
  </si>
  <si>
    <t>22291627.0</t>
  </si>
  <si>
    <t>195.746</t>
  </si>
  <si>
    <t>70677771.0</t>
  </si>
  <si>
    <t>963777.0</t>
  </si>
  <si>
    <t>818629.0</t>
  </si>
  <si>
    <t>578629.0</t>
  </si>
  <si>
    <t>22335244.0</t>
  </si>
  <si>
    <t>43617.0</t>
  </si>
  <si>
    <t>196.129</t>
  </si>
  <si>
    <t>71680132.0</t>
  </si>
  <si>
    <t>1002361.0</t>
  </si>
  <si>
    <t>633250.0</t>
  </si>
  <si>
    <t>22379683.0</t>
  </si>
  <si>
    <t>196.519</t>
  </si>
  <si>
    <t>72763442.0</t>
  </si>
  <si>
    <t>1083310.0</t>
  </si>
  <si>
    <t>849495.0</t>
  </si>
  <si>
    <t>687871.0</t>
  </si>
  <si>
    <t>22420034.0</t>
  </si>
  <si>
    <t>196.874</t>
  </si>
  <si>
    <t>39632.0</t>
  </si>
  <si>
    <t>73917573.0</t>
  </si>
  <si>
    <t>32993083.0</t>
  </si>
  <si>
    <t>1154131.0</t>
  </si>
  <si>
    <t>885910.0</t>
  </si>
  <si>
    <t>742492.0</t>
  </si>
  <si>
    <t>22460905.0</t>
  </si>
  <si>
    <t>197.233</t>
  </si>
  <si>
    <t>39298.0</t>
  </si>
  <si>
    <t>870931.0</t>
  </si>
  <si>
    <t>22497657.0</t>
  </si>
  <si>
    <t>197.555</t>
  </si>
  <si>
    <t>855952.0</t>
  </si>
  <si>
    <t>22523665.0</t>
  </si>
  <si>
    <t>197.784</t>
  </si>
  <si>
    <t>38100.0</t>
  </si>
  <si>
    <t>75600808.0</t>
  </si>
  <si>
    <t>33579181.0</t>
  </si>
  <si>
    <t>840973.0</t>
  </si>
  <si>
    <t>22556482.0</t>
  </si>
  <si>
    <t>198.072</t>
  </si>
  <si>
    <t>819539.0</t>
  </si>
  <si>
    <t>22595499.0</t>
  </si>
  <si>
    <t>198.414</t>
  </si>
  <si>
    <t>792592.0</t>
  </si>
  <si>
    <t>22634602.0</t>
  </si>
  <si>
    <t>198.758</t>
  </si>
  <si>
    <t>754081.0</t>
  </si>
  <si>
    <t>22671980.0</t>
  </si>
  <si>
    <t>37378.0</t>
  </si>
  <si>
    <t>199.086</t>
  </si>
  <si>
    <t>35992.0</t>
  </si>
  <si>
    <t>705453.0</t>
  </si>
  <si>
    <t>22709070.0</t>
  </si>
  <si>
    <t>199.412</t>
  </si>
  <si>
    <t>741547.0</t>
  </si>
  <si>
    <t>22742544.0</t>
  </si>
  <si>
    <t>199.706</t>
  </si>
  <si>
    <t>777640.0</t>
  </si>
  <si>
    <t>22767354.0</t>
  </si>
  <si>
    <t>199.924</t>
  </si>
  <si>
    <t>34813.0</t>
  </si>
  <si>
    <t>81296947.0</t>
  </si>
  <si>
    <t>35678774.0</t>
  </si>
  <si>
    <t>188084.0</t>
  </si>
  <si>
    <t>813734.0</t>
  </si>
  <si>
    <t>22798220.0</t>
  </si>
  <si>
    <t>200.195</t>
  </si>
  <si>
    <t>34534.0</t>
  </si>
  <si>
    <t>1063520.0</t>
  </si>
  <si>
    <t>22833396.0</t>
  </si>
  <si>
    <t>200.503</t>
  </si>
  <si>
    <t>86421420.0</t>
  </si>
  <si>
    <t>36365357.0</t>
  </si>
  <si>
    <t>313836.0</t>
  </si>
  <si>
    <t>1313306.0</t>
  </si>
  <si>
    <t>228489.7</t>
  </si>
  <si>
    <t>1977.25563722388</t>
  </si>
  <si>
    <t>22866334.0</t>
  </si>
  <si>
    <t>200.793</t>
  </si>
  <si>
    <t>89070292.0</t>
  </si>
  <si>
    <t>36869419.0</t>
  </si>
  <si>
    <t>389451.0</t>
  </si>
  <si>
    <t>2648872.0</t>
  </si>
  <si>
    <t>1575469.0</t>
  </si>
  <si>
    <t>22902683.0</t>
  </si>
  <si>
    <t>201.112</t>
  </si>
  <si>
    <t>90259621.0</t>
  </si>
  <si>
    <t>56110301.0</t>
  </si>
  <si>
    <t>37353438.0</t>
  </si>
  <si>
    <t>1189329.0</t>
  </si>
  <si>
    <t>1629125.0</t>
  </si>
  <si>
    <t>22939547.0</t>
  </si>
  <si>
    <t>201.436</t>
  </si>
  <si>
    <t>1585154.0</t>
  </si>
  <si>
    <t>657768.0</t>
  </si>
  <si>
    <t>22974691.0</t>
  </si>
  <si>
    <t>35144.0</t>
  </si>
  <si>
    <t>201.744</t>
  </si>
  <si>
    <t>1541183.0</t>
  </si>
  <si>
    <t>22999396.0</t>
  </si>
  <si>
    <t>201.961</t>
  </si>
  <si>
    <t>91777433.0</t>
  </si>
  <si>
    <t>38168603.0</t>
  </si>
  <si>
    <t>509944.0</t>
  </si>
  <si>
    <t>1497212.0</t>
  </si>
  <si>
    <t>488318.0</t>
  </si>
  <si>
    <t>23029049.0</t>
  </si>
  <si>
    <t>202.221</t>
  </si>
  <si>
    <t>92752986.0</t>
  </si>
  <si>
    <t>38699023.0</t>
  </si>
  <si>
    <t>561125.0</t>
  </si>
  <si>
    <t>975553.0</t>
  </si>
  <si>
    <t>1270543.0</t>
  </si>
  <si>
    <t>403594.0</t>
  </si>
  <si>
    <t>23062850.0</t>
  </si>
  <si>
    <t>202.518</t>
  </si>
  <si>
    <t>1010510.0</t>
  </si>
  <si>
    <t>318869.0</t>
  </si>
  <si>
    <t>23099253.0</t>
  </si>
  <si>
    <t>33274.0</t>
  </si>
  <si>
    <t>94236990.0</t>
  </si>
  <si>
    <t>39560598.0</t>
  </si>
  <si>
    <t>643370.0</t>
  </si>
  <si>
    <t>738100.0</t>
  </si>
  <si>
    <t>234145.0</t>
  </si>
  <si>
    <t>23135019.0</t>
  </si>
  <si>
    <t>35766.0</t>
  </si>
  <si>
    <t>203.152</t>
  </si>
  <si>
    <t>653923.0</t>
  </si>
  <si>
    <t>149420.0</t>
  </si>
  <si>
    <t>23173205.0</t>
  </si>
  <si>
    <t>203.487</t>
  </si>
  <si>
    <t>33380.0</t>
  </si>
  <si>
    <t>667373.0</t>
  </si>
  <si>
    <t>23210304.0</t>
  </si>
  <si>
    <t>203.813</t>
  </si>
  <si>
    <t>680823.0</t>
  </si>
  <si>
    <t>23234553.0</t>
  </si>
  <si>
    <t>204.026</t>
  </si>
  <si>
    <t>694274.0</t>
  </si>
  <si>
    <t>23265461.0</t>
  </si>
  <si>
    <t>204.297</t>
  </si>
  <si>
    <t>97237440.0</t>
  </si>
  <si>
    <t>41513071.0</t>
  </si>
  <si>
    <t>809550.0</t>
  </si>
  <si>
    <t>640636.0</t>
  </si>
  <si>
    <t>23302795.0</t>
  </si>
  <si>
    <t>37334.0</t>
  </si>
  <si>
    <t>204.625</t>
  </si>
  <si>
    <t>34278.0</t>
  </si>
  <si>
    <t>98023823.0</t>
  </si>
  <si>
    <t>42008263.0</t>
  </si>
  <si>
    <t>853500.0</t>
  </si>
  <si>
    <t>786383.0</t>
  </si>
  <si>
    <t>646976.0</t>
  </si>
  <si>
    <t>23336942.0</t>
  </si>
  <si>
    <t>34147.0</t>
  </si>
  <si>
    <t>204.925</t>
  </si>
  <si>
    <t>99139603.0</t>
  </si>
  <si>
    <t>42576087.0</t>
  </si>
  <si>
    <t>932198.0</t>
  </si>
  <si>
    <t>1115780.0</t>
  </si>
  <si>
    <t>700373.0</t>
  </si>
  <si>
    <t>23373604.0</t>
  </si>
  <si>
    <t>36662.0</t>
  </si>
  <si>
    <t>205.247</t>
  </si>
  <si>
    <t>100013599.0</t>
  </si>
  <si>
    <t>43024393.0</t>
  </si>
  <si>
    <t>1014205.0</t>
  </si>
  <si>
    <t>873996.0</t>
  </si>
  <si>
    <t>739503.0</t>
  </si>
  <si>
    <t>23403035.0</t>
  </si>
  <si>
    <t>205.506</t>
  </si>
  <si>
    <t>696350.0</t>
  </si>
  <si>
    <t>23432144.0</t>
  </si>
  <si>
    <t>205.761</t>
  </si>
  <si>
    <t>31691.0</t>
  </si>
  <si>
    <t>653198.0</t>
  </si>
  <si>
    <t>23455787.0</t>
  </si>
  <si>
    <t>23643.0</t>
  </si>
  <si>
    <t>205.969</t>
  </si>
  <si>
    <t>100907667.0</t>
  </si>
  <si>
    <t>43534136.0</t>
  </si>
  <si>
    <t>1113377.0</t>
  </si>
  <si>
    <t>610045.0</t>
  </si>
  <si>
    <t>23485853.0</t>
  </si>
  <si>
    <t>30066.0</t>
  </si>
  <si>
    <t>206.233</t>
  </si>
  <si>
    <t>101656199.0</t>
  </si>
  <si>
    <t>44212255.0</t>
  </si>
  <si>
    <t>1153103.0</t>
  </si>
  <si>
    <t>748532.0</t>
  </si>
  <si>
    <t>631251.0</t>
  </si>
  <si>
    <t>23518735.0</t>
  </si>
  <si>
    <t>32882.0</t>
  </si>
  <si>
    <t>206.521</t>
  </si>
  <si>
    <t>608351.0</t>
  </si>
  <si>
    <t>23548103.0</t>
  </si>
  <si>
    <t>206.779</t>
  </si>
  <si>
    <t>538394.0</t>
  </si>
  <si>
    <t>23575189.0</t>
  </si>
  <si>
    <t>502977.0</t>
  </si>
  <si>
    <t>23597278.0</t>
  </si>
  <si>
    <t>207.211</t>
  </si>
  <si>
    <t>549842.0</t>
  </si>
  <si>
    <t>23611797.0</t>
  </si>
  <si>
    <t>14519.0</t>
  </si>
  <si>
    <t>207.339</t>
  </si>
  <si>
    <t>214.6</t>
  </si>
  <si>
    <t>596708.0</t>
  </si>
  <si>
    <t>23630727.0</t>
  </si>
  <si>
    <t>207.505</t>
  </si>
  <si>
    <t>24991.0</t>
  </si>
  <si>
    <t>105412678.0</t>
  </si>
  <si>
    <t>47169454.0</t>
  </si>
  <si>
    <t>1376441.0</t>
  </si>
  <si>
    <t>643573.0</t>
  </si>
  <si>
    <t>23658962.0</t>
  </si>
  <si>
    <t>207.753</t>
  </si>
  <si>
    <t>106290941.0</t>
  </si>
  <si>
    <t>47860944.0</t>
  </si>
  <si>
    <t>1484246.0</t>
  </si>
  <si>
    <t>878263.0</t>
  </si>
  <si>
    <t>662106.0</t>
  </si>
  <si>
    <t>23690229.0</t>
  </si>
  <si>
    <t>31267.0</t>
  </si>
  <si>
    <t>208.027</t>
  </si>
  <si>
    <t>107277506.0</t>
  </si>
  <si>
    <t>48647158.0</t>
  </si>
  <si>
    <t>1614505.0</t>
  </si>
  <si>
    <t>986565.0</t>
  </si>
  <si>
    <t>713604.0</t>
  </si>
  <si>
    <t>23720874.0</t>
  </si>
  <si>
    <t>30645.0</t>
  </si>
  <si>
    <t>208.297</t>
  </si>
  <si>
    <t>713935.0</t>
  </si>
  <si>
    <t>23750733.0</t>
  </si>
  <si>
    <t>208.559</t>
  </si>
  <si>
    <t>108534301.0</t>
  </si>
  <si>
    <t>49626439.0</t>
  </si>
  <si>
    <t>1786975.0</t>
  </si>
  <si>
    <t>714266.0</t>
  </si>
  <si>
    <t>23778192.0</t>
  </si>
  <si>
    <t>25845.0</t>
  </si>
  <si>
    <t>669264.0</t>
  </si>
  <si>
    <t>230404.6</t>
  </si>
  <si>
    <t>1993.82639214071</t>
  </si>
  <si>
    <t>23798843.0</t>
  </si>
  <si>
    <t>208.981</t>
  </si>
  <si>
    <t>624261.0</t>
  </si>
  <si>
    <t>23826022.0</t>
  </si>
  <si>
    <t>27179.0</t>
  </si>
  <si>
    <t>579259.0</t>
  </si>
  <si>
    <t>23872881.0</t>
  </si>
  <si>
    <t>209.631</t>
  </si>
  <si>
    <t>498231.0</t>
  </si>
  <si>
    <t>23939887.0</t>
  </si>
  <si>
    <t>67006.0</t>
  </si>
  <si>
    <t>35665.0</t>
  </si>
  <si>
    <t>110089619.0</t>
  </si>
  <si>
    <t>50627196.0</t>
  </si>
  <si>
    <t>2207941.0</t>
  </si>
  <si>
    <t>401730.0</t>
  </si>
  <si>
    <t>24014318.0</t>
  </si>
  <si>
    <t>74431.0</t>
  </si>
  <si>
    <t>210.873</t>
  </si>
  <si>
    <t>41921.0</t>
  </si>
  <si>
    <t>110875575.0</t>
  </si>
  <si>
    <t>51085070.0</t>
  </si>
  <si>
    <t>2461880.0</t>
  </si>
  <si>
    <t>785956.0</t>
  </si>
  <si>
    <t>424239.0</t>
  </si>
  <si>
    <t>24094498.0</t>
  </si>
  <si>
    <t>211.577</t>
  </si>
  <si>
    <t>49109.0</t>
  </si>
  <si>
    <t>111908830.0</t>
  </si>
  <si>
    <t>51655649.0</t>
  </si>
  <si>
    <t>2806530.0</t>
  </si>
  <si>
    <t>1033255.0</t>
  </si>
  <si>
    <t>482076.0</t>
  </si>
  <si>
    <t>24177146.0</t>
  </si>
  <si>
    <t>212.303</t>
  </si>
  <si>
    <t>56993.0</t>
  </si>
  <si>
    <t>506933.0</t>
  </si>
  <si>
    <t>24255954.0</t>
  </si>
  <si>
    <t>212.995</t>
  </si>
  <si>
    <t>65302.0</t>
  </si>
  <si>
    <t>531791.0</t>
  </si>
  <si>
    <t>24320536.0</t>
  </si>
  <si>
    <t>213.562</t>
  </si>
  <si>
    <t>113364030.0</t>
  </si>
  <si>
    <t>52393229.0</t>
  </si>
  <si>
    <t>3327416.0</t>
  </si>
  <si>
    <t>556648.0</t>
  </si>
  <si>
    <t>24390185.0</t>
  </si>
  <si>
    <t>69649.0</t>
  </si>
  <si>
    <t>214.174</t>
  </si>
  <si>
    <t>73901.0</t>
  </si>
  <si>
    <t>114249221.0</t>
  </si>
  <si>
    <t>52849101.0</t>
  </si>
  <si>
    <t>3577704.0</t>
  </si>
  <si>
    <t>885191.0</t>
  </si>
  <si>
    <t>24472316.0</t>
  </si>
  <si>
    <t>82131.0</t>
  </si>
  <si>
    <t>214.895</t>
  </si>
  <si>
    <t>115303412.0</t>
  </si>
  <si>
    <t>53389481.0</t>
  </si>
  <si>
    <t>3855924.0</t>
  </si>
  <si>
    <t>1054191.0</t>
  </si>
  <si>
    <t>744828.0</t>
  </si>
  <si>
    <t>99.78</t>
  </si>
  <si>
    <t>24556802.0</t>
  </si>
  <si>
    <t>84486.0</t>
  </si>
  <si>
    <t>215.637</t>
  </si>
  <si>
    <t>77498.0</t>
  </si>
  <si>
    <t>116284392.0</t>
  </si>
  <si>
    <t>53905973.0</t>
  </si>
  <si>
    <t>4112207.0</t>
  </si>
  <si>
    <t>980980.0</t>
  </si>
  <si>
    <t>772688.0</t>
  </si>
  <si>
    <t>24642132.0</t>
  </si>
  <si>
    <t>85330.0</t>
  </si>
  <si>
    <t>117337626.0</t>
  </si>
  <si>
    <t>54423286.0</t>
  </si>
  <si>
    <t>4403780.0</t>
  </si>
  <si>
    <t>1053234.0</t>
  </si>
  <si>
    <t>775542.0</t>
  </si>
  <si>
    <t>24728149.0</t>
  </si>
  <si>
    <t>86017.0</t>
  </si>
  <si>
    <t>217.142</t>
  </si>
  <si>
    <t>78715.0</t>
  </si>
  <si>
    <t>782783.0</t>
  </si>
  <si>
    <t>24807714.0</t>
  </si>
  <si>
    <t>78823.0</t>
  </si>
  <si>
    <t>790024.0</t>
  </si>
  <si>
    <t>24860536.0</t>
  </si>
  <si>
    <t>52822.0</t>
  </si>
  <si>
    <t>218.304</t>
  </si>
  <si>
    <t>77143.0</t>
  </si>
  <si>
    <t>0.4443</t>
  </si>
  <si>
    <t>118944887.0</t>
  </si>
  <si>
    <t>55195486.0</t>
  </si>
  <si>
    <t>4915091.0</t>
  </si>
  <si>
    <t>797265.0</t>
  </si>
  <si>
    <t>24925460.0</t>
  </si>
  <si>
    <t>64924.0</t>
  </si>
  <si>
    <t>218.874</t>
  </si>
  <si>
    <t>76468.0</t>
  </si>
  <si>
    <t>119746232.0</t>
  </si>
  <si>
    <t>55583592.0</t>
  </si>
  <si>
    <t>5131203.0</t>
  </si>
  <si>
    <t>801345.0</t>
  </si>
  <si>
    <t>785287.0</t>
  </si>
  <si>
    <t>25003111.0</t>
  </si>
  <si>
    <t>77651.0</t>
  </si>
  <si>
    <t>219.556</t>
  </si>
  <si>
    <t>75828.0</t>
  </si>
  <si>
    <t>0.4602</t>
  </si>
  <si>
    <t>120645514.0</t>
  </si>
  <si>
    <t>56027759.0</t>
  </si>
  <si>
    <t>5362518.0</t>
  </si>
  <si>
    <t>899282.0</t>
  </si>
  <si>
    <t>763157.0</t>
  </si>
  <si>
    <t>25081002.0</t>
  </si>
  <si>
    <t>0.4483</t>
  </si>
  <si>
    <t>121493405.0</t>
  </si>
  <si>
    <t>56444406.0</t>
  </si>
  <si>
    <t>5613125.0</t>
  </si>
  <si>
    <t>847891.0</t>
  </si>
  <si>
    <t>744145.0</t>
  </si>
  <si>
    <t>25151579.0</t>
  </si>
  <si>
    <t>122313496.0</t>
  </si>
  <si>
    <t>56835020.0</t>
  </si>
  <si>
    <t>5871170.0</t>
  </si>
  <si>
    <t>820091.0</t>
  </si>
  <si>
    <t>710839.0</t>
  </si>
  <si>
    <t>25221702.0</t>
  </si>
  <si>
    <t>70123.0</t>
  </si>
  <si>
    <t>221.475</t>
  </si>
  <si>
    <t>70508.0</t>
  </si>
  <si>
    <t>0.4611</t>
  </si>
  <si>
    <t>684412.0</t>
  </si>
  <si>
    <t>25284085.0</t>
  </si>
  <si>
    <t>222.023</t>
  </si>
  <si>
    <t>657986.0</t>
  </si>
  <si>
    <t>25328348.0</t>
  </si>
  <si>
    <t>44263.0</t>
  </si>
  <si>
    <t>222.412</t>
  </si>
  <si>
    <t>66830.0</t>
  </si>
  <si>
    <t>0.4528</t>
  </si>
  <si>
    <t>123365808.0</t>
  </si>
  <si>
    <t>57268257.0</t>
  </si>
  <si>
    <t>6298336.0</t>
  </si>
  <si>
    <t>25377563.0</t>
  </si>
  <si>
    <t>64586.0</t>
  </si>
  <si>
    <t>598838.0</t>
  </si>
  <si>
    <t>25440395.0</t>
  </si>
  <si>
    <t>62832.0</t>
  </si>
  <si>
    <t>223.396</t>
  </si>
  <si>
    <t>62469.0</t>
  </si>
  <si>
    <t>124510385.0</t>
  </si>
  <si>
    <t>57844436.0</t>
  </si>
  <si>
    <t>6683975.0</t>
  </si>
  <si>
    <t>552124.0</t>
  </si>
  <si>
    <t>25504416.0</t>
  </si>
  <si>
    <t>223.958</t>
  </si>
  <si>
    <t>60488.0</t>
  </si>
  <si>
    <t>0.4291</t>
  </si>
  <si>
    <t>125089117.0</t>
  </si>
  <si>
    <t>58149158.0</t>
  </si>
  <si>
    <t>6851138.0</t>
  </si>
  <si>
    <t>578732.0</t>
  </si>
  <si>
    <t>513673.0</t>
  </si>
  <si>
    <t>25561255.0</t>
  </si>
  <si>
    <t>224.457</t>
  </si>
  <si>
    <t>449728.0</t>
  </si>
  <si>
    <t>25618396.0</t>
  </si>
  <si>
    <t>57141.0</t>
  </si>
  <si>
    <t>224.959</t>
  </si>
  <si>
    <t>452829.0</t>
  </si>
  <si>
    <t>25671617.0</t>
  </si>
  <si>
    <t>53221.0</t>
  </si>
  <si>
    <t>225.426</t>
  </si>
  <si>
    <t>455930.0</t>
  </si>
  <si>
    <t>25702851.0</t>
  </si>
  <si>
    <t>225.701</t>
  </si>
  <si>
    <t>53500.0</t>
  </si>
  <si>
    <t>459031.0</t>
  </si>
  <si>
    <t>25743916.0</t>
  </si>
  <si>
    <t>226.061</t>
  </si>
  <si>
    <t>52336.0</t>
  </si>
  <si>
    <t>126951502.0</t>
  </si>
  <si>
    <t>59026174.0</t>
  </si>
  <si>
    <t>7502081.0</t>
  </si>
  <si>
    <t>430486.0</t>
  </si>
  <si>
    <t>242938.9</t>
  </si>
  <si>
    <t>2102.29305533672</t>
  </si>
  <si>
    <t>25787631.0</t>
  </si>
  <si>
    <t>226.445</t>
  </si>
  <si>
    <t>127163606.0</t>
  </si>
  <si>
    <t>59120367.0</t>
  </si>
  <si>
    <t>7576859.0</t>
  </si>
  <si>
    <t>212104.0</t>
  </si>
  <si>
    <t>379032.0</t>
  </si>
  <si>
    <t>110.04</t>
  </si>
  <si>
    <t>25827581.0</t>
  </si>
  <si>
    <t>127617088.0</t>
  </si>
  <si>
    <t>59389080.0</t>
  </si>
  <si>
    <t>7704701.0</t>
  </si>
  <si>
    <t>453482.0</t>
  </si>
  <si>
    <t>361139.0</t>
  </si>
  <si>
    <t>25867610.0</t>
  </si>
  <si>
    <t>40029.0</t>
  </si>
  <si>
    <t>227.147</t>
  </si>
  <si>
    <t>369769.0</t>
  </si>
  <si>
    <t>25906636.0</t>
  </si>
  <si>
    <t>39026.0</t>
  </si>
  <si>
    <t>41177.0</t>
  </si>
  <si>
    <t>0.2863</t>
  </si>
  <si>
    <t>128482870.0</t>
  </si>
  <si>
    <t>59811526.0</t>
  </si>
  <si>
    <t>8011994.0</t>
  </si>
  <si>
    <t>378400.0</t>
  </si>
  <si>
    <t>25944736.0</t>
  </si>
  <si>
    <t>227.825</t>
  </si>
  <si>
    <t>25968666.0</t>
  </si>
  <si>
    <t>228.035</t>
  </si>
  <si>
    <t>25999201.0</t>
  </si>
  <si>
    <t>228.303</t>
  </si>
  <si>
    <t>129125464.0</t>
  </si>
  <si>
    <t>60145895.0</t>
  </si>
  <si>
    <t>8240672.0</t>
  </si>
  <si>
    <t>310566.0</t>
  </si>
  <si>
    <t>26036268.0</t>
  </si>
  <si>
    <t>228.628</t>
  </si>
  <si>
    <t>339198.0</t>
  </si>
  <si>
    <t>26069715.0</t>
  </si>
  <si>
    <t>228.922</t>
  </si>
  <si>
    <t>34591.0</t>
  </si>
  <si>
    <t>333347.0</t>
  </si>
  <si>
    <t>26102246.0</t>
  </si>
  <si>
    <t>229.208</t>
  </si>
  <si>
    <t>33519.0</t>
  </si>
  <si>
    <t>330437.0</t>
  </si>
  <si>
    <t>26134438.0</t>
  </si>
  <si>
    <t>32192.0</t>
  </si>
  <si>
    <t>327528.0</t>
  </si>
  <si>
    <t>26164049.0</t>
  </si>
  <si>
    <t>229.75</t>
  </si>
  <si>
    <t>355860.0</t>
  </si>
  <si>
    <t>26184236.0</t>
  </si>
  <si>
    <t>229.928</t>
  </si>
  <si>
    <t>384193.0</t>
  </si>
  <si>
    <t>26210790.0</t>
  </si>
  <si>
    <t>230.161</t>
  </si>
  <si>
    <t>132013140.0</t>
  </si>
  <si>
    <t>61626201.0</t>
  </si>
  <si>
    <t>9161128.0</t>
  </si>
  <si>
    <t>412525.0</t>
  </si>
  <si>
    <t>26242221.0</t>
  </si>
  <si>
    <t>230.437</t>
  </si>
  <si>
    <t>29422.0</t>
  </si>
  <si>
    <t>411735.0</t>
  </si>
  <si>
    <t>26272508.0</t>
  </si>
  <si>
    <t>230.703</t>
  </si>
  <si>
    <t>410944.0</t>
  </si>
  <si>
    <t>26300855.0</t>
  </si>
  <si>
    <t>230.952</t>
  </si>
  <si>
    <t>133234116.0</t>
  </si>
  <si>
    <t>62199764.0</t>
  </si>
  <si>
    <t>9489120.0</t>
  </si>
  <si>
    <t>410154.0</t>
  </si>
  <si>
    <t>26329936.0</t>
  </si>
  <si>
    <t>231.207</t>
  </si>
  <si>
    <t>390432.0</t>
  </si>
  <si>
    <t>26355590.0</t>
  </si>
  <si>
    <t>231.432</t>
  </si>
  <si>
    <t>370711.0</t>
  </si>
  <si>
    <t>26375283.0</t>
  </si>
  <si>
    <t>231.605</t>
  </si>
  <si>
    <t>350989.0</t>
  </si>
  <si>
    <t>26400475.0</t>
  </si>
  <si>
    <t>231.826</t>
  </si>
  <si>
    <t>134332014.0</t>
  </si>
  <si>
    <t>62652101.0</t>
  </si>
  <si>
    <t>9781090.0</t>
  </si>
  <si>
    <t>331268.0</t>
  </si>
  <si>
    <t>26429569.0</t>
  </si>
  <si>
    <t>232.082</t>
  </si>
  <si>
    <t>26764.0</t>
  </si>
  <si>
    <t>294696.0</t>
  </si>
  <si>
    <t>26458057.0</t>
  </si>
  <si>
    <t>28488.0</t>
  </si>
  <si>
    <t>232.332</t>
  </si>
  <si>
    <t>258124.0</t>
  </si>
  <si>
    <t>26485258.0</t>
  </si>
  <si>
    <t>232.571</t>
  </si>
  <si>
    <t>26343.0</t>
  </si>
  <si>
    <t>68661595.0</t>
  </si>
  <si>
    <t>221553.0</t>
  </si>
  <si>
    <t>26510777.0</t>
  </si>
  <si>
    <t>232.795</t>
  </si>
  <si>
    <t>203912.0</t>
  </si>
  <si>
    <t>136994.0</t>
  </si>
  <si>
    <t>26533937.0</t>
  </si>
  <si>
    <t>232.998</t>
  </si>
  <si>
    <t>25478.0</t>
  </si>
  <si>
    <t>186272.0</t>
  </si>
  <si>
    <t>124569.0</t>
  </si>
  <si>
    <t>26552881.0</t>
  </si>
  <si>
    <t>18944.0</t>
  </si>
  <si>
    <t>233.165</t>
  </si>
  <si>
    <t>168631.0</t>
  </si>
  <si>
    <t>112143.0</t>
  </si>
  <si>
    <t>26577103.0</t>
  </si>
  <si>
    <t>150990.0</t>
  </si>
  <si>
    <t>99717.0</t>
  </si>
  <si>
    <t>244393.6</t>
  </si>
  <si>
    <t>2114.88142923484</t>
  </si>
  <si>
    <t>26604508.0</t>
  </si>
  <si>
    <t>233.618</t>
  </si>
  <si>
    <t>87291.0</t>
  </si>
  <si>
    <t>26630397.0</t>
  </si>
  <si>
    <t>233.845</t>
  </si>
  <si>
    <t>74866.0</t>
  </si>
  <si>
    <t>26657409.0</t>
  </si>
  <si>
    <t>27012.0</t>
  </si>
  <si>
    <t>234.083</t>
  </si>
  <si>
    <t>26682039.0</t>
  </si>
  <si>
    <t>24630.0</t>
  </si>
  <si>
    <t>234.299</t>
  </si>
  <si>
    <t>26703841.0</t>
  </si>
  <si>
    <t>21802.0</t>
  </si>
  <si>
    <t>26721058.0</t>
  </si>
  <si>
    <t>234.642</t>
  </si>
  <si>
    <t>26743834.0</t>
  </si>
  <si>
    <t>234.842</t>
  </si>
  <si>
    <t>26768985.0</t>
  </si>
  <si>
    <t>235.062</t>
  </si>
  <si>
    <t>26793520.0</t>
  </si>
  <si>
    <t>235.278</t>
  </si>
  <si>
    <t>26817606.0</t>
  </si>
  <si>
    <t>69535753.0</t>
  </si>
  <si>
    <t>26841433.0</t>
  </si>
  <si>
    <t>235.699</t>
  </si>
  <si>
    <t>66528.0</t>
  </si>
  <si>
    <t>26862814.0</t>
  </si>
  <si>
    <t>235.886</t>
  </si>
  <si>
    <t>26878104.0</t>
  </si>
  <si>
    <t>236.021</t>
  </si>
  <si>
    <t>137351822.0</t>
  </si>
  <si>
    <t>63992620.0</t>
  </si>
  <si>
    <t>10675663.0</t>
  </si>
  <si>
    <t>26900019.0</t>
  </si>
  <si>
    <t>236.213</t>
  </si>
  <si>
    <t>179736.0</t>
  </si>
  <si>
    <t>78791.0</t>
  </si>
  <si>
    <t>26924727.0</t>
  </si>
  <si>
    <t>236.43</t>
  </si>
  <si>
    <t>64660228.0</t>
  </si>
  <si>
    <t>11224502.0</t>
  </si>
  <si>
    <t>82879.0</t>
  </si>
  <si>
    <t>26949456.0</t>
  </si>
  <si>
    <t>236.647</t>
  </si>
  <si>
    <t>237228.0</t>
  </si>
  <si>
    <t>86967.0</t>
  </si>
  <si>
    <t>26973542.0</t>
  </si>
  <si>
    <t>236.859</t>
  </si>
  <si>
    <t>70173137.0</t>
  </si>
  <si>
    <t>265973.0</t>
  </si>
  <si>
    <t>26996072.0</t>
  </si>
  <si>
    <t>237.057</t>
  </si>
  <si>
    <t>294719.0</t>
  </si>
  <si>
    <t>86014.0</t>
  </si>
  <si>
    <t>27015693.0</t>
  </si>
  <si>
    <t>237.229</t>
  </si>
  <si>
    <t>323465.0</t>
  </si>
  <si>
    <t>80972.0</t>
  </si>
  <si>
    <t>27030438.0</t>
  </si>
  <si>
    <t>237.358</t>
  </si>
  <si>
    <t>352211.0</t>
  </si>
  <si>
    <t>75931.0</t>
  </si>
  <si>
    <t>27051890.0</t>
  </si>
  <si>
    <t>237.547</t>
  </si>
  <si>
    <t>65248130.0</t>
  </si>
  <si>
    <t>11743345.0</t>
  </si>
  <si>
    <t>27075374.0</t>
  </si>
  <si>
    <t>237.753</t>
  </si>
  <si>
    <t>27099215.0</t>
  </si>
  <si>
    <t>27123459.0</t>
  </si>
  <si>
    <t>238.175</t>
  </si>
  <si>
    <t>141226139.0</t>
  </si>
  <si>
    <t>65528820.0</t>
  </si>
  <si>
    <t>55766.0</t>
  </si>
  <si>
    <t>27146350.0</t>
  </si>
  <si>
    <t>22891.0</t>
  </si>
  <si>
    <t>238.376</t>
  </si>
  <si>
    <t>21468.0</t>
  </si>
  <si>
    <t>27167297.0</t>
  </si>
  <si>
    <t>20947.0</t>
  </si>
  <si>
    <t>238.56</t>
  </si>
  <si>
    <t>298608.0</t>
  </si>
  <si>
    <t>27183226.0</t>
  </si>
  <si>
    <t>15929.0</t>
  </si>
  <si>
    <t>271807.0</t>
  </si>
  <si>
    <t>27203329.0</t>
  </si>
  <si>
    <t>238.876</t>
  </si>
  <si>
    <t>27226572.0</t>
  </si>
  <si>
    <t>23243.0</t>
  </si>
  <si>
    <t>239.081</t>
  </si>
  <si>
    <t>65804988.0</t>
  </si>
  <si>
    <t>11954585.0</t>
  </si>
  <si>
    <t>218204.0</t>
  </si>
  <si>
    <t>27250163.0</t>
  </si>
  <si>
    <t>23591.0</t>
  </si>
  <si>
    <t>239.288</t>
  </si>
  <si>
    <t>191403.0</t>
  </si>
  <si>
    <t>27272873.0</t>
  </si>
  <si>
    <t>239.487</t>
  </si>
  <si>
    <t>65992980.0</t>
  </si>
  <si>
    <t>12075001.0</t>
  </si>
  <si>
    <t>243005.1</t>
  </si>
  <si>
    <t>-2.61</t>
  </si>
  <si>
    <t>2102.86592283658</t>
  </si>
  <si>
    <t>27294035.0</t>
  </si>
  <si>
    <t>239.673</t>
  </si>
  <si>
    <t>27313985.0</t>
  </si>
  <si>
    <t>239.848</t>
  </si>
  <si>
    <t>27328724.0</t>
  </si>
  <si>
    <t>239.978</t>
  </si>
  <si>
    <t>27348677.0</t>
  </si>
  <si>
    <t>240.153</t>
  </si>
  <si>
    <t>143036759.0</t>
  </si>
  <si>
    <t>66230305.0</t>
  </si>
  <si>
    <t>12208931.0</t>
  </si>
  <si>
    <t>27371742.0</t>
  </si>
  <si>
    <t>23065.0</t>
  </si>
  <si>
    <t>240.355</t>
  </si>
  <si>
    <t>143299654.0</t>
  </si>
  <si>
    <t>66341257.0</t>
  </si>
  <si>
    <t>12264402.0</t>
  </si>
  <si>
    <t>262895.0</t>
  </si>
  <si>
    <t>178644.0</t>
  </si>
  <si>
    <t>27392538.0</t>
  </si>
  <si>
    <t>240.538</t>
  </si>
  <si>
    <t>187388.0</t>
  </si>
  <si>
    <t>27413449.0</t>
  </si>
  <si>
    <t>240.722</t>
  </si>
  <si>
    <t>143751271.0</t>
  </si>
  <si>
    <t>66522662.0</t>
  </si>
  <si>
    <t>12382712.0</t>
  </si>
  <si>
    <t>27433795.0</t>
  </si>
  <si>
    <t>184071.0</t>
  </si>
  <si>
    <t>27453012.0</t>
  </si>
  <si>
    <t>241.069</t>
  </si>
  <si>
    <t>172011.0</t>
  </si>
  <si>
    <t>27467057.0</t>
  </si>
  <si>
    <t>241.192</t>
  </si>
  <si>
    <t>159952.0</t>
  </si>
  <si>
    <t>27486524.0</t>
  </si>
  <si>
    <t>144072000.0</t>
  </si>
  <si>
    <t>66652616.0</t>
  </si>
  <si>
    <t>12477480.0</t>
  </si>
  <si>
    <t>147892.0</t>
  </si>
  <si>
    <t>27506830.0</t>
  </si>
  <si>
    <t>241.542</t>
  </si>
  <si>
    <t>124806.0</t>
  </si>
  <si>
    <t>27525967.0</t>
  </si>
  <si>
    <t>107019.0</t>
  </si>
  <si>
    <t>27543399.0</t>
  </si>
  <si>
    <t>241.863</t>
  </si>
  <si>
    <t>27554848.0</t>
  </si>
  <si>
    <t>27569270.0</t>
  </si>
  <si>
    <t>27581843.0</t>
  </si>
  <si>
    <t>242.2</t>
  </si>
  <si>
    <t>27602462.0</t>
  </si>
  <si>
    <t>242.381</t>
  </si>
  <si>
    <t>144781087.0</t>
  </si>
  <si>
    <t>66979873.0</t>
  </si>
  <si>
    <t>12687684.0</t>
  </si>
  <si>
    <t>101298.0</t>
  </si>
  <si>
    <t>27628857.0</t>
  </si>
  <si>
    <t>242.613</t>
  </si>
  <si>
    <t>145008878.0</t>
  </si>
  <si>
    <t>67100671.0</t>
  </si>
  <si>
    <t>12736958.0</t>
  </si>
  <si>
    <t>227791.0</t>
  </si>
  <si>
    <t>119369.0</t>
  </si>
  <si>
    <t>27652342.0</t>
  </si>
  <si>
    <t>18054.0</t>
  </si>
  <si>
    <t>129757.0</t>
  </si>
  <si>
    <t>27673662.0</t>
  </si>
  <si>
    <t>243.007</t>
  </si>
  <si>
    <t>140146.0</t>
  </si>
  <si>
    <t>27695612.0</t>
  </si>
  <si>
    <t>243.199</t>
  </si>
  <si>
    <t>150534.0</t>
  </si>
  <si>
    <t>27716123.0</t>
  </si>
  <si>
    <t>243.379</t>
  </si>
  <si>
    <t>27730547.0</t>
  </si>
  <si>
    <t>243.506</t>
  </si>
  <si>
    <t>171311.0</t>
  </si>
  <si>
    <t>27750017.0</t>
  </si>
  <si>
    <t>243.677</t>
  </si>
  <si>
    <t>21079.0</t>
  </si>
  <si>
    <t>181700.0</t>
  </si>
  <si>
    <t>27773386.0</t>
  </si>
  <si>
    <t>243.882</t>
  </si>
  <si>
    <t>20647.0</t>
  </si>
  <si>
    <t>146227002.0</t>
  </si>
  <si>
    <t>67640431.0</t>
  </si>
  <si>
    <t>13043715.0</t>
  </si>
  <si>
    <t>174018.0</t>
  </si>
  <si>
    <t>27795276.0</t>
  </si>
  <si>
    <t>244.074</t>
  </si>
  <si>
    <t>27816605.0</t>
  </si>
  <si>
    <t>244.262</t>
  </si>
  <si>
    <t>146592864.0</t>
  </si>
  <si>
    <t>67792216.0</t>
  </si>
  <si>
    <t>13149301.0</t>
  </si>
  <si>
    <t>176564.0</t>
  </si>
  <si>
    <t>27837797.0</t>
  </si>
  <si>
    <t>244.448</t>
  </si>
  <si>
    <t>161581.0</t>
  </si>
  <si>
    <t>146597.0</t>
  </si>
  <si>
    <t>240566.4</t>
  </si>
  <si>
    <t>-4.64</t>
  </si>
  <si>
    <t>2081.76241872897</t>
  </si>
  <si>
    <t>146869397.0</t>
  </si>
  <si>
    <t>67911464.0</t>
  </si>
  <si>
    <t>13231643.0</t>
  </si>
  <si>
    <t>116630.0</t>
  </si>
  <si>
    <t>127.09</t>
  </si>
  <si>
    <t>93444.0</t>
  </si>
  <si>
    <t>109651.0</t>
  </si>
  <si>
    <t>117755.0</t>
  </si>
  <si>
    <t>125859.0</t>
  </si>
  <si>
    <t>148002124.0</t>
  </si>
  <si>
    <t>68526134.0</t>
  </si>
  <si>
    <t>13519545.0</t>
  </si>
  <si>
    <t>123033.0</t>
  </si>
  <si>
    <t>117383.0</t>
  </si>
  <si>
    <t>111733.0</t>
  </si>
  <si>
    <t>108908.0</t>
  </si>
  <si>
    <t>148744701.0</t>
  </si>
  <si>
    <t>68838393.0</t>
  </si>
  <si>
    <t>13732500.0</t>
  </si>
  <si>
    <t>106082.0</t>
  </si>
  <si>
    <t>104106.0</t>
  </si>
  <si>
    <t>148929189.0</t>
  </si>
  <si>
    <t>68912256.0</t>
  </si>
  <si>
    <t>13770466.0</t>
  </si>
  <si>
    <t>102129.0</t>
  </si>
  <si>
    <t>115145.0</t>
  </si>
  <si>
    <t>128162.0</t>
  </si>
  <si>
    <t>149520786.0</t>
  </si>
  <si>
    <t>69084132.0</t>
  </si>
  <si>
    <t>13899727.0</t>
  </si>
  <si>
    <t>141179.0</t>
  </si>
  <si>
    <t>143278.0</t>
  </si>
  <si>
    <t>14027031.0</t>
  </si>
  <si>
    <t>149332.0</t>
  </si>
  <si>
    <t>137365.0</t>
  </si>
  <si>
    <t>14121021.0</t>
  </si>
  <si>
    <t>125398.0</t>
  </si>
  <si>
    <t>113431.0</t>
  </si>
  <si>
    <t>239520.7</t>
  </si>
  <si>
    <t>2072.71336216386</t>
  </si>
  <si>
    <t>28472887.0</t>
  </si>
  <si>
    <t>250.025</t>
  </si>
  <si>
    <t>14230872.0</t>
  </si>
  <si>
    <t>150995394.0</t>
  </si>
  <si>
    <t>74634409.0</t>
  </si>
  <si>
    <t>70009042.0</t>
  </si>
  <si>
    <t>14251950.0</t>
  </si>
  <si>
    <t>116079.0</t>
  </si>
  <si>
    <t>118726.0</t>
  </si>
  <si>
    <t>53081.0</t>
  </si>
  <si>
    <t>121373.0</t>
  </si>
  <si>
    <t>129315.0</t>
  </si>
  <si>
    <t>151919132.0</t>
  </si>
  <si>
    <t>74959001.0</t>
  </si>
  <si>
    <t>70251531.0</t>
  </si>
  <si>
    <t>14469760.0</t>
  </si>
  <si>
    <t>131963.0</t>
  </si>
  <si>
    <t>46370.0</t>
  </si>
  <si>
    <t>146925.0</t>
  </si>
  <si>
    <t>51438.0</t>
  </si>
  <si>
    <t>161887.0</t>
  </si>
  <si>
    <t>176850.0</t>
  </si>
  <si>
    <t>152865928.0</t>
  </si>
  <si>
    <t>75286371.0</t>
  </si>
  <si>
    <t>70532636.0</t>
  </si>
  <si>
    <t>14686903.0</t>
  </si>
  <si>
    <t>191812.0</t>
  </si>
  <si>
    <t>67535.0</t>
  </si>
  <si>
    <t>194387.0</t>
  </si>
  <si>
    <t>195674.0</t>
  </si>
  <si>
    <t>181999.0</t>
  </si>
  <si>
    <t>56807.0</t>
  </si>
  <si>
    <t>153852751.0</t>
  </si>
  <si>
    <t>75654809.0</t>
  </si>
  <si>
    <t>70845546.0</t>
  </si>
  <si>
    <t>14880868.0</t>
  </si>
  <si>
    <t>139836.0</t>
  </si>
  <si>
    <t>137560.0</t>
  </si>
  <si>
    <t>47708.0</t>
  </si>
  <si>
    <t>136422.0</t>
  </si>
  <si>
    <t>135283.0</t>
  </si>
  <si>
    <t>44424.0</t>
  </si>
  <si>
    <t>134145.0</t>
  </si>
  <si>
    <t>133007.0</t>
  </si>
  <si>
    <t>237427.8</t>
  </si>
  <si>
    <t>2054.60226865222</t>
  </si>
  <si>
    <t>155714847.0</t>
  </si>
  <si>
    <t>76230775.0</t>
  </si>
  <si>
    <t>71560263.0</t>
  </si>
  <si>
    <t>15279752.0</t>
  </si>
  <si>
    <t>39502.0</t>
  </si>
  <si>
    <t>128998.0</t>
  </si>
  <si>
    <t>37863.0</t>
  </si>
  <si>
    <t>126993.0</t>
  </si>
  <si>
    <t>36225.0</t>
  </si>
  <si>
    <t>34586.0</t>
  </si>
  <si>
    <t>122984.0</t>
  </si>
  <si>
    <t>120979.0</t>
  </si>
  <si>
    <t>31309.0</t>
  </si>
  <si>
    <t>156547670.0</t>
  </si>
  <si>
    <t>76438466.0</t>
  </si>
  <si>
    <t>71835024.0</t>
  </si>
  <si>
    <t>15523764.0</t>
  </si>
  <si>
    <t>119241.0</t>
  </si>
  <si>
    <t>119507.0</t>
  </si>
  <si>
    <t>119773.0</t>
  </si>
  <si>
    <t>120040.0</t>
  </si>
  <si>
    <t>120306.0</t>
  </si>
  <si>
    <t>120572.0</t>
  </si>
  <si>
    <t>157393539.0</t>
  </si>
  <si>
    <t>15844691.0</t>
  </si>
  <si>
    <t>120838.0</t>
  </si>
  <si>
    <t>119941.0</t>
  </si>
  <si>
    <t>119043.0</t>
  </si>
  <si>
    <t>118145.0</t>
  </si>
  <si>
    <t>117248.0</t>
  </si>
  <si>
    <t>158195420.0</t>
  </si>
  <si>
    <t>16140825.0</t>
  </si>
  <si>
    <t>114554.0</t>
  </si>
  <si>
    <t>116573.0</t>
  </si>
  <si>
    <t>120609.0</t>
  </si>
  <si>
    <t>122628.0</t>
  </si>
  <si>
    <t>124646.0</t>
  </si>
  <si>
    <t>126664.0</t>
  </si>
  <si>
    <t>159096198.0</t>
  </si>
  <si>
    <t>76521354.0</t>
  </si>
  <si>
    <t>71840130.0</t>
  </si>
  <si>
    <t>16487534.0</t>
  </si>
  <si>
    <t>128683.0</t>
  </si>
  <si>
    <t>134323.0</t>
  </si>
  <si>
    <t>137144.0</t>
  </si>
  <si>
    <t>142785.0</t>
  </si>
  <si>
    <t>145605.0</t>
  </si>
  <si>
    <t>148426.0</t>
  </si>
  <si>
    <t>161174158.0</t>
  </si>
  <si>
    <t>76976681.0</t>
  </si>
  <si>
    <t>72254350.0</t>
  </si>
  <si>
    <t>17313409.0</t>
  </si>
  <si>
    <t>143175.0</t>
  </si>
  <si>
    <t>30693.0</t>
  </si>
  <si>
    <t>137924.0</t>
  </si>
  <si>
    <t>28863.0</t>
  </si>
  <si>
    <t>132673.0</t>
  </si>
  <si>
    <t>127422.0</t>
  </si>
  <si>
    <t>122170.0</t>
  </si>
  <si>
    <t>116919.0</t>
  </si>
  <si>
    <t>162067505.0</t>
  </si>
  <si>
    <t>77134380.0</t>
  </si>
  <si>
    <t>72416833.0</t>
  </si>
  <si>
    <t>17726336.0</t>
  </si>
  <si>
    <t>140.25</t>
  </si>
  <si>
    <t>114207.0</t>
  </si>
  <si>
    <t>19729.0</t>
  </si>
  <si>
    <t>119284.0</t>
  </si>
  <si>
    <t>162844138.0</t>
  </si>
  <si>
    <t>77253008.0</t>
  </si>
  <si>
    <t>72568579.0</t>
  </si>
  <si>
    <t>18095217.0</t>
  </si>
  <si>
    <t>126900.0</t>
  </si>
  <si>
    <t>19763.0</t>
  </si>
  <si>
    <t>129111.0</t>
  </si>
  <si>
    <t>128783.0</t>
  </si>
  <si>
    <t>128455.0</t>
  </si>
  <si>
    <t>127799.0</t>
  </si>
  <si>
    <t>163734141.0</t>
  </si>
  <si>
    <t>77387291.0</t>
  </si>
  <si>
    <t>72747959.0</t>
  </si>
  <si>
    <t>18508543.0</t>
  </si>
  <si>
    <t>141.69</t>
  </si>
  <si>
    <t>120614.0</t>
  </si>
  <si>
    <t>114085.0</t>
  </si>
  <si>
    <t>107557.0</t>
  </si>
  <si>
    <t>101028.0</t>
  </si>
  <si>
    <t>15051.0</t>
  </si>
  <si>
    <t>94499.0</t>
  </si>
  <si>
    <t>87970.0</t>
  </si>
  <si>
    <t>164304227.0</t>
  </si>
  <si>
    <t>77470954.0</t>
  </si>
  <si>
    <t>72853661.0</t>
  </si>
  <si>
    <t>18779611.0</t>
  </si>
  <si>
    <t>85831.0</t>
  </si>
  <si>
    <t>88026.0</t>
  </si>
  <si>
    <t>90221.0</t>
  </si>
  <si>
    <t>164981870.0</t>
  </si>
  <si>
    <t>77569580.0</t>
  </si>
  <si>
    <t>72976259.0</t>
  </si>
  <si>
    <t>19110988.0</t>
  </si>
  <si>
    <t>105965.0</t>
  </si>
  <si>
    <t>110544.0</t>
  </si>
  <si>
    <t>115123.0</t>
  </si>
  <si>
    <t>119703.0</t>
  </si>
  <si>
    <t>124282.0</t>
  </si>
  <si>
    <t>165883899.0</t>
  </si>
  <si>
    <t>77705048.0</t>
  </si>
  <si>
    <t>73122738.0</t>
  </si>
  <si>
    <t>19588463.0</t>
  </si>
  <si>
    <t>127738.0</t>
  </si>
  <si>
    <t>125491.0</t>
  </si>
  <si>
    <t>124367.0</t>
  </si>
  <si>
    <t>123243.0</t>
  </si>
  <si>
    <t>166730872.0</t>
  </si>
  <si>
    <t>77838774.0</t>
  </si>
  <si>
    <t>73261465.0</t>
  </si>
  <si>
    <t>20016781.0</t>
  </si>
  <si>
    <t>19104.0</t>
  </si>
  <si>
    <t>114351.0</t>
  </si>
  <si>
    <t>101060.0</t>
  </si>
  <si>
    <t>94415.0</t>
  </si>
  <si>
    <t>167252222.0</t>
  </si>
  <si>
    <t>77931484.0</t>
  </si>
  <si>
    <t>73362164.0</t>
  </si>
  <si>
    <t>20261137.0</t>
  </si>
  <si>
    <t>68994.0</t>
  </si>
  <si>
    <t>63510.0</t>
  </si>
  <si>
    <t>60767.0</t>
  </si>
  <si>
    <t>167639203.0</t>
  </si>
  <si>
    <t>77994168.0</t>
  </si>
  <si>
    <t>73449131.0</t>
  </si>
  <si>
    <t>20425579.0</t>
  </si>
  <si>
    <t>55283.0</t>
  </si>
  <si>
    <t>54021.0</t>
  </si>
  <si>
    <t>52760.0</t>
  </si>
  <si>
    <t>167964363.0</t>
  </si>
  <si>
    <t>78042080.0</t>
  </si>
  <si>
    <t>73524190.0</t>
  </si>
  <si>
    <t>20561136.0</t>
  </si>
  <si>
    <t>145.35</t>
  </si>
  <si>
    <t>35896.0</t>
  </si>
  <si>
    <t>27979.0</t>
  </si>
  <si>
    <t>168356070.0</t>
  </si>
  <si>
    <t>78102787.0</t>
  </si>
  <si>
    <t>73615441.0</t>
  </si>
  <si>
    <t>20724926.0</t>
  </si>
  <si>
    <t>29700.0</t>
  </si>
  <si>
    <t>33141.0</t>
  </si>
  <si>
    <t>34861.0</t>
  </si>
  <si>
    <t>168636230.0</t>
  </si>
  <si>
    <t>78152276.0</t>
  </si>
  <si>
    <t>73686596.0</t>
  </si>
  <si>
    <t>20838363.0</t>
  </si>
  <si>
    <t>145.93</t>
  </si>
  <si>
    <t>38131.0</t>
  </si>
  <si>
    <t>168893220.0</t>
  </si>
  <si>
    <t>78196194.0</t>
  </si>
  <si>
    <t>73738568.0</t>
  </si>
  <si>
    <t>20946059.0</t>
  </si>
  <si>
    <t>31675.0</t>
  </si>
  <si>
    <t>169088496.0</t>
  </si>
  <si>
    <t>78217768.0</t>
  </si>
  <si>
    <t>73762731.0</t>
  </si>
  <si>
    <t>21072029.0</t>
  </si>
  <si>
    <t>146.32</t>
  </si>
  <si>
    <t>29839.0</t>
  </si>
  <si>
    <t>33724.0</t>
  </si>
  <si>
    <t>169574232.0</t>
  </si>
  <si>
    <t>78326578.0</t>
  </si>
  <si>
    <t>73875746.0</t>
  </si>
  <si>
    <t>21232041.0</t>
  </si>
  <si>
    <t>PCN</t>
  </si>
  <si>
    <t>Pitcairn</t>
  </si>
  <si>
    <t>248.94</t>
  </si>
  <si>
    <t>POL</t>
  </si>
  <si>
    <t>Poland</t>
  </si>
  <si>
    <t>-6305.6</t>
  </si>
  <si>
    <t>-158.205013384802</t>
  </si>
  <si>
    <t>-6600.5</t>
  </si>
  <si>
    <t>-6.69</t>
  </si>
  <si>
    <t>-165.60393790383</t>
  </si>
  <si>
    <t>-6851.2</t>
  </si>
  <si>
    <t>-6.39</t>
  </si>
  <si>
    <t>-171.893901881178</t>
  </si>
  <si>
    <t>-7146.1</t>
  </si>
  <si>
    <t>-179.292826400206</t>
  </si>
  <si>
    <t>-7409.0</t>
  </si>
  <si>
    <t>-185.888883558742</t>
  </si>
  <si>
    <t>85218.0</t>
  </si>
  <si>
    <t>-7514.3</t>
  </si>
  <si>
    <t>-188.530818966858</t>
  </si>
  <si>
    <t>143854.0</t>
  </si>
  <si>
    <t>-7234.4</t>
  </si>
  <si>
    <t>-181.508238523061</t>
  </si>
  <si>
    <t>212473.0</t>
  </si>
  <si>
    <t>5.546</t>
  </si>
  <si>
    <t>-7405.9</t>
  </si>
  <si>
    <t>-185.811105783194</t>
  </si>
  <si>
    <t>297643.0</t>
  </si>
  <si>
    <t>-7371.2</t>
  </si>
  <si>
    <t>-184.940496489161</t>
  </si>
  <si>
    <t>381851.0</t>
  </si>
  <si>
    <t>-7372.7</t>
  </si>
  <si>
    <t>-184.978130896684</t>
  </si>
  <si>
    <t>488270.0</t>
  </si>
  <si>
    <t>-7279.0</t>
  </si>
  <si>
    <t>-182.627234906746</t>
  </si>
  <si>
    <t>625414.0</t>
  </si>
  <si>
    <t>-7295.3</t>
  </si>
  <si>
    <t>-4.1</t>
  </si>
  <si>
    <t>-183.036195468496</t>
  </si>
  <si>
    <t>770877.0</t>
  </si>
  <si>
    <t>20.123</t>
  </si>
  <si>
    <t>-7199.0</t>
  </si>
  <si>
    <t>-180.620066505518</t>
  </si>
  <si>
    <t>908180.0</t>
  </si>
  <si>
    <t>-6894.9</t>
  </si>
  <si>
    <t>-172.990317620349</t>
  </si>
  <si>
    <t>1037702.0</t>
  </si>
  <si>
    <t>-6646.4</t>
  </si>
  <si>
    <t>-166.755550774034</t>
  </si>
  <si>
    <t>17728.0</t>
  </si>
  <si>
    <t>1157732.0</t>
  </si>
  <si>
    <t>-6709.9</t>
  </si>
  <si>
    <t>-168.348740692509</t>
  </si>
  <si>
    <t>19683.0</t>
  </si>
  <si>
    <t>1298470.0</t>
  </si>
  <si>
    <t>33.896</t>
  </si>
  <si>
    <t>20105.0</t>
  </si>
  <si>
    <t>-6636.6</t>
  </si>
  <si>
    <t>-166.509672644884</t>
  </si>
  <si>
    <t>48.247</t>
  </si>
  <si>
    <t>1429711.0</t>
  </si>
  <si>
    <t>37.322</t>
  </si>
  <si>
    <t>-6294.7</t>
  </si>
  <si>
    <t>-157.931536690135</t>
  </si>
  <si>
    <t>1560616.0</t>
  </si>
  <si>
    <t>40.739</t>
  </si>
  <si>
    <t>-6280.8</t>
  </si>
  <si>
    <t>-157.582791180422</t>
  </si>
  <si>
    <t>1684756.0</t>
  </si>
  <si>
    <t>17734.0</t>
  </si>
  <si>
    <t>-6138.3</t>
  </si>
  <si>
    <t>-154.007522465734</t>
  </si>
  <si>
    <t>1808956.0</t>
  </si>
  <si>
    <t>47.222</t>
  </si>
  <si>
    <t>17771.0</t>
  </si>
  <si>
    <t>-6189.4</t>
  </si>
  <si>
    <t>-155.289601282019</t>
  </si>
  <si>
    <t>41.523</t>
  </si>
  <si>
    <t>42.502</t>
  </si>
  <si>
    <t>1933620.0</t>
  </si>
  <si>
    <t>50.476</t>
  </si>
  <si>
    <t>-5908.9</t>
  </si>
  <si>
    <t>-148.251967075212</t>
  </si>
  <si>
    <t>2075040.0</t>
  </si>
  <si>
    <t>54.168</t>
  </si>
  <si>
    <t>-5426.4</t>
  </si>
  <si>
    <t>-136.146232655305</t>
  </si>
  <si>
    <t>21148.0</t>
  </si>
  <si>
    <t>21620.0</t>
  </si>
  <si>
    <t>2228035.0</t>
  </si>
  <si>
    <t>58.162</t>
  </si>
  <si>
    <t>-4660.9</t>
  </si>
  <si>
    <t>-116.940140016053</t>
  </si>
  <si>
    <t>21886.0</t>
  </si>
  <si>
    <t>2381273.0</t>
  </si>
  <si>
    <t>-3861.2</t>
  </si>
  <si>
    <t>-96.8759828852765</t>
  </si>
  <si>
    <t>54.444</t>
  </si>
  <si>
    <t>2550220.0</t>
  </si>
  <si>
    <t>56.125</t>
  </si>
  <si>
    <t>24077.0</t>
  </si>
  <si>
    <t>-3849.9</t>
  </si>
  <si>
    <t>-96.592470348603</t>
  </si>
  <si>
    <t>2717727.0</t>
  </si>
  <si>
    <t>-3595.6</t>
  </si>
  <si>
    <t>-90.212183793199</t>
  </si>
  <si>
    <t>2865423.0</t>
  </si>
  <si>
    <t>-3131.3</t>
  </si>
  <si>
    <t>-78.5630801845712</t>
  </si>
  <si>
    <t>49.477</t>
  </si>
  <si>
    <t>2993739.0</t>
  </si>
  <si>
    <t>-2401.0</t>
  </si>
  <si>
    <t>-60.2401416418597</t>
  </si>
  <si>
    <t>18904.0</t>
  </si>
  <si>
    <t>81.646</t>
  </si>
  <si>
    <t>-1895.5</t>
  </si>
  <si>
    <t>-47.5573463065994</t>
  </si>
  <si>
    <t>3274655.0</t>
  </si>
  <si>
    <t>85.483</t>
  </si>
  <si>
    <t>20997.0</t>
  </si>
  <si>
    <t>-1398.4</t>
  </si>
  <si>
    <t>-35.085303653468</t>
  </si>
  <si>
    <t>3457092.0</t>
  </si>
  <si>
    <t>90.245</t>
  </si>
  <si>
    <t>-77.9000000000001</t>
  </si>
  <si>
    <t>-1.95448023069591</t>
  </si>
  <si>
    <t>3691451.0</t>
  </si>
  <si>
    <t>96.363</t>
  </si>
  <si>
    <t>54.1684572281446</t>
  </si>
  <si>
    <t>42270.0</t>
  </si>
  <si>
    <t>3997596.0</t>
  </si>
  <si>
    <t>104.355</t>
  </si>
  <si>
    <t>47405.0</t>
  </si>
  <si>
    <t>6626.3</t>
  </si>
  <si>
    <t>166.251249713226</t>
  </si>
  <si>
    <t>48629.0</t>
  </si>
  <si>
    <t>51076.0</t>
  </si>
  <si>
    <t>4363691.0</t>
  </si>
  <si>
    <t>113.912</t>
  </si>
  <si>
    <t>52299.0</t>
  </si>
  <si>
    <t>338.057337976851</t>
  </si>
  <si>
    <t>60021.0</t>
  </si>
  <si>
    <t>4824382.0</t>
  </si>
  <si>
    <t>125.938</t>
  </si>
  <si>
    <t>0.3201</t>
  </si>
  <si>
    <t>65545.0</t>
  </si>
  <si>
    <t>20249.0</t>
  </si>
  <si>
    <t>65277.0</t>
  </si>
  <si>
    <t>65008.0</t>
  </si>
  <si>
    <t>21924.1</t>
  </si>
  <si>
    <t>550.067009317075</t>
  </si>
  <si>
    <t>64740.0</t>
  </si>
  <si>
    <t>0.3989</t>
  </si>
  <si>
    <t>5271932.0</t>
  </si>
  <si>
    <t>137.621</t>
  </si>
  <si>
    <t>63936.0</t>
  </si>
  <si>
    <t>0.3906</t>
  </si>
  <si>
    <t>0.3916</t>
  </si>
  <si>
    <t>0.3958</t>
  </si>
  <si>
    <t>745.637971451241</t>
  </si>
  <si>
    <t>58841.0</t>
  </si>
  <si>
    <t>0.4022</t>
  </si>
  <si>
    <t>5657073.0</t>
  </si>
  <si>
    <t>147.674</t>
  </si>
  <si>
    <t>0.3994</t>
  </si>
  <si>
    <t>22478.0</t>
  </si>
  <si>
    <t>54938.0</t>
  </si>
  <si>
    <t>54898.0</t>
  </si>
  <si>
    <t>36616.1</t>
  </si>
  <si>
    <t>918.683486202624</t>
  </si>
  <si>
    <t>0.4069</t>
  </si>
  <si>
    <t>6040213.0</t>
  </si>
  <si>
    <t>157.676</t>
  </si>
  <si>
    <t>54734.0</t>
  </si>
  <si>
    <t>53137.0</t>
  </si>
  <si>
    <t>0.3498</t>
  </si>
  <si>
    <t>0.3378</t>
  </si>
  <si>
    <t>42278.0</t>
  </si>
  <si>
    <t>1060.73832083904</t>
  </si>
  <si>
    <t>539.527</t>
  </si>
  <si>
    <t>6384223.0</t>
  </si>
  <si>
    <t>166.656</t>
  </si>
  <si>
    <t>49098.0</t>
  </si>
  <si>
    <t>47086.7</t>
  </si>
  <si>
    <t>1181.38670447637</t>
  </si>
  <si>
    <t>19459.0</t>
  </si>
  <si>
    <t>6727479.0</t>
  </si>
  <si>
    <t>175.617</t>
  </si>
  <si>
    <t>49037.0</t>
  </si>
  <si>
    <t>48376.0</t>
  </si>
  <si>
    <t>1278.71680921242</t>
  </si>
  <si>
    <t>47386.0</t>
  </si>
  <si>
    <t>7054560.0</t>
  </si>
  <si>
    <t>184.155</t>
  </si>
  <si>
    <t>46362.0</t>
  </si>
  <si>
    <t>45998.0</t>
  </si>
  <si>
    <t>54327.7</t>
  </si>
  <si>
    <t>1363.06053439253</t>
  </si>
  <si>
    <t>7363803.0</t>
  </si>
  <si>
    <t>192.228</t>
  </si>
  <si>
    <t>44178.0</t>
  </si>
  <si>
    <t>41373.0</t>
  </si>
  <si>
    <t>57877.8</t>
  </si>
  <si>
    <t>1452.13114115753</t>
  </si>
  <si>
    <t>7604343.0</t>
  </si>
  <si>
    <t>198.507</t>
  </si>
  <si>
    <t>34363.0</t>
  </si>
  <si>
    <t>47600.0</t>
  </si>
  <si>
    <t>36054.0</t>
  </si>
  <si>
    <t>61074.9</t>
  </si>
  <si>
    <t>1532.34511735211</t>
  </si>
  <si>
    <t>140226.0</t>
  </si>
  <si>
    <t>48006.0</t>
  </si>
  <si>
    <t>39438.0</t>
  </si>
  <si>
    <t>160359.0</t>
  </si>
  <si>
    <t>17723.0</t>
  </si>
  <si>
    <t>7886328.0</t>
  </si>
  <si>
    <t>205.868</t>
  </si>
  <si>
    <t>40284.0</t>
  </si>
  <si>
    <t>188956.0</t>
  </si>
  <si>
    <t>198787.0</t>
  </si>
  <si>
    <t>59866.0</t>
  </si>
  <si>
    <t>200022.0</t>
  </si>
  <si>
    <t>69657.0</t>
  </si>
  <si>
    <t>203053.0</t>
  </si>
  <si>
    <t>63652.9</t>
  </si>
  <si>
    <t>1597.02611908169</t>
  </si>
  <si>
    <t>79448.0</t>
  </si>
  <si>
    <t>257834.0</t>
  </si>
  <si>
    <t>309620.0</t>
  </si>
  <si>
    <t>99031.0</t>
  </si>
  <si>
    <t>369212.0</t>
  </si>
  <si>
    <t>59592.0</t>
  </si>
  <si>
    <t>8648082.0</t>
  </si>
  <si>
    <t>225.753</t>
  </si>
  <si>
    <t>108822.0</t>
  </si>
  <si>
    <t>410480.0</t>
  </si>
  <si>
    <t>436963.0</t>
  </si>
  <si>
    <t>89337.0</t>
  </si>
  <si>
    <t>457303.0</t>
  </si>
  <si>
    <t>469466.0</t>
  </si>
  <si>
    <t>468795.0</t>
  </si>
  <si>
    <t>65717.9</t>
  </si>
  <si>
    <t>1648.83615343839</t>
  </si>
  <si>
    <t>495164.0</t>
  </si>
  <si>
    <t>491696.0</t>
  </si>
  <si>
    <t>25698.0</t>
  </si>
  <si>
    <t>33409.0</t>
  </si>
  <si>
    <t>541229.0</t>
  </si>
  <si>
    <t>530055.0</t>
  </si>
  <si>
    <t>31491.0</t>
  </si>
  <si>
    <t>591785.0</t>
  </si>
  <si>
    <t>566793.0</t>
  </si>
  <si>
    <t>50556.0</t>
  </si>
  <si>
    <t>8932453.0</t>
  </si>
  <si>
    <t>233.176</t>
  </si>
  <si>
    <t>644999.0</t>
  </si>
  <si>
    <t>605313.0</t>
  </si>
  <si>
    <t>33503.0</t>
  </si>
  <si>
    <t>39609.0</t>
  </si>
  <si>
    <t>638798.0</t>
  </si>
  <si>
    <t>35331.0</t>
  </si>
  <si>
    <t>28834.0</t>
  </si>
  <si>
    <t>701164.0</t>
  </si>
  <si>
    <t>654184.0</t>
  </si>
  <si>
    <t>707474.0</t>
  </si>
  <si>
    <t>659753.0</t>
  </si>
  <si>
    <t>67804.1</t>
  </si>
  <si>
    <t>1701.17808742142</t>
  </si>
  <si>
    <t>36564.0</t>
  </si>
  <si>
    <t>776987.0</t>
  </si>
  <si>
    <t>701222.0</t>
  </si>
  <si>
    <t>75765.0</t>
  </si>
  <si>
    <t>69513.0</t>
  </si>
  <si>
    <t>29932.0</t>
  </si>
  <si>
    <t>905457.0</t>
  </si>
  <si>
    <t>782413.0</t>
  </si>
  <si>
    <t>123044.0</t>
  </si>
  <si>
    <t>128470.0</t>
  </si>
  <si>
    <t>36051.0</t>
  </si>
  <si>
    <t>1008253.0</t>
  </si>
  <si>
    <t>858474.0</t>
  </si>
  <si>
    <t>149779.0</t>
  </si>
  <si>
    <t>59495.0</t>
  </si>
  <si>
    <t>41669.0</t>
  </si>
  <si>
    <t>9167085.0</t>
  </si>
  <si>
    <t>239.301</t>
  </si>
  <si>
    <t>1097036.0</t>
  </si>
  <si>
    <t>917908.0</t>
  </si>
  <si>
    <t>179128.0</t>
  </si>
  <si>
    <t>88783.0</t>
  </si>
  <si>
    <t>64577.0</t>
  </si>
  <si>
    <t>1141081.0</t>
  </si>
  <si>
    <t>945600.0</t>
  </si>
  <si>
    <t>195481.0</t>
  </si>
  <si>
    <t>1156931.0</t>
  </si>
  <si>
    <t>198478.0</t>
  </si>
  <si>
    <t>65110.0</t>
  </si>
  <si>
    <t>1176904.0</t>
  </si>
  <si>
    <t>976367.0</t>
  </si>
  <si>
    <t>200537.0</t>
  </si>
  <si>
    <t>19973.0</t>
  </si>
  <si>
    <t>69190.1</t>
  </si>
  <si>
    <t>1735.95227997269</t>
  </si>
  <si>
    <t>1231716.0</t>
  </si>
  <si>
    <t>998587.0</t>
  </si>
  <si>
    <t>233129.0</t>
  </si>
  <si>
    <t>64961.0</t>
  </si>
  <si>
    <t>1342435.0</t>
  </si>
  <si>
    <t>1053245.0</t>
  </si>
  <si>
    <t>289190.0</t>
  </si>
  <si>
    <t>110719.0</t>
  </si>
  <si>
    <t>38032.0</t>
  </si>
  <si>
    <t>1461578.0</t>
  </si>
  <si>
    <t>1117146.0</t>
  </si>
  <si>
    <t>344432.0</t>
  </si>
  <si>
    <t>64761.0</t>
  </si>
  <si>
    <t>9438573.0</t>
  </si>
  <si>
    <t>246.388</t>
  </si>
  <si>
    <t>38784.0</t>
  </si>
  <si>
    <t>1566604.0</t>
  </si>
  <si>
    <t>1171229.0</t>
  </si>
  <si>
    <t>395375.0</t>
  </si>
  <si>
    <t>67081.0</t>
  </si>
  <si>
    <t>1617764.0</t>
  </si>
  <si>
    <t>1193034.0</t>
  </si>
  <si>
    <t>424730.0</t>
  </si>
  <si>
    <t>68098.0</t>
  </si>
  <si>
    <t>1641158.0</t>
  </si>
  <si>
    <t>1200793.0</t>
  </si>
  <si>
    <t>440365.0</t>
  </si>
  <si>
    <t>69175.0</t>
  </si>
  <si>
    <t>34620.0</t>
  </si>
  <si>
    <t>1656708.0</t>
  </si>
  <si>
    <t>1206212.0</t>
  </si>
  <si>
    <t>68543.0</t>
  </si>
  <si>
    <t>69802.1</t>
  </si>
  <si>
    <t>1751.30711824209</t>
  </si>
  <si>
    <t>41354.0</t>
  </si>
  <si>
    <t>69071.0</t>
  </si>
  <si>
    <t>1773715.0</t>
  </si>
  <si>
    <t>1291569.0</t>
  </si>
  <si>
    <t>482146.0</t>
  </si>
  <si>
    <t>12472.0</t>
  </si>
  <si>
    <t>33601.0</t>
  </si>
  <si>
    <t>306.771</t>
  </si>
  <si>
    <t>9741547.0</t>
  </si>
  <si>
    <t>254.297</t>
  </si>
  <si>
    <t>1993739.0</t>
  </si>
  <si>
    <t>1413132.0</t>
  </si>
  <si>
    <t>580607.0</t>
  </si>
  <si>
    <t>2071009.0</t>
  </si>
  <si>
    <t>1446102.0</t>
  </si>
  <si>
    <t>624907.0</t>
  </si>
  <si>
    <t>36153.0</t>
  </si>
  <si>
    <t>2107089.0</t>
  </si>
  <si>
    <t>1466439.0</t>
  </si>
  <si>
    <t>640650.0</t>
  </si>
  <si>
    <t>2122245.0</t>
  </si>
  <si>
    <t>1476274.0</t>
  </si>
  <si>
    <t>645971.0</t>
  </si>
  <si>
    <t>38580.0</t>
  </si>
  <si>
    <t>70512.7</t>
  </si>
  <si>
    <t>1769.135791566</t>
  </si>
  <si>
    <t>2159146.0</t>
  </si>
  <si>
    <t>1500911.0</t>
  </si>
  <si>
    <t>658235.0</t>
  </si>
  <si>
    <t>36901.0</t>
  </si>
  <si>
    <t>63419.0</t>
  </si>
  <si>
    <t>2230117.0</t>
  </si>
  <si>
    <t>691380.0</t>
  </si>
  <si>
    <t>65200.0</t>
  </si>
  <si>
    <t>35310.0</t>
  </si>
  <si>
    <t>45043.0</t>
  </si>
  <si>
    <t>2384794.0</t>
  </si>
  <si>
    <t>1610734.0</t>
  </si>
  <si>
    <t>774060.0</t>
  </si>
  <si>
    <t>71581.0</t>
  </si>
  <si>
    <t>10058906.0</t>
  </si>
  <si>
    <t>262.582</t>
  </si>
  <si>
    <t>45337.0</t>
  </si>
  <si>
    <t>2556999.0</t>
  </si>
  <si>
    <t>1691115.0</t>
  </si>
  <si>
    <t>865884.0</t>
  </si>
  <si>
    <t>172205.0</t>
  </si>
  <si>
    <t>80466.0</t>
  </si>
  <si>
    <t>45846.0</t>
  </si>
  <si>
    <t>2660776.0</t>
  </si>
  <si>
    <t>1743841.0</t>
  </si>
  <si>
    <t>916935.0</t>
  </si>
  <si>
    <t>103777.0</t>
  </si>
  <si>
    <t>84252.0</t>
  </si>
  <si>
    <t>46354.0</t>
  </si>
  <si>
    <t>2697815.0</t>
  </si>
  <si>
    <t>1772133.0</t>
  </si>
  <si>
    <t>925682.0</t>
  </si>
  <si>
    <t>46863.0</t>
  </si>
  <si>
    <t>2715159.0</t>
  </si>
  <si>
    <t>1785194.0</t>
  </si>
  <si>
    <t>929965.0</t>
  </si>
  <si>
    <t>84702.0</t>
  </si>
  <si>
    <t>44131.0</t>
  </si>
  <si>
    <t>71355.1</t>
  </si>
  <si>
    <t>1790.27127483093</t>
  </si>
  <si>
    <t>47372.0</t>
  </si>
  <si>
    <t>2759436.0</t>
  </si>
  <si>
    <t>1824654.0</t>
  </si>
  <si>
    <t>934782.0</t>
  </si>
  <si>
    <t>85756.0</t>
  </si>
  <si>
    <t>48389.0</t>
  </si>
  <si>
    <t>2990683.0</t>
  </si>
  <si>
    <t>1959165.0</t>
  </si>
  <si>
    <t>1031518.0</t>
  </si>
  <si>
    <t>86556.0</t>
  </si>
  <si>
    <t>10401192.0</t>
  </si>
  <si>
    <t>271.517</t>
  </si>
  <si>
    <t>3269812.0</t>
  </si>
  <si>
    <t>1168058.0</t>
  </si>
  <si>
    <t>87005.0</t>
  </si>
  <si>
    <t>50507.0</t>
  </si>
  <si>
    <t>51169.0</t>
  </si>
  <si>
    <t>3336354.0</t>
  </si>
  <si>
    <t>2149607.0</t>
  </si>
  <si>
    <t>1186747.0</t>
  </si>
  <si>
    <t>88742.0</t>
  </si>
  <si>
    <t>72062.9</t>
  </si>
  <si>
    <t>1808.0296972608</t>
  </si>
  <si>
    <t>3383426.0</t>
  </si>
  <si>
    <t>2190526.0</t>
  </si>
  <si>
    <t>1192900.0</t>
  </si>
  <si>
    <t>52267.0</t>
  </si>
  <si>
    <t>53203.0</t>
  </si>
  <si>
    <t>3619316.0</t>
  </si>
  <si>
    <t>2338137.0</t>
  </si>
  <si>
    <t>1281179.0</t>
  </si>
  <si>
    <t>89805.0</t>
  </si>
  <si>
    <t>10780572.0</t>
  </si>
  <si>
    <t>281.42</t>
  </si>
  <si>
    <t>54197.0</t>
  </si>
  <si>
    <t>3791577.0</t>
  </si>
  <si>
    <t>2424929.0</t>
  </si>
  <si>
    <t>1366648.0</t>
  </si>
  <si>
    <t>94476.0</t>
  </si>
  <si>
    <t>56353.0</t>
  </si>
  <si>
    <t>55643.0</t>
  </si>
  <si>
    <t>85933.0</t>
  </si>
  <si>
    <t>57089.0</t>
  </si>
  <si>
    <t>3951104.0</t>
  </si>
  <si>
    <t>2526389.0</t>
  </si>
  <si>
    <t>1424715.0</t>
  </si>
  <si>
    <t>92574.0</t>
  </si>
  <si>
    <t>91652.0</t>
  </si>
  <si>
    <t>73033.1</t>
  </si>
  <si>
    <t>1832.37163204669</t>
  </si>
  <si>
    <t>4004734.0</t>
  </si>
  <si>
    <t>2570094.0</t>
  </si>
  <si>
    <t>1434640.0</t>
  </si>
  <si>
    <t>88758.0</t>
  </si>
  <si>
    <t>4086863.0</t>
  </si>
  <si>
    <t>2641693.0</t>
  </si>
  <si>
    <t>1445170.0</t>
  </si>
  <si>
    <t>82129.0</t>
  </si>
  <si>
    <t>62872.0</t>
  </si>
  <si>
    <t>0.2111</t>
  </si>
  <si>
    <t>88535.0</t>
  </si>
  <si>
    <t>11230795.0</t>
  </si>
  <si>
    <t>293.173</t>
  </si>
  <si>
    <t>4391256.0</t>
  </si>
  <si>
    <t>2835856.0</t>
  </si>
  <si>
    <t>1555400.0</t>
  </si>
  <si>
    <t>85668.0</t>
  </si>
  <si>
    <t>4487273.0</t>
  </si>
  <si>
    <t>2891753.0</t>
  </si>
  <si>
    <t>1595520.0</t>
  </si>
  <si>
    <t>4517537.0</t>
  </si>
  <si>
    <t>2914792.0</t>
  </si>
  <si>
    <t>1602745.0</t>
  </si>
  <si>
    <t>80919.0</t>
  </si>
  <si>
    <t>68645.0</t>
  </si>
  <si>
    <t>0.2325</t>
  </si>
  <si>
    <t>4530783.0</t>
  </si>
  <si>
    <t>2924629.0</t>
  </si>
  <si>
    <t>1606154.0</t>
  </si>
  <si>
    <t>74842.3</t>
  </si>
  <si>
    <t>1877.76374544047</t>
  </si>
  <si>
    <t>4557060.0</t>
  </si>
  <si>
    <t>2946767.0</t>
  </si>
  <si>
    <t>1610293.0</t>
  </si>
  <si>
    <t>26277.0</t>
  </si>
  <si>
    <t>78904.0</t>
  </si>
  <si>
    <t>53810.0</t>
  </si>
  <si>
    <t>4605929.0</t>
  </si>
  <si>
    <t>2984642.0</t>
  </si>
  <si>
    <t>1621287.0</t>
  </si>
  <si>
    <t>74152.0</t>
  </si>
  <si>
    <t>72972.0</t>
  </si>
  <si>
    <t>4738902.0</t>
  </si>
  <si>
    <t>3074378.0</t>
  </si>
  <si>
    <t>1664524.0</t>
  </si>
  <si>
    <t>71406.0</t>
  </si>
  <si>
    <t>11751694.0</t>
  </si>
  <si>
    <t>74414.0</t>
  </si>
  <si>
    <t>4893320.0</t>
  </si>
  <si>
    <t>3162971.0</t>
  </si>
  <si>
    <t>1730349.0</t>
  </si>
  <si>
    <t>154418.0</t>
  </si>
  <si>
    <t>71723.0</t>
  </si>
  <si>
    <t>4983494.0</t>
  </si>
  <si>
    <t>3213724.0</t>
  </si>
  <si>
    <t>1769770.0</t>
  </si>
  <si>
    <t>90174.0</t>
  </si>
  <si>
    <t>70889.0</t>
  </si>
  <si>
    <t>0.2681</t>
  </si>
  <si>
    <t>5014167.0</t>
  </si>
  <si>
    <t>3233998.0</t>
  </si>
  <si>
    <t>1780169.0</t>
  </si>
  <si>
    <t>45601.0</t>
  </si>
  <si>
    <t>80547.0</t>
  </si>
  <si>
    <t>5026182.0</t>
  </si>
  <si>
    <t>3242462.0</t>
  </si>
  <si>
    <t>1783720.0</t>
  </si>
  <si>
    <t>70771.0</t>
  </si>
  <si>
    <t>77603.3</t>
  </si>
  <si>
    <t>1947.03614488785</t>
  </si>
  <si>
    <t>82591.0</t>
  </si>
  <si>
    <t>5077928.0</t>
  </si>
  <si>
    <t>3289482.0</t>
  </si>
  <si>
    <t>1788446.0</t>
  </si>
  <si>
    <t>51746.0</t>
  </si>
  <si>
    <t>74410.0</t>
  </si>
  <si>
    <t>48959.0</t>
  </si>
  <si>
    <t>26075.0</t>
  </si>
  <si>
    <t>84636.0</t>
  </si>
  <si>
    <t>5193835.0</t>
  </si>
  <si>
    <t>3385827.0</t>
  </si>
  <si>
    <t>1808008.0</t>
  </si>
  <si>
    <t>57312.0</t>
  </si>
  <si>
    <t>86680.0</t>
  </si>
  <si>
    <t>5381726.0</t>
  </si>
  <si>
    <t>3524209.0</t>
  </si>
  <si>
    <t>1857517.0</t>
  </si>
  <si>
    <t>187891.0</t>
  </si>
  <si>
    <t>91832.0</t>
  </si>
  <si>
    <t>12372763.0</t>
  </si>
  <si>
    <t>322.983</t>
  </si>
  <si>
    <t>88724.0</t>
  </si>
  <si>
    <t>88295.0</t>
  </si>
  <si>
    <t>5755551.0</t>
  </si>
  <si>
    <t>3785646.0</t>
  </si>
  <si>
    <t>1969905.0</t>
  </si>
  <si>
    <t>110294.0</t>
  </si>
  <si>
    <t>114986.0</t>
  </si>
  <si>
    <t>29071.0</t>
  </si>
  <si>
    <t>87437.0</t>
  </si>
  <si>
    <t>5882581.0</t>
  </si>
  <si>
    <t>3889970.0</t>
  </si>
  <si>
    <t>1992611.0</t>
  </si>
  <si>
    <t>122343.0</t>
  </si>
  <si>
    <t>92501.0</t>
  </si>
  <si>
    <t>81536.5</t>
  </si>
  <si>
    <t>2045.71857933423</t>
  </si>
  <si>
    <t>129182.0</t>
  </si>
  <si>
    <t>6081824.0</t>
  </si>
  <si>
    <t>4062784.0</t>
  </si>
  <si>
    <t>2019040.0</t>
  </si>
  <si>
    <t>126856.0</t>
  </si>
  <si>
    <t>96708.0</t>
  </si>
  <si>
    <t>6270976.0</t>
  </si>
  <si>
    <t>4231313.0</t>
  </si>
  <si>
    <t>2039663.0</t>
  </si>
  <si>
    <t>189152.0</t>
  </si>
  <si>
    <t>127036.0</t>
  </si>
  <si>
    <t>101015.0</t>
  </si>
  <si>
    <t>12972815.0</t>
  </si>
  <si>
    <t>338.647</t>
  </si>
  <si>
    <t>85722.0</t>
  </si>
  <si>
    <t>6462769.0</t>
  </si>
  <si>
    <t>4404565.0</t>
  </si>
  <si>
    <t>2058204.0</t>
  </si>
  <si>
    <t>191793.0</t>
  </si>
  <si>
    <t>127733.0</t>
  </si>
  <si>
    <t>107091.0</t>
  </si>
  <si>
    <t>6614819.0</t>
  </si>
  <si>
    <t>4544816.0</t>
  </si>
  <si>
    <t>2070003.0</t>
  </si>
  <si>
    <t>152050.0</t>
  </si>
  <si>
    <t>809.391</t>
  </si>
  <si>
    <t>86137.0</t>
  </si>
  <si>
    <t>103912.0</t>
  </si>
  <si>
    <t>86344.0</t>
  </si>
  <si>
    <t>6658909.0</t>
  </si>
  <si>
    <t>4585575.0</t>
  </si>
  <si>
    <t>2073334.0</t>
  </si>
  <si>
    <t>110904.0</t>
  </si>
  <si>
    <t>86827.5</t>
  </si>
  <si>
    <t>2178.46767947046</t>
  </si>
  <si>
    <t>0.2979</t>
  </si>
  <si>
    <t>6665384.0</t>
  </si>
  <si>
    <t>4591351.0</t>
  </si>
  <si>
    <t>2074033.0</t>
  </si>
  <si>
    <t>97597.0</t>
  </si>
  <si>
    <t>87853.0</t>
  </si>
  <si>
    <t>86759.0</t>
  </si>
  <si>
    <t>0.2764</t>
  </si>
  <si>
    <t>107242.0</t>
  </si>
  <si>
    <t>98241.0</t>
  </si>
  <si>
    <t>6999652.0</t>
  </si>
  <si>
    <t>4909594.0</t>
  </si>
  <si>
    <t>2090058.0</t>
  </si>
  <si>
    <t>104097.0</t>
  </si>
  <si>
    <t>96897.0</t>
  </si>
  <si>
    <t>13583033.0</t>
  </si>
  <si>
    <t>354.577</t>
  </si>
  <si>
    <t>87174.0</t>
  </si>
  <si>
    <t>7263426.0</t>
  </si>
  <si>
    <t>5167241.0</t>
  </si>
  <si>
    <t>2096185.0</t>
  </si>
  <si>
    <t>263774.0</t>
  </si>
  <si>
    <t>114380.0</t>
  </si>
  <si>
    <t>108954.0</t>
  </si>
  <si>
    <t>86024.0</t>
  </si>
  <si>
    <t>119218.0</t>
  </si>
  <si>
    <t>114809.0</t>
  </si>
  <si>
    <t>84875.0</t>
  </si>
  <si>
    <t>7635264.0</t>
  </si>
  <si>
    <t>5529714.0</t>
  </si>
  <si>
    <t>2105550.0</t>
  </si>
  <si>
    <t>142629.0</t>
  </si>
  <si>
    <t>137788.0</t>
  </si>
  <si>
    <t>33460.0</t>
  </si>
  <si>
    <t>7687617.0</t>
  </si>
  <si>
    <t>5581068.0</t>
  </si>
  <si>
    <t>2106549.0</t>
  </si>
  <si>
    <t>52353.0</t>
  </si>
  <si>
    <t>146958.0</t>
  </si>
  <si>
    <t>92271.5</t>
  </si>
  <si>
    <t>2315.05548917404</t>
  </si>
  <si>
    <t>7784384.0</t>
  </si>
  <si>
    <t>5670769.0</t>
  </si>
  <si>
    <t>2113615.0</t>
  </si>
  <si>
    <t>159857.0</t>
  </si>
  <si>
    <t>154203.0</t>
  </si>
  <si>
    <t>81425.0</t>
  </si>
  <si>
    <t>7970164.0</t>
  </si>
  <si>
    <t>5832860.0</t>
  </si>
  <si>
    <t>2137304.0</t>
  </si>
  <si>
    <t>185780.0</t>
  </si>
  <si>
    <t>154627.0</t>
  </si>
  <si>
    <t>80276.0</t>
  </si>
  <si>
    <t>160740.0</t>
  </si>
  <si>
    <t>14136915.0</t>
  </si>
  <si>
    <t>369.036</t>
  </si>
  <si>
    <t>79126.0</t>
  </si>
  <si>
    <t>8484815.0</t>
  </si>
  <si>
    <t>6236689.0</t>
  </si>
  <si>
    <t>2248126.0</t>
  </si>
  <si>
    <t>174484.0</t>
  </si>
  <si>
    <t>166557.0</t>
  </si>
  <si>
    <t>143408.0</t>
  </si>
  <si>
    <t>32073.0</t>
  </si>
  <si>
    <t>74526.0</t>
  </si>
  <si>
    <t>134037.0</t>
  </si>
  <si>
    <t>72226.0</t>
  </si>
  <si>
    <t>169784.0</t>
  </si>
  <si>
    <t>143221.0</t>
  </si>
  <si>
    <t>96862.1</t>
  </si>
  <si>
    <t>2430.23182995751</t>
  </si>
  <si>
    <t>9006539.0</t>
  </si>
  <si>
    <t>6699255.0</t>
  </si>
  <si>
    <t>2307284.0</t>
  </si>
  <si>
    <t>174594.0</t>
  </si>
  <si>
    <t>146927.0</t>
  </si>
  <si>
    <t>9210419.0</t>
  </si>
  <si>
    <t>6868703.0</t>
  </si>
  <si>
    <t>2341716.0</t>
  </si>
  <si>
    <t>177179.0</t>
  </si>
  <si>
    <t>9495317.0</t>
  </si>
  <si>
    <t>7079324.0</t>
  </si>
  <si>
    <t>2415993.0</t>
  </si>
  <si>
    <t>149221.0</t>
  </si>
  <si>
    <t>14578103.0</t>
  </si>
  <si>
    <t>380.553</t>
  </si>
  <si>
    <t>9806966.0</t>
  </si>
  <si>
    <t>7311128.0</t>
  </si>
  <si>
    <t>2495838.0</t>
  </si>
  <si>
    <t>311649.0</t>
  </si>
  <si>
    <t>188879.0</t>
  </si>
  <si>
    <t>62218.0</t>
  </si>
  <si>
    <t>10069710.0</t>
  </si>
  <si>
    <t>7526598.0</t>
  </si>
  <si>
    <t>2543112.0</t>
  </si>
  <si>
    <t>262744.0</t>
  </si>
  <si>
    <t>207781.0</t>
  </si>
  <si>
    <t>208737.0</t>
  </si>
  <si>
    <t>60601.0</t>
  </si>
  <si>
    <t>10343967.0</t>
  </si>
  <si>
    <t>7765723.0</t>
  </si>
  <si>
    <t>2578244.0</t>
  </si>
  <si>
    <t>100854.9</t>
  </si>
  <si>
    <t>2530.40960486281</t>
  </si>
  <si>
    <t>219361.0</t>
  </si>
  <si>
    <t>174294.0</t>
  </si>
  <si>
    <t>58984.0</t>
  </si>
  <si>
    <t>10740169.0</t>
  </si>
  <si>
    <t>8072900.0</t>
  </si>
  <si>
    <t>2746824.0</t>
  </si>
  <si>
    <t>218536.0</t>
  </si>
  <si>
    <t>172028.0</t>
  </si>
  <si>
    <t>11081369.0</t>
  </si>
  <si>
    <t>8229040.0</t>
  </si>
  <si>
    <t>2852329.0</t>
  </si>
  <si>
    <t>341200.0</t>
  </si>
  <si>
    <t>226579.0</t>
  </si>
  <si>
    <t>24667.0</t>
  </si>
  <si>
    <t>14979671.0</t>
  </si>
  <si>
    <t>391.035</t>
  </si>
  <si>
    <t>11470800.0</t>
  </si>
  <si>
    <t>8597875.0</t>
  </si>
  <si>
    <t>2872925.0</t>
  </si>
  <si>
    <t>389431.0</t>
  </si>
  <si>
    <t>237691.0</t>
  </si>
  <si>
    <t>183821.0</t>
  </si>
  <si>
    <t>56774.0</t>
  </si>
  <si>
    <t>229174.0</t>
  </si>
  <si>
    <t>175858.0</t>
  </si>
  <si>
    <t>56181.0</t>
  </si>
  <si>
    <t>11877060.0</t>
  </si>
  <si>
    <t>8917338.0</t>
  </si>
  <si>
    <t>2959722.0</t>
  </si>
  <si>
    <t>238603.0</t>
  </si>
  <si>
    <t>181597.0</t>
  </si>
  <si>
    <t>227494.0</t>
  </si>
  <si>
    <t>171736.0</t>
  </si>
  <si>
    <t>103915.3</t>
  </si>
  <si>
    <t>2607.19383205179</t>
  </si>
  <si>
    <t>54995.0</t>
  </si>
  <si>
    <t>11995786.0</t>
  </si>
  <si>
    <t>9018412.0</t>
  </si>
  <si>
    <t>2977374.0</t>
  </si>
  <si>
    <t>207674.0</t>
  </si>
  <si>
    <t>157014.0</t>
  </si>
  <si>
    <t>54402.0</t>
  </si>
  <si>
    <t>223591.0</t>
  </si>
  <si>
    <t>166241.0</t>
  </si>
  <si>
    <t>53809.0</t>
  </si>
  <si>
    <t>12614827.0</t>
  </si>
  <si>
    <t>9454765.0</t>
  </si>
  <si>
    <t>3308889.0</t>
  </si>
  <si>
    <t>219065.0</t>
  </si>
  <si>
    <t>175104.0</t>
  </si>
  <si>
    <t>15352180.0</t>
  </si>
  <si>
    <t>400.759</t>
  </si>
  <si>
    <t>13034348.0</t>
  </si>
  <si>
    <t>9735602.0</t>
  </si>
  <si>
    <t>3451651.0</t>
  </si>
  <si>
    <t>419521.0</t>
  </si>
  <si>
    <t>223364.0</t>
  </si>
  <si>
    <t>162532.0</t>
  </si>
  <si>
    <t>13409463.0</t>
  </si>
  <si>
    <t>9987919.0</t>
  </si>
  <si>
    <t>3579910.0</t>
  </si>
  <si>
    <t>53767.0</t>
  </si>
  <si>
    <t>13670541.0</t>
  </si>
  <si>
    <t>10185393.0</t>
  </si>
  <si>
    <t>3650119.0</t>
  </si>
  <si>
    <t>261078.0</t>
  </si>
  <si>
    <t>181151.0</t>
  </si>
  <si>
    <t>13764238.0</t>
  </si>
  <si>
    <t>10260941.0</t>
  </si>
  <si>
    <t>3671671.0</t>
  </si>
  <si>
    <t>93697.0</t>
  </si>
  <si>
    <t>261116.0</t>
  </si>
  <si>
    <t>184724.0</t>
  </si>
  <si>
    <t>106177.9</t>
  </si>
  <si>
    <t>2663.96157235952</t>
  </si>
  <si>
    <t>13957627.0</t>
  </si>
  <si>
    <t>10400987.0</t>
  </si>
  <si>
    <t>3728697.0</t>
  </si>
  <si>
    <t>193389.0</t>
  </si>
  <si>
    <t>280263.0</t>
  </si>
  <si>
    <t>197511.0</t>
  </si>
  <si>
    <t>54594.0</t>
  </si>
  <si>
    <t>14274291.0</t>
  </si>
  <si>
    <t>3839390.0</t>
  </si>
  <si>
    <t>316664.0</t>
  </si>
  <si>
    <t>281284.0</t>
  </si>
  <si>
    <t>196195.0</t>
  </si>
  <si>
    <t>54870.0</t>
  </si>
  <si>
    <t>299243.0</t>
  </si>
  <si>
    <t>200892.0</t>
  </si>
  <si>
    <t>15738198.0</t>
  </si>
  <si>
    <t>410.836</t>
  </si>
  <si>
    <t>15144771.0</t>
  </si>
  <si>
    <t>11112068.0</t>
  </si>
  <si>
    <t>4241956.0</t>
  </si>
  <si>
    <t>301489.0</t>
  </si>
  <si>
    <t>196638.0</t>
  </si>
  <si>
    <t>15509013.0</t>
  </si>
  <si>
    <t>11329356.0</t>
  </si>
  <si>
    <t>4415044.0</t>
  </si>
  <si>
    <t>364242.0</t>
  </si>
  <si>
    <t>299936.0</t>
  </si>
  <si>
    <t>54277.0</t>
  </si>
  <si>
    <t>15776030.0</t>
  </si>
  <si>
    <t>11490114.0</t>
  </si>
  <si>
    <t>4535597.0</t>
  </si>
  <si>
    <t>267017.0</t>
  </si>
  <si>
    <t>300784.0</t>
  </si>
  <si>
    <t>186389.0</t>
  </si>
  <si>
    <t>15879467.0</t>
  </si>
  <si>
    <t>11556822.0</t>
  </si>
  <si>
    <t>4577701.0</t>
  </si>
  <si>
    <t>103437.0</t>
  </si>
  <si>
    <t>302176.0</t>
  </si>
  <si>
    <t>108174.3</t>
  </si>
  <si>
    <t>2714.05045981217</t>
  </si>
  <si>
    <t>16043547.0</t>
  </si>
  <si>
    <t>11664606.0</t>
  </si>
  <si>
    <t>4642010.0</t>
  </si>
  <si>
    <t>164080.0</t>
  </si>
  <si>
    <t>297989.0</t>
  </si>
  <si>
    <t>180517.0</t>
  </si>
  <si>
    <t>16372436.0</t>
  </si>
  <si>
    <t>11868779.0</t>
  </si>
  <si>
    <t>4794334.0</t>
  </si>
  <si>
    <t>328889.0</t>
  </si>
  <si>
    <t>299735.0</t>
  </si>
  <si>
    <t>179832.0</t>
  </si>
  <si>
    <t>52541.0</t>
  </si>
  <si>
    <t>179714.0</t>
  </si>
  <si>
    <t>16102948.0</t>
  </si>
  <si>
    <t>420.358</t>
  </si>
  <si>
    <t>52107.0</t>
  </si>
  <si>
    <t>17254902.0</t>
  </si>
  <si>
    <t>12369238.0</t>
  </si>
  <si>
    <t>5222430.0</t>
  </si>
  <si>
    <t>179596.0</t>
  </si>
  <si>
    <t>17620338.0</t>
  </si>
  <si>
    <t>12577946.0</t>
  </si>
  <si>
    <t>5410599.0</t>
  </si>
  <si>
    <t>365436.0</t>
  </si>
  <si>
    <t>301618.0</t>
  </si>
  <si>
    <t>52662.0</t>
  </si>
  <si>
    <t>17866586.0</t>
  </si>
  <si>
    <t>12710402.0</t>
  </si>
  <si>
    <t>5553678.0</t>
  </si>
  <si>
    <t>246248.0</t>
  </si>
  <si>
    <t>298651.0</t>
  </si>
  <si>
    <t>174327.0</t>
  </si>
  <si>
    <t>17941112.0</t>
  </si>
  <si>
    <t>12748812.0</t>
  </si>
  <si>
    <t>5597165.0</t>
  </si>
  <si>
    <t>294521.0</t>
  </si>
  <si>
    <t>170284.0</t>
  </si>
  <si>
    <t>109289.9</t>
  </si>
  <si>
    <t>2742.0404231673</t>
  </si>
  <si>
    <t>53217.0</t>
  </si>
  <si>
    <t>18085811.0</t>
  </si>
  <si>
    <t>12814730.0</t>
  </si>
  <si>
    <t>5689744.0</t>
  </si>
  <si>
    <t>144699.0</t>
  </si>
  <si>
    <t>291752.0</t>
  </si>
  <si>
    <t>18389807.0</t>
  </si>
  <si>
    <t>12960092.0</t>
  </si>
  <si>
    <t>5855700.0</t>
  </si>
  <si>
    <t>303996.0</t>
  </si>
  <si>
    <t>288196.0</t>
  </si>
  <si>
    <t>155902.0</t>
  </si>
  <si>
    <t>53772.0</t>
  </si>
  <si>
    <t>18785240.0</t>
  </si>
  <si>
    <t>13145222.0</t>
  </si>
  <si>
    <t>6071067.0</t>
  </si>
  <si>
    <t>395433.0</t>
  </si>
  <si>
    <t>281653.0</t>
  </si>
  <si>
    <t>146602.0</t>
  </si>
  <si>
    <t>16481296.0</t>
  </si>
  <si>
    <t>430.234</t>
  </si>
  <si>
    <t>19175171.0</t>
  </si>
  <si>
    <t>13302965.0</t>
  </si>
  <si>
    <t>6308403.0</t>
  </si>
  <si>
    <t>389931.0</t>
  </si>
  <si>
    <t>274324.0</t>
  </si>
  <si>
    <t>133390.0</t>
  </si>
  <si>
    <t>53108.0</t>
  </si>
  <si>
    <t>19525032.0</t>
  </si>
  <si>
    <t>13451439.0</t>
  </si>
  <si>
    <t>6562897.0</t>
  </si>
  <si>
    <t>349861.0</t>
  </si>
  <si>
    <t>272099.0</t>
  </si>
  <si>
    <t>19807955.0</t>
  </si>
  <si>
    <t>13580235.0</t>
  </si>
  <si>
    <t>6786561.0</t>
  </si>
  <si>
    <t>282923.0</t>
  </si>
  <si>
    <t>277338.0</t>
  </si>
  <si>
    <t>124262.0</t>
  </si>
  <si>
    <t>19909052.0</t>
  </si>
  <si>
    <t>13633827.0</t>
  </si>
  <si>
    <t>6868820.0</t>
  </si>
  <si>
    <t>101097.0</t>
  </si>
  <si>
    <t>281134.0</t>
  </si>
  <si>
    <t>126431.0</t>
  </si>
  <si>
    <t>109861.5</t>
  </si>
  <si>
    <t>2756.38164139407</t>
  </si>
  <si>
    <t>50282.0</t>
  </si>
  <si>
    <t>20084619.0</t>
  </si>
  <si>
    <t>13707350.0</t>
  </si>
  <si>
    <t>7019149.0</t>
  </si>
  <si>
    <t>175567.0</t>
  </si>
  <si>
    <t>285544.0</t>
  </si>
  <si>
    <t>127517.0</t>
  </si>
  <si>
    <t>49340.0</t>
  </si>
  <si>
    <t>20536042.0</t>
  </si>
  <si>
    <t>13896798.0</t>
  </si>
  <si>
    <t>7300303.0</t>
  </si>
  <si>
    <t>451423.0</t>
  </si>
  <si>
    <t>306605.0</t>
  </si>
  <si>
    <t>133815.0</t>
  </si>
  <si>
    <t>48398.0</t>
  </si>
  <si>
    <t>21174546.0</t>
  </si>
  <si>
    <t>14145161.0</t>
  </si>
  <si>
    <t>7700322.0</t>
  </si>
  <si>
    <t>638504.0</t>
  </si>
  <si>
    <t>341329.0</t>
  </si>
  <si>
    <t>142848.0</t>
  </si>
  <si>
    <t>16813486.0</t>
  </si>
  <si>
    <t>438.906</t>
  </si>
  <si>
    <t>21326996.0</t>
  </si>
  <si>
    <t>14224874.0</t>
  </si>
  <si>
    <t>7777048.0</t>
  </si>
  <si>
    <t>307404.0</t>
  </si>
  <si>
    <t>21753938.0</t>
  </si>
  <si>
    <t>14400079.0</t>
  </si>
  <si>
    <t>8039881.0</t>
  </si>
  <si>
    <t>426942.0</t>
  </si>
  <si>
    <t>318415.0</t>
  </si>
  <si>
    <t>135520.0</t>
  </si>
  <si>
    <t>48934.0</t>
  </si>
  <si>
    <t>22025871.0</t>
  </si>
  <si>
    <t>14551620.0</t>
  </si>
  <si>
    <t>8169746.0</t>
  </si>
  <si>
    <t>271933.0</t>
  </si>
  <si>
    <t>316845.0</t>
  </si>
  <si>
    <t>138769.0</t>
  </si>
  <si>
    <t>22134362.0</t>
  </si>
  <si>
    <t>14613790.0</t>
  </si>
  <si>
    <t>8223526.0</t>
  </si>
  <si>
    <t>317901.0</t>
  </si>
  <si>
    <t>110383.7</t>
  </si>
  <si>
    <t>2769.48343313309</t>
  </si>
  <si>
    <t>22340624.0</t>
  </si>
  <si>
    <t>14690217.0</t>
  </si>
  <si>
    <t>8368827.0</t>
  </si>
  <si>
    <t>206262.0</t>
  </si>
  <si>
    <t>322286.0</t>
  </si>
  <si>
    <t>140410.0</t>
  </si>
  <si>
    <t>22737088.0</t>
  </si>
  <si>
    <t>14845783.0</t>
  </si>
  <si>
    <t>8621029.0</t>
  </si>
  <si>
    <t>396464.0</t>
  </si>
  <si>
    <t>314435.0</t>
  </si>
  <si>
    <t>135569.0</t>
  </si>
  <si>
    <t>23240142.0</t>
  </si>
  <si>
    <t>15048382.0</t>
  </si>
  <si>
    <t>8930085.0</t>
  </si>
  <si>
    <t>503054.0</t>
  </si>
  <si>
    <t>295085.0</t>
  </si>
  <si>
    <t>17181898.0</t>
  </si>
  <si>
    <t>448.523</t>
  </si>
  <si>
    <t>23628450.0</t>
  </si>
  <si>
    <t>15168747.0</t>
  </si>
  <si>
    <t>9204705.0</t>
  </si>
  <si>
    <t>388308.0</t>
  </si>
  <si>
    <t>328779.0</t>
  </si>
  <si>
    <t>134839.0</t>
  </si>
  <si>
    <t>59.186</t>
  </si>
  <si>
    <t>51855.0</t>
  </si>
  <si>
    <t>24045826.0</t>
  </si>
  <si>
    <t>15324134.0</t>
  </si>
  <si>
    <t>9479766.0</t>
  </si>
  <si>
    <t>417376.0</t>
  </si>
  <si>
    <t>132008.0</t>
  </si>
  <si>
    <t>24360781.0</t>
  </si>
  <si>
    <t>15457211.0</t>
  </si>
  <si>
    <t>9675538.0</t>
  </si>
  <si>
    <t>314955.0</t>
  </si>
  <si>
    <t>129370.0</t>
  </si>
  <si>
    <t>24470301.0</t>
  </si>
  <si>
    <t>15503070.0</t>
  </si>
  <si>
    <t>9747952.0</t>
  </si>
  <si>
    <t>109520.0</t>
  </si>
  <si>
    <t>333706.0</t>
  </si>
  <si>
    <t>127040.0</t>
  </si>
  <si>
    <t>110917.7</t>
  </si>
  <si>
    <t>2782.88128221129</t>
  </si>
  <si>
    <t>24687629.0</t>
  </si>
  <si>
    <t>15549895.0</t>
  </si>
  <si>
    <t>9929923.0</t>
  </si>
  <si>
    <t>217328.0</t>
  </si>
  <si>
    <t>335286.0</t>
  </si>
  <si>
    <t>122811.0</t>
  </si>
  <si>
    <t>335460.0</t>
  </si>
  <si>
    <t>119231.0</t>
  </si>
  <si>
    <t>25482985.0</t>
  </si>
  <si>
    <t>15810905.0</t>
  </si>
  <si>
    <t>10485703.0</t>
  </si>
  <si>
    <t>320406.0</t>
  </si>
  <si>
    <t>108932.0</t>
  </si>
  <si>
    <t>41.925</t>
  </si>
  <si>
    <t>17512319.0</t>
  </si>
  <si>
    <t>457.148</t>
  </si>
  <si>
    <t>25884468.0</t>
  </si>
  <si>
    <t>15940640.0</t>
  </si>
  <si>
    <t>10765849.0</t>
  </si>
  <si>
    <t>401483.0</t>
  </si>
  <si>
    <t>110270.0</t>
  </si>
  <si>
    <t>26206854.0</t>
  </si>
  <si>
    <t>16045779.0</t>
  </si>
  <si>
    <t>10993055.0</t>
  </si>
  <si>
    <t>322386.0</t>
  </si>
  <si>
    <t>103092.0</t>
  </si>
  <si>
    <t>26422469.0</t>
  </si>
  <si>
    <t>16127860.0</t>
  </si>
  <si>
    <t>11136832.0</t>
  </si>
  <si>
    <t>215615.0</t>
  </si>
  <si>
    <t>294527.0</t>
  </si>
  <si>
    <t>95807.0</t>
  </si>
  <si>
    <t>46013.0</t>
  </si>
  <si>
    <t>26494562.0</t>
  </si>
  <si>
    <t>16152134.0</t>
  </si>
  <si>
    <t>11190284.0</t>
  </si>
  <si>
    <t>289180.0</t>
  </si>
  <si>
    <t>92723.0</t>
  </si>
  <si>
    <t>111674.1</t>
  </si>
  <si>
    <t>2801.8590594449</t>
  </si>
  <si>
    <t>26665528.0</t>
  </si>
  <si>
    <t>16184242.0</t>
  </si>
  <si>
    <t>11337728.0</t>
  </si>
  <si>
    <t>90621.0</t>
  </si>
  <si>
    <t>45219.0</t>
  </si>
  <si>
    <t>27078372.0</t>
  </si>
  <si>
    <t>16302839.0</t>
  </si>
  <si>
    <t>11643337.0</t>
  </si>
  <si>
    <t>412844.0</t>
  </si>
  <si>
    <t>284724.0</t>
  </si>
  <si>
    <t>27467853.0</t>
  </si>
  <si>
    <t>16409509.0</t>
  </si>
  <si>
    <t>11934134.0</t>
  </si>
  <si>
    <t>389481.0</t>
  </si>
  <si>
    <t>283553.0</t>
  </si>
  <si>
    <t>85515.0</t>
  </si>
  <si>
    <t>17823299.0</t>
  </si>
  <si>
    <t>465.266</t>
  </si>
  <si>
    <t>293.4</t>
  </si>
  <si>
    <t>27621910.0</t>
  </si>
  <si>
    <t>16447968.0</t>
  </si>
  <si>
    <t>12052910.0</t>
  </si>
  <si>
    <t>154057.0</t>
  </si>
  <si>
    <t>248206.0</t>
  </si>
  <si>
    <t>43998.0</t>
  </si>
  <si>
    <t>254494.0</t>
  </si>
  <si>
    <t>43569.0</t>
  </si>
  <si>
    <t>28354710.0</t>
  </si>
  <si>
    <t>16649656.0</t>
  </si>
  <si>
    <t>12612947.0</t>
  </si>
  <si>
    <t>276034.0</t>
  </si>
  <si>
    <t>74542.0</t>
  </si>
  <si>
    <t>346.7</t>
  </si>
  <si>
    <t>28447379.0</t>
  </si>
  <si>
    <t>16681699.0</t>
  </si>
  <si>
    <t>12682542.0</t>
  </si>
  <si>
    <t>92669.0</t>
  </si>
  <si>
    <t>278974.0</t>
  </si>
  <si>
    <t>75652.0</t>
  </si>
  <si>
    <t>112475.5</t>
  </si>
  <si>
    <t>2821.9658689042</t>
  </si>
  <si>
    <t>28601320.0</t>
  </si>
  <si>
    <t>16716871.0</t>
  </si>
  <si>
    <t>12810211.0</t>
  </si>
  <si>
    <t>276542.0</t>
  </si>
  <si>
    <t>76090.0</t>
  </si>
  <si>
    <t>28888753.0</t>
  </si>
  <si>
    <t>16788252.0</t>
  </si>
  <si>
    <t>13034402.0</t>
  </si>
  <si>
    <t>287433.0</t>
  </si>
  <si>
    <t>406.9</t>
  </si>
  <si>
    <t>29242214.0</t>
  </si>
  <si>
    <t>16890799.0</t>
  </si>
  <si>
    <t>13293459.0</t>
  </si>
  <si>
    <t>353461.0</t>
  </si>
  <si>
    <t>253480.0</t>
  </si>
  <si>
    <t>68756.0</t>
  </si>
  <si>
    <t>18113298.0</t>
  </si>
  <si>
    <t>472.837</t>
  </si>
  <si>
    <t>29544033.0</t>
  </si>
  <si>
    <t>16971186.0</t>
  </si>
  <si>
    <t>13524896.0</t>
  </si>
  <si>
    <t>301819.0</t>
  </si>
  <si>
    <t>274589.0</t>
  </si>
  <si>
    <t>29791445.0</t>
  </si>
  <si>
    <t>17041184.0</t>
  </si>
  <si>
    <t>13716258.0</t>
  </si>
  <si>
    <t>247412.0</t>
  </si>
  <si>
    <t>257591.0</t>
  </si>
  <si>
    <t>40957.0</t>
  </si>
  <si>
    <t>29965841.0</t>
  </si>
  <si>
    <t>17094868.0</t>
  </si>
  <si>
    <t>13854142.0</t>
  </si>
  <si>
    <t>174396.0</t>
  </si>
  <si>
    <t>63602.0</t>
  </si>
  <si>
    <t>30024149.0</t>
  </si>
  <si>
    <t>17114524.0</t>
  </si>
  <si>
    <t>13902713.0</t>
  </si>
  <si>
    <t>225253.0</t>
  </si>
  <si>
    <t>112617.7</t>
  </si>
  <si>
    <t>2825.53361073739</t>
  </si>
  <si>
    <t>457.8</t>
  </si>
  <si>
    <t>30148610.0</t>
  </si>
  <si>
    <t>17149431.0</t>
  </si>
  <si>
    <t>14004587.0</t>
  </si>
  <si>
    <t>124461.0</t>
  </si>
  <si>
    <t>475.9</t>
  </si>
  <si>
    <t>30397872.0</t>
  </si>
  <si>
    <t>17194359.0</t>
  </si>
  <si>
    <t>14218165.0</t>
  </si>
  <si>
    <t>249262.0</t>
  </si>
  <si>
    <t>215588.0</t>
  </si>
  <si>
    <t>40014.0</t>
  </si>
  <si>
    <t>30739367.0</t>
  </si>
  <si>
    <t>17254158.0</t>
  </si>
  <si>
    <t>14511120.0</t>
  </si>
  <si>
    <t>18391749.0</t>
  </si>
  <si>
    <t>480.105</t>
  </si>
  <si>
    <t>475.2</t>
  </si>
  <si>
    <t>31004510.0</t>
  </si>
  <si>
    <t>17315918.0</t>
  </si>
  <si>
    <t>14727053.0</t>
  </si>
  <si>
    <t>265143.0</t>
  </si>
  <si>
    <t>208640.0</t>
  </si>
  <si>
    <t>49247.0</t>
  </si>
  <si>
    <t>31258249.0</t>
  </si>
  <si>
    <t>17374533.0</t>
  </si>
  <si>
    <t>14938143.0</t>
  </si>
  <si>
    <t>253739.0</t>
  </si>
  <si>
    <t>209543.0</t>
  </si>
  <si>
    <t>39369.0</t>
  </si>
  <si>
    <t>510.3</t>
  </si>
  <si>
    <t>204432.0</t>
  </si>
  <si>
    <t>43982.0</t>
  </si>
  <si>
    <t>497.6</t>
  </si>
  <si>
    <t>31535478.0</t>
  </si>
  <si>
    <t>17430956.0</t>
  </si>
  <si>
    <t>15181701.0</t>
  </si>
  <si>
    <t>215904.0</t>
  </si>
  <si>
    <t>112860.5</t>
  </si>
  <si>
    <t>2831.62536683511</t>
  </si>
  <si>
    <t>31653505.0</t>
  </si>
  <si>
    <t>17464202.0</t>
  </si>
  <si>
    <t>15277111.0</t>
  </si>
  <si>
    <t>118027.0</t>
  </si>
  <si>
    <t>214985.0</t>
  </si>
  <si>
    <t>31863546.0</t>
  </si>
  <si>
    <t>17507308.0</t>
  </si>
  <si>
    <t>15453502.0</t>
  </si>
  <si>
    <t>210041.0</t>
  </si>
  <si>
    <t>44707.0</t>
  </si>
  <si>
    <t>32158852.0</t>
  </si>
  <si>
    <t>17569346.0</t>
  </si>
  <si>
    <t>15700212.0</t>
  </si>
  <si>
    <t>295306.0</t>
  </si>
  <si>
    <t>18660168.0</t>
  </si>
  <si>
    <t>487.112</t>
  </si>
  <si>
    <t>483.6</t>
  </si>
  <si>
    <t>32413199.0</t>
  </si>
  <si>
    <t>17635269.0</t>
  </si>
  <si>
    <t>15907199.0</t>
  </si>
  <si>
    <t>254347.0</t>
  </si>
  <si>
    <t>201241.0</t>
  </si>
  <si>
    <t>32788403.0</t>
  </si>
  <si>
    <t>17742406.0</t>
  </si>
  <si>
    <t>16211976.0</t>
  </si>
  <si>
    <t>198791.0</t>
  </si>
  <si>
    <t>188633.0</t>
  </si>
  <si>
    <t>113349.3</t>
  </si>
  <si>
    <t>2843.88916576662</t>
  </si>
  <si>
    <t>37840.0</t>
  </si>
  <si>
    <t>423.1</t>
  </si>
  <si>
    <t>32923412.0</t>
  </si>
  <si>
    <t>17797365.0</t>
  </si>
  <si>
    <t>16316648.0</t>
  </si>
  <si>
    <t>181415.0</t>
  </si>
  <si>
    <t>33083693.0</t>
  </si>
  <si>
    <t>17843723.0</t>
  </si>
  <si>
    <t>16443569.0</t>
  </si>
  <si>
    <t>174307.0</t>
  </si>
  <si>
    <t>48059.0</t>
  </si>
  <si>
    <t>391.5</t>
  </si>
  <si>
    <t>33280946.0</t>
  </si>
  <si>
    <t>17894628.0</t>
  </si>
  <si>
    <t>16603052.0</t>
  </si>
  <si>
    <t>493.958</t>
  </si>
  <si>
    <t>33482067.0</t>
  </si>
  <si>
    <t>17956225.0</t>
  </si>
  <si>
    <t>16759941.0</t>
  </si>
  <si>
    <t>201121.0</t>
  </si>
  <si>
    <t>152695.0</t>
  </si>
  <si>
    <t>45851.0</t>
  </si>
  <si>
    <t>33641540.0</t>
  </si>
  <si>
    <t>18012081.0</t>
  </si>
  <si>
    <t>16881997.0</t>
  </si>
  <si>
    <t>159473.0</t>
  </si>
  <si>
    <t>148677.0</t>
  </si>
  <si>
    <t>37256.0</t>
  </si>
  <si>
    <t>42235.0</t>
  </si>
  <si>
    <t>37153.0</t>
  </si>
  <si>
    <t>360.2</t>
  </si>
  <si>
    <t>33770147.0</t>
  </si>
  <si>
    <t>18064022.0</t>
  </si>
  <si>
    <t>16986230.0</t>
  </si>
  <si>
    <t>130606.0</t>
  </si>
  <si>
    <t>113239.7</t>
  </si>
  <si>
    <t>2841.13934505694</t>
  </si>
  <si>
    <t>33843941.0</t>
  </si>
  <si>
    <t>18095178.0</t>
  </si>
  <si>
    <t>17040924.0</t>
  </si>
  <si>
    <t>73794.0</t>
  </si>
  <si>
    <t>131504.0</t>
  </si>
  <si>
    <t>33945590.0</t>
  </si>
  <si>
    <t>18133454.0</t>
  </si>
  <si>
    <t>17116255.0</t>
  </si>
  <si>
    <t>101649.0</t>
  </si>
  <si>
    <t>345.3</t>
  </si>
  <si>
    <t>34096548.0</t>
  </si>
  <si>
    <t>18192439.0</t>
  </si>
  <si>
    <t>17225194.0</t>
  </si>
  <si>
    <t>116515.0</t>
  </si>
  <si>
    <t>42544.0</t>
  </si>
  <si>
    <t>19179592.0</t>
  </si>
  <si>
    <t>500.672</t>
  </si>
  <si>
    <t>36742.0</t>
  </si>
  <si>
    <t>34221338.0</t>
  </si>
  <si>
    <t>18239525.0</t>
  </si>
  <si>
    <t>17316491.0</t>
  </si>
  <si>
    <t>124790.0</t>
  </si>
  <si>
    <t>105610.0</t>
  </si>
  <si>
    <t>34334259.0</t>
  </si>
  <si>
    <t>18285323.0</t>
  </si>
  <si>
    <t>17398999.0</t>
  </si>
  <si>
    <t>112921.0</t>
  </si>
  <si>
    <t>37436.0</t>
  </si>
  <si>
    <t>300.2</t>
  </si>
  <si>
    <t>34429956.0</t>
  </si>
  <si>
    <t>18332060.0</t>
  </si>
  <si>
    <t>17470071.0</t>
  </si>
  <si>
    <t>95697.0</t>
  </si>
  <si>
    <t>103445.0</t>
  </si>
  <si>
    <t>299.5</t>
  </si>
  <si>
    <t>34463736.0</t>
  </si>
  <si>
    <t>18357076.0</t>
  </si>
  <si>
    <t>17498174.0</t>
  </si>
  <si>
    <t>99084.0</t>
  </si>
  <si>
    <t>41865.0</t>
  </si>
  <si>
    <t>113345.5</t>
  </si>
  <si>
    <t>2843.79382526756</t>
  </si>
  <si>
    <t>34521740.0</t>
  </si>
  <si>
    <t>18387784.0</t>
  </si>
  <si>
    <t>17538257.0</t>
  </si>
  <si>
    <t>96828.0</t>
  </si>
  <si>
    <t>34597705.0</t>
  </si>
  <si>
    <t>18423513.0</t>
  </si>
  <si>
    <t>17590257.0</t>
  </si>
  <si>
    <t>75965.0</t>
  </si>
  <si>
    <t>93159.0</t>
  </si>
  <si>
    <t>34702058.0</t>
  </si>
  <si>
    <t>18469353.0</t>
  </si>
  <si>
    <t>17663125.0</t>
  </si>
  <si>
    <t>104353.0</t>
  </si>
  <si>
    <t>86501.0</t>
  </si>
  <si>
    <t>39559.0</t>
  </si>
  <si>
    <t>19453795.0</t>
  </si>
  <si>
    <t>507.83</t>
  </si>
  <si>
    <t>275.9</t>
  </si>
  <si>
    <t>34806538.0</t>
  </si>
  <si>
    <t>18515393.0</t>
  </si>
  <si>
    <t>17735484.0</t>
  </si>
  <si>
    <t>104480.0</t>
  </si>
  <si>
    <t>39191.0</t>
  </si>
  <si>
    <t>34986764.0</t>
  </si>
  <si>
    <t>18605722.0</t>
  </si>
  <si>
    <t>17863405.0</t>
  </si>
  <si>
    <t>79544.0</t>
  </si>
  <si>
    <t>39095.0</t>
  </si>
  <si>
    <t>79272.0</t>
  </si>
  <si>
    <t>113131.9</t>
  </si>
  <si>
    <t>2838.43468563628</t>
  </si>
  <si>
    <t>39250.0</t>
  </si>
  <si>
    <t>35050510.0</t>
  </si>
  <si>
    <t>18643526.0</t>
  </si>
  <si>
    <t>17910610.0</t>
  </si>
  <si>
    <t>75539.0</t>
  </si>
  <si>
    <t>35114129.0</t>
  </si>
  <si>
    <t>18676038.0</t>
  </si>
  <si>
    <t>17953396.0</t>
  </si>
  <si>
    <t>35189762.0</t>
  </si>
  <si>
    <t>18714190.0</t>
  </si>
  <si>
    <t>18003250.0</t>
  </si>
  <si>
    <t>69672.0</t>
  </si>
  <si>
    <t>19728960.0</t>
  </si>
  <si>
    <t>515.013</t>
  </si>
  <si>
    <t>35281208.0</t>
  </si>
  <si>
    <t>18759946.0</t>
  </si>
  <si>
    <t>18064134.0</t>
  </si>
  <si>
    <t>91446.0</t>
  </si>
  <si>
    <t>67810.0</t>
  </si>
  <si>
    <t>64117.0</t>
  </si>
  <si>
    <t>39038.0</t>
  </si>
  <si>
    <t>35409730.0</t>
  </si>
  <si>
    <t>18825714.0</t>
  </si>
  <si>
    <t>18156083.0</t>
  </si>
  <si>
    <t>35430974.0</t>
  </si>
  <si>
    <t>18842300.0</t>
  </si>
  <si>
    <t>18173552.0</t>
  </si>
  <si>
    <t>58905.0</t>
  </si>
  <si>
    <t>113142.3</t>
  </si>
  <si>
    <t>2838.69561752844</t>
  </si>
  <si>
    <t>38767.0</t>
  </si>
  <si>
    <t>35474489.0</t>
  </si>
  <si>
    <t>18863709.0</t>
  </si>
  <si>
    <t>18205787.0</t>
  </si>
  <si>
    <t>60568.0</t>
  </si>
  <si>
    <t>35528975.0</t>
  </si>
  <si>
    <t>18890548.0</t>
  </si>
  <si>
    <t>18244397.0</t>
  </si>
  <si>
    <t>35621237.0</t>
  </si>
  <si>
    <t>18942274.0</t>
  </si>
  <si>
    <t>18309754.0</t>
  </si>
  <si>
    <t>92262.0</t>
  </si>
  <si>
    <t>19997484.0</t>
  </si>
  <si>
    <t>522.022</t>
  </si>
  <si>
    <t>35690920.0</t>
  </si>
  <si>
    <t>18974615.0</t>
  </si>
  <si>
    <t>18358017.0</t>
  </si>
  <si>
    <t>30667.0</t>
  </si>
  <si>
    <t>35763435.0</t>
  </si>
  <si>
    <t>19008598.0</t>
  </si>
  <si>
    <t>18410561.0</t>
  </si>
  <si>
    <t>72515.0</t>
  </si>
  <si>
    <t>35805427.0</t>
  </si>
  <si>
    <t>19031403.0</t>
  </si>
  <si>
    <t>18443277.0</t>
  </si>
  <si>
    <t>41992.0</t>
  </si>
  <si>
    <t>37732.0</t>
  </si>
  <si>
    <t>35824579.0</t>
  </si>
  <si>
    <t>19046468.0</t>
  </si>
  <si>
    <t>18459139.0</t>
  </si>
  <si>
    <t>56229.0</t>
  </si>
  <si>
    <t>113147.7</t>
  </si>
  <si>
    <t>2838.83110139552</t>
  </si>
  <si>
    <t>35917007.0</t>
  </si>
  <si>
    <t>19092270.0</t>
  </si>
  <si>
    <t>18524940.0</t>
  </si>
  <si>
    <t>55433.0</t>
  </si>
  <si>
    <t>28817.0</t>
  </si>
  <si>
    <t>20255746.0</t>
  </si>
  <si>
    <t>528.764</t>
  </si>
  <si>
    <t>36053472.0</t>
  </si>
  <si>
    <t>19158536.0</t>
  </si>
  <si>
    <t>18618197.0</t>
  </si>
  <si>
    <t>26274.0</t>
  </si>
  <si>
    <t>36127090.0</t>
  </si>
  <si>
    <t>19194135.0</t>
  </si>
  <si>
    <t>18670217.0</t>
  </si>
  <si>
    <t>73618.0</t>
  </si>
  <si>
    <t>36171384.0</t>
  </si>
  <si>
    <t>19219260.0</t>
  </si>
  <si>
    <t>18704011.0</t>
  </si>
  <si>
    <t>36194405.0</t>
  </si>
  <si>
    <t>19237695.0</t>
  </si>
  <si>
    <t>18722803.0</t>
  </si>
  <si>
    <t>27318.0</t>
  </si>
  <si>
    <t>113305.3</t>
  </si>
  <si>
    <t>2842.78522314594</t>
  </si>
  <si>
    <t>36548.0</t>
  </si>
  <si>
    <t>36232370.0</t>
  </si>
  <si>
    <t>19257631.0</t>
  </si>
  <si>
    <t>18750231.0</t>
  </si>
  <si>
    <t>37965.0</t>
  </si>
  <si>
    <t>26895.0</t>
  </si>
  <si>
    <t>36286614.0</t>
  </si>
  <si>
    <t>19284686.0</t>
  </si>
  <si>
    <t>18787636.0</t>
  </si>
  <si>
    <t>36335572.0</t>
  </si>
  <si>
    <t>19307400.0</t>
  </si>
  <si>
    <t>18821841.0</t>
  </si>
  <si>
    <t>48958.0</t>
  </si>
  <si>
    <t>50048.0</t>
  </si>
  <si>
    <t>20509764.0</t>
  </si>
  <si>
    <t>36288.0</t>
  </si>
  <si>
    <t>36391474.0</t>
  </si>
  <si>
    <t>19333347.0</t>
  </si>
  <si>
    <t>18860734.0</t>
  </si>
  <si>
    <t>55902.0</t>
  </si>
  <si>
    <t>24973.0</t>
  </si>
  <si>
    <t>36452021.0</t>
  </si>
  <si>
    <t>19363616.0</t>
  </si>
  <si>
    <t>18902890.0</t>
  </si>
  <si>
    <t>60547.0</t>
  </si>
  <si>
    <t>36485044.0</t>
  </si>
  <si>
    <t>19382663.0</t>
  </si>
  <si>
    <t>18927433.0</t>
  </si>
  <si>
    <t>36499891.0</t>
  </si>
  <si>
    <t>19394323.0</t>
  </si>
  <si>
    <t>18939077.0</t>
  </si>
  <si>
    <t>43641.0</t>
  </si>
  <si>
    <t>113179.5</t>
  </si>
  <si>
    <t>2839.62895083501</t>
  </si>
  <si>
    <t>36525458.0</t>
  </si>
  <si>
    <t>19408281.0</t>
  </si>
  <si>
    <t>18957376.0</t>
  </si>
  <si>
    <t>25567.0</t>
  </si>
  <si>
    <t>14.301</t>
  </si>
  <si>
    <t>36561654.0</t>
  </si>
  <si>
    <t>19427000.0</t>
  </si>
  <si>
    <t>18982051.0</t>
  </si>
  <si>
    <t>39291.0</t>
  </si>
  <si>
    <t>36604902.0</t>
  </si>
  <si>
    <t>19448585.0</t>
  </si>
  <si>
    <t>19011042.0</t>
  </si>
  <si>
    <t>43248.0</t>
  </si>
  <si>
    <t>20766335.0</t>
  </si>
  <si>
    <t>542.093</t>
  </si>
  <si>
    <t>36653.0</t>
  </si>
  <si>
    <t>36753.0</t>
  </si>
  <si>
    <t>36709898.0</t>
  </si>
  <si>
    <t>19501432.0</t>
  </si>
  <si>
    <t>19082133.0</t>
  </si>
  <si>
    <t>36737087.0</t>
  </si>
  <si>
    <t>19523117.0</t>
  </si>
  <si>
    <t>19096932.0</t>
  </si>
  <si>
    <t>36749445.0</t>
  </si>
  <si>
    <t>19532718.0</t>
  </si>
  <si>
    <t>19106619.0</t>
  </si>
  <si>
    <t>113855.7</t>
  </si>
  <si>
    <t>2856.59454174639</t>
  </si>
  <si>
    <t>17.663</t>
  </si>
  <si>
    <t>19868.0</t>
  </si>
  <si>
    <t>36803305.0</t>
  </si>
  <si>
    <t>19561992.0</t>
  </si>
  <si>
    <t>19143244.0</t>
  </si>
  <si>
    <t>36841191.0</t>
  </si>
  <si>
    <t>19581730.0</t>
  </si>
  <si>
    <t>19167754.0</t>
  </si>
  <si>
    <t>21027806.0</t>
  </si>
  <si>
    <t>548.918</t>
  </si>
  <si>
    <t>37353.0</t>
  </si>
  <si>
    <t>36878694.0</t>
  </si>
  <si>
    <t>19601546.0</t>
  </si>
  <si>
    <t>19191249.0</t>
  </si>
  <si>
    <t>36922081.0</t>
  </si>
  <si>
    <t>19625034.0</t>
  </si>
  <si>
    <t>19219358.0</t>
  </si>
  <si>
    <t>30312.0</t>
  </si>
  <si>
    <t>28917.0</t>
  </si>
  <si>
    <t>36956930.0</t>
  </si>
  <si>
    <t>19648110.0</t>
  </si>
  <si>
    <t>19244807.0</t>
  </si>
  <si>
    <t>92.72</t>
  </si>
  <si>
    <t>114346.9</t>
  </si>
  <si>
    <t>2868.91855572993</t>
  </si>
  <si>
    <t>37403.0</t>
  </si>
  <si>
    <t>36977687.0</t>
  </si>
  <si>
    <t>19659451.0</t>
  </si>
  <si>
    <t>19259376.0</t>
  </si>
  <si>
    <t>28.652</t>
  </si>
  <si>
    <t>37007048.0</t>
  </si>
  <si>
    <t>19675679.0</t>
  </si>
  <si>
    <t>19278324.0</t>
  </si>
  <si>
    <t>29361.0</t>
  </si>
  <si>
    <t>37073097.0</t>
  </si>
  <si>
    <t>19712418.0</t>
  </si>
  <si>
    <t>19320780.0</t>
  </si>
  <si>
    <t>66049.0</t>
  </si>
  <si>
    <t>21289886.0</t>
  </si>
  <si>
    <t>555.76</t>
  </si>
  <si>
    <t>37104651.0</t>
  </si>
  <si>
    <t>19730125.0</t>
  </si>
  <si>
    <t>19340905.0</t>
  </si>
  <si>
    <t>31554.0</t>
  </si>
  <si>
    <t>37144805.0</t>
  </si>
  <si>
    <t>19752578.0</t>
  </si>
  <si>
    <t>19367855.0</t>
  </si>
  <si>
    <t>18221.0</t>
  </si>
  <si>
    <t>37147012.0</t>
  </si>
  <si>
    <t>19756349.0</t>
  </si>
  <si>
    <t>19374121.0</t>
  </si>
  <si>
    <t>114834.1</t>
  </si>
  <si>
    <t>2881.14221129341</t>
  </si>
  <si>
    <t>38013.0</t>
  </si>
  <si>
    <t>37158644.0</t>
  </si>
  <si>
    <t>19766904.0</t>
  </si>
  <si>
    <t>19386322.0</t>
  </si>
  <si>
    <t>38157.0</t>
  </si>
  <si>
    <t>37186150.0</t>
  </si>
  <si>
    <t>19798940.0</t>
  </si>
  <si>
    <t>19386695.0</t>
  </si>
  <si>
    <t>37212955.0</t>
  </si>
  <si>
    <t>19813605.0</t>
  </si>
  <si>
    <t>19404212.0</t>
  </si>
  <si>
    <t>21558989.0</t>
  </si>
  <si>
    <t>562.784</t>
  </si>
  <si>
    <t>37317759.0</t>
  </si>
  <si>
    <t>19845939.0</t>
  </si>
  <si>
    <t>19489903.0</t>
  </si>
  <si>
    <t>37846.0</t>
  </si>
  <si>
    <t>37331309.0</t>
  </si>
  <si>
    <t>19853542.0</t>
  </si>
  <si>
    <t>19500218.0</t>
  </si>
  <si>
    <t>37548.0</t>
  </si>
  <si>
    <t>37377609.0</t>
  </si>
  <si>
    <t>19880124.0</t>
  </si>
  <si>
    <t>19531281.0</t>
  </si>
  <si>
    <t>46300.0</t>
  </si>
  <si>
    <t>32112.0</t>
  </si>
  <si>
    <t>115165.5</t>
  </si>
  <si>
    <t>2889.4569063955</t>
  </si>
  <si>
    <t>37666261.0</t>
  </si>
  <si>
    <t>19885124.0</t>
  </si>
  <si>
    <t>19540515.0</t>
  </si>
  <si>
    <t>72517.0</t>
  </si>
  <si>
    <t>36950.0</t>
  </si>
  <si>
    <t>75321.0</t>
  </si>
  <si>
    <t>21813461.0</t>
  </si>
  <si>
    <t>569.427</t>
  </si>
  <si>
    <t>57.029</t>
  </si>
  <si>
    <t>36875.0</t>
  </si>
  <si>
    <t>81519.0</t>
  </si>
  <si>
    <t>81638.0</t>
  </si>
  <si>
    <t>115628.5</t>
  </si>
  <si>
    <t>2901.07339351761</t>
  </si>
  <si>
    <t>47136.0</t>
  </si>
  <si>
    <t>37657.0</t>
  </si>
  <si>
    <t>38043351.0</t>
  </si>
  <si>
    <t>19967292.0</t>
  </si>
  <si>
    <t>19648767.0</t>
  </si>
  <si>
    <t>38051598.0</t>
  </si>
  <si>
    <t>19968901.0</t>
  </si>
  <si>
    <t>19651359.0</t>
  </si>
  <si>
    <t>41581.0</t>
  </si>
  <si>
    <t>22080714.0</t>
  </si>
  <si>
    <t>576.404</t>
  </si>
  <si>
    <t>38179.0</t>
  </si>
  <si>
    <t>38252125.0</t>
  </si>
  <si>
    <t>20016102.0</t>
  </si>
  <si>
    <t>19714288.0</t>
  </si>
  <si>
    <t>56760.0</t>
  </si>
  <si>
    <t>38280933.0</t>
  </si>
  <si>
    <t>20026009.0</t>
  </si>
  <si>
    <t>19725793.0</t>
  </si>
  <si>
    <t>40857.0</t>
  </si>
  <si>
    <t>38286490.0</t>
  </si>
  <si>
    <t>20028338.0</t>
  </si>
  <si>
    <t>19728692.0</t>
  </si>
  <si>
    <t>48202.0</t>
  </si>
  <si>
    <t>96.06</t>
  </si>
  <si>
    <t>116202.9</t>
  </si>
  <si>
    <t>2915.48486263843</t>
  </si>
  <si>
    <t>41750.0</t>
  </si>
  <si>
    <t>47677.0</t>
  </si>
  <si>
    <t>38373412.0</t>
  </si>
  <si>
    <t>20050972.0</t>
  </si>
  <si>
    <t>19756793.0</t>
  </si>
  <si>
    <t>47152.0</t>
  </si>
  <si>
    <t>95.616</t>
  </si>
  <si>
    <t>38439839.0</t>
  </si>
  <si>
    <t>20065807.0</t>
  </si>
  <si>
    <t>19774453.0</t>
  </si>
  <si>
    <t>55463.0</t>
  </si>
  <si>
    <t>22391712.0</t>
  </si>
  <si>
    <t>584.522</t>
  </si>
  <si>
    <t>38510829.0</t>
  </si>
  <si>
    <t>20081239.0</t>
  </si>
  <si>
    <t>19793580.0</t>
  </si>
  <si>
    <t>44889.0</t>
  </si>
  <si>
    <t>38621872.0</t>
  </si>
  <si>
    <t>20113535.0</t>
  </si>
  <si>
    <t>19830320.0</t>
  </si>
  <si>
    <t>38629517.0</t>
  </si>
  <si>
    <t>20117277.0</t>
  </si>
  <si>
    <t>19833946.0</t>
  </si>
  <si>
    <t>96.92</t>
  </si>
  <si>
    <t>116965.7</t>
  </si>
  <si>
    <t>2934.62321334414</t>
  </si>
  <si>
    <t>38671357.0</t>
  </si>
  <si>
    <t>20129987.0</t>
  </si>
  <si>
    <t>19846726.0</t>
  </si>
  <si>
    <t>836725.0</t>
  </si>
  <si>
    <t>41840.0</t>
  </si>
  <si>
    <t>12905.0</t>
  </si>
  <si>
    <t>49481.0</t>
  </si>
  <si>
    <t>38802190.0</t>
  </si>
  <si>
    <t>20166722.0</t>
  </si>
  <si>
    <t>19886266.0</t>
  </si>
  <si>
    <t>907537.0</t>
  </si>
  <si>
    <t>130833.0</t>
  </si>
  <si>
    <t>61254.0</t>
  </si>
  <si>
    <t>50492.0</t>
  </si>
  <si>
    <t>62465.0</t>
  </si>
  <si>
    <t>22752228.0</t>
  </si>
  <si>
    <t>593.933</t>
  </si>
  <si>
    <t>38951997.0</t>
  </si>
  <si>
    <t>20206425.0</t>
  </si>
  <si>
    <t>19924766.0</t>
  </si>
  <si>
    <t>994699.0</t>
  </si>
  <si>
    <t>39031279.0</t>
  </si>
  <si>
    <t>20232132.0</t>
  </si>
  <si>
    <t>19950503.0</t>
  </si>
  <si>
    <t>1033542.0</t>
  </si>
  <si>
    <t>79282.0</t>
  </si>
  <si>
    <t>66418.0</t>
  </si>
  <si>
    <t>60894.0</t>
  </si>
  <si>
    <t>55378.0</t>
  </si>
  <si>
    <t>39064978.0</t>
  </si>
  <si>
    <t>20248449.0</t>
  </si>
  <si>
    <t>19965507.0</t>
  </si>
  <si>
    <t>1045109.0</t>
  </si>
  <si>
    <t>118459.9</t>
  </si>
  <si>
    <t>2972.11210115807</t>
  </si>
  <si>
    <t>39067239.0</t>
  </si>
  <si>
    <t>20249639.0</t>
  </si>
  <si>
    <t>19966504.0</t>
  </si>
  <si>
    <t>1045982.0</t>
  </si>
  <si>
    <t>98.02</t>
  </si>
  <si>
    <t>39120916.0</t>
  </si>
  <si>
    <t>20264839.0</t>
  </si>
  <si>
    <t>19981458.0</t>
  </si>
  <si>
    <t>1076047.0</t>
  </si>
  <si>
    <t>53677.0</t>
  </si>
  <si>
    <t>39207074.0</t>
  </si>
  <si>
    <t>20285036.0</t>
  </si>
  <si>
    <t>19999420.0</t>
  </si>
  <si>
    <t>1131722.0</t>
  </si>
  <si>
    <t>86158.0</t>
  </si>
  <si>
    <t>23176046.0</t>
  </si>
  <si>
    <t>604.997</t>
  </si>
  <si>
    <t>60545.0</t>
  </si>
  <si>
    <t>39299459.0</t>
  </si>
  <si>
    <t>20306537.0</t>
  </si>
  <si>
    <t>20018204.0</t>
  </si>
  <si>
    <t>1191638.0</t>
  </si>
  <si>
    <t>92385.0</t>
  </si>
  <si>
    <t>39408902.0</t>
  </si>
  <si>
    <t>20335591.0</t>
  </si>
  <si>
    <t>20042885.0</t>
  </si>
  <si>
    <t>1258337.0</t>
  </si>
  <si>
    <t>109443.0</t>
  </si>
  <si>
    <t>53946.0</t>
  </si>
  <si>
    <t>39459792.0</t>
  </si>
  <si>
    <t>20352407.0</t>
  </si>
  <si>
    <t>20056333.0</t>
  </si>
  <si>
    <t>1286458.0</t>
  </si>
  <si>
    <t>50890.0</t>
  </si>
  <si>
    <t>62757.0</t>
  </si>
  <si>
    <t>39469339.0</t>
  </si>
  <si>
    <t>20356977.0</t>
  </si>
  <si>
    <t>20059964.0</t>
  </si>
  <si>
    <t>1290412.0</t>
  </si>
  <si>
    <t>120386.5</t>
  </si>
  <si>
    <t>3020.44973418065</t>
  </si>
  <si>
    <t>39528986.0</t>
  </si>
  <si>
    <t>20373465.0</t>
  </si>
  <si>
    <t>20072598.0</t>
  </si>
  <si>
    <t>1327555.0</t>
  </si>
  <si>
    <t>59647.0</t>
  </si>
  <si>
    <t>64232.0</t>
  </si>
  <si>
    <t>39622998.0</t>
  </si>
  <si>
    <t>20395051.0</t>
  </si>
  <si>
    <t>20088239.0</t>
  </si>
  <si>
    <t>1391559.0</t>
  </si>
  <si>
    <t>94012.0</t>
  </si>
  <si>
    <t>71726.0</t>
  </si>
  <si>
    <t>64969.0</t>
  </si>
  <si>
    <t>69048.0</t>
  </si>
  <si>
    <t>23635991.0</t>
  </si>
  <si>
    <t>617.003</t>
  </si>
  <si>
    <t>39757822.0</t>
  </si>
  <si>
    <t>20431137.0</t>
  </si>
  <si>
    <t>20112513.0</t>
  </si>
  <si>
    <t>1478431.0</t>
  </si>
  <si>
    <t>65480.0</t>
  </si>
  <si>
    <t>99.75</t>
  </si>
  <si>
    <t>68251.0</t>
  </si>
  <si>
    <t>39854041.0</t>
  </si>
  <si>
    <t>20458397.0</t>
  </si>
  <si>
    <t>20134376.0</t>
  </si>
  <si>
    <t>1534956.0</t>
  </si>
  <si>
    <t>70795.0</t>
  </si>
  <si>
    <t>39905294.0</t>
  </si>
  <si>
    <t>20475445.0</t>
  </si>
  <si>
    <t>20147634.0</t>
  </si>
  <si>
    <t>1563508.0</t>
  </si>
  <si>
    <t>62279.0</t>
  </si>
  <si>
    <t>100.12</t>
  </si>
  <si>
    <t>123264.5</t>
  </si>
  <si>
    <t>3092.65761741483</t>
  </si>
  <si>
    <t>39971172.0</t>
  </si>
  <si>
    <t>20488159.0</t>
  </si>
  <si>
    <t>20159697.0</t>
  </si>
  <si>
    <t>1608040.0</t>
  </si>
  <si>
    <t>65878.0</t>
  </si>
  <si>
    <t>63169.0</t>
  </si>
  <si>
    <t>40075742.0</t>
  </si>
  <si>
    <t>20509516.0</t>
  </si>
  <si>
    <t>20177480.0</t>
  </si>
  <si>
    <t>1680895.0</t>
  </si>
  <si>
    <t>104570.0</t>
  </si>
  <si>
    <t>64678.0</t>
  </si>
  <si>
    <t>80973.0</t>
  </si>
  <si>
    <t>40203203.0</t>
  </si>
  <si>
    <t>20534686.0</t>
  </si>
  <si>
    <t>20197468.0</t>
  </si>
  <si>
    <t>1770988.0</t>
  </si>
  <si>
    <t>24220613.0</t>
  </si>
  <si>
    <t>632.264</t>
  </si>
  <si>
    <t>40334156.0</t>
  </si>
  <si>
    <t>20561348.0</t>
  </si>
  <si>
    <t>20219201.0</t>
  </si>
  <si>
    <t>1861608.0</t>
  </si>
  <si>
    <t>130953.0</t>
  </si>
  <si>
    <t>82333.0</t>
  </si>
  <si>
    <t>84710.0</t>
  </si>
  <si>
    <t>40486708.0</t>
  </si>
  <si>
    <t>20596619.0</t>
  </si>
  <si>
    <t>20247539.0</t>
  </si>
  <si>
    <t>1962581.0</t>
  </si>
  <si>
    <t>152552.0</t>
  </si>
  <si>
    <t>101.58</t>
  </si>
  <si>
    <t>85903.0</t>
  </si>
  <si>
    <t>40571910.0</t>
  </si>
  <si>
    <t>20619823.0</t>
  </si>
  <si>
    <t>20264284.0</t>
  </si>
  <si>
    <t>2017196.0</t>
  </si>
  <si>
    <t>101.79</t>
  </si>
  <si>
    <t>40587690.0</t>
  </si>
  <si>
    <t>20624863.0</t>
  </si>
  <si>
    <t>20268848.0</t>
  </si>
  <si>
    <t>2026592.0</t>
  </si>
  <si>
    <t>97485.0</t>
  </si>
  <si>
    <t>127367.3</t>
  </si>
  <si>
    <t>3195.59524887182</t>
  </si>
  <si>
    <t>88288.0</t>
  </si>
  <si>
    <t>40686596.0</t>
  </si>
  <si>
    <t>20644940.0</t>
  </si>
  <si>
    <t>20280698.0</t>
  </si>
  <si>
    <t>2101110.0</t>
  </si>
  <si>
    <t>98906.0</t>
  </si>
  <si>
    <t>89481.0</t>
  </si>
  <si>
    <t>40827691.0</t>
  </si>
  <si>
    <t>20671677.0</t>
  </si>
  <si>
    <t>20298362.0</t>
  </si>
  <si>
    <t>2206886.0</t>
  </si>
  <si>
    <t>141095.0</t>
  </si>
  <si>
    <t>23166.0</t>
  </si>
  <si>
    <t>90674.0</t>
  </si>
  <si>
    <t>114599.0</t>
  </si>
  <si>
    <t>24863678.0</t>
  </si>
  <si>
    <t>649.051</t>
  </si>
  <si>
    <t>91866.0</t>
  </si>
  <si>
    <t>41183099.0</t>
  </si>
  <si>
    <t>20735438.0</t>
  </si>
  <si>
    <t>20343006.0</t>
  </si>
  <si>
    <t>2473782.0</t>
  </si>
  <si>
    <t>121278.0</t>
  </si>
  <si>
    <t>124719.0</t>
  </si>
  <si>
    <t>92584.0</t>
  </si>
  <si>
    <t>41536389.0</t>
  </si>
  <si>
    <t>20807234.0</t>
  </si>
  <si>
    <t>20398724.0</t>
  </si>
  <si>
    <t>2728354.0</t>
  </si>
  <si>
    <t>41568021.0</t>
  </si>
  <si>
    <t>20814512.0</t>
  </si>
  <si>
    <t>20405229.0</t>
  </si>
  <si>
    <t>2750827.0</t>
  </si>
  <si>
    <t>31632.0</t>
  </si>
  <si>
    <t>140047.0</t>
  </si>
  <si>
    <t>132062.3</t>
  </si>
  <si>
    <t>3313.3909444189</t>
  </si>
  <si>
    <t>41675389.0</t>
  </si>
  <si>
    <t>20829997.0</t>
  </si>
  <si>
    <t>20418316.0</t>
  </si>
  <si>
    <t>2836221.0</t>
  </si>
  <si>
    <t>107368.0</t>
  </si>
  <si>
    <t>141256.0</t>
  </si>
  <si>
    <t>146648.0</t>
  </si>
  <si>
    <t>42033071.0</t>
  </si>
  <si>
    <t>20876315.0</t>
  </si>
  <si>
    <t>20456289.0</t>
  </si>
  <si>
    <t>146811.0</t>
  </si>
  <si>
    <t>21550.0</t>
  </si>
  <si>
    <t>25524319.0</t>
  </si>
  <si>
    <t>666.297</t>
  </si>
  <si>
    <t>42226766.0</t>
  </si>
  <si>
    <t>20901641.0</t>
  </si>
  <si>
    <t>20470166.0</t>
  </si>
  <si>
    <t>3285651.0</t>
  </si>
  <si>
    <t>193695.0</t>
  </si>
  <si>
    <t>149095.0</t>
  </si>
  <si>
    <t>94334.0</t>
  </si>
  <si>
    <t>42488461.0</t>
  </si>
  <si>
    <t>20938216.0</t>
  </si>
  <si>
    <t>20500035.0</t>
  </si>
  <si>
    <t>3492653.0</t>
  </si>
  <si>
    <t>261695.0</t>
  </si>
  <si>
    <t>161245.0</t>
  </si>
  <si>
    <t>42672883.0</t>
  </si>
  <si>
    <t>20968528.0</t>
  </si>
  <si>
    <t>20521241.0</t>
  </si>
  <si>
    <t>3637272.0</t>
  </si>
  <si>
    <t>184422.0</t>
  </si>
  <si>
    <t>162356.0</t>
  </si>
  <si>
    <t>94248.0</t>
  </si>
  <si>
    <t>42714925.0</t>
  </si>
  <si>
    <t>20976105.0</t>
  </si>
  <si>
    <t>20526976.0</t>
  </si>
  <si>
    <t>3669978.0</t>
  </si>
  <si>
    <t>107.17</t>
  </si>
  <si>
    <t>137384.1</t>
  </si>
  <si>
    <t>3446.9128043896</t>
  </si>
  <si>
    <t>43054863.0</t>
  </si>
  <si>
    <t>21022140.0</t>
  </si>
  <si>
    <t>20562999.0</t>
  </si>
  <si>
    <t>3943683.0</t>
  </si>
  <si>
    <t>339938.0</t>
  </si>
  <si>
    <t>197068.0</t>
  </si>
  <si>
    <t>94119.0</t>
  </si>
  <si>
    <t>43524495.0</t>
  </si>
  <si>
    <t>21081218.0</t>
  </si>
  <si>
    <t>20608833.0</t>
  </si>
  <si>
    <t>4324918.0</t>
  </si>
  <si>
    <t>213061.0</t>
  </si>
  <si>
    <t>26182848.0</t>
  </si>
  <si>
    <t>683.487</t>
  </si>
  <si>
    <t>94076.0</t>
  </si>
  <si>
    <t>0.2484</t>
  </si>
  <si>
    <t>30131.0</t>
  </si>
  <si>
    <t>44015507.0</t>
  </si>
  <si>
    <t>21143897.0</t>
  </si>
  <si>
    <t>20663982.0</t>
  </si>
  <si>
    <t>4714227.0</t>
  </si>
  <si>
    <t>218149.0</t>
  </si>
  <si>
    <t>93280.0</t>
  </si>
  <si>
    <t>44200031.0</t>
  </si>
  <si>
    <t>21171467.0</t>
  </si>
  <si>
    <t>20685210.0</t>
  </si>
  <si>
    <t>4858716.0</t>
  </si>
  <si>
    <t>184524.0</t>
  </si>
  <si>
    <t>28991.0</t>
  </si>
  <si>
    <t>92883.0</t>
  </si>
  <si>
    <t>44239198.0</t>
  </si>
  <si>
    <t>21177713.0</t>
  </si>
  <si>
    <t>20689638.0</t>
  </si>
  <si>
    <t>4889245.0</t>
  </si>
  <si>
    <t>39167.0</t>
  </si>
  <si>
    <t>217753.0</t>
  </si>
  <si>
    <t>110.99</t>
  </si>
  <si>
    <t>142896.7</t>
  </si>
  <si>
    <t>3585.22176099722</t>
  </si>
  <si>
    <t>92485.0</t>
  </si>
  <si>
    <t>44404322.0</t>
  </si>
  <si>
    <t>21196780.0</t>
  </si>
  <si>
    <t>20707123.0</t>
  </si>
  <si>
    <t>5023195.0</t>
  </si>
  <si>
    <t>165124.0</t>
  </si>
  <si>
    <t>192780.0</t>
  </si>
  <si>
    <t>44616673.0</t>
  </si>
  <si>
    <t>21222136.0</t>
  </si>
  <si>
    <t>20730782.0</t>
  </si>
  <si>
    <t>5194036.0</t>
  </si>
  <si>
    <t>212351.0</t>
  </si>
  <si>
    <t>91690.0</t>
  </si>
  <si>
    <t>44848389.0</t>
  </si>
  <si>
    <t>21247906.0</t>
  </si>
  <si>
    <t>20756179.0</t>
  </si>
  <si>
    <t>5380702.0</t>
  </si>
  <si>
    <t>231716.0</t>
  </si>
  <si>
    <t>189128.0</t>
  </si>
  <si>
    <t>26821895.0</t>
  </si>
  <si>
    <t>700.169</t>
  </si>
  <si>
    <t>91292.0</t>
  </si>
  <si>
    <t>45081352.0</t>
  </si>
  <si>
    <t>21285199.0</t>
  </si>
  <si>
    <t>20780909.0</t>
  </si>
  <si>
    <t>5556622.0</t>
  </si>
  <si>
    <t>232963.0</t>
  </si>
  <si>
    <t>187336.0</t>
  </si>
  <si>
    <t>24663.0</t>
  </si>
  <si>
    <t>88871.0</t>
  </si>
  <si>
    <t>45334408.0</t>
  </si>
  <si>
    <t>21331952.0</t>
  </si>
  <si>
    <t>20814451.0</t>
  </si>
  <si>
    <t>5737171.0</t>
  </si>
  <si>
    <t>253056.0</t>
  </si>
  <si>
    <t>188414.0</t>
  </si>
  <si>
    <t>26865.0</t>
  </si>
  <si>
    <t>86449.0</t>
  </si>
  <si>
    <t>45511239.0</t>
  </si>
  <si>
    <t>21378003.0</t>
  </si>
  <si>
    <t>20835654.0</t>
  </si>
  <si>
    <t>5852573.0</t>
  </si>
  <si>
    <t>176831.0</t>
  </si>
  <si>
    <t>187315.0</t>
  </si>
  <si>
    <t>114.19</t>
  </si>
  <si>
    <t>84028.0</t>
  </si>
  <si>
    <t>45552262.0</t>
  </si>
  <si>
    <t>21387771.0</t>
  </si>
  <si>
    <t>20841341.0</t>
  </si>
  <si>
    <t>5880648.0</t>
  </si>
  <si>
    <t>41023.0</t>
  </si>
  <si>
    <t>187581.0</t>
  </si>
  <si>
    <t>148489.9</t>
  </si>
  <si>
    <t>3725.55293976909</t>
  </si>
  <si>
    <t>23612.0</t>
  </si>
  <si>
    <t>81606.0</t>
  </si>
  <si>
    <t>45724991.0</t>
  </si>
  <si>
    <t>21424563.0</t>
  </si>
  <si>
    <t>20861652.0</t>
  </si>
  <si>
    <t>6001613.0</t>
  </si>
  <si>
    <t>172729.0</t>
  </si>
  <si>
    <t>45878657.0</t>
  </si>
  <si>
    <t>21458498.0</t>
  </si>
  <si>
    <t>20880086.0</t>
  </si>
  <si>
    <t>6107595.0</t>
  </si>
  <si>
    <t>180283.0</t>
  </si>
  <si>
    <t>76763.0</t>
  </si>
  <si>
    <t>46054360.0</t>
  </si>
  <si>
    <t>21497412.0</t>
  </si>
  <si>
    <t>20904529.0</t>
  </si>
  <si>
    <t>6224720.0</t>
  </si>
  <si>
    <t>175703.0</t>
  </si>
  <si>
    <t>172282.0</t>
  </si>
  <si>
    <t>27342289.0</t>
  </si>
  <si>
    <t>713.754</t>
  </si>
  <si>
    <t>74342.0</t>
  </si>
  <si>
    <t>46146622.0</t>
  </si>
  <si>
    <t>21520176.0</t>
  </si>
  <si>
    <t>20920358.0</t>
  </si>
  <si>
    <t>6282067.0</t>
  </si>
  <si>
    <t>75232.0</t>
  </si>
  <si>
    <t>46155930.0</t>
  </si>
  <si>
    <t>20922391.0</t>
  </si>
  <si>
    <t>6288143.0</t>
  </si>
  <si>
    <t>76122.0</t>
  </si>
  <si>
    <t>46157174.0</t>
  </si>
  <si>
    <t>20922571.0</t>
  </si>
  <si>
    <t>6288858.0</t>
  </si>
  <si>
    <t>20448.0</t>
  </si>
  <si>
    <t>46158012.0</t>
  </si>
  <si>
    <t>21521616.0</t>
  </si>
  <si>
    <t>20922822.0</t>
  </si>
  <si>
    <t>6290367.0</t>
  </si>
  <si>
    <t>86536.0</t>
  </si>
  <si>
    <t>153806.5</t>
  </si>
  <si>
    <t>3858.94433379371</t>
  </si>
  <si>
    <t>77903.0</t>
  </si>
  <si>
    <t>89824.0</t>
  </si>
  <si>
    <t>78793.0</t>
  </si>
  <si>
    <t>46549512.0</t>
  </si>
  <si>
    <t>21589717.0</t>
  </si>
  <si>
    <t>20984699.0</t>
  </si>
  <si>
    <t>6560576.0</t>
  </si>
  <si>
    <t>79683.0</t>
  </si>
  <si>
    <t>100222.0</t>
  </si>
  <si>
    <t>20433.0</t>
  </si>
  <si>
    <t>27906302.0</t>
  </si>
  <si>
    <t>728.477</t>
  </si>
  <si>
    <t>80573.0</t>
  </si>
  <si>
    <t>46962321.0</t>
  </si>
  <si>
    <t>21668667.0</t>
  </si>
  <si>
    <t>21042850.0</t>
  </si>
  <si>
    <t>6847727.0</t>
  </si>
  <si>
    <t>116528.0</t>
  </si>
  <si>
    <t>81194.0</t>
  </si>
  <si>
    <t>46987401.0</t>
  </si>
  <si>
    <t>21673668.0</t>
  </si>
  <si>
    <t>21046400.0</t>
  </si>
  <si>
    <t>118782.0</t>
  </si>
  <si>
    <t>117.89</t>
  </si>
  <si>
    <t>81814.0</t>
  </si>
  <si>
    <t>46989488.0</t>
  </si>
  <si>
    <t>21674039.0</t>
  </si>
  <si>
    <t>21046692.0</t>
  </si>
  <si>
    <t>6866619.0</t>
  </si>
  <si>
    <t>82435.0</t>
  </si>
  <si>
    <t>47005555.0</t>
  </si>
  <si>
    <t>21677758.0</t>
  </si>
  <si>
    <t>21049453.0</t>
  </si>
  <si>
    <t>6876797.0</t>
  </si>
  <si>
    <t>121078.0</t>
  </si>
  <si>
    <t>158670.5</t>
  </si>
  <si>
    <t>3980.98017258838</t>
  </si>
  <si>
    <t>47167673.0</t>
  </si>
  <si>
    <t>21700180.0</t>
  </si>
  <si>
    <t>21075266.0</t>
  </si>
  <si>
    <t>6994209.0</t>
  </si>
  <si>
    <t>162118.0</t>
  </si>
  <si>
    <t>20645.0</t>
  </si>
  <si>
    <t>47448217.0</t>
  </si>
  <si>
    <t>21743816.0</t>
  </si>
  <si>
    <t>21113044.0</t>
  </si>
  <si>
    <t>7198423.0</t>
  </si>
  <si>
    <t>128386.0</t>
  </si>
  <si>
    <t>47740564.0</t>
  </si>
  <si>
    <t>21784310.0</t>
  </si>
  <si>
    <t>21148641.0</t>
  </si>
  <si>
    <t>7419284.0</t>
  </si>
  <si>
    <t>292347.0</t>
  </si>
  <si>
    <t>140664.0</t>
  </si>
  <si>
    <t>22160.0</t>
  </si>
  <si>
    <t>18748.0</t>
  </si>
  <si>
    <t>28500721.0</t>
  </si>
  <si>
    <t>743.994</t>
  </si>
  <si>
    <t>84917.0</t>
  </si>
  <si>
    <t>47775010.0</t>
  </si>
  <si>
    <t>21789739.0</t>
  </si>
  <si>
    <t>21153724.0</t>
  </si>
  <si>
    <t>7444343.0</t>
  </si>
  <si>
    <t>34446.0</t>
  </si>
  <si>
    <t>85324.0</t>
  </si>
  <si>
    <t>48002829.0</t>
  </si>
  <si>
    <t>21819293.0</t>
  </si>
  <si>
    <t>21194976.0</t>
  </si>
  <si>
    <t>7605198.0</t>
  </si>
  <si>
    <t>227819.0</t>
  </si>
  <si>
    <t>145061.0</t>
  </si>
  <si>
    <t>20804.0</t>
  </si>
  <si>
    <t>48179792.0</t>
  </si>
  <si>
    <t>21842425.0</t>
  </si>
  <si>
    <t>21228309.0</t>
  </si>
  <si>
    <t>7721118.0</t>
  </si>
  <si>
    <t>176963.0</t>
  </si>
  <si>
    <t>170043.0</t>
  </si>
  <si>
    <t>86139.0</t>
  </si>
  <si>
    <t>48215692.0</t>
  </si>
  <si>
    <t>21846931.0</t>
  </si>
  <si>
    <t>21240294.0</t>
  </si>
  <si>
    <t>7744938.0</t>
  </si>
  <si>
    <t>172877.0</t>
  </si>
  <si>
    <t>120.97</t>
  </si>
  <si>
    <t>161670.4</t>
  </si>
  <si>
    <t>4056.24647867394</t>
  </si>
  <si>
    <t>86546.0</t>
  </si>
  <si>
    <t>48394222.0</t>
  </si>
  <si>
    <t>21868432.0</t>
  </si>
  <si>
    <t>21276912.0</t>
  </si>
  <si>
    <t>7868028.0</t>
  </si>
  <si>
    <t>178530.0</t>
  </si>
  <si>
    <t>175221.0</t>
  </si>
  <si>
    <t>121.42</t>
  </si>
  <si>
    <t>48643742.0</t>
  </si>
  <si>
    <t>21913582.0</t>
  </si>
  <si>
    <t>21329145.0</t>
  </si>
  <si>
    <t>8023619.0</t>
  </si>
  <si>
    <t>170789.0</t>
  </si>
  <si>
    <t>87360.0</t>
  </si>
  <si>
    <t>48893428.0</t>
  </si>
  <si>
    <t>21946463.0</t>
  </si>
  <si>
    <t>21371753.0</t>
  </si>
  <si>
    <t>8202520.0</t>
  </si>
  <si>
    <t>249686.0</t>
  </si>
  <si>
    <t>164695.0</t>
  </si>
  <si>
    <t>122.67</t>
  </si>
  <si>
    <t>29115092.0</t>
  </si>
  <si>
    <t>760.032</t>
  </si>
  <si>
    <t>87767.0</t>
  </si>
  <si>
    <t>49115019.0</t>
  </si>
  <si>
    <t>21975695.0</t>
  </si>
  <si>
    <t>21400739.0</t>
  </si>
  <si>
    <t>8368987.0</t>
  </si>
  <si>
    <t>221591.0</t>
  </si>
  <si>
    <t>191430.0</t>
  </si>
  <si>
    <t>49362965.0</t>
  </si>
  <si>
    <t>22010663.0</t>
  </si>
  <si>
    <t>21424542.0</t>
  </si>
  <si>
    <t>8562488.0</t>
  </si>
  <si>
    <t>247946.0</t>
  </si>
  <si>
    <t>194305.0</t>
  </si>
  <si>
    <t>183012.0</t>
  </si>
  <si>
    <t>49558781.0</t>
  </si>
  <si>
    <t>22034108.0</t>
  </si>
  <si>
    <t>21434065.0</t>
  </si>
  <si>
    <t>8720084.0</t>
  </si>
  <si>
    <t>191870.0</t>
  </si>
  <si>
    <t>163441.3</t>
  </si>
  <si>
    <t>4100.67766019562</t>
  </si>
  <si>
    <t>49715916.0</t>
  </si>
  <si>
    <t>22054191.0</t>
  </si>
  <si>
    <t>21454689.0</t>
  </si>
  <si>
    <t>8839133.0</t>
  </si>
  <si>
    <t>188813.0</t>
  </si>
  <si>
    <t>124.74</t>
  </si>
  <si>
    <t>111100.0</t>
  </si>
  <si>
    <t>49904088.0</t>
  </si>
  <si>
    <t>22077854.0</t>
  </si>
  <si>
    <t>21484370.0</t>
  </si>
  <si>
    <t>8976804.0</t>
  </si>
  <si>
    <t>188172.0</t>
  </si>
  <si>
    <t>180049.0</t>
  </si>
  <si>
    <t>115767.0</t>
  </si>
  <si>
    <t>172555.0</t>
  </si>
  <si>
    <t>29958124.0</t>
  </si>
  <si>
    <t>782.039</t>
  </si>
  <si>
    <t>120433.0</t>
  </si>
  <si>
    <t>50298537.0</t>
  </si>
  <si>
    <t>22128034.0</t>
  </si>
  <si>
    <t>21541049.0</t>
  </si>
  <si>
    <t>9269839.0</t>
  </si>
  <si>
    <t>169074.0</t>
  </si>
  <si>
    <t>125673.0</t>
  </si>
  <si>
    <t>50500491.0</t>
  </si>
  <si>
    <t>22155003.0</t>
  </si>
  <si>
    <t>21559669.0</t>
  </si>
  <si>
    <t>9429669.0</t>
  </si>
  <si>
    <t>201954.0</t>
  </si>
  <si>
    <t>162504.0</t>
  </si>
  <si>
    <t>130912.0</t>
  </si>
  <si>
    <t>50630585.0</t>
  </si>
  <si>
    <t>22174493.0</t>
  </si>
  <si>
    <t>21570109.0</t>
  </si>
  <si>
    <t>9531842.0</t>
  </si>
  <si>
    <t>130094.0</t>
  </si>
  <si>
    <t>167102.0</t>
  </si>
  <si>
    <t>136152.0</t>
  </si>
  <si>
    <t>50671742.0</t>
  </si>
  <si>
    <t>22193408.0</t>
  </si>
  <si>
    <t>21589637.0</t>
  </si>
  <si>
    <t>9551125.0</t>
  </si>
  <si>
    <t>158994.0</t>
  </si>
  <si>
    <t>164402.4</t>
  </si>
  <si>
    <t>4124.79127957588</t>
  </si>
  <si>
    <t>141391.0</t>
  </si>
  <si>
    <t>50795046.0</t>
  </si>
  <si>
    <t>22209910.0</t>
  </si>
  <si>
    <t>21608106.0</t>
  </si>
  <si>
    <t>9641589.0</t>
  </si>
  <si>
    <t>123304.0</t>
  </si>
  <si>
    <t>154161.0</t>
  </si>
  <si>
    <t>146631.0</t>
  </si>
  <si>
    <t>50952034.0</t>
  </si>
  <si>
    <t>22230267.0</t>
  </si>
  <si>
    <t>21633454.0</t>
  </si>
  <si>
    <t>9755022.0</t>
  </si>
  <si>
    <t>156988.0</t>
  </si>
  <si>
    <t>149707.0</t>
  </si>
  <si>
    <t>151870.0</t>
  </si>
  <si>
    <t>51119917.0</t>
  </si>
  <si>
    <t>22251342.0</t>
  </si>
  <si>
    <t>21662397.0</t>
  </si>
  <si>
    <t>9875071.0</t>
  </si>
  <si>
    <t>167883.0</t>
  </si>
  <si>
    <t>145515.0</t>
  </si>
  <si>
    <t>31057894.0</t>
  </si>
  <si>
    <t>157110.0</t>
  </si>
  <si>
    <t>51254788.0</t>
  </si>
  <si>
    <t>22269206.0</t>
  </si>
  <si>
    <t>21675140.0</t>
  </si>
  <si>
    <t>9980818.0</t>
  </si>
  <si>
    <t>134871.0</t>
  </si>
  <si>
    <t>136607.0</t>
  </si>
  <si>
    <t>155605.0</t>
  </si>
  <si>
    <t>51426061.0</t>
  </si>
  <si>
    <t>22291055.0</t>
  </si>
  <si>
    <t>21701001.0</t>
  </si>
  <si>
    <t>10106897.0</t>
  </si>
  <si>
    <t>171273.0</t>
  </si>
  <si>
    <t>132224.0</t>
  </si>
  <si>
    <t>19436.0</t>
  </si>
  <si>
    <t>154101.0</t>
  </si>
  <si>
    <t>123521.0</t>
  </si>
  <si>
    <t>17942.0</t>
  </si>
  <si>
    <t>152596.0</t>
  </si>
  <si>
    <t>51564403.0</t>
  </si>
  <si>
    <t>22309125.0</t>
  </si>
  <si>
    <t>21727625.0</t>
  </si>
  <si>
    <t>10202461.0</t>
  </si>
  <si>
    <t>127523.0</t>
  </si>
  <si>
    <t>165448.3</t>
  </si>
  <si>
    <t>4151.03249746143</t>
  </si>
  <si>
    <t>0.3204</t>
  </si>
  <si>
    <t>51658515.0</t>
  </si>
  <si>
    <t>22320403.0</t>
  </si>
  <si>
    <t>21747458.0</t>
  </si>
  <si>
    <t>10267126.0</t>
  </si>
  <si>
    <t>123353.0</t>
  </si>
  <si>
    <t>149587.0</t>
  </si>
  <si>
    <t>51768860.0</t>
  </si>
  <si>
    <t>22334608.0</t>
  </si>
  <si>
    <t>21770732.0</t>
  </si>
  <si>
    <t>10341305.0</t>
  </si>
  <si>
    <t>110345.0</t>
  </si>
  <si>
    <t>116689.0</t>
  </si>
  <si>
    <t>51887620.0</t>
  </si>
  <si>
    <t>22349451.0</t>
  </si>
  <si>
    <t>21795822.0</t>
  </si>
  <si>
    <t>10421358.0</t>
  </si>
  <si>
    <t>32083935.0</t>
  </si>
  <si>
    <t>837.532</t>
  </si>
  <si>
    <t>146577.0</t>
  </si>
  <si>
    <t>51996078.0</t>
  </si>
  <si>
    <t>22363222.0</t>
  </si>
  <si>
    <t>21819649.0</t>
  </si>
  <si>
    <t>10493700.0</t>
  </si>
  <si>
    <t>108458.0</t>
  </si>
  <si>
    <t>105899.0</t>
  </si>
  <si>
    <t>142811.0</t>
  </si>
  <si>
    <t>52116952.0</t>
  </si>
  <si>
    <t>22377111.0</t>
  </si>
  <si>
    <t>21847424.0</t>
  </si>
  <si>
    <t>10574409.0</t>
  </si>
  <si>
    <t>120874.0</t>
  </si>
  <si>
    <t>139044.0</t>
  </si>
  <si>
    <t>52197329.0</t>
  </si>
  <si>
    <t>22386559.0</t>
  </si>
  <si>
    <t>21868932.0</t>
  </si>
  <si>
    <t>10624696.0</t>
  </si>
  <si>
    <t>80377.0</t>
  </si>
  <si>
    <t>100300.0</t>
  </si>
  <si>
    <t>135278.0</t>
  </si>
  <si>
    <t>52209949.0</t>
  </si>
  <si>
    <t>22388213.0</t>
  </si>
  <si>
    <t>21872680.0</t>
  </si>
  <si>
    <t>10632197.0</t>
  </si>
  <si>
    <t>92221.0</t>
  </si>
  <si>
    <t>166629.2</t>
  </si>
  <si>
    <t>4180.66081202406</t>
  </si>
  <si>
    <t>131511.0</t>
  </si>
  <si>
    <t>52280338.0</t>
  </si>
  <si>
    <t>22399095.0</t>
  </si>
  <si>
    <t>21890527.0</t>
  </si>
  <si>
    <t>10675427.0</t>
  </si>
  <si>
    <t>19014.0</t>
  </si>
  <si>
    <t>127745.0</t>
  </si>
  <si>
    <t>52363064.0</t>
  </si>
  <si>
    <t>22409088.0</t>
  </si>
  <si>
    <t>21910805.0</t>
  </si>
  <si>
    <t>10728674.0</t>
  </si>
  <si>
    <t>82726.0</t>
  </si>
  <si>
    <t>123979.0</t>
  </si>
  <si>
    <t>0.3331</t>
  </si>
  <si>
    <t>52450913.0</t>
  </si>
  <si>
    <t>22419936.0</t>
  </si>
  <si>
    <t>21932256.0</t>
  </si>
  <si>
    <t>10785183.0</t>
  </si>
  <si>
    <t>32925420.0</t>
  </si>
  <si>
    <t>859.498</t>
  </si>
  <si>
    <t>120212.0</t>
  </si>
  <si>
    <t>52531873.0</t>
  </si>
  <si>
    <t>22430286.0</t>
  </si>
  <si>
    <t>21953194.0</t>
  </si>
  <si>
    <t>10836067.0</t>
  </si>
  <si>
    <t>80960.0</t>
  </si>
  <si>
    <t>116837.0</t>
  </si>
  <si>
    <t>52625394.0</t>
  </si>
  <si>
    <t>22440330.0</t>
  </si>
  <si>
    <t>21978545.0</t>
  </si>
  <si>
    <t>10895254.0</t>
  </si>
  <si>
    <t>132.04</t>
  </si>
  <si>
    <t>113462.0</t>
  </si>
  <si>
    <t>0.3154</t>
  </si>
  <si>
    <t>52681624.0</t>
  </si>
  <si>
    <t>22446900.0</t>
  </si>
  <si>
    <t>21995811.0</t>
  </si>
  <si>
    <t>10928422.0</t>
  </si>
  <si>
    <t>110087.0</t>
  </si>
  <si>
    <t>52691015.0</t>
  </si>
  <si>
    <t>22449048.0</t>
  </si>
  <si>
    <t>21998598.0</t>
  </si>
  <si>
    <t>10933181.0</t>
  </si>
  <si>
    <t>68724.0</t>
  </si>
  <si>
    <t>168001.7</t>
  </si>
  <si>
    <t>4215.09629490763</t>
  </si>
  <si>
    <t>106712.0</t>
  </si>
  <si>
    <t>52735700.0</t>
  </si>
  <si>
    <t>22454638.0</t>
  </si>
  <si>
    <t>22012341.0</t>
  </si>
  <si>
    <t>10959615.0</t>
  </si>
  <si>
    <t>44685.0</t>
  </si>
  <si>
    <t>65052.0</t>
  </si>
  <si>
    <t>103337.0</t>
  </si>
  <si>
    <t>52783844.0</t>
  </si>
  <si>
    <t>22459895.0</t>
  </si>
  <si>
    <t>22026636.0</t>
  </si>
  <si>
    <t>10988683.0</t>
  </si>
  <si>
    <t>48144.0</t>
  </si>
  <si>
    <t>60111.0</t>
  </si>
  <si>
    <t>99961.0</t>
  </si>
  <si>
    <t>0.2799</t>
  </si>
  <si>
    <t>52861561.0</t>
  </si>
  <si>
    <t>22468287.0</t>
  </si>
  <si>
    <t>22048333.0</t>
  </si>
  <si>
    <t>11037134.0</t>
  </si>
  <si>
    <t>58664.0</t>
  </si>
  <si>
    <t>33601524.0</t>
  </si>
  <si>
    <t>877.147</t>
  </si>
  <si>
    <t>96586.0</t>
  </si>
  <si>
    <t>57224.0</t>
  </si>
  <si>
    <t>94047.0</t>
  </si>
  <si>
    <t>53003321.0</t>
  </si>
  <si>
    <t>22483759.0</t>
  </si>
  <si>
    <t>22089979.0</t>
  </si>
  <si>
    <t>11124015.0</t>
  </si>
  <si>
    <t>53042513.0</t>
  </si>
  <si>
    <t>22488032.0</t>
  </si>
  <si>
    <t>22102872.0</t>
  </si>
  <si>
    <t>11146515.0</t>
  </si>
  <si>
    <t>53049693.0</t>
  </si>
  <si>
    <t>22489023.0</t>
  </si>
  <si>
    <t>22105445.0</t>
  </si>
  <si>
    <t>11150290.0</t>
  </si>
  <si>
    <t>51240.0</t>
  </si>
  <si>
    <t>4240.74539811483</t>
  </si>
  <si>
    <t>86428.0</t>
  </si>
  <si>
    <t>0.2452</t>
  </si>
  <si>
    <t>53088071.0</t>
  </si>
  <si>
    <t>22493385.0</t>
  </si>
  <si>
    <t>22116954.0</t>
  </si>
  <si>
    <t>11173429.0</t>
  </si>
  <si>
    <t>83888.0</t>
  </si>
  <si>
    <t>53133734.0</t>
  </si>
  <si>
    <t>22498354.0</t>
  </si>
  <si>
    <t>22130963.0</t>
  </si>
  <si>
    <t>11201243.0</t>
  </si>
  <si>
    <t>49984.0</t>
  </si>
  <si>
    <t>53183011.0</t>
  </si>
  <si>
    <t>22503994.0</t>
  </si>
  <si>
    <t>22145854.0</t>
  </si>
  <si>
    <t>11230835.0</t>
  </si>
  <si>
    <t>49277.0</t>
  </si>
  <si>
    <t>45921.0</t>
  </si>
  <si>
    <t>34153188.0</t>
  </si>
  <si>
    <t>891.548</t>
  </si>
  <si>
    <t>53229874.0</t>
  </si>
  <si>
    <t>22509262.0</t>
  </si>
  <si>
    <t>22159554.0</t>
  </si>
  <si>
    <t>11259631.0</t>
  </si>
  <si>
    <t>77503.0</t>
  </si>
  <si>
    <t>53289571.0</t>
  </si>
  <si>
    <t>22515420.0</t>
  </si>
  <si>
    <t>22177162.0</t>
  </si>
  <si>
    <t>11296530.0</t>
  </si>
  <si>
    <t>59697.0</t>
  </si>
  <si>
    <t>76196.0</t>
  </si>
  <si>
    <t>53318913.0</t>
  </si>
  <si>
    <t>22518846.0</t>
  </si>
  <si>
    <t>22187035.0</t>
  </si>
  <si>
    <t>11313191.0</t>
  </si>
  <si>
    <t>74890.0</t>
  </si>
  <si>
    <t>53324129.0</t>
  </si>
  <si>
    <t>22519535.0</t>
  </si>
  <si>
    <t>22188817.0</t>
  </si>
  <si>
    <t>11316193.0</t>
  </si>
  <si>
    <t>169558.7</t>
  </si>
  <si>
    <t>4254.16080991654</t>
  </si>
  <si>
    <t>73584.0</t>
  </si>
  <si>
    <t>72277.0</t>
  </si>
  <si>
    <t>53382707.0</t>
  </si>
  <si>
    <t>22525671.0</t>
  </si>
  <si>
    <t>22207046.0</t>
  </si>
  <si>
    <t>11351615.0</t>
  </si>
  <si>
    <t>133.94</t>
  </si>
  <si>
    <t>53414424.0</t>
  </si>
  <si>
    <t>22529058.0</t>
  </si>
  <si>
    <t>22217419.0</t>
  </si>
  <si>
    <t>11370272.0</t>
  </si>
  <si>
    <t>31717.0</t>
  </si>
  <si>
    <t>134.01</t>
  </si>
  <si>
    <t>34640840.0</t>
  </si>
  <si>
    <t>904.278</t>
  </si>
  <si>
    <t>69665.0</t>
  </si>
  <si>
    <t>53444278.0</t>
  </si>
  <si>
    <t>22532496.0</t>
  </si>
  <si>
    <t>22226815.0</t>
  </si>
  <si>
    <t>11387999.0</t>
  </si>
  <si>
    <t>134.09</t>
  </si>
  <si>
    <t>53487084.0</t>
  </si>
  <si>
    <t>22537367.0</t>
  </si>
  <si>
    <t>22239563.0</t>
  </si>
  <si>
    <t>11414131.0</t>
  </si>
  <si>
    <t>53504033.0</t>
  </si>
  <si>
    <t>22539353.0</t>
  </si>
  <si>
    <t>22245134.0</t>
  </si>
  <si>
    <t>11423942.0</t>
  </si>
  <si>
    <t>69034.0</t>
  </si>
  <si>
    <t>169485.8</t>
  </si>
  <si>
    <t>4252.33177771092</t>
  </si>
  <si>
    <t>68823.0</t>
  </si>
  <si>
    <t>53526887.0</t>
  </si>
  <si>
    <t>22542001.0</t>
  </si>
  <si>
    <t>22250993.0</t>
  </si>
  <si>
    <t>11439017.0</t>
  </si>
  <si>
    <t>53547442.0</t>
  </si>
  <si>
    <t>22544385.0</t>
  </si>
  <si>
    <t>22256913.0</t>
  </si>
  <si>
    <t>11451742.0</t>
  </si>
  <si>
    <t>35118188.0</t>
  </si>
  <si>
    <t>916.739</t>
  </si>
  <si>
    <t>68193.0</t>
  </si>
  <si>
    <t>53596915.0</t>
  </si>
  <si>
    <t>22549838.0</t>
  </si>
  <si>
    <t>22270479.0</t>
  </si>
  <si>
    <t>11483298.0</t>
  </si>
  <si>
    <t>67949.0</t>
  </si>
  <si>
    <t>53632473.0</t>
  </si>
  <si>
    <t>22553592.0</t>
  </si>
  <si>
    <t>22279771.0</t>
  </si>
  <si>
    <t>11506582.0</t>
  </si>
  <si>
    <t>134.56</t>
  </si>
  <si>
    <t>53651153.0</t>
  </si>
  <si>
    <t>22556096.0</t>
  </si>
  <si>
    <t>22284791.0</t>
  </si>
  <si>
    <t>11518385.0</t>
  </si>
  <si>
    <t>134.61</t>
  </si>
  <si>
    <t>169519.9</t>
  </si>
  <si>
    <t>4253.18733324194</t>
  </si>
  <si>
    <t>67219.0</t>
  </si>
  <si>
    <t>53689500.0</t>
  </si>
  <si>
    <t>22560322.0</t>
  </si>
  <si>
    <t>22293936.0</t>
  </si>
  <si>
    <t>11544436.0</t>
  </si>
  <si>
    <t>53711008.0</t>
  </si>
  <si>
    <t>22562605.0</t>
  </si>
  <si>
    <t>22299356.0</t>
  </si>
  <si>
    <t>11558758.0</t>
  </si>
  <si>
    <t>35583605.0</t>
  </si>
  <si>
    <t>928.888</t>
  </si>
  <si>
    <t>53731568.0</t>
  </si>
  <si>
    <t>22564781.0</t>
  </si>
  <si>
    <t>22304332.0</t>
  </si>
  <si>
    <t>11572552.0</t>
  </si>
  <si>
    <t>134.81</t>
  </si>
  <si>
    <t>65319.0</t>
  </si>
  <si>
    <t>53776917.0</t>
  </si>
  <si>
    <t>22569643.0</t>
  </si>
  <si>
    <t>22315117.0</t>
  </si>
  <si>
    <t>11603187.0</t>
  </si>
  <si>
    <t>62981.0</t>
  </si>
  <si>
    <t>53779125.0</t>
  </si>
  <si>
    <t>22570151.0</t>
  </si>
  <si>
    <t>22315653.0</t>
  </si>
  <si>
    <t>11604584.0</t>
  </si>
  <si>
    <t>169390.8</t>
  </si>
  <si>
    <t>4249.94826523446</t>
  </si>
  <si>
    <t>53794002.0</t>
  </si>
  <si>
    <t>22571765.0</t>
  </si>
  <si>
    <t>22318598.0</t>
  </si>
  <si>
    <t>11615331.0</t>
  </si>
  <si>
    <t>53809376.0</t>
  </si>
  <si>
    <t>22573485.0</t>
  </si>
  <si>
    <t>22321920.0</t>
  </si>
  <si>
    <t>11626049.0</t>
  </si>
  <si>
    <t>15374.0</t>
  </si>
  <si>
    <t>59474.0</t>
  </si>
  <si>
    <t>53826886.0</t>
  </si>
  <si>
    <t>22575468.0</t>
  </si>
  <si>
    <t>22325834.0</t>
  </si>
  <si>
    <t>11638113.0</t>
  </si>
  <si>
    <t>35991737.0</t>
  </si>
  <si>
    <t>939.543</t>
  </si>
  <si>
    <t>53843927.0</t>
  </si>
  <si>
    <t>22577534.0</t>
  </si>
  <si>
    <t>22329626.0</t>
  </si>
  <si>
    <t>11649791.0</t>
  </si>
  <si>
    <t>53870219.0</t>
  </si>
  <si>
    <t>22580485.0</t>
  </si>
  <si>
    <t>22335445.0</t>
  </si>
  <si>
    <t>11667933.0</t>
  </si>
  <si>
    <t>53880551.0</t>
  </si>
  <si>
    <t>22582082.0</t>
  </si>
  <si>
    <t>22338081.0</t>
  </si>
  <si>
    <t>11674619.0</t>
  </si>
  <si>
    <t>53882175.0</t>
  </si>
  <si>
    <t>22582308.0</t>
  </si>
  <si>
    <t>22338384.0</t>
  </si>
  <si>
    <t>11675717.0</t>
  </si>
  <si>
    <t>169502.9</t>
  </si>
  <si>
    <t>4252.76080995668</t>
  </si>
  <si>
    <t>53908363.0</t>
  </si>
  <si>
    <t>22585418.0</t>
  </si>
  <si>
    <t>22343826.0</t>
  </si>
  <si>
    <t>11694159.0</t>
  </si>
  <si>
    <t>53924321.0</t>
  </si>
  <si>
    <t>22587422.0</t>
  </si>
  <si>
    <t>22347421.0</t>
  </si>
  <si>
    <t>11705031.0</t>
  </si>
  <si>
    <t>36290028.0</t>
  </si>
  <si>
    <t>947.329</t>
  </si>
  <si>
    <t>42613.0</t>
  </si>
  <si>
    <t>53939224.0</t>
  </si>
  <si>
    <t>22589179.0</t>
  </si>
  <si>
    <t>22350472.0</t>
  </si>
  <si>
    <t>11715397.0</t>
  </si>
  <si>
    <t>135.33</t>
  </si>
  <si>
    <t>53976007.0</t>
  </si>
  <si>
    <t>22603408.0</t>
  </si>
  <si>
    <t>22366876.0</t>
  </si>
  <si>
    <t>11733622.0</t>
  </si>
  <si>
    <t>169757.8</t>
  </si>
  <si>
    <t>4259.15615027509</t>
  </si>
  <si>
    <t>53987667.0</t>
  </si>
  <si>
    <t>22607291.0</t>
  </si>
  <si>
    <t>22371289.0</t>
  </si>
  <si>
    <t>11740196.0</t>
  </si>
  <si>
    <t>53997014.0</t>
  </si>
  <si>
    <t>22608803.0</t>
  </si>
  <si>
    <t>22373451.0</t>
  </si>
  <si>
    <t>11746739.0</t>
  </si>
  <si>
    <t>135.48</t>
  </si>
  <si>
    <t>54008348.0</t>
  </si>
  <si>
    <t>22611149.0</t>
  </si>
  <si>
    <t>22376491.0</t>
  </si>
  <si>
    <t>11754077.0</t>
  </si>
  <si>
    <t>36407207.0</t>
  </si>
  <si>
    <t>950.388</t>
  </si>
  <si>
    <t>54019414.0</t>
  </si>
  <si>
    <t>22612383.0</t>
  </si>
  <si>
    <t>22378598.0</t>
  </si>
  <si>
    <t>54037332.0</t>
  </si>
  <si>
    <t>22614302.0</t>
  </si>
  <si>
    <t>22382202.0</t>
  </si>
  <si>
    <t>11775011.0</t>
  </si>
  <si>
    <t>135.58</t>
  </si>
  <si>
    <t>54045571.0</t>
  </si>
  <si>
    <t>22615408.0</t>
  </si>
  <si>
    <t>22383805.0</t>
  </si>
  <si>
    <t>11780896.0</t>
  </si>
  <si>
    <t>169878.7</t>
  </si>
  <si>
    <t>4262.18948352145</t>
  </si>
  <si>
    <t>54055397.0</t>
  </si>
  <si>
    <t>22617157.0</t>
  </si>
  <si>
    <t>22385970.0</t>
  </si>
  <si>
    <t>11787771.0</t>
  </si>
  <si>
    <t>54079593.0</t>
  </si>
  <si>
    <t>22624403.0</t>
  </si>
  <si>
    <t>22394480.0</t>
  </si>
  <si>
    <t>11801962.0</t>
  </si>
  <si>
    <t>36496005.0</t>
  </si>
  <si>
    <t>952.706</t>
  </si>
  <si>
    <t>54092008.0</t>
  </si>
  <si>
    <t>22627451.0</t>
  </si>
  <si>
    <t>22398266.0</t>
  </si>
  <si>
    <t>11809728.0</t>
  </si>
  <si>
    <t>54107186.0</t>
  </si>
  <si>
    <t>22631494.0</t>
  </si>
  <si>
    <t>22403096.0</t>
  </si>
  <si>
    <t>11819137.0</t>
  </si>
  <si>
    <t>170010.2</t>
  </si>
  <si>
    <t>4265.48876658097</t>
  </si>
  <si>
    <t>54108832.0</t>
  </si>
  <si>
    <t>22632859.0</t>
  </si>
  <si>
    <t>22404498.0</t>
  </si>
  <si>
    <t>11819358.0</t>
  </si>
  <si>
    <t>54119792.0</t>
  </si>
  <si>
    <t>22634902.0</t>
  </si>
  <si>
    <t>22407254.0</t>
  </si>
  <si>
    <t>11826818.0</t>
  </si>
  <si>
    <t>54131852.0</t>
  </si>
  <si>
    <t>22636944.0</t>
  </si>
  <si>
    <t>22410231.0</t>
  </si>
  <si>
    <t>11835123.0</t>
  </si>
  <si>
    <t>135.81</t>
  </si>
  <si>
    <t>36580416.0</t>
  </si>
  <si>
    <t>954.91</t>
  </si>
  <si>
    <t>54165727.0</t>
  </si>
  <si>
    <t>22639239.0</t>
  </si>
  <si>
    <t>22414785.0</t>
  </si>
  <si>
    <t>11862591.0</t>
  </si>
  <si>
    <t>54172710.0</t>
  </si>
  <si>
    <t>22640263.0</t>
  </si>
  <si>
    <t>22416229.0</t>
  </si>
  <si>
    <t>11867647.0</t>
  </si>
  <si>
    <t>170638.9</t>
  </si>
  <si>
    <t>4281.26260125412</t>
  </si>
  <si>
    <t>54188360.0</t>
  </si>
  <si>
    <t>22644572.0</t>
  </si>
  <si>
    <t>22420907.0</t>
  </si>
  <si>
    <t>11877894.0</t>
  </si>
  <si>
    <t>54199743.0</t>
  </si>
  <si>
    <t>22645293.0</t>
  </si>
  <si>
    <t>22421994.0</t>
  </si>
  <si>
    <t>11887530.0</t>
  </si>
  <si>
    <t>36669022.0</t>
  </si>
  <si>
    <t>957.223</t>
  </si>
  <si>
    <t>54226431.0</t>
  </si>
  <si>
    <t>22649424.0</t>
  </si>
  <si>
    <t>22426881.0</t>
  </si>
  <si>
    <t>11907812.0</t>
  </si>
  <si>
    <t>136.05</t>
  </si>
  <si>
    <t>54248720.0</t>
  </si>
  <si>
    <t>22655895.0</t>
  </si>
  <si>
    <t>22434094.0</t>
  </si>
  <si>
    <t>11921803.0</t>
  </si>
  <si>
    <t>54267954.0</t>
  </si>
  <si>
    <t>22670819.0</t>
  </si>
  <si>
    <t>22449245.0</t>
  </si>
  <si>
    <t>11925570.0</t>
  </si>
  <si>
    <t>19234.0</t>
  </si>
  <si>
    <t>54270117.0</t>
  </si>
  <si>
    <t>22672604.0</t>
  </si>
  <si>
    <t>22450970.0</t>
  </si>
  <si>
    <t>11925922.0</t>
  </si>
  <si>
    <t>170812.2</t>
  </si>
  <si>
    <t>4285.61062980328</t>
  </si>
  <si>
    <t>54275723.0</t>
  </si>
  <si>
    <t>22672976.0</t>
  </si>
  <si>
    <t>22451388.0</t>
  </si>
  <si>
    <t>11930843.0</t>
  </si>
  <si>
    <t>54276276.0</t>
  </si>
  <si>
    <t>22673025.0</t>
  </si>
  <si>
    <t>22451445.0</t>
  </si>
  <si>
    <t>11931305.0</t>
  </si>
  <si>
    <t>10933.0</t>
  </si>
  <si>
    <t>54288231.0</t>
  </si>
  <si>
    <t>22674239.0</t>
  </si>
  <si>
    <t>22453040.0</t>
  </si>
  <si>
    <t>11941067.0</t>
  </si>
  <si>
    <t>36730457.0</t>
  </si>
  <si>
    <t>958.826</t>
  </si>
  <si>
    <t>54303650.0</t>
  </si>
  <si>
    <t>22677653.0</t>
  </si>
  <si>
    <t>22456718.0</t>
  </si>
  <si>
    <t>11952044.0</t>
  </si>
  <si>
    <t>54322890.0</t>
  </si>
  <si>
    <t>22680676.0</t>
  </si>
  <si>
    <t>22460210.0</t>
  </si>
  <si>
    <t>11966745.0</t>
  </si>
  <si>
    <t>54327043.0</t>
  </si>
  <si>
    <t>22681066.0</t>
  </si>
  <si>
    <t>22460681.0</t>
  </si>
  <si>
    <t>11970123.0</t>
  </si>
  <si>
    <t>54327787.0</t>
  </si>
  <si>
    <t>22681187.0</t>
  </si>
  <si>
    <t>22460787.0</t>
  </si>
  <si>
    <t>11970690.0</t>
  </si>
  <si>
    <t>171096.7</t>
  </si>
  <si>
    <t>4292.74862243015</t>
  </si>
  <si>
    <t>54336522.0</t>
  </si>
  <si>
    <t>22681933.0</t>
  </si>
  <si>
    <t>22461537.0</t>
  </si>
  <si>
    <t>11978166.0</t>
  </si>
  <si>
    <t>54345090.0</t>
  </si>
  <si>
    <t>22682671.0</t>
  </si>
  <si>
    <t>22462330.0</t>
  </si>
  <si>
    <t>11985343.0</t>
  </si>
  <si>
    <t>54356331.0</t>
  </si>
  <si>
    <t>22684133.0</t>
  </si>
  <si>
    <t>22464018.0</t>
  </si>
  <si>
    <t>11994189.0</t>
  </si>
  <si>
    <t>36754880.0</t>
  </si>
  <si>
    <t>959.464</t>
  </si>
  <si>
    <t>54365534.0</t>
  </si>
  <si>
    <t>22684849.0</t>
  </si>
  <si>
    <t>22464873.0</t>
  </si>
  <si>
    <t>12001875.0</t>
  </si>
  <si>
    <t>54373321.0</t>
  </si>
  <si>
    <t>22686068.0</t>
  </si>
  <si>
    <t>22466309.0</t>
  </si>
  <si>
    <t>12007779.0</t>
  </si>
  <si>
    <t>54375826.0</t>
  </si>
  <si>
    <t>22686468.0</t>
  </si>
  <si>
    <t>22466753.0</t>
  </si>
  <si>
    <t>12009601.0</t>
  </si>
  <si>
    <t>54376507.0</t>
  </si>
  <si>
    <t>22686548.0</t>
  </si>
  <si>
    <t>22466780.0</t>
  </si>
  <si>
    <t>12010143.0</t>
  </si>
  <si>
    <t>4295.76690191349</t>
  </si>
  <si>
    <t>54383780.0</t>
  </si>
  <si>
    <t>22687200.0</t>
  </si>
  <si>
    <t>22467593.0</t>
  </si>
  <si>
    <t>12016177.0</t>
  </si>
  <si>
    <t>54405303.0</t>
  </si>
  <si>
    <t>22694608.0</t>
  </si>
  <si>
    <t>22475356.0</t>
  </si>
  <si>
    <t>12028786.0</t>
  </si>
  <si>
    <t>54413480.0</t>
  </si>
  <si>
    <t>22695708.0</t>
  </si>
  <si>
    <t>22476531.0</t>
  </si>
  <si>
    <t>12035095.0</t>
  </si>
  <si>
    <t>36813022.0</t>
  </si>
  <si>
    <t>960.982</t>
  </si>
  <si>
    <t>54421890.0</t>
  </si>
  <si>
    <t>22696471.0</t>
  </si>
  <si>
    <t>22477509.0</t>
  </si>
  <si>
    <t>12041960.0</t>
  </si>
  <si>
    <t>54433639.0</t>
  </si>
  <si>
    <t>22697541.0</t>
  </si>
  <si>
    <t>22479006.0</t>
  </si>
  <si>
    <t>12051407.0</t>
  </si>
  <si>
    <t>54437812.0</t>
  </si>
  <si>
    <t>22698876.0</t>
  </si>
  <si>
    <t>22479533.0</t>
  </si>
  <si>
    <t>12053906.0</t>
  </si>
  <si>
    <t>54438412.0</t>
  </si>
  <si>
    <t>22698955.0</t>
  </si>
  <si>
    <t>22479540.0</t>
  </si>
  <si>
    <t>12054404.0</t>
  </si>
  <si>
    <t>171137.5</t>
  </si>
  <si>
    <t>4293.77227831477</t>
  </si>
  <si>
    <t>54444636.0</t>
  </si>
  <si>
    <t>22699506.0</t>
  </si>
  <si>
    <t>22480198.0</t>
  </si>
  <si>
    <t>12059568.0</t>
  </si>
  <si>
    <t>54456113.0</t>
  </si>
  <si>
    <t>22705353.0</t>
  </si>
  <si>
    <t>22484478.0</t>
  </si>
  <si>
    <t>12064818.0</t>
  </si>
  <si>
    <t>54468731.0</t>
  </si>
  <si>
    <t>22711905.0</t>
  </si>
  <si>
    <t>22491177.0</t>
  </si>
  <si>
    <t>12070263.0</t>
  </si>
  <si>
    <t>36865713.0</t>
  </si>
  <si>
    <t>962.357</t>
  </si>
  <si>
    <t>54478354.0</t>
  </si>
  <si>
    <t>22714917.0</t>
  </si>
  <si>
    <t>22494469.0</t>
  </si>
  <si>
    <t>12076172.0</t>
  </si>
  <si>
    <t>54488565.0</t>
  </si>
  <si>
    <t>22715858.0</t>
  </si>
  <si>
    <t>22495677.0</t>
  </si>
  <si>
    <t>12084447.0</t>
  </si>
  <si>
    <t>54492039.0</t>
  </si>
  <si>
    <t>22716281.0</t>
  </si>
  <si>
    <t>22496180.0</t>
  </si>
  <si>
    <t>12087088.0</t>
  </si>
  <si>
    <t>170847.0</t>
  </si>
  <si>
    <t>-3.74</t>
  </si>
  <si>
    <t>4286.48374805781</t>
  </si>
  <si>
    <t>54499346.0</t>
  </si>
  <si>
    <t>22718557.0</t>
  </si>
  <si>
    <t>22498417.0</t>
  </si>
  <si>
    <t>12091529.0</t>
  </si>
  <si>
    <t>54508366.0</t>
  </si>
  <si>
    <t>22722506.0</t>
  </si>
  <si>
    <t>22499435.0</t>
  </si>
  <si>
    <t>12095942.0</t>
  </si>
  <si>
    <t>136.76</t>
  </si>
  <si>
    <t>54513367.0</t>
  </si>
  <si>
    <t>22723093.0</t>
  </si>
  <si>
    <t>22500351.0</t>
  </si>
  <si>
    <t>12099827.0</t>
  </si>
  <si>
    <t>36906371.0</t>
  </si>
  <si>
    <t>963.418</t>
  </si>
  <si>
    <t>54518504.0</t>
  </si>
  <si>
    <t>22723608.0</t>
  </si>
  <si>
    <t>22501063.0</t>
  </si>
  <si>
    <t>12103864.0</t>
  </si>
  <si>
    <t>136.78</t>
  </si>
  <si>
    <t>54525544.0</t>
  </si>
  <si>
    <t>22724405.0</t>
  </si>
  <si>
    <t>22502121.0</t>
  </si>
  <si>
    <t>12109252.0</t>
  </si>
  <si>
    <t>54527617.0</t>
  </si>
  <si>
    <t>22724677.0</t>
  </si>
  <si>
    <t>22502473.0</t>
  </si>
  <si>
    <t>12110784.0</t>
  </si>
  <si>
    <t>54527941.0</t>
  </si>
  <si>
    <t>22724754.0</t>
  </si>
  <si>
    <t>22502531.0</t>
  </si>
  <si>
    <t>12111010.0</t>
  </si>
  <si>
    <t>170691.1</t>
  </si>
  <si>
    <t>4282.57227863592</t>
  </si>
  <si>
    <t>54531752.0</t>
  </si>
  <si>
    <t>22725218.0</t>
  </si>
  <si>
    <t>22503051.0</t>
  </si>
  <si>
    <t>12113972.0</t>
  </si>
  <si>
    <t>54535421.0</t>
  </si>
  <si>
    <t>22725524.0</t>
  </si>
  <si>
    <t>22503600.0</t>
  </si>
  <si>
    <t>12116883.0</t>
  </si>
  <si>
    <t>54540830.0</t>
  </si>
  <si>
    <t>22727148.0</t>
  </si>
  <si>
    <t>22504366.0</t>
  </si>
  <si>
    <t>12120066.0</t>
  </si>
  <si>
    <t>36938817.0</t>
  </si>
  <si>
    <t>964.265</t>
  </si>
  <si>
    <t>54545023.0</t>
  </si>
  <si>
    <t>22727622.0</t>
  </si>
  <si>
    <t>22505139.0</t>
  </si>
  <si>
    <t>12123144.0</t>
  </si>
  <si>
    <t>54549124.0</t>
  </si>
  <si>
    <t>22728003.0</t>
  </si>
  <si>
    <t>22505879.0</t>
  </si>
  <si>
    <t>12126249.0</t>
  </si>
  <si>
    <t>54550556.0</t>
  </si>
  <si>
    <t>22728192.0</t>
  </si>
  <si>
    <t>22506148.0</t>
  </si>
  <si>
    <t>12127272.0</t>
  </si>
  <si>
    <t>54550793.0</t>
  </si>
  <si>
    <t>22728227.0</t>
  </si>
  <si>
    <t>22506187.0</t>
  </si>
  <si>
    <t>12127447.0</t>
  </si>
  <si>
    <t>170727.0</t>
  </si>
  <si>
    <t>4283.47299545597</t>
  </si>
  <si>
    <t>54553840.0</t>
  </si>
  <si>
    <t>22728621.0</t>
  </si>
  <si>
    <t>22506692.0</t>
  </si>
  <si>
    <t>12129695.0</t>
  </si>
  <si>
    <t>54557318.0</t>
  </si>
  <si>
    <t>22728984.0</t>
  </si>
  <si>
    <t>22507407.0</t>
  </si>
  <si>
    <t>12132228.0</t>
  </si>
  <si>
    <t>36962382.0</t>
  </si>
  <si>
    <t>964.881</t>
  </si>
  <si>
    <t>54561412.0</t>
  </si>
  <si>
    <t>22730288.0</t>
  </si>
  <si>
    <t>22507978.0</t>
  </si>
  <si>
    <t>12134586.0</t>
  </si>
  <si>
    <t>54564802.0</t>
  </si>
  <si>
    <t>22730663.0</t>
  </si>
  <si>
    <t>22508613.0</t>
  </si>
  <si>
    <t>12137087.0</t>
  </si>
  <si>
    <t>54565264.0</t>
  </si>
  <si>
    <t>22730750.0</t>
  </si>
  <si>
    <t>22508750.0</t>
  </si>
  <si>
    <t>12137378.0</t>
  </si>
  <si>
    <t>54565414.0</t>
  </si>
  <si>
    <t>22730814.0</t>
  </si>
  <si>
    <t>22508772.0</t>
  </si>
  <si>
    <t>12137447.0</t>
  </si>
  <si>
    <t>170498.3</t>
  </si>
  <si>
    <t>4277.73500278896</t>
  </si>
  <si>
    <t>54568233.0</t>
  </si>
  <si>
    <t>22731100.0</t>
  </si>
  <si>
    <t>22509379.0</t>
  </si>
  <si>
    <t>12139475.0</t>
  </si>
  <si>
    <t>54574763.0</t>
  </si>
  <si>
    <t>22731985.0</t>
  </si>
  <si>
    <t>22510549.0</t>
  </si>
  <si>
    <t>12144201.0</t>
  </si>
  <si>
    <t>136.93</t>
  </si>
  <si>
    <t>54577939.0</t>
  </si>
  <si>
    <t>22732278.0</t>
  </si>
  <si>
    <t>22511049.0</t>
  </si>
  <si>
    <t>12146687.0</t>
  </si>
  <si>
    <t>54582311.0</t>
  </si>
  <si>
    <t>22732972.0</t>
  </si>
  <si>
    <t>22512378.0</t>
  </si>
  <si>
    <t>12149125.0</t>
  </si>
  <si>
    <t>54587437.0</t>
  </si>
  <si>
    <t>22733800.0</t>
  </si>
  <si>
    <t>22513486.0</t>
  </si>
  <si>
    <t>12152502.0</t>
  </si>
  <si>
    <t>54588679.0</t>
  </si>
  <si>
    <t>22734021.0</t>
  </si>
  <si>
    <t>22513766.0</t>
  </si>
  <si>
    <t>12153296.0</t>
  </si>
  <si>
    <t>54588888.0</t>
  </si>
  <si>
    <t>22734067.0</t>
  </si>
  <si>
    <t>22513822.0</t>
  </si>
  <si>
    <t>12153436.0</t>
  </si>
  <si>
    <t>170603.6</t>
  </si>
  <si>
    <t>4280.37693819708</t>
  </si>
  <si>
    <t>54591527.0</t>
  </si>
  <si>
    <t>22734350.0</t>
  </si>
  <si>
    <t>22514198.0</t>
  </si>
  <si>
    <t>12155500.0</t>
  </si>
  <si>
    <t>54594371.0</t>
  </si>
  <si>
    <t>22734782.0</t>
  </si>
  <si>
    <t>22514708.0</t>
  </si>
  <si>
    <t>12157501.0</t>
  </si>
  <si>
    <t>54594605.0</t>
  </si>
  <si>
    <t>22514889.0</t>
  </si>
  <si>
    <t>12157596.0</t>
  </si>
  <si>
    <t>54600779.0</t>
  </si>
  <si>
    <t>22735503.0</t>
  </si>
  <si>
    <t>22515872.0</t>
  </si>
  <si>
    <t>12162210.0</t>
  </si>
  <si>
    <t>54604140.0</t>
  </si>
  <si>
    <t>22735900.0</t>
  </si>
  <si>
    <t>22516696.0</t>
  </si>
  <si>
    <t>12164438.0</t>
  </si>
  <si>
    <t>54605040.0</t>
  </si>
  <si>
    <t>22736443.0</t>
  </si>
  <si>
    <t>22516841.0</t>
  </si>
  <si>
    <t>12164740.0</t>
  </si>
  <si>
    <t>54605119.0</t>
  </si>
  <si>
    <t>22736450.0</t>
  </si>
  <si>
    <t>22516851.0</t>
  </si>
  <si>
    <t>12164803.0</t>
  </si>
  <si>
    <t>171299.7</t>
  </si>
  <si>
    <t>4297.84181224826</t>
  </si>
  <si>
    <t>54608960.0</t>
  </si>
  <si>
    <t>22736924.0</t>
  </si>
  <si>
    <t>22517398.0</t>
  </si>
  <si>
    <t>12167779.0</t>
  </si>
  <si>
    <t>54611872.0</t>
  </si>
  <si>
    <t>22737269.0</t>
  </si>
  <si>
    <t>22517731.0</t>
  </si>
  <si>
    <t>12170117.0</t>
  </si>
  <si>
    <t>54615672.0</t>
  </si>
  <si>
    <t>22737751.0</t>
  </si>
  <si>
    <t>22518180.0</t>
  </si>
  <si>
    <t>12173123.0</t>
  </si>
  <si>
    <t>54624465.0</t>
  </si>
  <si>
    <t>22738726.0</t>
  </si>
  <si>
    <t>22518984.0</t>
  </si>
  <si>
    <t>12180329.0</t>
  </si>
  <si>
    <t>54625420.0</t>
  </si>
  <si>
    <t>22738891.0</t>
  </si>
  <si>
    <t>22519104.0</t>
  </si>
  <si>
    <t>12181058.0</t>
  </si>
  <si>
    <t>54625624.0</t>
  </si>
  <si>
    <t>22738918.0</t>
  </si>
  <si>
    <t>22519169.0</t>
  </si>
  <si>
    <t>12181176.0</t>
  </si>
  <si>
    <t>170849.4</t>
  </si>
  <si>
    <t>4286.54396310985</t>
  </si>
  <si>
    <t>54630140.0</t>
  </si>
  <si>
    <t>22739414.0</t>
  </si>
  <si>
    <t>22519473.0</t>
  </si>
  <si>
    <t>12184996.0</t>
  </si>
  <si>
    <t>137.06</t>
  </si>
  <si>
    <t>54634776.0</t>
  </si>
  <si>
    <t>22739938.0</t>
  </si>
  <si>
    <t>22519910.0</t>
  </si>
  <si>
    <t>12188811.0</t>
  </si>
  <si>
    <t>54640099.0</t>
  </si>
  <si>
    <t>22740573.0</t>
  </si>
  <si>
    <t>22520382.0</t>
  </si>
  <si>
    <t>12193185.0</t>
  </si>
  <si>
    <t>137.09</t>
  </si>
  <si>
    <t>54643313.0</t>
  </si>
  <si>
    <t>22740933.0</t>
  </si>
  <si>
    <t>22520658.0</t>
  </si>
  <si>
    <t>12195856.0</t>
  </si>
  <si>
    <t>54647716.0</t>
  </si>
  <si>
    <t>22741769.0</t>
  </si>
  <si>
    <t>22521066.0</t>
  </si>
  <si>
    <t>12199212.0</t>
  </si>
  <si>
    <t>137.11</t>
  </si>
  <si>
    <t>54648521.0</t>
  </si>
  <si>
    <t>22741892.0</t>
  </si>
  <si>
    <t>22521154.0</t>
  </si>
  <si>
    <t>12199846.0</t>
  </si>
  <si>
    <t>54648644.0</t>
  </si>
  <si>
    <t>22741903.0</t>
  </si>
  <si>
    <t>22521160.0</t>
  </si>
  <si>
    <t>12199957.0</t>
  </si>
  <si>
    <t>170586.1</t>
  </si>
  <si>
    <t>-3.51</t>
  </si>
  <si>
    <t>4279.93787010931</t>
  </si>
  <si>
    <t>54652118.0</t>
  </si>
  <si>
    <t>22742280.0</t>
  </si>
  <si>
    <t>22521538.0</t>
  </si>
  <si>
    <t>12202787.0</t>
  </si>
  <si>
    <t>137.12</t>
  </si>
  <si>
    <t>54655408.0</t>
  </si>
  <si>
    <t>22742647.0</t>
  </si>
  <si>
    <t>22521808.0</t>
  </si>
  <si>
    <t>12205520.0</t>
  </si>
  <si>
    <t>54658469.0</t>
  </si>
  <si>
    <t>22743053.0</t>
  </si>
  <si>
    <t>22522107.0</t>
  </si>
  <si>
    <t>12207970.0</t>
  </si>
  <si>
    <t>54674078.0</t>
  </si>
  <si>
    <t>22744831.0</t>
  </si>
  <si>
    <t>22523544.0</t>
  </si>
  <si>
    <t>12220760.0</t>
  </si>
  <si>
    <t>137.18</t>
  </si>
  <si>
    <t>54692062.0</t>
  </si>
  <si>
    <t>22745424.0</t>
  </si>
  <si>
    <t>22524159.0</t>
  </si>
  <si>
    <t>12237647.0</t>
  </si>
  <si>
    <t>54700167.0</t>
  </si>
  <si>
    <t>22745621.0</t>
  </si>
  <si>
    <t>22524353.0</t>
  </si>
  <si>
    <t>12245433.0</t>
  </si>
  <si>
    <t>137.24</t>
  </si>
  <si>
    <t>54701343.0</t>
  </si>
  <si>
    <t>22745701.0</t>
  </si>
  <si>
    <t>22524453.0</t>
  </si>
  <si>
    <t>12246462.0</t>
  </si>
  <si>
    <t>171013.4</t>
  </si>
  <si>
    <t>4290.65865833237</t>
  </si>
  <si>
    <t>54730181.0</t>
  </si>
  <si>
    <t>22746302.0</t>
  </si>
  <si>
    <t>22524942.0</t>
  </si>
  <si>
    <t>12274469.0</t>
  </si>
  <si>
    <t>54769122.0</t>
  </si>
  <si>
    <t>22746677.0</t>
  </si>
  <si>
    <t>22525249.0</t>
  </si>
  <si>
    <t>12312730.0</t>
  </si>
  <si>
    <t>137.41</t>
  </si>
  <si>
    <t>54818028.0</t>
  </si>
  <si>
    <t>22747238.0</t>
  </si>
  <si>
    <t>22525717.0</t>
  </si>
  <si>
    <t>12360730.0</t>
  </si>
  <si>
    <t>54886462.0</t>
  </si>
  <si>
    <t>22747906.0</t>
  </si>
  <si>
    <t>22526241.0</t>
  </si>
  <si>
    <t>12428151.0</t>
  </si>
  <si>
    <t>54961881.0</t>
  </si>
  <si>
    <t>22749448.0</t>
  </si>
  <si>
    <t>22527456.0</t>
  </si>
  <si>
    <t>12501198.0</t>
  </si>
  <si>
    <t>75419.0</t>
  </si>
  <si>
    <t>38546.0</t>
  </si>
  <si>
    <t>54976294.0</t>
  </si>
  <si>
    <t>22749654.0</t>
  </si>
  <si>
    <t>22527611.0</t>
  </si>
  <si>
    <t>12515315.0</t>
  </si>
  <si>
    <t>54980799.0</t>
  </si>
  <si>
    <t>22749710.0</t>
  </si>
  <si>
    <t>22527654.0</t>
  </si>
  <si>
    <t>12519738.0</t>
  </si>
  <si>
    <t>170840.1</t>
  </si>
  <si>
    <t>4286.31062978321</t>
  </si>
  <si>
    <t>55066370.0</t>
  </si>
  <si>
    <t>22750643.0</t>
  </si>
  <si>
    <t>22528454.0</t>
  </si>
  <si>
    <t>12603847.0</t>
  </si>
  <si>
    <t>55122454.0</t>
  </si>
  <si>
    <t>22751041.0</t>
  </si>
  <si>
    <t>22528759.0</t>
  </si>
  <si>
    <t>12659262.0</t>
  </si>
  <si>
    <t>56084.0</t>
  </si>
  <si>
    <t>50476.0</t>
  </si>
  <si>
    <t>59.939</t>
  </si>
  <si>
    <t>55197146.0</t>
  </si>
  <si>
    <t>22751913.0</t>
  </si>
  <si>
    <t>22529606.0</t>
  </si>
  <si>
    <t>12732424.0</t>
  </si>
  <si>
    <t>74692.0</t>
  </si>
  <si>
    <t>55238450.0</t>
  </si>
  <si>
    <t>22752251.0</t>
  </si>
  <si>
    <t>22529868.0</t>
  </si>
  <si>
    <t>12773176.0</t>
  </si>
  <si>
    <t>55293611.0</t>
  </si>
  <si>
    <t>22753080.0</t>
  </si>
  <si>
    <t>22530603.0</t>
  </si>
  <si>
    <t>12827064.0</t>
  </si>
  <si>
    <t>55161.0</t>
  </si>
  <si>
    <t>138.73</t>
  </si>
  <si>
    <t>55308436.0</t>
  </si>
  <si>
    <t>22753255.0</t>
  </si>
  <si>
    <t>22530743.0</t>
  </si>
  <si>
    <t>12841604.0</t>
  </si>
  <si>
    <t>55310520.0</t>
  </si>
  <si>
    <t>22753289.0</t>
  </si>
  <si>
    <t>22530778.0</t>
  </si>
  <si>
    <t>12843639.0</t>
  </si>
  <si>
    <t>47103.0</t>
  </si>
  <si>
    <t>170909.4</t>
  </si>
  <si>
    <t>4288.04933941077</t>
  </si>
  <si>
    <t>55449423.0</t>
  </si>
  <si>
    <t>22754907.0</t>
  </si>
  <si>
    <t>22532198.0</t>
  </si>
  <si>
    <t>12979834.0</t>
  </si>
  <si>
    <t>138903.0</t>
  </si>
  <si>
    <t>55489895.0</t>
  </si>
  <si>
    <t>22755383.0</t>
  </si>
  <si>
    <t>22532606.0</t>
  </si>
  <si>
    <t>13019556.0</t>
  </si>
  <si>
    <t>52492.0</t>
  </si>
  <si>
    <t>55530851.0</t>
  </si>
  <si>
    <t>22755894.0</t>
  </si>
  <si>
    <t>22533219.0</t>
  </si>
  <si>
    <t>13059513.0</t>
  </si>
  <si>
    <t>40956.0</t>
  </si>
  <si>
    <t>55563441.0</t>
  </si>
  <si>
    <t>22756314.0</t>
  </si>
  <si>
    <t>22533535.0</t>
  </si>
  <si>
    <t>13091428.0</t>
  </si>
  <si>
    <t>32590.0</t>
  </si>
  <si>
    <t>55686526.0</t>
  </si>
  <si>
    <t>22757995.0</t>
  </si>
  <si>
    <t>22534961.0</t>
  </si>
  <si>
    <t>13211801.0</t>
  </si>
  <si>
    <t>123085.0</t>
  </si>
  <si>
    <t>55700431.0</t>
  </si>
  <si>
    <t>22758241.0</t>
  </si>
  <si>
    <t>22535144.0</t>
  </si>
  <si>
    <t>13225336.0</t>
  </si>
  <si>
    <t>55702314.0</t>
  </si>
  <si>
    <t>22758304.0</t>
  </si>
  <si>
    <t>22535184.0</t>
  </si>
  <si>
    <t>13227147.0</t>
  </si>
  <si>
    <t>55971.0</t>
  </si>
  <si>
    <t>170967.7</t>
  </si>
  <si>
    <t>4289.51206338316</t>
  </si>
  <si>
    <t>55704314.0</t>
  </si>
  <si>
    <t>22758370.0</t>
  </si>
  <si>
    <t>22535236.0</t>
  </si>
  <si>
    <t>13229051.0</t>
  </si>
  <si>
    <t>36413.0</t>
  </si>
  <si>
    <t>55741464.0</t>
  </si>
  <si>
    <t>22759072.0</t>
  </si>
  <si>
    <t>22535944.0</t>
  </si>
  <si>
    <t>13265090.0</t>
  </si>
  <si>
    <t>55780864.0</t>
  </si>
  <si>
    <t>22759774.0</t>
  </si>
  <si>
    <t>22536626.0</t>
  </si>
  <si>
    <t>13303401.0</t>
  </si>
  <si>
    <t>55811401.0</t>
  </si>
  <si>
    <t>22760591.0</t>
  </si>
  <si>
    <t>22537344.0</t>
  </si>
  <si>
    <t>13332812.0</t>
  </si>
  <si>
    <t>30537.0</t>
  </si>
  <si>
    <t>35423.0</t>
  </si>
  <si>
    <t>55848469.0</t>
  </si>
  <si>
    <t>22761373.0</t>
  </si>
  <si>
    <t>22538082.0</t>
  </si>
  <si>
    <t>13368617.0</t>
  </si>
  <si>
    <t>140.12</t>
  </si>
  <si>
    <t>55861180.0</t>
  </si>
  <si>
    <t>22761650.0</t>
  </si>
  <si>
    <t>22538291.0</t>
  </si>
  <si>
    <t>13380893.0</t>
  </si>
  <si>
    <t>55863271.0</t>
  </si>
  <si>
    <t>22761825.0</t>
  </si>
  <si>
    <t>22538380.0</t>
  </si>
  <si>
    <t>13382761.0</t>
  </si>
  <si>
    <t>171915.0</t>
  </si>
  <si>
    <t>4313.27944621421</t>
  </si>
  <si>
    <t>55945661.0</t>
  </si>
  <si>
    <t>22764008.0</t>
  </si>
  <si>
    <t>22540389.0</t>
  </si>
  <si>
    <t>13461936.0</t>
  </si>
  <si>
    <t>140.37</t>
  </si>
  <si>
    <t>55951308.0</t>
  </si>
  <si>
    <t>22764155.0</t>
  </si>
  <si>
    <t>22540535.0</t>
  </si>
  <si>
    <t>13467322.0</t>
  </si>
  <si>
    <t>56023221.0</t>
  </si>
  <si>
    <t>22765706.0</t>
  </si>
  <si>
    <t>22541988.0</t>
  </si>
  <si>
    <t>13536534.0</t>
  </si>
  <si>
    <t>34622.0</t>
  </si>
  <si>
    <t>56059371.0</t>
  </si>
  <si>
    <t>22766449.0</t>
  </si>
  <si>
    <t>22542744.0</t>
  </si>
  <si>
    <t>13571380.0</t>
  </si>
  <si>
    <t>56091709.0</t>
  </si>
  <si>
    <t>22767304.0</t>
  </si>
  <si>
    <t>22543706.0</t>
  </si>
  <si>
    <t>13602092.0</t>
  </si>
  <si>
    <t>32338.0</t>
  </si>
  <si>
    <t>34749.0</t>
  </si>
  <si>
    <t>140.73</t>
  </si>
  <si>
    <t>56099935.0</t>
  </si>
  <si>
    <t>22767716.0</t>
  </si>
  <si>
    <t>22544144.0</t>
  </si>
  <si>
    <t>13609687.0</t>
  </si>
  <si>
    <t>56101592.0</t>
  </si>
  <si>
    <t>22767754.0</t>
  </si>
  <si>
    <t>22544175.0</t>
  </si>
  <si>
    <t>13611234.0</t>
  </si>
  <si>
    <t>172294.5</t>
  </si>
  <si>
    <t>4322.80095131753</t>
  </si>
  <si>
    <t>56119791.0</t>
  </si>
  <si>
    <t>22768353.0</t>
  </si>
  <si>
    <t>22544815.0</t>
  </si>
  <si>
    <t>13628333.0</t>
  </si>
  <si>
    <t>18199.0</t>
  </si>
  <si>
    <t>56145399.0</t>
  </si>
  <si>
    <t>22769142.0</t>
  </si>
  <si>
    <t>22545639.0</t>
  </si>
  <si>
    <t>13652619.0</t>
  </si>
  <si>
    <t>56172915.0</t>
  </si>
  <si>
    <t>22770061.0</t>
  </si>
  <si>
    <t>22546367.0</t>
  </si>
  <si>
    <t>13678622.0</t>
  </si>
  <si>
    <t>27516.0</t>
  </si>
  <si>
    <t>56199252.0</t>
  </si>
  <si>
    <t>22770666.0</t>
  </si>
  <si>
    <t>22546982.0</t>
  </si>
  <si>
    <t>13703863.0</t>
  </si>
  <si>
    <t>56223080.0</t>
  </si>
  <si>
    <t>22771407.0</t>
  </si>
  <si>
    <t>22547846.0</t>
  </si>
  <si>
    <t>13726261.0</t>
  </si>
  <si>
    <t>56229193.0</t>
  </si>
  <si>
    <t>22771830.0</t>
  </si>
  <si>
    <t>22548271.0</t>
  </si>
  <si>
    <t>13731772.0</t>
  </si>
  <si>
    <t>56230105.0</t>
  </si>
  <si>
    <t>22771940.0</t>
  </si>
  <si>
    <t>22548374.0</t>
  </si>
  <si>
    <t>13732546.0</t>
  </si>
  <si>
    <t>171976.6</t>
  </si>
  <si>
    <t>4314.82496588315</t>
  </si>
  <si>
    <t>56244933.0</t>
  </si>
  <si>
    <t>22772416.0</t>
  </si>
  <si>
    <t>22548825.0</t>
  </si>
  <si>
    <t>13746613.0</t>
  </si>
  <si>
    <t>56264006.0</t>
  </si>
  <si>
    <t>22772903.0</t>
  </si>
  <si>
    <t>22549299.0</t>
  </si>
  <si>
    <t>13764863.0</t>
  </si>
  <si>
    <t>56288257.0</t>
  </si>
  <si>
    <t>22773797.0</t>
  </si>
  <si>
    <t>22550159.0</t>
  </si>
  <si>
    <t>13787802.0</t>
  </si>
  <si>
    <t>141.23</t>
  </si>
  <si>
    <t>56307962.0</t>
  </si>
  <si>
    <t>22774406.0</t>
  </si>
  <si>
    <t>22550784.0</t>
  </si>
  <si>
    <t>13806459.0</t>
  </si>
  <si>
    <t>141.27</t>
  </si>
  <si>
    <t>56324553.0</t>
  </si>
  <si>
    <t>22775091.0</t>
  </si>
  <si>
    <t>22551510.0</t>
  </si>
  <si>
    <t>13821751.0</t>
  </si>
  <si>
    <t>56330926.0</t>
  </si>
  <si>
    <t>22775294.0</t>
  </si>
  <si>
    <t>22551802.0</t>
  </si>
  <si>
    <t>13827750.0</t>
  </si>
  <si>
    <t>56332553.0</t>
  </si>
  <si>
    <t>22775495.0</t>
  </si>
  <si>
    <t>22551992.0</t>
  </si>
  <si>
    <t>13829087.0</t>
  </si>
  <si>
    <t>14635.0</t>
  </si>
  <si>
    <t>172206.7</t>
  </si>
  <si>
    <t>4320.59808399719</t>
  </si>
  <si>
    <t>56333910.0</t>
  </si>
  <si>
    <t>22775810.0</t>
  </si>
  <si>
    <t>22552115.0</t>
  </si>
  <si>
    <t>13830028.0</t>
  </si>
  <si>
    <t>56368050.0</t>
  </si>
  <si>
    <t>22777884.0</t>
  </si>
  <si>
    <t>22553665.0</t>
  </si>
  <si>
    <t>13861235.0</t>
  </si>
  <si>
    <t>56389370.0</t>
  </si>
  <si>
    <t>22778900.0</t>
  </si>
  <si>
    <t>22554655.0</t>
  </si>
  <si>
    <t>13880954.0</t>
  </si>
  <si>
    <t>141.48</t>
  </si>
  <si>
    <t>56407474.0</t>
  </si>
  <si>
    <t>22779747.0</t>
  </si>
  <si>
    <t>22555576.0</t>
  </si>
  <si>
    <t>13897546.0</t>
  </si>
  <si>
    <t>56410868.0</t>
  </si>
  <si>
    <t>22779932.0</t>
  </si>
  <si>
    <t>22555804.0</t>
  </si>
  <si>
    <t>13900568.0</t>
  </si>
  <si>
    <t>56411806.0</t>
  </si>
  <si>
    <t>22780050.0</t>
  </si>
  <si>
    <t>22555891.0</t>
  </si>
  <si>
    <t>13901338.0</t>
  </si>
  <si>
    <t>172844.8</t>
  </si>
  <si>
    <t>4336.60776095748</t>
  </si>
  <si>
    <t>56422328.0</t>
  </si>
  <si>
    <t>22780543.0</t>
  </si>
  <si>
    <t>22556412.0</t>
  </si>
  <si>
    <t>13911025.0</t>
  </si>
  <si>
    <t>56434282.0</t>
  </si>
  <si>
    <t>22781038.0</t>
  </si>
  <si>
    <t>22556849.0</t>
  </si>
  <si>
    <t>13922161.0</t>
  </si>
  <si>
    <t>56465469.0</t>
  </si>
  <si>
    <t>22781458.0</t>
  </si>
  <si>
    <t>22557345.0</t>
  </si>
  <si>
    <t>13952550.0</t>
  </si>
  <si>
    <t>56552583.0</t>
  </si>
  <si>
    <t>22781933.0</t>
  </si>
  <si>
    <t>22557898.0</t>
  </si>
  <si>
    <t>14038807.0</t>
  </si>
  <si>
    <t>56604893.0</t>
  </si>
  <si>
    <t>22782503.0</t>
  </si>
  <si>
    <t>22558491.0</t>
  </si>
  <si>
    <t>14090085.0</t>
  </si>
  <si>
    <t>56622052.0</t>
  </si>
  <si>
    <t>22783234.0</t>
  </si>
  <si>
    <t>22558684.0</t>
  </si>
  <si>
    <t>14106376.0</t>
  </si>
  <si>
    <t>56624706.0</t>
  </si>
  <si>
    <t>22783358.0</t>
  </si>
  <si>
    <t>22558715.0</t>
  </si>
  <si>
    <t>14108894.0</t>
  </si>
  <si>
    <t>30414.0</t>
  </si>
  <si>
    <t>173429.9</t>
  </si>
  <si>
    <t>4351.28768885196</t>
  </si>
  <si>
    <t>56642574.0</t>
  </si>
  <si>
    <t>22783803.0</t>
  </si>
  <si>
    <t>22559090.0</t>
  </si>
  <si>
    <t>14126056.0</t>
  </si>
  <si>
    <t>56661099.0</t>
  </si>
  <si>
    <t>22785188.0</t>
  </si>
  <si>
    <t>22559689.0</t>
  </si>
  <si>
    <t>14142678.0</t>
  </si>
  <si>
    <t>56731878.0</t>
  </si>
  <si>
    <t>22785552.0</t>
  </si>
  <si>
    <t>22560209.0</t>
  </si>
  <si>
    <t>14212655.0</t>
  </si>
  <si>
    <t>70779.0</t>
  </si>
  <si>
    <t>38058.0</t>
  </si>
  <si>
    <t>56771809.0</t>
  </si>
  <si>
    <t>22785997.0</t>
  </si>
  <si>
    <t>22560748.0</t>
  </si>
  <si>
    <t>14251774.0</t>
  </si>
  <si>
    <t>31318.0</t>
  </si>
  <si>
    <t>56820258.0</t>
  </si>
  <si>
    <t>22786886.0</t>
  </si>
  <si>
    <t>22561865.0</t>
  </si>
  <si>
    <t>14298599.0</t>
  </si>
  <si>
    <t>56833520.0</t>
  </si>
  <si>
    <t>22787040.0</t>
  </si>
  <si>
    <t>22562039.0</t>
  </si>
  <si>
    <t>14311554.0</t>
  </si>
  <si>
    <t>56836557.0</t>
  </si>
  <si>
    <t>22787876.0</t>
  </si>
  <si>
    <t>22562108.0</t>
  </si>
  <si>
    <t>14313729.0</t>
  </si>
  <si>
    <t>174344.2</t>
  </si>
  <si>
    <t>4374.2271147175</t>
  </si>
  <si>
    <t>56860178.0</t>
  </si>
  <si>
    <t>14335531.0</t>
  </si>
  <si>
    <t>23621.0</t>
  </si>
  <si>
    <t>56892247.0</t>
  </si>
  <si>
    <t>22789380.0</t>
  </si>
  <si>
    <t>22562737.0</t>
  </si>
  <si>
    <t>14367449.0</t>
  </si>
  <si>
    <t>33021.0</t>
  </si>
  <si>
    <t>56926463.0</t>
  </si>
  <si>
    <t>22790399.0</t>
  </si>
  <si>
    <t>22563444.0</t>
  </si>
  <si>
    <t>14400316.0</t>
  </si>
  <si>
    <t>27798.0</t>
  </si>
  <si>
    <t>56959799.0</t>
  </si>
  <si>
    <t>22790965.0</t>
  </si>
  <si>
    <t>22564002.0</t>
  </si>
  <si>
    <t>14432766.0</t>
  </si>
  <si>
    <t>26856.0</t>
  </si>
  <si>
    <t>57002766.0</t>
  </si>
  <si>
    <t>22791478.0</t>
  </si>
  <si>
    <t>22564559.0</t>
  </si>
  <si>
    <t>14474793.0</t>
  </si>
  <si>
    <t>57013852.0</t>
  </si>
  <si>
    <t>22791599.0</t>
  </si>
  <si>
    <t>22564737.0</t>
  </si>
  <si>
    <t>14485606.0</t>
  </si>
  <si>
    <t>57015674.0</t>
  </si>
  <si>
    <t>22791645.0</t>
  </si>
  <si>
    <t>22564851.0</t>
  </si>
  <si>
    <t>14487283.0</t>
  </si>
  <si>
    <t>174715.1</t>
  </si>
  <si>
    <t>4383.53284921769</t>
  </si>
  <si>
    <t>57068747.0</t>
  </si>
  <si>
    <t>22792497.0</t>
  </si>
  <si>
    <t>22565802.0</t>
  </si>
  <si>
    <t>14538858.0</t>
  </si>
  <si>
    <t>25214.0</t>
  </si>
  <si>
    <t>57097426.0</t>
  </si>
  <si>
    <t>22792824.0</t>
  </si>
  <si>
    <t>22566155.0</t>
  </si>
  <si>
    <t>14566940.0</t>
  </si>
  <si>
    <t>57124660.0</t>
  </si>
  <si>
    <t>22793095.0</t>
  </si>
  <si>
    <t>22566512.0</t>
  </si>
  <si>
    <t>14593622.0</t>
  </si>
  <si>
    <t>27234.0</t>
  </si>
  <si>
    <t>57161493.0</t>
  </si>
  <si>
    <t>22793529.0</t>
  </si>
  <si>
    <t>22567030.0</t>
  </si>
  <si>
    <t>14629628.0</t>
  </si>
  <si>
    <t>36833.0</t>
  </si>
  <si>
    <t>57171056.0</t>
  </si>
  <si>
    <t>22793816.0</t>
  </si>
  <si>
    <t>22567221.0</t>
  </si>
  <si>
    <t>14638757.0</t>
  </si>
  <si>
    <t>57172703.0</t>
  </si>
  <si>
    <t>22793865.0</t>
  </si>
  <si>
    <t>22567258.0</t>
  </si>
  <si>
    <t>14640337.0</t>
  </si>
  <si>
    <t>175199.4</t>
  </si>
  <si>
    <t>4395.68374492663</t>
  </si>
  <si>
    <t>57187388.0</t>
  </si>
  <si>
    <t>22794202.0</t>
  </si>
  <si>
    <t>22567648.0</t>
  </si>
  <si>
    <t>14654444.0</t>
  </si>
  <si>
    <t>57204467.0</t>
  </si>
  <si>
    <t>22794659.0</t>
  </si>
  <si>
    <t>22568121.0</t>
  </si>
  <si>
    <t>14670824.0</t>
  </si>
  <si>
    <t>57223170.0</t>
  </si>
  <si>
    <t>22795375.0</t>
  </si>
  <si>
    <t>22568572.0</t>
  </si>
  <si>
    <t>14688590.0</t>
  </si>
  <si>
    <t>57241119.0</t>
  </si>
  <si>
    <t>22796534.0</t>
  </si>
  <si>
    <t>22569789.0</t>
  </si>
  <si>
    <t>14705158.0</t>
  </si>
  <si>
    <t>57263852.0</t>
  </si>
  <si>
    <t>22797414.0</t>
  </si>
  <si>
    <t>22570710.0</t>
  </si>
  <si>
    <t>14726654.0</t>
  </si>
  <si>
    <t>57269433.0</t>
  </si>
  <si>
    <t>22797522.0</t>
  </si>
  <si>
    <t>22570847.0</t>
  </si>
  <si>
    <t>14732036.0</t>
  </si>
  <si>
    <t>143.69</t>
  </si>
  <si>
    <t>57271210.0</t>
  </si>
  <si>
    <t>22798242.0</t>
  </si>
  <si>
    <t>22571533.0</t>
  </si>
  <si>
    <t>14733072.0</t>
  </si>
  <si>
    <t>175255.1</t>
  </si>
  <si>
    <t>4397.08123592598</t>
  </si>
  <si>
    <t>57283941.0</t>
  </si>
  <si>
    <t>22799557.0</t>
  </si>
  <si>
    <t>22572947.0</t>
  </si>
  <si>
    <t>14744146.0</t>
  </si>
  <si>
    <t>57298396.0</t>
  </si>
  <si>
    <t>22800645.0</t>
  </si>
  <si>
    <t>22574321.0</t>
  </si>
  <si>
    <t>14757071.0</t>
  </si>
  <si>
    <t>57338302.0</t>
  </si>
  <si>
    <t>22800856.0</t>
  </si>
  <si>
    <t>22574888.0</t>
  </si>
  <si>
    <t>14796326.0</t>
  </si>
  <si>
    <t>57357819.0</t>
  </si>
  <si>
    <t>22801249.0</t>
  </si>
  <si>
    <t>22575203.0</t>
  </si>
  <si>
    <t>14815214.0</t>
  </si>
  <si>
    <t>57381770.0</t>
  </si>
  <si>
    <t>22803404.0</t>
  </si>
  <si>
    <t>22577383.0</t>
  </si>
  <si>
    <t>14836689.0</t>
  </si>
  <si>
    <t>23951.0</t>
  </si>
  <si>
    <t>57389362.0</t>
  </si>
  <si>
    <t>22804799.0</t>
  </si>
  <si>
    <t>22578756.0</t>
  </si>
  <si>
    <t>14842803.0</t>
  </si>
  <si>
    <t>175190.2</t>
  </si>
  <si>
    <t>4395.45292056049</t>
  </si>
  <si>
    <t>57401382.0</t>
  </si>
  <si>
    <t>22805660.0</t>
  </si>
  <si>
    <t>22579609.0</t>
  </si>
  <si>
    <t>14853841.0</t>
  </si>
  <si>
    <t>57401929.0</t>
  </si>
  <si>
    <t>22805696.0</t>
  </si>
  <si>
    <t>22579631.0</t>
  </si>
  <si>
    <t>14854339.0</t>
  </si>
  <si>
    <t>57414613.0</t>
  </si>
  <si>
    <t>22806127.0</t>
  </si>
  <si>
    <t>22580092.0</t>
  </si>
  <si>
    <t>14866437.0</t>
  </si>
  <si>
    <t>57431299.0</t>
  </si>
  <si>
    <t>22807242.0</t>
  </si>
  <si>
    <t>22581206.0</t>
  </si>
  <si>
    <t>14881572.0</t>
  </si>
  <si>
    <t>57454113.0</t>
  </si>
  <si>
    <t>22807680.0</t>
  </si>
  <si>
    <t>22581725.0</t>
  </si>
  <si>
    <t>14903575.0</t>
  </si>
  <si>
    <t>57462837.0</t>
  </si>
  <si>
    <t>22810521.0</t>
  </si>
  <si>
    <t>22584570.0</t>
  </si>
  <si>
    <t>14909351.0</t>
  </si>
  <si>
    <t>57464158.0</t>
  </si>
  <si>
    <t>22810862.0</t>
  </si>
  <si>
    <t>22584903.0</t>
  </si>
  <si>
    <t>14910318.0</t>
  </si>
  <si>
    <t>174488.7</t>
  </si>
  <si>
    <t>4377.85256264222</t>
  </si>
  <si>
    <t>57475354.0</t>
  </si>
  <si>
    <t>22811498.0</t>
  </si>
  <si>
    <t>22585585.0</t>
  </si>
  <si>
    <t>14920714.0</t>
  </si>
  <si>
    <t>57487758.0</t>
  </si>
  <si>
    <t>22811949.0</t>
  </si>
  <si>
    <t>22585908.0</t>
  </si>
  <si>
    <t>14932519.0</t>
  </si>
  <si>
    <t>57502270.0</t>
  </si>
  <si>
    <t>22812204.0</t>
  </si>
  <si>
    <t>22586307.0</t>
  </si>
  <si>
    <t>14946454.0</t>
  </si>
  <si>
    <t>57519990.0</t>
  </si>
  <si>
    <t>22812581.0</t>
  </si>
  <si>
    <t>22586565.0</t>
  </si>
  <si>
    <t>14963742.0</t>
  </si>
  <si>
    <t>57520995.0</t>
  </si>
  <si>
    <t>22812735.0</t>
  </si>
  <si>
    <t>22586703.0</t>
  </si>
  <si>
    <t>14964583.0</t>
  </si>
  <si>
    <t>57527681.0</t>
  </si>
  <si>
    <t>22814475.0</t>
  </si>
  <si>
    <t>22588840.0</t>
  </si>
  <si>
    <t>14967405.0</t>
  </si>
  <si>
    <t>57528781.0</t>
  </si>
  <si>
    <t>22814776.0</t>
  </si>
  <si>
    <t>22588874.0</t>
  </si>
  <si>
    <t>14968184.0</t>
  </si>
  <si>
    <t>173800.6</t>
  </si>
  <si>
    <t>4360.58840543115</t>
  </si>
  <si>
    <t>57540694.0</t>
  </si>
  <si>
    <t>22817294.0</t>
  </si>
  <si>
    <t>22590406.0</t>
  </si>
  <si>
    <t>14976380.0</t>
  </si>
  <si>
    <t>144.37</t>
  </si>
  <si>
    <t>57551505.0</t>
  </si>
  <si>
    <t>22818753.0</t>
  </si>
  <si>
    <t>22591690.0</t>
  </si>
  <si>
    <t>14985236.0</t>
  </si>
  <si>
    <t>57562028.0</t>
  </si>
  <si>
    <t>22819285.0</t>
  </si>
  <si>
    <t>22592252.0</t>
  </si>
  <si>
    <t>14995072.0</t>
  </si>
  <si>
    <t>57572558.0</t>
  </si>
  <si>
    <t>22819970.0</t>
  </si>
  <si>
    <t>22592936.0</t>
  </si>
  <si>
    <t>15004774.0</t>
  </si>
  <si>
    <t>57589001.0</t>
  </si>
  <si>
    <t>22821420.0</t>
  </si>
  <si>
    <t>22594427.0</t>
  </si>
  <si>
    <t>15019517.0</t>
  </si>
  <si>
    <t>57592739.0</t>
  </si>
  <si>
    <t>22821582.0</t>
  </si>
  <si>
    <t>22594602.0</t>
  </si>
  <si>
    <t>15023019.0</t>
  </si>
  <si>
    <t>57593423.0</t>
  </si>
  <si>
    <t>22821745.0</t>
  </si>
  <si>
    <t>22594764.0</t>
  </si>
  <si>
    <t>15023521.0</t>
  </si>
  <si>
    <t>173221.3</t>
  </si>
  <si>
    <t>4346.05399724576</t>
  </si>
  <si>
    <t>57600610.0</t>
  </si>
  <si>
    <t>22822966.0</t>
  </si>
  <si>
    <t>22596017.0</t>
  </si>
  <si>
    <t>15029374.0</t>
  </si>
  <si>
    <t>57607445.0</t>
  </si>
  <si>
    <t>22823399.0</t>
  </si>
  <si>
    <t>22596452.0</t>
  </si>
  <si>
    <t>15035672.0</t>
  </si>
  <si>
    <t>57615148.0</t>
  </si>
  <si>
    <t>22823642.0</t>
  </si>
  <si>
    <t>22596738.0</t>
  </si>
  <si>
    <t>15042939.0</t>
  </si>
  <si>
    <t>57622856.0</t>
  </si>
  <si>
    <t>22824154.0</t>
  </si>
  <si>
    <t>22597285.0</t>
  </si>
  <si>
    <t>15049988.0</t>
  </si>
  <si>
    <t>57634550.0</t>
  </si>
  <si>
    <t>22825406.0</t>
  </si>
  <si>
    <t>22598607.0</t>
  </si>
  <si>
    <t>15060233.0</t>
  </si>
  <si>
    <t>57637202.0</t>
  </si>
  <si>
    <t>22825468.0</t>
  </si>
  <si>
    <t>22598678.0</t>
  </si>
  <si>
    <t>15062773.0</t>
  </si>
  <si>
    <t>144.61</t>
  </si>
  <si>
    <t>172532.2</t>
  </si>
  <si>
    <t>4328.76475042968</t>
  </si>
  <si>
    <t>57643682.0</t>
  </si>
  <si>
    <t>22825824.0</t>
  </si>
  <si>
    <t>22599066.0</t>
  </si>
  <si>
    <t>15068808.0</t>
  </si>
  <si>
    <t>57651749.0</t>
  </si>
  <si>
    <t>22827422.0</t>
  </si>
  <si>
    <t>22600672.0</t>
  </si>
  <si>
    <t>15075191.0</t>
  </si>
  <si>
    <t>57658933.0</t>
  </si>
  <si>
    <t>22828015.0</t>
  </si>
  <si>
    <t>22601290.0</t>
  </si>
  <si>
    <t>15081537.0</t>
  </si>
  <si>
    <t>144.66</t>
  </si>
  <si>
    <t>57664516.0</t>
  </si>
  <si>
    <t>22828328.0</t>
  </si>
  <si>
    <t>22601575.0</t>
  </si>
  <si>
    <t>15086719.0</t>
  </si>
  <si>
    <t>57676431.0</t>
  </si>
  <si>
    <t>22830298.0</t>
  </si>
  <si>
    <t>22603543.0</t>
  </si>
  <si>
    <t>15096550.0</t>
  </si>
  <si>
    <t>57677032.0</t>
  </si>
  <si>
    <t>22830379.0</t>
  </si>
  <si>
    <t>22603626.0</t>
  </si>
  <si>
    <t>15097067.0</t>
  </si>
  <si>
    <t>57681744.0</t>
  </si>
  <si>
    <t>22830453.0</t>
  </si>
  <si>
    <t>22603697.0</t>
  </si>
  <si>
    <t>15101656.0</t>
  </si>
  <si>
    <t>57686283.0</t>
  </si>
  <si>
    <t>22830753.0</t>
  </si>
  <si>
    <t>22604006.0</t>
  </si>
  <si>
    <t>15105831.0</t>
  </si>
  <si>
    <t>57691046.0</t>
  </si>
  <si>
    <t>22830949.0</t>
  </si>
  <si>
    <t>22604207.0</t>
  </si>
  <si>
    <t>15110319.0</t>
  </si>
  <si>
    <t>57696135.0</t>
  </si>
  <si>
    <t>22831387.0</t>
  </si>
  <si>
    <t>22604609.0</t>
  </si>
  <si>
    <t>15114893.0</t>
  </si>
  <si>
    <t>57705252.0</t>
  </si>
  <si>
    <t>22832487.0</t>
  </si>
  <si>
    <t>22605654.0</t>
  </si>
  <si>
    <t>15122788.0</t>
  </si>
  <si>
    <t>57707574.0</t>
  </si>
  <si>
    <t>22832629.0</t>
  </si>
  <si>
    <t>22605800.0</t>
  </si>
  <si>
    <t>15124936.0</t>
  </si>
  <si>
    <t>144.79</t>
  </si>
  <si>
    <t>57708960.0</t>
  </si>
  <si>
    <t>22832951.0</t>
  </si>
  <si>
    <t>22606368.0</t>
  </si>
  <si>
    <t>15125740.0</t>
  </si>
  <si>
    <t>57712986.0</t>
  </si>
  <si>
    <t>22833123.0</t>
  </si>
  <si>
    <t>22606526.0</t>
  </si>
  <si>
    <t>15129543.0</t>
  </si>
  <si>
    <t>57718078.0</t>
  </si>
  <si>
    <t>22833872.0</t>
  </si>
  <si>
    <t>22607497.0</t>
  </si>
  <si>
    <t>15133628.0</t>
  </si>
  <si>
    <t>57723407.0</t>
  </si>
  <si>
    <t>22834399.0</t>
  </si>
  <si>
    <t>22608097.0</t>
  </si>
  <si>
    <t>15138281.0</t>
  </si>
  <si>
    <t>144.83</t>
  </si>
  <si>
    <t>57727729.0</t>
  </si>
  <si>
    <t>22834611.0</t>
  </si>
  <si>
    <t>22608336.0</t>
  </si>
  <si>
    <t>15142299.0</t>
  </si>
  <si>
    <t>57734243.0</t>
  </si>
  <si>
    <t>22835047.0</t>
  </si>
  <si>
    <t>22608785.0</t>
  </si>
  <si>
    <t>15148293.0</t>
  </si>
  <si>
    <t>57736416.0</t>
  </si>
  <si>
    <t>22835754.0</t>
  </si>
  <si>
    <t>22609493.0</t>
  </si>
  <si>
    <t>15149746.0</t>
  </si>
  <si>
    <t>57741910.0</t>
  </si>
  <si>
    <t>22840814.0</t>
  </si>
  <si>
    <t>22614161.0</t>
  </si>
  <si>
    <t>15150176.0</t>
  </si>
  <si>
    <t>57745652.0</t>
  </si>
  <si>
    <t>22841566.0</t>
  </si>
  <si>
    <t>22614899.0</t>
  </si>
  <si>
    <t>15153120.0</t>
  </si>
  <si>
    <t>57749083.0</t>
  </si>
  <si>
    <t>22842115.0</t>
  </si>
  <si>
    <t>22615471.0</t>
  </si>
  <si>
    <t>15155887.0</t>
  </si>
  <si>
    <t>57752582.0</t>
  </si>
  <si>
    <t>22842779.0</t>
  </si>
  <si>
    <t>22616114.0</t>
  </si>
  <si>
    <t>15158675.0</t>
  </si>
  <si>
    <t>57755773.0</t>
  </si>
  <si>
    <t>22843140.0</t>
  </si>
  <si>
    <t>22616435.0</t>
  </si>
  <si>
    <t>15161457.0</t>
  </si>
  <si>
    <t>57758114.0</t>
  </si>
  <si>
    <t>22843546.0</t>
  </si>
  <si>
    <t>22616805.0</t>
  </si>
  <si>
    <t>15163301.0</t>
  </si>
  <si>
    <t>57758367.0</t>
  </si>
  <si>
    <t>22843669.0</t>
  </si>
  <si>
    <t>22616921.0</t>
  </si>
  <si>
    <t>15163428.0</t>
  </si>
  <si>
    <t>57758551.0</t>
  </si>
  <si>
    <t>22843776.0</t>
  </si>
  <si>
    <t>22617032.0</t>
  </si>
  <si>
    <t>15163503.0</t>
  </si>
  <si>
    <t>57758633.0</t>
  </si>
  <si>
    <t>22843783.0</t>
  </si>
  <si>
    <t>22617039.0</t>
  </si>
  <si>
    <t>15163571.0</t>
  </si>
  <si>
    <t>57764179.0</t>
  </si>
  <si>
    <t>22844779.0</t>
  </si>
  <si>
    <t>22617987.0</t>
  </si>
  <si>
    <t>15168076.0</t>
  </si>
  <si>
    <t>57772496.0</t>
  </si>
  <si>
    <t>22847867.0</t>
  </si>
  <si>
    <t>22621016.0</t>
  </si>
  <si>
    <t>15173254.0</t>
  </si>
  <si>
    <t>57780052.0</t>
  </si>
  <si>
    <t>22849948.0</t>
  </si>
  <si>
    <t>22623061.0</t>
  </si>
  <si>
    <t>15178661.0</t>
  </si>
  <si>
    <t>144.97</t>
  </si>
  <si>
    <t>57785736.0</t>
  </si>
  <si>
    <t>22850634.0</t>
  </si>
  <si>
    <t>22623730.0</t>
  </si>
  <si>
    <t>15183587.0</t>
  </si>
  <si>
    <t>57786691.0</t>
  </si>
  <si>
    <t>22850777.0</t>
  </si>
  <si>
    <t>22623876.0</t>
  </si>
  <si>
    <t>15184383.0</t>
  </si>
  <si>
    <t>57787364.0</t>
  </si>
  <si>
    <t>22851387.0</t>
  </si>
  <si>
    <t>22624489.0</t>
  </si>
  <si>
    <t>15184439.0</t>
  </si>
  <si>
    <t>57791104.0</t>
  </si>
  <si>
    <t>22852024.0</t>
  </si>
  <si>
    <t>22625110.0</t>
  </si>
  <si>
    <t>15187459.0</t>
  </si>
  <si>
    <t>57797870.0</t>
  </si>
  <si>
    <t>22855180.0</t>
  </si>
  <si>
    <t>22628270.0</t>
  </si>
  <si>
    <t>15191030.0</t>
  </si>
  <si>
    <t>57804210.0</t>
  </si>
  <si>
    <t>22856125.0</t>
  </si>
  <si>
    <t>22629201.0</t>
  </si>
  <si>
    <t>15196374.0</t>
  </si>
  <si>
    <t>PRT</t>
  </si>
  <si>
    <t>Portugal</t>
  </si>
  <si>
    <t>-1943.6</t>
  </si>
  <si>
    <t>-189.234452392824</t>
  </si>
  <si>
    <t>-2151.6</t>
  </si>
  <si>
    <t>-8.7</t>
  </si>
  <si>
    <t>-209.485927026343</t>
  </si>
  <si>
    <t>-2117.6</t>
  </si>
  <si>
    <t>-206.175589826633</t>
  </si>
  <si>
    <t>-1941.6</t>
  </si>
  <si>
    <t>-189.039726675194</t>
  </si>
  <si>
    <t>52173.0</t>
  </si>
  <si>
    <t>59066.0</t>
  </si>
  <si>
    <t>64098.0</t>
  </si>
  <si>
    <t>-1609.8</t>
  </si>
  <si>
    <t>-156.734730120378</t>
  </si>
  <si>
    <t>72084.0</t>
  </si>
  <si>
    <t>80046.0</t>
  </si>
  <si>
    <t>23.367</t>
  </si>
  <si>
    <t>107474.0</t>
  </si>
  <si>
    <t>11.334</t>
  </si>
  <si>
    <t>123348.0</t>
  </si>
  <si>
    <t>-1192.6</t>
  </si>
  <si>
    <t>-116.114945422763</t>
  </si>
  <si>
    <t>132717.0</t>
  </si>
  <si>
    <t>26.385</t>
  </si>
  <si>
    <t>143340.0</t>
  </si>
  <si>
    <t>155031.0</t>
  </si>
  <si>
    <t>167240.0</t>
  </si>
  <si>
    <t>177456.0</t>
  </si>
  <si>
    <t>17.245</t>
  </si>
  <si>
    <t>114.401</t>
  </si>
  <si>
    <t>186577.0</t>
  </si>
  <si>
    <t>18.132</t>
  </si>
  <si>
    <t>191787.0</t>
  </si>
  <si>
    <t>18.638</t>
  </si>
  <si>
    <t>-743.2</t>
  </si>
  <si>
    <t>-72.360076671304</t>
  </si>
  <si>
    <t>200731.0</t>
  </si>
  <si>
    <t>19.507</t>
  </si>
  <si>
    <t>212651.0</t>
  </si>
  <si>
    <t>20.666</t>
  </si>
  <si>
    <t>226300.0</t>
  </si>
  <si>
    <t>21.992</t>
  </si>
  <si>
    <t>239774.0</t>
  </si>
  <si>
    <t>23.301</t>
  </si>
  <si>
    <t>24.732</t>
  </si>
  <si>
    <t>267289.0</t>
  </si>
  <si>
    <t>-413.599999999999</t>
  </si>
  <si>
    <t>-40.2692784058818</t>
  </si>
  <si>
    <t>117.614</t>
  </si>
  <si>
    <t>287880.0</t>
  </si>
  <si>
    <t>27.976</t>
  </si>
  <si>
    <t>302810.0</t>
  </si>
  <si>
    <t>318341.0</t>
  </si>
  <si>
    <t>30.937</t>
  </si>
  <si>
    <t>333524.0</t>
  </si>
  <si>
    <t>348341.0</t>
  </si>
  <si>
    <t>33.852</t>
  </si>
  <si>
    <t>361787.0</t>
  </si>
  <si>
    <t>35.159</t>
  </si>
  <si>
    <t>370028.0</t>
  </si>
  <si>
    <t>-142.999999999999</t>
  </si>
  <si>
    <t>-13.9228888105442</t>
  </si>
  <si>
    <t>382235.0</t>
  </si>
  <si>
    <t>397751.0</t>
  </si>
  <si>
    <t>40.089</t>
  </si>
  <si>
    <t>41.687</t>
  </si>
  <si>
    <t>441636.0</t>
  </si>
  <si>
    <t>452219.0</t>
  </si>
  <si>
    <t>460659.0</t>
  </si>
  <si>
    <t>4.00000000000057</t>
  </si>
  <si>
    <t>0.389451435260034</t>
  </si>
  <si>
    <t>472548.0</t>
  </si>
  <si>
    <t>16157.0</t>
  </si>
  <si>
    <t>47.493</t>
  </si>
  <si>
    <t>504479.0</t>
  </si>
  <si>
    <t>520512.0</t>
  </si>
  <si>
    <t>50.584</t>
  </si>
  <si>
    <t>535940.0</t>
  </si>
  <si>
    <t>11.684</t>
  </si>
  <si>
    <t>549462.0</t>
  </si>
  <si>
    <t>53.397</t>
  </si>
  <si>
    <t>54.127</t>
  </si>
  <si>
    <t>205.600000000001</t>
  </si>
  <si>
    <t>20.017803772363</t>
  </si>
  <si>
    <t>569706.0</t>
  </si>
  <si>
    <t>55.364</t>
  </si>
  <si>
    <t>586350.0</t>
  </si>
  <si>
    <t>56.982</t>
  </si>
  <si>
    <t>604565.0</t>
  </si>
  <si>
    <t>58.752</t>
  </si>
  <si>
    <t>622894.0</t>
  </si>
  <si>
    <t>643492.0</t>
  </si>
  <si>
    <t>62.535</t>
  </si>
  <si>
    <t>659486.0</t>
  </si>
  <si>
    <t>64.089</t>
  </si>
  <si>
    <t>668456.0</t>
  </si>
  <si>
    <t>64.961</t>
  </si>
  <si>
    <t>253.800000000001</t>
  </si>
  <si>
    <t>24.7106935672457</t>
  </si>
  <si>
    <t>10.223</t>
  </si>
  <si>
    <t>680564.0</t>
  </si>
  <si>
    <t>66.138</t>
  </si>
  <si>
    <t>696759.0</t>
  </si>
  <si>
    <t>16195.0</t>
  </si>
  <si>
    <t>67.712</t>
  </si>
  <si>
    <t>712201.0</t>
  </si>
  <si>
    <t>69.212</t>
  </si>
  <si>
    <t>727547.0</t>
  </si>
  <si>
    <t>70.704</t>
  </si>
  <si>
    <t>742731.0</t>
  </si>
  <si>
    <t>72.179</t>
  </si>
  <si>
    <t>753514.0</t>
  </si>
  <si>
    <t>73.227</t>
  </si>
  <si>
    <t>759328.0</t>
  </si>
  <si>
    <t>73.792</t>
  </si>
  <si>
    <t>356.200000000001</t>
  </si>
  <si>
    <t>34.6806503099012</t>
  </si>
  <si>
    <t>771258.0</t>
  </si>
  <si>
    <t>74.951</t>
  </si>
  <si>
    <t>786363.0</t>
  </si>
  <si>
    <t>76.419</t>
  </si>
  <si>
    <t>803584.0</t>
  </si>
  <si>
    <t>78.093</t>
  </si>
  <si>
    <t>820547.0</t>
  </si>
  <si>
    <t>79.741</t>
  </si>
  <si>
    <t>836682.0</t>
  </si>
  <si>
    <t>81.309</t>
  </si>
  <si>
    <t>849332.0</t>
  </si>
  <si>
    <t>82.539</t>
  </si>
  <si>
    <t>855879.0</t>
  </si>
  <si>
    <t>83.175</t>
  </si>
  <si>
    <t>723.800000000001</t>
  </si>
  <si>
    <t>70.4712372102932</t>
  </si>
  <si>
    <t>867514.0</t>
  </si>
  <si>
    <t>84.306</t>
  </si>
  <si>
    <t>883154.0</t>
  </si>
  <si>
    <t>85.826</t>
  </si>
  <si>
    <t>13827.0</t>
  </si>
  <si>
    <t>900384.0</t>
  </si>
  <si>
    <t>917591.0</t>
  </si>
  <si>
    <t>89.172</t>
  </si>
  <si>
    <t>932900.0</t>
  </si>
  <si>
    <t>944336.0</t>
  </si>
  <si>
    <t>91.771</t>
  </si>
  <si>
    <t>950950.0</t>
  </si>
  <si>
    <t>815.800000000001</t>
  </si>
  <si>
    <t>79.4286202212727</t>
  </si>
  <si>
    <t>962160.0</t>
  </si>
  <si>
    <t>93.503</t>
  </si>
  <si>
    <t>94.817</t>
  </si>
  <si>
    <t>983389.0</t>
  </si>
  <si>
    <t>95.566</t>
  </si>
  <si>
    <t>988153.0</t>
  </si>
  <si>
    <t>96.029</t>
  </si>
  <si>
    <t>999066.0</t>
  </si>
  <si>
    <t>1007039.0</t>
  </si>
  <si>
    <t>1011793.0</t>
  </si>
  <si>
    <t>98.327</t>
  </si>
  <si>
    <t>761.600000000001</t>
  </si>
  <si>
    <t>74.1515532735</t>
  </si>
  <si>
    <t>1023036.0</t>
  </si>
  <si>
    <t>99.419</t>
  </si>
  <si>
    <t>1037801.0</t>
  </si>
  <si>
    <t>100.854</t>
  </si>
  <si>
    <t>1052868.0</t>
  </si>
  <si>
    <t>15067.0</t>
  </si>
  <si>
    <t>102.319</t>
  </si>
  <si>
    <t>1066559.0</t>
  </si>
  <si>
    <t>1081272.0</t>
  </si>
  <si>
    <t>105.079</t>
  </si>
  <si>
    <t>1090308.0</t>
  </si>
  <si>
    <t>105.957</t>
  </si>
  <si>
    <t>1096953.0</t>
  </si>
  <si>
    <t>106.603</t>
  </si>
  <si>
    <t>668.000000000001</t>
  </si>
  <si>
    <t>65.0383896884165</t>
  </si>
  <si>
    <t>1108979.0</t>
  </si>
  <si>
    <t>107.771</t>
  </si>
  <si>
    <t>1124863.0</t>
  </si>
  <si>
    <t>109.315</t>
  </si>
  <si>
    <t>1138788.0</t>
  </si>
  <si>
    <t>110.668</t>
  </si>
  <si>
    <t>1152367.0</t>
  </si>
  <si>
    <t>111.988</t>
  </si>
  <si>
    <t>1168133.0</t>
  </si>
  <si>
    <t>1178485.0</t>
  </si>
  <si>
    <t>114.526</t>
  </si>
  <si>
    <t>1184838.0</t>
  </si>
  <si>
    <t>115.143</t>
  </si>
  <si>
    <t>885.600000000001</t>
  </si>
  <si>
    <t>86.2245477665594</t>
  </si>
  <si>
    <t>1197379.0</t>
  </si>
  <si>
    <t>116.362</t>
  </si>
  <si>
    <t>1213284.0</t>
  </si>
  <si>
    <t>117.908</t>
  </si>
  <si>
    <t>1229740.0</t>
  </si>
  <si>
    <t>119.507</t>
  </si>
  <si>
    <t>1245275.0</t>
  </si>
  <si>
    <t>121.017</t>
  </si>
  <si>
    <t>1260187.0</t>
  </si>
  <si>
    <t>1273082.0</t>
  </si>
  <si>
    <t>123.719</t>
  </si>
  <si>
    <t>1280126.0</t>
  </si>
  <si>
    <t>124.404</t>
  </si>
  <si>
    <t>1084.4</t>
  </si>
  <si>
    <t>105.58028409898</t>
  </si>
  <si>
    <t>1292333.0</t>
  </si>
  <si>
    <t>1309023.0</t>
  </si>
  <si>
    <t>1326203.0</t>
  </si>
  <si>
    <t>128.881</t>
  </si>
  <si>
    <t>1341461.0</t>
  </si>
  <si>
    <t>130.364</t>
  </si>
  <si>
    <t>1357268.0</t>
  </si>
  <si>
    <t>1369504.0</t>
  </si>
  <si>
    <t>133.089</t>
  </si>
  <si>
    <t>1376134.0</t>
  </si>
  <si>
    <t>138.839436670182</t>
  </si>
  <si>
    <t>1389313.0</t>
  </si>
  <si>
    <t>135.014</t>
  </si>
  <si>
    <t>1407557.0</t>
  </si>
  <si>
    <t>136.787</t>
  </si>
  <si>
    <t>1423731.0</t>
  </si>
  <si>
    <t>138.359</t>
  </si>
  <si>
    <t>1439402.0</t>
  </si>
  <si>
    <t>139.882</t>
  </si>
  <si>
    <t>1455468.0</t>
  </si>
  <si>
    <t>141.443</t>
  </si>
  <si>
    <t>1467990.0</t>
  </si>
  <si>
    <t>1475526.0</t>
  </si>
  <si>
    <t>143.393</t>
  </si>
  <si>
    <t>2190.4</t>
  </si>
  <si>
    <t>213.263605948364</t>
  </si>
  <si>
    <t>44.203</t>
  </si>
  <si>
    <t>1489188.0</t>
  </si>
  <si>
    <t>1506400.0</t>
  </si>
  <si>
    <t>17212.0</t>
  </si>
  <si>
    <t>146.393</t>
  </si>
  <si>
    <t>1522147.0</t>
  </si>
  <si>
    <t>147.923</t>
  </si>
  <si>
    <t>1537906.0</t>
  </si>
  <si>
    <t>149.455</t>
  </si>
  <si>
    <t>1553152.0</t>
  </si>
  <si>
    <t>150.936</t>
  </si>
  <si>
    <t>1564987.0</t>
  </si>
  <si>
    <t>1571409.0</t>
  </si>
  <si>
    <t>152.711</t>
  </si>
  <si>
    <t>13698.0</t>
  </si>
  <si>
    <t>265.313790270861</t>
  </si>
  <si>
    <t>1584742.0</t>
  </si>
  <si>
    <t>154.006</t>
  </si>
  <si>
    <t>1601697.0</t>
  </si>
  <si>
    <t>155.654</t>
  </si>
  <si>
    <t>1618409.0</t>
  </si>
  <si>
    <t>1633147.0</t>
  </si>
  <si>
    <t>1648558.0</t>
  </si>
  <si>
    <t>160.208</t>
  </si>
  <si>
    <t>1660708.0</t>
  </si>
  <si>
    <t>161.389</t>
  </si>
  <si>
    <t>1667828.0</t>
  </si>
  <si>
    <t>162.081</t>
  </si>
  <si>
    <t>2988.8</t>
  </si>
  <si>
    <t>290.998112426256</t>
  </si>
  <si>
    <t>1682148.0</t>
  </si>
  <si>
    <t>163.472</t>
  </si>
  <si>
    <t>1699438.0</t>
  </si>
  <si>
    <t>165.153</t>
  </si>
  <si>
    <t>1716598.0</t>
  </si>
  <si>
    <t>1731171.0</t>
  </si>
  <si>
    <t>168.237</t>
  </si>
  <si>
    <t>1746114.0</t>
  </si>
  <si>
    <t>169.689</t>
  </si>
  <si>
    <t>1756912.0</t>
  </si>
  <si>
    <t>170.738</t>
  </si>
  <si>
    <t>1765293.0</t>
  </si>
  <si>
    <t>3091.6</t>
  </si>
  <si>
    <t>301.007014312438</t>
  </si>
  <si>
    <t>1778370.0</t>
  </si>
  <si>
    <t>172.823</t>
  </si>
  <si>
    <t>1795482.0</t>
  </si>
  <si>
    <t>174.486</t>
  </si>
  <si>
    <t>1811820.0</t>
  </si>
  <si>
    <t>176.074</t>
  </si>
  <si>
    <t>1826605.0</t>
  </si>
  <si>
    <t>177.511</t>
  </si>
  <si>
    <t>1842918.0</t>
  </si>
  <si>
    <t>16313.0</t>
  </si>
  <si>
    <t>179.096</t>
  </si>
  <si>
    <t>1853540.0</t>
  </si>
  <si>
    <t>180.908</t>
  </si>
  <si>
    <t>3159.8</t>
  </si>
  <si>
    <t>307.64716128362</t>
  </si>
  <si>
    <t>32.714</t>
  </si>
  <si>
    <t>1875922.0</t>
  </si>
  <si>
    <t>182.304</t>
  </si>
  <si>
    <t>1894464.0</t>
  </si>
  <si>
    <t>184.105</t>
  </si>
  <si>
    <t>1911284.0</t>
  </si>
  <si>
    <t>1925628.0</t>
  </si>
  <si>
    <t>187.134</t>
  </si>
  <si>
    <t>31.253</t>
  </si>
  <si>
    <t>1940450.0</t>
  </si>
  <si>
    <t>1951952.0</t>
  </si>
  <si>
    <t>189.692</t>
  </si>
  <si>
    <t>1960366.0</t>
  </si>
  <si>
    <t>3210.4</t>
  </si>
  <si>
    <t>312.573721939659</t>
  </si>
  <si>
    <t>1974262.0</t>
  </si>
  <si>
    <t>191.86</t>
  </si>
  <si>
    <t>1992202.0</t>
  </si>
  <si>
    <t>193.604</t>
  </si>
  <si>
    <t>2008571.0</t>
  </si>
  <si>
    <t>195.194</t>
  </si>
  <si>
    <t>2023568.0</t>
  </si>
  <si>
    <t>196.652</t>
  </si>
  <si>
    <t>2040220.0</t>
  </si>
  <si>
    <t>198.27</t>
  </si>
  <si>
    <t>2052270.0</t>
  </si>
  <si>
    <t>199.441</t>
  </si>
  <si>
    <t>2060532.0</t>
  </si>
  <si>
    <t>200.244</t>
  </si>
  <si>
    <t>3446.4</t>
  </si>
  <si>
    <t>335.551356619998</t>
  </si>
  <si>
    <t>2076192.0</t>
  </si>
  <si>
    <t>201.766</t>
  </si>
  <si>
    <t>2095137.0</t>
  </si>
  <si>
    <t>2113266.0</t>
  </si>
  <si>
    <t>205.369</t>
  </si>
  <si>
    <t>2130429.0</t>
  </si>
  <si>
    <t>207.037</t>
  </si>
  <si>
    <t>2147890.0</t>
  </si>
  <si>
    <t>208.734</t>
  </si>
  <si>
    <t>2161813.0</t>
  </si>
  <si>
    <t>210.087</t>
  </si>
  <si>
    <t>2171303.0</t>
  </si>
  <si>
    <t>211.009</t>
  </si>
  <si>
    <t>3611.8</t>
  </si>
  <si>
    <t>351.655173467998</t>
  </si>
  <si>
    <t>2186985.0</t>
  </si>
  <si>
    <t>212.533</t>
  </si>
  <si>
    <t>2208088.0</t>
  </si>
  <si>
    <t>214.584</t>
  </si>
  <si>
    <t>2229812.0</t>
  </si>
  <si>
    <t>216.695</t>
  </si>
  <si>
    <t>2249785.0</t>
  </si>
  <si>
    <t>218.636</t>
  </si>
  <si>
    <t>2272063.0</t>
  </si>
  <si>
    <t>220.801</t>
  </si>
  <si>
    <t>2288591.0</t>
  </si>
  <si>
    <t>222.407</t>
  </si>
  <si>
    <t>2300687.0</t>
  </si>
  <si>
    <t>223.583</t>
  </si>
  <si>
    <t>18483.0</t>
  </si>
  <si>
    <t>4012.6</t>
  </si>
  <si>
    <t>390.678207281048</t>
  </si>
  <si>
    <t>2320088.0</t>
  </si>
  <si>
    <t>19401.0</t>
  </si>
  <si>
    <t>225.468</t>
  </si>
  <si>
    <t>2343802.0</t>
  </si>
  <si>
    <t>227.772</t>
  </si>
  <si>
    <t>2367667.0</t>
  </si>
  <si>
    <t>230.092</t>
  </si>
  <si>
    <t>46.734</t>
  </si>
  <si>
    <t>2389366.0</t>
  </si>
  <si>
    <t>2411474.0</t>
  </si>
  <si>
    <t>234.349</t>
  </si>
  <si>
    <t>2427645.0</t>
  </si>
  <si>
    <t>2438739.0</t>
  </si>
  <si>
    <t>236.999</t>
  </si>
  <si>
    <t>4269.4</t>
  </si>
  <si>
    <t>415.680989424738</t>
  </si>
  <si>
    <t>2458617.0</t>
  </si>
  <si>
    <t>2482438.0</t>
  </si>
  <si>
    <t>23821.0</t>
  </si>
  <si>
    <t>241.245</t>
  </si>
  <si>
    <t>2505215.0</t>
  </si>
  <si>
    <t>243.459</t>
  </si>
  <si>
    <t>2526557.0</t>
  </si>
  <si>
    <t>245.533</t>
  </si>
  <si>
    <t>2550801.0</t>
  </si>
  <si>
    <t>247.889</t>
  </si>
  <si>
    <t>2568030.0</t>
  </si>
  <si>
    <t>249.563</t>
  </si>
  <si>
    <t>2579442.0</t>
  </si>
  <si>
    <t>250.672</t>
  </si>
  <si>
    <t>4248.2</t>
  </si>
  <si>
    <t>413.616896817861</t>
  </si>
  <si>
    <t>2599691.0</t>
  </si>
  <si>
    <t>252.64</t>
  </si>
  <si>
    <t>2626242.0</t>
  </si>
  <si>
    <t>255.22</t>
  </si>
  <si>
    <t>2652552.0</t>
  </si>
  <si>
    <t>257.777</t>
  </si>
  <si>
    <t>2677082.0</t>
  </si>
  <si>
    <t>260.161</t>
  </si>
  <si>
    <t>2701780.0</t>
  </si>
  <si>
    <t>262.561</t>
  </si>
  <si>
    <t>2719373.0</t>
  </si>
  <si>
    <t>264.271</t>
  </si>
  <si>
    <t>2731259.0</t>
  </si>
  <si>
    <t>265.426</t>
  </si>
  <si>
    <t>4429.8</t>
  </si>
  <si>
    <t>431.297991978664</t>
  </si>
  <si>
    <t>2743047.0</t>
  </si>
  <si>
    <t>266.571</t>
  </si>
  <si>
    <t>2766238.0</t>
  </si>
  <si>
    <t>268.825</t>
  </si>
  <si>
    <t>2795512.0</t>
  </si>
  <si>
    <t>29274.0</t>
  </si>
  <si>
    <t>271.67</t>
  </si>
  <si>
    <t>2823258.0</t>
  </si>
  <si>
    <t>2852206.0</t>
  </si>
  <si>
    <t>277.18</t>
  </si>
  <si>
    <t>11.878</t>
  </si>
  <si>
    <t>2873295.0</t>
  </si>
  <si>
    <t>12.073</t>
  </si>
  <si>
    <t>2886754.0</t>
  </si>
  <si>
    <t>280.537</t>
  </si>
  <si>
    <t>454.353516946054</t>
  </si>
  <si>
    <t>2910097.0</t>
  </si>
  <si>
    <t>282.805</t>
  </si>
  <si>
    <t>23864.0</t>
  </si>
  <si>
    <t>2941510.0</t>
  </si>
  <si>
    <t>285.858</t>
  </si>
  <si>
    <t>25039.0</t>
  </si>
  <si>
    <t>2973644.0</t>
  </si>
  <si>
    <t>288.981</t>
  </si>
  <si>
    <t>25447.0</t>
  </si>
  <si>
    <t>3004790.0</t>
  </si>
  <si>
    <t>292.008</t>
  </si>
  <si>
    <t>3037371.0</t>
  </si>
  <si>
    <t>295.174</t>
  </si>
  <si>
    <t>3061094.0</t>
  </si>
  <si>
    <t>23723.0</t>
  </si>
  <si>
    <t>297.479</t>
  </si>
  <si>
    <t>3076200.0</t>
  </si>
  <si>
    <t>298.947</t>
  </si>
  <si>
    <t>476.376995610006</t>
  </si>
  <si>
    <t>3102930.0</t>
  </si>
  <si>
    <t>301.545</t>
  </si>
  <si>
    <t>27548.0</t>
  </si>
  <si>
    <t>3136943.0</t>
  </si>
  <si>
    <t>34013.0</t>
  </si>
  <si>
    <t>304.85</t>
  </si>
  <si>
    <t>3170995.0</t>
  </si>
  <si>
    <t>28193.0</t>
  </si>
  <si>
    <t>3203860.0</t>
  </si>
  <si>
    <t>311.354</t>
  </si>
  <si>
    <t>3237564.0</t>
  </si>
  <si>
    <t>314.629</t>
  </si>
  <si>
    <t>3263443.0</t>
  </si>
  <si>
    <t>317.144</t>
  </si>
  <si>
    <t>28907.0</t>
  </si>
  <si>
    <t>3280897.0</t>
  </si>
  <si>
    <t>5086.8</t>
  </si>
  <si>
    <t>495.265390220115</t>
  </si>
  <si>
    <t>3309147.0</t>
  </si>
  <si>
    <t>321.585</t>
  </si>
  <si>
    <t>29460.0</t>
  </si>
  <si>
    <t>3345255.0</t>
  </si>
  <si>
    <t>325.094</t>
  </si>
  <si>
    <t>29759.0</t>
  </si>
  <si>
    <t>3381864.0</t>
  </si>
  <si>
    <t>328.652</t>
  </si>
  <si>
    <t>30124.0</t>
  </si>
  <si>
    <t>3419095.0</t>
  </si>
  <si>
    <t>3457766.0</t>
  </si>
  <si>
    <t>336.028</t>
  </si>
  <si>
    <t>27.846</t>
  </si>
  <si>
    <t>3489394.0</t>
  </si>
  <si>
    <t>339.102</t>
  </si>
  <si>
    <t>32279.0</t>
  </si>
  <si>
    <t>3512014.0</t>
  </si>
  <si>
    <t>341.3</t>
  </si>
  <si>
    <t>33017.0</t>
  </si>
  <si>
    <t>5525.8</t>
  </si>
  <si>
    <t>538.007685239898</t>
  </si>
  <si>
    <t>3542464.0</t>
  </si>
  <si>
    <t>344.259</t>
  </si>
  <si>
    <t>33331.0</t>
  </si>
  <si>
    <t>3583901.0</t>
  </si>
  <si>
    <t>348.286</t>
  </si>
  <si>
    <t>34092.0</t>
  </si>
  <si>
    <t>3625701.0</t>
  </si>
  <si>
    <t>352.348</t>
  </si>
  <si>
    <t>3667727.0</t>
  </si>
  <si>
    <t>356.432</t>
  </si>
  <si>
    <t>3710314.0</t>
  </si>
  <si>
    <t>360.571</t>
  </si>
  <si>
    <t>3743800.0</t>
  </si>
  <si>
    <t>33486.0</t>
  </si>
  <si>
    <t>363.825</t>
  </si>
  <si>
    <t>3765931.0</t>
  </si>
  <si>
    <t>365.976</t>
  </si>
  <si>
    <t>584.956055760488</t>
  </si>
  <si>
    <t>3799283.0</t>
  </si>
  <si>
    <t>369.217</t>
  </si>
  <si>
    <t>3840366.0</t>
  </si>
  <si>
    <t>41083.0</t>
  </si>
  <si>
    <t>373.21</t>
  </si>
  <si>
    <t>3884203.0</t>
  </si>
  <si>
    <t>377.47</t>
  </si>
  <si>
    <t>3928622.0</t>
  </si>
  <si>
    <t>381.786</t>
  </si>
  <si>
    <t>37271.0</t>
  </si>
  <si>
    <t>3978237.0</t>
  </si>
  <si>
    <t>49615.0</t>
  </si>
  <si>
    <t>386.608</t>
  </si>
  <si>
    <t>4012093.0</t>
  </si>
  <si>
    <t>389.898</t>
  </si>
  <si>
    <t>4035210.0</t>
  </si>
  <si>
    <t>392.145</t>
  </si>
  <si>
    <t>6617.8</t>
  </si>
  <si>
    <t>644.327927065872</t>
  </si>
  <si>
    <t>4072707.0</t>
  </si>
  <si>
    <t>37497.0</t>
  </si>
  <si>
    <t>395.789</t>
  </si>
  <si>
    <t>4118007.0</t>
  </si>
  <si>
    <t>400.191</t>
  </si>
  <si>
    <t>4166960.0</t>
  </si>
  <si>
    <t>404.948</t>
  </si>
  <si>
    <t>4214566.0</t>
  </si>
  <si>
    <t>47606.0</t>
  </si>
  <si>
    <t>409.575</t>
  </si>
  <si>
    <t>4261189.0</t>
  </si>
  <si>
    <t>414.106</t>
  </si>
  <si>
    <t>4296063.0</t>
  </si>
  <si>
    <t>417.495</t>
  </si>
  <si>
    <t>4322203.0</t>
  </si>
  <si>
    <t>26140.0</t>
  </si>
  <si>
    <t>420.035</t>
  </si>
  <si>
    <t>696.923343397732</t>
  </si>
  <si>
    <t>4356032.0</t>
  </si>
  <si>
    <t>423.322</t>
  </si>
  <si>
    <t>3.933</t>
  </si>
  <si>
    <t>4403437.0</t>
  </si>
  <si>
    <t>427.929</t>
  </si>
  <si>
    <t>4450244.0</t>
  </si>
  <si>
    <t>432.478</t>
  </si>
  <si>
    <t>436.835</t>
  </si>
  <si>
    <t>4540215.0</t>
  </si>
  <si>
    <t>441.222</t>
  </si>
  <si>
    <t>4571959.0</t>
  </si>
  <si>
    <t>31744.0</t>
  </si>
  <si>
    <t>444.306</t>
  </si>
  <si>
    <t>39414.0</t>
  </si>
  <si>
    <t>4588893.0</t>
  </si>
  <si>
    <t>445.952</t>
  </si>
  <si>
    <t>7608.6</t>
  </si>
  <si>
    <t>740.795047579769</t>
  </si>
  <si>
    <t>4621176.0</t>
  </si>
  <si>
    <t>449.089</t>
  </si>
  <si>
    <t>4645312.0</t>
  </si>
  <si>
    <t>24136.0</t>
  </si>
  <si>
    <t>451.435</t>
  </si>
  <si>
    <t>4682592.0</t>
  </si>
  <si>
    <t>455.058</t>
  </si>
  <si>
    <t>4726416.0</t>
  </si>
  <si>
    <t>459.317</t>
  </si>
  <si>
    <t>4769846.0</t>
  </si>
  <si>
    <t>463.537</t>
  </si>
  <si>
    <t>4797760.0</t>
  </si>
  <si>
    <t>27914.0</t>
  </si>
  <si>
    <t>466.25</t>
  </si>
  <si>
    <t>32257.0</t>
  </si>
  <si>
    <t>4813532.0</t>
  </si>
  <si>
    <t>467.783</t>
  </si>
  <si>
    <t>8171.2</t>
  </si>
  <si>
    <t>795.571391949085</t>
  </si>
  <si>
    <t>4848498.0</t>
  </si>
  <si>
    <t>471.181</t>
  </si>
  <si>
    <t>4874589.0</t>
  </si>
  <si>
    <t>473.716</t>
  </si>
  <si>
    <t>4908994.0</t>
  </si>
  <si>
    <t>34405.0</t>
  </si>
  <si>
    <t>477.06</t>
  </si>
  <si>
    <t>32343.0</t>
  </si>
  <si>
    <t>4950845.0</t>
  </si>
  <si>
    <t>481.127</t>
  </si>
  <si>
    <t>32061.0</t>
  </si>
  <si>
    <t>4990234.0</t>
  </si>
  <si>
    <t>484.955</t>
  </si>
  <si>
    <t>5018141.0</t>
  </si>
  <si>
    <t>27907.0</t>
  </si>
  <si>
    <t>487.667</t>
  </si>
  <si>
    <t>5035533.0</t>
  </si>
  <si>
    <t>489.357</t>
  </si>
  <si>
    <t>8870.2</t>
  </si>
  <si>
    <t>863.628030260766</t>
  </si>
  <si>
    <t>5068241.0</t>
  </si>
  <si>
    <t>492.535</t>
  </si>
  <si>
    <t>5110224.0</t>
  </si>
  <si>
    <t>496.615</t>
  </si>
  <si>
    <t>5152449.0</t>
  </si>
  <si>
    <t>500.719</t>
  </si>
  <si>
    <t>34779.0</t>
  </si>
  <si>
    <t>5195160.0</t>
  </si>
  <si>
    <t>504.87</t>
  </si>
  <si>
    <t>5238685.0</t>
  </si>
  <si>
    <t>509.099</t>
  </si>
  <si>
    <t>5270349.0</t>
  </si>
  <si>
    <t>512.177</t>
  </si>
  <si>
    <t>36030.0</t>
  </si>
  <si>
    <t>5288732.0</t>
  </si>
  <si>
    <t>513.963</t>
  </si>
  <si>
    <t>909.855915626125</t>
  </si>
  <si>
    <t>5329308.0</t>
  </si>
  <si>
    <t>40576.0</t>
  </si>
  <si>
    <t>517.906</t>
  </si>
  <si>
    <t>37295.0</t>
  </si>
  <si>
    <t>5382486.0</t>
  </si>
  <si>
    <t>53178.0</t>
  </si>
  <si>
    <t>523.074</t>
  </si>
  <si>
    <t>5441753.0</t>
  </si>
  <si>
    <t>59267.0</t>
  </si>
  <si>
    <t>528.834</t>
  </si>
  <si>
    <t>5475398.0</t>
  </si>
  <si>
    <t>33645.0</t>
  </si>
  <si>
    <t>532.103</t>
  </si>
  <si>
    <t>5484202.0</t>
  </si>
  <si>
    <t>532.959</t>
  </si>
  <si>
    <t>5504124.0</t>
  </si>
  <si>
    <t>534.895</t>
  </si>
  <si>
    <t>33396.0</t>
  </si>
  <si>
    <t>5521565.0</t>
  </si>
  <si>
    <t>536.59</t>
  </si>
  <si>
    <t>9548.6</t>
  </si>
  <si>
    <t>929.678993680858</t>
  </si>
  <si>
    <t>5555653.0</t>
  </si>
  <si>
    <t>539.903</t>
  </si>
  <si>
    <t>5600537.0</t>
  </si>
  <si>
    <t>44884.0</t>
  </si>
  <si>
    <t>544.264</t>
  </si>
  <si>
    <t>5645083.0</t>
  </si>
  <si>
    <t>44546.0</t>
  </si>
  <si>
    <t>548.593</t>
  </si>
  <si>
    <t>29047.0</t>
  </si>
  <si>
    <t>5681817.0</t>
  </si>
  <si>
    <t>552.163</t>
  </si>
  <si>
    <t>273.2</t>
  </si>
  <si>
    <t>5695754.0</t>
  </si>
  <si>
    <t>553.518</t>
  </si>
  <si>
    <t>5728465.0</t>
  </si>
  <si>
    <t>556.697</t>
  </si>
  <si>
    <t>32049.0</t>
  </si>
  <si>
    <t>5749331.0</t>
  </si>
  <si>
    <t>558.724</t>
  </si>
  <si>
    <t>10113.2</t>
  </si>
  <si>
    <t>984.650063767804</t>
  </si>
  <si>
    <t>5794406.0</t>
  </si>
  <si>
    <t>563.105</t>
  </si>
  <si>
    <t>5850129.0</t>
  </si>
  <si>
    <t>568.52</t>
  </si>
  <si>
    <t>35656.0</t>
  </si>
  <si>
    <t>320.616</t>
  </si>
  <si>
    <t>5905917.0</t>
  </si>
  <si>
    <t>55788.0</t>
  </si>
  <si>
    <t>573.941</t>
  </si>
  <si>
    <t>5960753.0</t>
  </si>
  <si>
    <t>54836.0</t>
  </si>
  <si>
    <t>579.27</t>
  </si>
  <si>
    <t>6016969.0</t>
  </si>
  <si>
    <t>56216.0</t>
  </si>
  <si>
    <t>584.734</t>
  </si>
  <si>
    <t>85965.0</t>
  </si>
  <si>
    <t>85618.0</t>
  </si>
  <si>
    <t>6060744.0</t>
  </si>
  <si>
    <t>588.988</t>
  </si>
  <si>
    <t>6085724.0</t>
  </si>
  <si>
    <t>591.415</t>
  </si>
  <si>
    <t>48056.0</t>
  </si>
  <si>
    <t>1079.36465282303</t>
  </si>
  <si>
    <t>6133420.0</t>
  </si>
  <si>
    <t>47696.0</t>
  </si>
  <si>
    <t>596.05</t>
  </si>
  <si>
    <t>6191663.0</t>
  </si>
  <si>
    <t>601.71</t>
  </si>
  <si>
    <t>48791.0</t>
  </si>
  <si>
    <t>6250524.0</t>
  </si>
  <si>
    <t>58861.0</t>
  </si>
  <si>
    <t>607.431</t>
  </si>
  <si>
    <t>6310668.0</t>
  </si>
  <si>
    <t>60144.0</t>
  </si>
  <si>
    <t>613.275</t>
  </si>
  <si>
    <t>49988.0</t>
  </si>
  <si>
    <t>6373175.0</t>
  </si>
  <si>
    <t>619.35</t>
  </si>
  <si>
    <t>137867.0</t>
  </si>
  <si>
    <t>6423943.0</t>
  </si>
  <si>
    <t>50768.0</t>
  </si>
  <si>
    <t>624.284</t>
  </si>
  <si>
    <t>51886.0</t>
  </si>
  <si>
    <t>6455142.0</t>
  </si>
  <si>
    <t>31199.0</t>
  </si>
  <si>
    <t>627.316</t>
  </si>
  <si>
    <t>52774.0</t>
  </si>
  <si>
    <t>12827.2</t>
  </si>
  <si>
    <t>1248.8928625917</t>
  </si>
  <si>
    <t>6508343.0</t>
  </si>
  <si>
    <t>53201.0</t>
  </si>
  <si>
    <t>632.486</t>
  </si>
  <si>
    <t>53560.0</t>
  </si>
  <si>
    <t>65.233</t>
  </si>
  <si>
    <t>6580459.0</t>
  </si>
  <si>
    <t>72116.0</t>
  </si>
  <si>
    <t>639.494</t>
  </si>
  <si>
    <t>6655975.0</t>
  </si>
  <si>
    <t>75516.0</t>
  </si>
  <si>
    <t>646.833</t>
  </si>
  <si>
    <t>6726793.0</t>
  </si>
  <si>
    <t>70818.0</t>
  </si>
  <si>
    <t>653.715</t>
  </si>
  <si>
    <t>6803850.0</t>
  </si>
  <si>
    <t>661.203</t>
  </si>
  <si>
    <t>7.488</t>
  </si>
  <si>
    <t>294176.0</t>
  </si>
  <si>
    <t>259600.0</t>
  </si>
  <si>
    <t>6866929.0</t>
  </si>
  <si>
    <t>63079.0</t>
  </si>
  <si>
    <t>667.333</t>
  </si>
  <si>
    <t>6905250.0</t>
  </si>
  <si>
    <t>671.057</t>
  </si>
  <si>
    <t>19586.0</t>
  </si>
  <si>
    <t>14943.8</t>
  </si>
  <si>
    <t>1454.97108955952</t>
  </si>
  <si>
    <t>6960808.0</t>
  </si>
  <si>
    <t>676.457</t>
  </si>
  <si>
    <t>64638.0</t>
  </si>
  <si>
    <t>7035416.0</t>
  </si>
  <si>
    <t>683.707</t>
  </si>
  <si>
    <t>64994.0</t>
  </si>
  <si>
    <t>7106968.0</t>
  </si>
  <si>
    <t>71552.0</t>
  </si>
  <si>
    <t>690.661</t>
  </si>
  <si>
    <t>64428.0</t>
  </si>
  <si>
    <t>7176737.0</t>
  </si>
  <si>
    <t>69769.0</t>
  </si>
  <si>
    <t>697.441</t>
  </si>
  <si>
    <t>64278.0</t>
  </si>
  <si>
    <t>7244942.0</t>
  </si>
  <si>
    <t>68205.0</t>
  </si>
  <si>
    <t>704.069</t>
  </si>
  <si>
    <t>6.628</t>
  </si>
  <si>
    <t>7296442.0</t>
  </si>
  <si>
    <t>709.074</t>
  </si>
  <si>
    <t>7322065.0</t>
  </si>
  <si>
    <t>25623.0</t>
  </si>
  <si>
    <t>711.564</t>
  </si>
  <si>
    <t>59545.0</t>
  </si>
  <si>
    <t>16867.2</t>
  </si>
  <si>
    <t>1642.23881220428</t>
  </si>
  <si>
    <t>7369434.0</t>
  </si>
  <si>
    <t>716.167</t>
  </si>
  <si>
    <t>7427429.0</t>
  </si>
  <si>
    <t>721.803</t>
  </si>
  <si>
    <t>7480830.0</t>
  </si>
  <si>
    <t>53401.0</t>
  </si>
  <si>
    <t>726.993</t>
  </si>
  <si>
    <t>7531214.0</t>
  </si>
  <si>
    <t>731.889</t>
  </si>
  <si>
    <t>50640.0</t>
  </si>
  <si>
    <t>7580839.0</t>
  </si>
  <si>
    <t>736.712</t>
  </si>
  <si>
    <t>47985.0</t>
  </si>
  <si>
    <t>446200.0</t>
  </si>
  <si>
    <t>327624.0</t>
  </si>
  <si>
    <t>112466.0</t>
  </si>
  <si>
    <t>7611195.0</t>
  </si>
  <si>
    <t>739.662</t>
  </si>
  <si>
    <t>7626280.0</t>
  </si>
  <si>
    <t>741.128</t>
  </si>
  <si>
    <t>18084.6</t>
  </si>
  <si>
    <t>1760.76835652565</t>
  </si>
  <si>
    <t>7661203.0</t>
  </si>
  <si>
    <t>744.522</t>
  </si>
  <si>
    <t>7699897.0</t>
  </si>
  <si>
    <t>748.282</t>
  </si>
  <si>
    <t>7737518.0</t>
  </si>
  <si>
    <t>751.938</t>
  </si>
  <si>
    <t>7774865.0</t>
  </si>
  <si>
    <t>755.567</t>
  </si>
  <si>
    <t>34807.0</t>
  </si>
  <si>
    <t>7813617.0</t>
  </si>
  <si>
    <t>38752.0</t>
  </si>
  <si>
    <t>759.333</t>
  </si>
  <si>
    <t>33254.0</t>
  </si>
  <si>
    <t>588135.0</t>
  </si>
  <si>
    <t>369432.0</t>
  </si>
  <si>
    <t>197742.0</t>
  </si>
  <si>
    <t>7835100.0</t>
  </si>
  <si>
    <t>761.421</t>
  </si>
  <si>
    <t>7847200.0</t>
  </si>
  <si>
    <t>762.597</t>
  </si>
  <si>
    <t>18762.8</t>
  </si>
  <si>
    <t>1826.79984737398</t>
  </si>
  <si>
    <t>76.332</t>
  </si>
  <si>
    <t>7880335.0</t>
  </si>
  <si>
    <t>33135.0</t>
  </si>
  <si>
    <t>765.817</t>
  </si>
  <si>
    <t>31305.0</t>
  </si>
  <si>
    <t>7912418.0</t>
  </si>
  <si>
    <t>768.935</t>
  </si>
  <si>
    <t>21382.0</t>
  </si>
  <si>
    <t>7946772.0</t>
  </si>
  <si>
    <t>772.273</t>
  </si>
  <si>
    <t>7980757.0</t>
  </si>
  <si>
    <t>775.576</t>
  </si>
  <si>
    <t>8014644.0</t>
  </si>
  <si>
    <t>778.869</t>
  </si>
  <si>
    <t>743618.0</t>
  </si>
  <si>
    <t>473962.0</t>
  </si>
  <si>
    <t>243631.0</t>
  </si>
  <si>
    <t>8036492.0</t>
  </si>
  <si>
    <t>780.992</t>
  </si>
  <si>
    <t>8047346.0</t>
  </si>
  <si>
    <t>782.047</t>
  </si>
  <si>
    <t>18912.6</t>
  </si>
  <si>
    <t>1841.38480362447</t>
  </si>
  <si>
    <t>323.439</t>
  </si>
  <si>
    <t>8078642.0</t>
  </si>
  <si>
    <t>785.089</t>
  </si>
  <si>
    <t>8110219.0</t>
  </si>
  <si>
    <t>788.157</t>
  </si>
  <si>
    <t>8141454.0</t>
  </si>
  <si>
    <t>791.193</t>
  </si>
  <si>
    <t>27812.0</t>
  </si>
  <si>
    <t>8172428.0</t>
  </si>
  <si>
    <t>794.203</t>
  </si>
  <si>
    <t>234.06</t>
  </si>
  <si>
    <t>8205338.0</t>
  </si>
  <si>
    <t>797.401</t>
  </si>
  <si>
    <t>943192.0</t>
  </si>
  <si>
    <t>652259.0</t>
  </si>
  <si>
    <t>262486.0</t>
  </si>
  <si>
    <t>28007.0</t>
  </si>
  <si>
    <t>8225718.0</t>
  </si>
  <si>
    <t>799.382</t>
  </si>
  <si>
    <t>8237157.0</t>
  </si>
  <si>
    <t>800.493</t>
  </si>
  <si>
    <t>18870.8</t>
  </si>
  <si>
    <t>1837.315036126</t>
  </si>
  <si>
    <t>8263796.0</t>
  </si>
  <si>
    <t>803.082</t>
  </si>
  <si>
    <t>8293531.0</t>
  </si>
  <si>
    <t>29735.0</t>
  </si>
  <si>
    <t>805.972</t>
  </si>
  <si>
    <t>26546.0</t>
  </si>
  <si>
    <t>8322919.0</t>
  </si>
  <si>
    <t>29388.0</t>
  </si>
  <si>
    <t>808.828</t>
  </si>
  <si>
    <t>25924.0</t>
  </si>
  <si>
    <t>8351000.0</t>
  </si>
  <si>
    <t>811.557</t>
  </si>
  <si>
    <t>25510.0</t>
  </si>
  <si>
    <t>25563.0</t>
  </si>
  <si>
    <t>8379636.0</t>
  </si>
  <si>
    <t>814.339</t>
  </si>
  <si>
    <t>1118698.0</t>
  </si>
  <si>
    <t>793427.0</t>
  </si>
  <si>
    <t>294484.0</t>
  </si>
  <si>
    <t>8399527.0</t>
  </si>
  <si>
    <t>816.272</t>
  </si>
  <si>
    <t>8408923.0</t>
  </si>
  <si>
    <t>817.186</t>
  </si>
  <si>
    <t>24538.0</t>
  </si>
  <si>
    <t>18692.8</t>
  </si>
  <si>
    <t>1819.98444725693</t>
  </si>
  <si>
    <t>33.298</t>
  </si>
  <si>
    <t>8434226.0</t>
  </si>
  <si>
    <t>819.644</t>
  </si>
  <si>
    <t>8458739.0</t>
  </si>
  <si>
    <t>24513.0</t>
  </si>
  <si>
    <t>822.027</t>
  </si>
  <si>
    <t>8485366.0</t>
  </si>
  <si>
    <t>26627.0</t>
  </si>
  <si>
    <t>8509679.0</t>
  </si>
  <si>
    <t>826.977</t>
  </si>
  <si>
    <t>8536960.0</t>
  </si>
  <si>
    <t>829.628</t>
  </si>
  <si>
    <t>22475.0</t>
  </si>
  <si>
    <t>1270665.0</t>
  </si>
  <si>
    <t>892653.0</t>
  </si>
  <si>
    <t>344930.0</t>
  </si>
  <si>
    <t>8557976.0</t>
  </si>
  <si>
    <t>831.671</t>
  </si>
  <si>
    <t>8567685.0</t>
  </si>
  <si>
    <t>832.614</t>
  </si>
  <si>
    <t>18423.6</t>
  </si>
  <si>
    <t>-11.18</t>
  </si>
  <si>
    <t>1793.77436566394</t>
  </si>
  <si>
    <t>8594112.0</t>
  </si>
  <si>
    <t>835.182</t>
  </si>
  <si>
    <t>8635506.0</t>
  </si>
  <si>
    <t>839.205</t>
  </si>
  <si>
    <t>25301.0</t>
  </si>
  <si>
    <t>8683608.0</t>
  </si>
  <si>
    <t>843.88</t>
  </si>
  <si>
    <t>28320.0</t>
  </si>
  <si>
    <t>26198.0</t>
  </si>
  <si>
    <t>8736504.0</t>
  </si>
  <si>
    <t>849.02</t>
  </si>
  <si>
    <t>8789989.0</t>
  </si>
  <si>
    <t>854.218</t>
  </si>
  <si>
    <t>36147.0</t>
  </si>
  <si>
    <t>1466623.0</t>
  </si>
  <si>
    <t>977467.0</t>
  </si>
  <si>
    <t>454880.0</t>
  </si>
  <si>
    <t>34005.0</t>
  </si>
  <si>
    <t>8823503.0</t>
  </si>
  <si>
    <t>33514.0</t>
  </si>
  <si>
    <t>857.475</t>
  </si>
  <si>
    <t>8833757.0</t>
  </si>
  <si>
    <t>858.471</t>
  </si>
  <si>
    <t>18193.4</t>
  </si>
  <si>
    <t>1771.36143556472</t>
  </si>
  <si>
    <t>8864040.0</t>
  </si>
  <si>
    <t>861.414</t>
  </si>
  <si>
    <t>8895240.0</t>
  </si>
  <si>
    <t>864.446</t>
  </si>
  <si>
    <t>26477.0</t>
  </si>
  <si>
    <t>8924496.0</t>
  </si>
  <si>
    <t>867.289</t>
  </si>
  <si>
    <t>8951974.0</t>
  </si>
  <si>
    <t>27478.0</t>
  </si>
  <si>
    <t>869.96</t>
  </si>
  <si>
    <t>38739.0</t>
  </si>
  <si>
    <t>33658.0</t>
  </si>
  <si>
    <t>8982121.0</t>
  </si>
  <si>
    <t>872.889</t>
  </si>
  <si>
    <t>1750329.0</t>
  </si>
  <si>
    <t>1238204.0</t>
  </si>
  <si>
    <t>477510.0</t>
  </si>
  <si>
    <t>34366.0</t>
  </si>
  <si>
    <t>40529.0</t>
  </si>
  <si>
    <t>9004279.0</t>
  </si>
  <si>
    <t>875.043</t>
  </si>
  <si>
    <t>9015124.0</t>
  </si>
  <si>
    <t>876.097</t>
  </si>
  <si>
    <t>38224.0</t>
  </si>
  <si>
    <t>32359.0</t>
  </si>
  <si>
    <t>17969.2</t>
  </si>
  <si>
    <t>1749.5326826184</t>
  </si>
  <si>
    <t>9045316.0</t>
  </si>
  <si>
    <t>879.031</t>
  </si>
  <si>
    <t>37072.0</t>
  </si>
  <si>
    <t>29914.0</t>
  </si>
  <si>
    <t>9074560.0</t>
  </si>
  <si>
    <t>881.873</t>
  </si>
  <si>
    <t>9103440.0</t>
  </si>
  <si>
    <t>884.679</t>
  </si>
  <si>
    <t>9132182.0</t>
  </si>
  <si>
    <t>887.472</t>
  </si>
  <si>
    <t>9147103.0</t>
  </si>
  <si>
    <t>888.922</t>
  </si>
  <si>
    <t>1977556.0</t>
  </si>
  <si>
    <t>1379148.0</t>
  </si>
  <si>
    <t>563332.0</t>
  </si>
  <si>
    <t>9170238.0</t>
  </si>
  <si>
    <t>891.171</t>
  </si>
  <si>
    <t>9182642.0</t>
  </si>
  <si>
    <t>892.376</t>
  </si>
  <si>
    <t>36044.0</t>
  </si>
  <si>
    <t>17872.8</t>
  </si>
  <si>
    <t>1740.14690302864</t>
  </si>
  <si>
    <t>9241888.0</t>
  </si>
  <si>
    <t>898.134</t>
  </si>
  <si>
    <t>9305570.0</t>
  </si>
  <si>
    <t>904.322</t>
  </si>
  <si>
    <t>11.294</t>
  </si>
  <si>
    <t>9368908.0</t>
  </si>
  <si>
    <t>910.478</t>
  </si>
  <si>
    <t>9427197.0</t>
  </si>
  <si>
    <t>58289.0</t>
  </si>
  <si>
    <t>916.142</t>
  </si>
  <si>
    <t>9487353.0</t>
  </si>
  <si>
    <t>921.988</t>
  </si>
  <si>
    <t>48607.0</t>
  </si>
  <si>
    <t>2292578.0</t>
  </si>
  <si>
    <t>1638918.0</t>
  </si>
  <si>
    <t>618159.0</t>
  </si>
  <si>
    <t>9519153.0</t>
  </si>
  <si>
    <t>31800.0</t>
  </si>
  <si>
    <t>925.078</t>
  </si>
  <si>
    <t>49845.0</t>
  </si>
  <si>
    <t>40564.0</t>
  </si>
  <si>
    <t>9531995.0</t>
  </si>
  <si>
    <t>926.326</t>
  </si>
  <si>
    <t>17614.8</t>
  </si>
  <si>
    <t>1715.02728545437</t>
  </si>
  <si>
    <t>9570790.0</t>
  </si>
  <si>
    <t>930.097</t>
  </si>
  <si>
    <t>46986.0</t>
  </si>
  <si>
    <t>9612274.0</t>
  </si>
  <si>
    <t>934.128</t>
  </si>
  <si>
    <t>43815.0</t>
  </si>
  <si>
    <t>58914.0</t>
  </si>
  <si>
    <t>9653908.0</t>
  </si>
  <si>
    <t>938.174</t>
  </si>
  <si>
    <t>62392.0</t>
  </si>
  <si>
    <t>9695990.0</t>
  </si>
  <si>
    <t>942.264</t>
  </si>
  <si>
    <t>65870.0</t>
  </si>
  <si>
    <t>9743042.0</t>
  </si>
  <si>
    <t>946.836</t>
  </si>
  <si>
    <t>2778012.0</t>
  </si>
  <si>
    <t>2067948.0</t>
  </si>
  <si>
    <t>674337.0</t>
  </si>
  <si>
    <t>35770.0</t>
  </si>
  <si>
    <t>69348.0</t>
  </si>
  <si>
    <t>9774503.0</t>
  </si>
  <si>
    <t>949.894</t>
  </si>
  <si>
    <t>36479.0</t>
  </si>
  <si>
    <t>9788932.0</t>
  </si>
  <si>
    <t>951.296</t>
  </si>
  <si>
    <t>1694.50319481617</t>
  </si>
  <si>
    <t>9867648.0</t>
  </si>
  <si>
    <t>78716.0</t>
  </si>
  <si>
    <t>958.946</t>
  </si>
  <si>
    <t>9964582.0</t>
  </si>
  <si>
    <t>968.366</t>
  </si>
  <si>
    <t>10063326.0</t>
  </si>
  <si>
    <t>98744.0</t>
  </si>
  <si>
    <t>977.962</t>
  </si>
  <si>
    <t>10161389.0</t>
  </si>
  <si>
    <t>10249935.0</t>
  </si>
  <si>
    <t>996.096</t>
  </si>
  <si>
    <t>72413.0</t>
  </si>
  <si>
    <t>3134001.0</t>
  </si>
  <si>
    <t>2282382.0</t>
  </si>
  <si>
    <t>815514.0</t>
  </si>
  <si>
    <t>50856.0</t>
  </si>
  <si>
    <t>10291321.0</t>
  </si>
  <si>
    <t>41386.0</t>
  </si>
  <si>
    <t>1000.118</t>
  </si>
  <si>
    <t>10305806.0</t>
  </si>
  <si>
    <t>1001.526</t>
  </si>
  <si>
    <t>73839.0</t>
  </si>
  <si>
    <t>17242.4</t>
  </si>
  <si>
    <t>1678.76935683166</t>
  </si>
  <si>
    <t>10359270.0</t>
  </si>
  <si>
    <t>53464.0</t>
  </si>
  <si>
    <t>1006.722</t>
  </si>
  <si>
    <t>10416722.0</t>
  </si>
  <si>
    <t>57452.0</t>
  </si>
  <si>
    <t>1012.305</t>
  </si>
  <si>
    <t>10470067.0</t>
  </si>
  <si>
    <t>1017.489</t>
  </si>
  <si>
    <t>58106.0</t>
  </si>
  <si>
    <t>10524168.0</t>
  </si>
  <si>
    <t>1022.747</t>
  </si>
  <si>
    <t>51826.0</t>
  </si>
  <si>
    <t>10588337.0</t>
  </si>
  <si>
    <t>64169.0</t>
  </si>
  <si>
    <t>1028.983</t>
  </si>
  <si>
    <t>48343.0</t>
  </si>
  <si>
    <t>3575986.0</t>
  </si>
  <si>
    <t>2633342.0</t>
  </si>
  <si>
    <t>907711.0</t>
  </si>
  <si>
    <t>63141.0</t>
  </si>
  <si>
    <t>29.404</t>
  </si>
  <si>
    <t>10619791.0</t>
  </si>
  <si>
    <t>1032.039</t>
  </si>
  <si>
    <t>66337.0</t>
  </si>
  <si>
    <t>50892.0</t>
  </si>
  <si>
    <t>10636931.0</t>
  </si>
  <si>
    <t>1033.705</t>
  </si>
  <si>
    <t>51648.0</t>
  </si>
  <si>
    <t>17077.8</t>
  </si>
  <si>
    <t>1662.74343027072</t>
  </si>
  <si>
    <t>10688942.0</t>
  </si>
  <si>
    <t>1038.759</t>
  </si>
  <si>
    <t>72731.0</t>
  </si>
  <si>
    <t>10741502.0</t>
  </si>
  <si>
    <t>1043.867</t>
  </si>
  <si>
    <t>75927.0</t>
  </si>
  <si>
    <t>10790757.0</t>
  </si>
  <si>
    <t>1048.654</t>
  </si>
  <si>
    <t>10839340.0</t>
  </si>
  <si>
    <t>1053.375</t>
  </si>
  <si>
    <t>45025.0</t>
  </si>
  <si>
    <t>82321.0</t>
  </si>
  <si>
    <t>54669.0</t>
  </si>
  <si>
    <t>10887189.0</t>
  </si>
  <si>
    <t>1058.025</t>
  </si>
  <si>
    <t>42693.0</t>
  </si>
  <si>
    <t>3021310.0</t>
  </si>
  <si>
    <t>1130144.0</t>
  </si>
  <si>
    <t>10918687.0</t>
  </si>
  <si>
    <t>1061.086</t>
  </si>
  <si>
    <t>10934627.0</t>
  </si>
  <si>
    <t>1062.635</t>
  </si>
  <si>
    <t>42528.0</t>
  </si>
  <si>
    <t>85675.0</t>
  </si>
  <si>
    <t>52287.0</t>
  </si>
  <si>
    <t>17079.6</t>
  </si>
  <si>
    <t>1662.91868341658</t>
  </si>
  <si>
    <t>10974062.0</t>
  </si>
  <si>
    <t>1066.468</t>
  </si>
  <si>
    <t>40731.0</t>
  </si>
  <si>
    <t>11015935.0</t>
  </si>
  <si>
    <t>11059748.0</t>
  </si>
  <si>
    <t>1074.795</t>
  </si>
  <si>
    <t>11099997.0</t>
  </si>
  <si>
    <t>40249.0</t>
  </si>
  <si>
    <t>1078.706</t>
  </si>
  <si>
    <t>37237.0</t>
  </si>
  <si>
    <t>11146367.0</t>
  </si>
  <si>
    <t>1083.212</t>
  </si>
  <si>
    <t>4777087.0</t>
  </si>
  <si>
    <t>3332433.0</t>
  </si>
  <si>
    <t>1438279.0</t>
  </si>
  <si>
    <t>86068.0</t>
  </si>
  <si>
    <t>11177329.0</t>
  </si>
  <si>
    <t>30962.0</t>
  </si>
  <si>
    <t>1086.221</t>
  </si>
  <si>
    <t>36949.0</t>
  </si>
  <si>
    <t>84661.0</t>
  </si>
  <si>
    <t>44916.0</t>
  </si>
  <si>
    <t>11193036.0</t>
  </si>
  <si>
    <t>1087.748</t>
  </si>
  <si>
    <t>1655.55805129017</t>
  </si>
  <si>
    <t>11236329.0</t>
  </si>
  <si>
    <t>43293.0</t>
  </si>
  <si>
    <t>1091.955</t>
  </si>
  <si>
    <t>45856.0</t>
  </si>
  <si>
    <t>11277799.0</t>
  </si>
  <si>
    <t>1095.985</t>
  </si>
  <si>
    <t>80438.0</t>
  </si>
  <si>
    <t>11322198.0</t>
  </si>
  <si>
    <t>1100.3</t>
  </si>
  <si>
    <t>11366775.0</t>
  </si>
  <si>
    <t>1104.632</t>
  </si>
  <si>
    <t>11412153.0</t>
  </si>
  <si>
    <t>1109.042</t>
  </si>
  <si>
    <t>5310600.0</t>
  </si>
  <si>
    <t>3666589.0</t>
  </si>
  <si>
    <t>1660836.0</t>
  </si>
  <si>
    <t>39348.0</t>
  </si>
  <si>
    <t>76216.0</t>
  </si>
  <si>
    <t>11445713.0</t>
  </si>
  <si>
    <t>1112.303</t>
  </si>
  <si>
    <t>46754.0</t>
  </si>
  <si>
    <t>11461865.0</t>
  </si>
  <si>
    <t>1113.873</t>
  </si>
  <si>
    <t>38404.0</t>
  </si>
  <si>
    <t>-9.28</t>
  </si>
  <si>
    <t>1637.25383383295</t>
  </si>
  <si>
    <t>11504545.0</t>
  </si>
  <si>
    <t>42680.0</t>
  </si>
  <si>
    <t>1118.02</t>
  </si>
  <si>
    <t>44788.0</t>
  </si>
  <si>
    <t>11548135.0</t>
  </si>
  <si>
    <t>43590.0</t>
  </si>
  <si>
    <t>1122.257</t>
  </si>
  <si>
    <t>11598544.0</t>
  </si>
  <si>
    <t>50409.0</t>
  </si>
  <si>
    <t>1127.155</t>
  </si>
  <si>
    <t>39478.0</t>
  </si>
  <si>
    <t>79883.0</t>
  </si>
  <si>
    <t>42823.0</t>
  </si>
  <si>
    <t>11652491.0</t>
  </si>
  <si>
    <t>1132.398</t>
  </si>
  <si>
    <t>80617.0</t>
  </si>
  <si>
    <t>11711766.0</t>
  </si>
  <si>
    <t>1138.158</t>
  </si>
  <si>
    <t>5880053.0</t>
  </si>
  <si>
    <t>3952593.0</t>
  </si>
  <si>
    <t>1993188.0</t>
  </si>
  <si>
    <t>81350.0</t>
  </si>
  <si>
    <t>11755085.0</t>
  </si>
  <si>
    <t>1142.368</t>
  </si>
  <si>
    <t>44196.0</t>
  </si>
  <si>
    <t>4.295</t>
  </si>
  <si>
    <t>81538.0</t>
  </si>
  <si>
    <t>11775454.0</t>
  </si>
  <si>
    <t>1144.348</t>
  </si>
  <si>
    <t>44798.0</t>
  </si>
  <si>
    <t>41111.0</t>
  </si>
  <si>
    <t>16826.2</t>
  </si>
  <si>
    <t>1638.24693499286</t>
  </si>
  <si>
    <t>11825271.0</t>
  </si>
  <si>
    <t>1149.189</t>
  </si>
  <si>
    <t>81914.0</t>
  </si>
  <si>
    <t>11883899.0</t>
  </si>
  <si>
    <t>1154.886</t>
  </si>
  <si>
    <t>82102.0</t>
  </si>
  <si>
    <t>11940302.0</t>
  </si>
  <si>
    <t>56403.0</t>
  </si>
  <si>
    <t>1160.368</t>
  </si>
  <si>
    <t>48823.0</t>
  </si>
  <si>
    <t>82290.0</t>
  </si>
  <si>
    <t>11974819.0</t>
  </si>
  <si>
    <t>1163.722</t>
  </si>
  <si>
    <t>82478.0</t>
  </si>
  <si>
    <t>12027243.0</t>
  </si>
  <si>
    <t>1168.817</t>
  </si>
  <si>
    <t>6458717.0</t>
  </si>
  <si>
    <t>4244811.0</t>
  </si>
  <si>
    <t>2335851.0</t>
  </si>
  <si>
    <t>82666.0</t>
  </si>
  <si>
    <t>25.801</t>
  </si>
  <si>
    <t>12074910.0</t>
  </si>
  <si>
    <t>47667.0</t>
  </si>
  <si>
    <t>1173.449</t>
  </si>
  <si>
    <t>45689.0</t>
  </si>
  <si>
    <t>83533.0</t>
  </si>
  <si>
    <t>12095822.0</t>
  </si>
  <si>
    <t>1175.481</t>
  </si>
  <si>
    <t>45767.0</t>
  </si>
  <si>
    <t>84400.0</t>
  </si>
  <si>
    <t>45905.0</t>
  </si>
  <si>
    <t>16725.6</t>
  </si>
  <si>
    <t>1628.45223139608</t>
  </si>
  <si>
    <t>28.333</t>
  </si>
  <si>
    <t>12144627.0</t>
  </si>
  <si>
    <t>48805.0</t>
  </si>
  <si>
    <t>1180.224</t>
  </si>
  <si>
    <t>12198423.0</t>
  </si>
  <si>
    <t>1185.452</t>
  </si>
  <si>
    <t>86134.0</t>
  </si>
  <si>
    <t>50065.0</t>
  </si>
  <si>
    <t>12251384.0</t>
  </si>
  <si>
    <t>1190.599</t>
  </si>
  <si>
    <t>87001.0</t>
  </si>
  <si>
    <t>52145.0</t>
  </si>
  <si>
    <t>12278762.0</t>
  </si>
  <si>
    <t>27378.0</t>
  </si>
  <si>
    <t>1193.259</t>
  </si>
  <si>
    <t>43420.0</t>
  </si>
  <si>
    <t>87868.0</t>
  </si>
  <si>
    <t>12326015.0</t>
  </si>
  <si>
    <t>1197.851</t>
  </si>
  <si>
    <t>7079863.0</t>
  </si>
  <si>
    <t>4638945.0</t>
  </si>
  <si>
    <t>2590840.0</t>
  </si>
  <si>
    <t>56305.0</t>
  </si>
  <si>
    <t>12365177.0</t>
  </si>
  <si>
    <t>1201.657</t>
  </si>
  <si>
    <t>56114.0</t>
  </si>
  <si>
    <t>12383749.0</t>
  </si>
  <si>
    <t>1203.462</t>
  </si>
  <si>
    <t>41132.0</t>
  </si>
  <si>
    <t>16724.4</t>
  </si>
  <si>
    <t>1628.3353959655</t>
  </si>
  <si>
    <t>12433519.0</t>
  </si>
  <si>
    <t>49770.0</t>
  </si>
  <si>
    <t>1208.299</t>
  </si>
  <si>
    <t>41270.0</t>
  </si>
  <si>
    <t>96143.0</t>
  </si>
  <si>
    <t>55732.0</t>
  </si>
  <si>
    <t>12489051.0</t>
  </si>
  <si>
    <t>55532.0</t>
  </si>
  <si>
    <t>1213.695</t>
  </si>
  <si>
    <t>98612.0</t>
  </si>
  <si>
    <t>12543507.0</t>
  </si>
  <si>
    <t>1218.988</t>
  </si>
  <si>
    <t>41732.0</t>
  </si>
  <si>
    <t>101081.0</t>
  </si>
  <si>
    <t>55351.0</t>
  </si>
  <si>
    <t>12609022.0</t>
  </si>
  <si>
    <t>65515.0</t>
  </si>
  <si>
    <t>1225.354</t>
  </si>
  <si>
    <t>47180.0</t>
  </si>
  <si>
    <t>103550.0</t>
  </si>
  <si>
    <t>9.152</t>
  </si>
  <si>
    <t>12684501.0</t>
  </si>
  <si>
    <t>75479.0</t>
  </si>
  <si>
    <t>1232.689</t>
  </si>
  <si>
    <t>51212.0</t>
  </si>
  <si>
    <t>7821999.0</t>
  </si>
  <si>
    <t>5023730.0</t>
  </si>
  <si>
    <t>2983442.0</t>
  </si>
  <si>
    <t>54969.0</t>
  </si>
  <si>
    <t>12731507.0</t>
  </si>
  <si>
    <t>1237.257</t>
  </si>
  <si>
    <t>105803.0</t>
  </si>
  <si>
    <t>12752246.0</t>
  </si>
  <si>
    <t>1239.273</t>
  </si>
  <si>
    <t>56672.0</t>
  </si>
  <si>
    <t>1632.67777946865</t>
  </si>
  <si>
    <t>43.132</t>
  </si>
  <si>
    <t>12808506.0</t>
  </si>
  <si>
    <t>105371.0</t>
  </si>
  <si>
    <t>57524.0</t>
  </si>
  <si>
    <t>12874141.0</t>
  </si>
  <si>
    <t>65635.0</t>
  </si>
  <si>
    <t>1251.119</t>
  </si>
  <si>
    <t>55013.0</t>
  </si>
  <si>
    <t>12942680.0</t>
  </si>
  <si>
    <t>1257.779</t>
  </si>
  <si>
    <t>104939.0</t>
  </si>
  <si>
    <t>59227.0</t>
  </si>
  <si>
    <t>13007833.0</t>
  </si>
  <si>
    <t>65153.0</t>
  </si>
  <si>
    <t>1264.111</t>
  </si>
  <si>
    <t>104723.0</t>
  </si>
  <si>
    <t>60079.0</t>
  </si>
  <si>
    <t>13086008.0</t>
  </si>
  <si>
    <t>78175.0</t>
  </si>
  <si>
    <t>1271.708</t>
  </si>
  <si>
    <t>8553546.0</t>
  </si>
  <si>
    <t>5450242.0</t>
  </si>
  <si>
    <t>3332377.0</t>
  </si>
  <si>
    <t>104507.0</t>
  </si>
  <si>
    <t>13138999.0</t>
  </si>
  <si>
    <t>52991.0</t>
  </si>
  <si>
    <t>1276.858</t>
  </si>
  <si>
    <t>58213.0</t>
  </si>
  <si>
    <t>106536.0</t>
  </si>
  <si>
    <t>13162427.0</t>
  </si>
  <si>
    <t>1279.135</t>
  </si>
  <si>
    <t>108566.0</t>
  </si>
  <si>
    <t>60683.0</t>
  </si>
  <si>
    <t>16570.2</t>
  </si>
  <si>
    <t>1613.32204313623</t>
  </si>
  <si>
    <t>13219463.0</t>
  </si>
  <si>
    <t>1284.677</t>
  </si>
  <si>
    <t>58708.0</t>
  </si>
  <si>
    <t>60560.0</t>
  </si>
  <si>
    <t>13282773.0</t>
  </si>
  <si>
    <t>63310.0</t>
  </si>
  <si>
    <t>1290.83</t>
  </si>
  <si>
    <t>13349652.0</t>
  </si>
  <si>
    <t>1297.329</t>
  </si>
  <si>
    <t>114654.0</t>
  </si>
  <si>
    <t>60313.0</t>
  </si>
  <si>
    <t>13428294.0</t>
  </si>
  <si>
    <t>78642.0</t>
  </si>
  <si>
    <t>1304.972</t>
  </si>
  <si>
    <t>60066.0</t>
  </si>
  <si>
    <t>116684.0</t>
  </si>
  <si>
    <t>13514754.0</t>
  </si>
  <si>
    <t>1313.374</t>
  </si>
  <si>
    <t>9384540.0</t>
  </si>
  <si>
    <t>5870705.0</t>
  </si>
  <si>
    <t>3768597.0</t>
  </si>
  <si>
    <t>118713.0</t>
  </si>
  <si>
    <t>13571382.0</t>
  </si>
  <si>
    <t>1318.877</t>
  </si>
  <si>
    <t>61769.0</t>
  </si>
  <si>
    <t>61209.0</t>
  </si>
  <si>
    <t>13597636.0</t>
  </si>
  <si>
    <t>26254.0</t>
  </si>
  <si>
    <t>1321.429</t>
  </si>
  <si>
    <t>62173.0</t>
  </si>
  <si>
    <t>128232.0</t>
  </si>
  <si>
    <t>62352.0</t>
  </si>
  <si>
    <t>16603.6</t>
  </si>
  <si>
    <t>1616.57396262065</t>
  </si>
  <si>
    <t>13659719.0</t>
  </si>
  <si>
    <t>62083.0</t>
  </si>
  <si>
    <t>1327.462</t>
  </si>
  <si>
    <t>132991.0</t>
  </si>
  <si>
    <t>13724030.0</t>
  </si>
  <si>
    <t>64311.0</t>
  </si>
  <si>
    <t>1333.712</t>
  </si>
  <si>
    <t>63037.0</t>
  </si>
  <si>
    <t>137750.0</t>
  </si>
  <si>
    <t>13787702.0</t>
  </si>
  <si>
    <t>63672.0</t>
  </si>
  <si>
    <t>1339.899</t>
  </si>
  <si>
    <t>62579.0</t>
  </si>
  <si>
    <t>13860708.0</t>
  </si>
  <si>
    <t>1346.994</t>
  </si>
  <si>
    <t>147268.0</t>
  </si>
  <si>
    <t>66924.0</t>
  </si>
  <si>
    <t>13.728</t>
  </si>
  <si>
    <t>13950949.0</t>
  </si>
  <si>
    <t>1355.764</t>
  </si>
  <si>
    <t>62314.0</t>
  </si>
  <si>
    <t>10448729.0</t>
  </si>
  <si>
    <t>6347172.0</t>
  </si>
  <si>
    <t>4394725.0</t>
  </si>
  <si>
    <t>152027.0</t>
  </si>
  <si>
    <t>68067.0</t>
  </si>
  <si>
    <t>14007904.0</t>
  </si>
  <si>
    <t>1361.299</t>
  </si>
  <si>
    <t>146138.0</t>
  </si>
  <si>
    <t>14033631.0</t>
  </si>
  <si>
    <t>25727.0</t>
  </si>
  <si>
    <t>1363.799</t>
  </si>
  <si>
    <t>62285.0</t>
  </si>
  <si>
    <t>6.053</t>
  </si>
  <si>
    <t>140249.0</t>
  </si>
  <si>
    <t>63531.0</t>
  </si>
  <si>
    <t>16677.2</t>
  </si>
  <si>
    <t>1623.73986902943</t>
  </si>
  <si>
    <t>14098293.0</t>
  </si>
  <si>
    <t>64662.0</t>
  </si>
  <si>
    <t>1370.083</t>
  </si>
  <si>
    <t>134360.0</t>
  </si>
  <si>
    <t>61264.0</t>
  </si>
  <si>
    <t>14167143.0</t>
  </si>
  <si>
    <t>1376.774</t>
  </si>
  <si>
    <t>63302.0</t>
  </si>
  <si>
    <t>128471.0</t>
  </si>
  <si>
    <t>58996.0</t>
  </si>
  <si>
    <t>14235465.0</t>
  </si>
  <si>
    <t>68322.0</t>
  </si>
  <si>
    <t>1383.413</t>
  </si>
  <si>
    <t>122582.0</t>
  </si>
  <si>
    <t>56728.0</t>
  </si>
  <si>
    <t>14312351.0</t>
  </si>
  <si>
    <t>76886.0</t>
  </si>
  <si>
    <t>1390.885</t>
  </si>
  <si>
    <t>116693.0</t>
  </si>
  <si>
    <t>54461.0</t>
  </si>
  <si>
    <t>14408031.0</t>
  </si>
  <si>
    <t>95680.0</t>
  </si>
  <si>
    <t>1400.183</t>
  </si>
  <si>
    <t>65297.0</t>
  </si>
  <si>
    <t>11224354.0</t>
  </si>
  <si>
    <t>6712523.0</t>
  </si>
  <si>
    <t>4920615.0</t>
  </si>
  <si>
    <t>14470042.0</t>
  </si>
  <si>
    <t>62011.0</t>
  </si>
  <si>
    <t>1406.21</t>
  </si>
  <si>
    <t>66020.0</t>
  </si>
  <si>
    <t>108789.0</t>
  </si>
  <si>
    <t>14498839.0</t>
  </si>
  <si>
    <t>1409.008</t>
  </si>
  <si>
    <t>106774.0</t>
  </si>
  <si>
    <t>16823.6</t>
  </si>
  <si>
    <t>1637.99379155995</t>
  </si>
  <si>
    <t>14568458.0</t>
  </si>
  <si>
    <t>1415.774</t>
  </si>
  <si>
    <t>67166.0</t>
  </si>
  <si>
    <t>104759.0</t>
  </si>
  <si>
    <t>14637520.0</t>
  </si>
  <si>
    <t>1422.485</t>
  </si>
  <si>
    <t>67197.0</t>
  </si>
  <si>
    <t>14703503.0</t>
  </si>
  <si>
    <t>65983.0</t>
  </si>
  <si>
    <t>1428.898</t>
  </si>
  <si>
    <t>66863.0</t>
  </si>
  <si>
    <t>100730.0</t>
  </si>
  <si>
    <t>14779001.0</t>
  </si>
  <si>
    <t>1436.235</t>
  </si>
  <si>
    <t>98715.0</t>
  </si>
  <si>
    <t>14873862.0</t>
  </si>
  <si>
    <t>94861.0</t>
  </si>
  <si>
    <t>1445.453</t>
  </si>
  <si>
    <t>11901255.0</t>
  </si>
  <si>
    <t>6993286.0</t>
  </si>
  <si>
    <t>5449774.0</t>
  </si>
  <si>
    <t>47627.0</t>
  </si>
  <si>
    <t>96700.0</t>
  </si>
  <si>
    <t>14933873.0</t>
  </si>
  <si>
    <t>1451.285</t>
  </si>
  <si>
    <t>66262.0</t>
  </si>
  <si>
    <t>95385.0</t>
  </si>
  <si>
    <t>14960880.0</t>
  </si>
  <si>
    <t>1453.91</t>
  </si>
  <si>
    <t>94070.0</t>
  </si>
  <si>
    <t>16879.8</t>
  </si>
  <si>
    <t>1643.46558422535</t>
  </si>
  <si>
    <t>15029087.0</t>
  </si>
  <si>
    <t>1460.538</t>
  </si>
  <si>
    <t>15090784.0</t>
  </si>
  <si>
    <t>1466.534</t>
  </si>
  <si>
    <t>5.996</t>
  </si>
  <si>
    <t>64752.0</t>
  </si>
  <si>
    <t>15151363.0</t>
  </si>
  <si>
    <t>1472.421</t>
  </si>
  <si>
    <t>63980.0</t>
  </si>
  <si>
    <t>6.218</t>
  </si>
  <si>
    <t>90124.0</t>
  </si>
  <si>
    <t>15224054.0</t>
  </si>
  <si>
    <t>72691.0</t>
  </si>
  <si>
    <t>1479.485</t>
  </si>
  <si>
    <t>63579.0</t>
  </si>
  <si>
    <t>15317138.0</t>
  </si>
  <si>
    <t>93084.0</t>
  </si>
  <si>
    <t>1488.531</t>
  </si>
  <si>
    <t>9.046</t>
  </si>
  <si>
    <t>63325.0</t>
  </si>
  <si>
    <t>12513708.0</t>
  </si>
  <si>
    <t>7204100.0</t>
  </si>
  <si>
    <t>5953418.0</t>
  </si>
  <si>
    <t>87493.0</t>
  </si>
  <si>
    <t>15381301.0</t>
  </si>
  <si>
    <t>64163.0</t>
  </si>
  <si>
    <t>1494.766</t>
  </si>
  <si>
    <t>88165.0</t>
  </si>
  <si>
    <t>15405794.0</t>
  </si>
  <si>
    <t>24493.0</t>
  </si>
  <si>
    <t>1497.147</t>
  </si>
  <si>
    <t>63559.0</t>
  </si>
  <si>
    <t>16936.2</t>
  </si>
  <si>
    <t>1648.95684946251</t>
  </si>
  <si>
    <t>15465420.0</t>
  </si>
  <si>
    <t>59626.0</t>
  </si>
  <si>
    <t>1502.941</t>
  </si>
  <si>
    <t>15521368.0</t>
  </si>
  <si>
    <t>1508.378</t>
  </si>
  <si>
    <t>15576501.0</t>
  </si>
  <si>
    <t>55133.0</t>
  </si>
  <si>
    <t>1513.736</t>
  </si>
  <si>
    <t>90850.0</t>
  </si>
  <si>
    <t>15639080.0</t>
  </si>
  <si>
    <t>1519.818</t>
  </si>
  <si>
    <t>59289.0</t>
  </si>
  <si>
    <t>91522.0</t>
  </si>
  <si>
    <t>15723293.0</t>
  </si>
  <si>
    <t>84213.0</t>
  </si>
  <si>
    <t>1528.002</t>
  </si>
  <si>
    <t>58022.0</t>
  </si>
  <si>
    <t>5.639</t>
  </si>
  <si>
    <t>13159061.0</t>
  </si>
  <si>
    <t>7454612.0</t>
  </si>
  <si>
    <t>6465030.0</t>
  </si>
  <si>
    <t>92193.0</t>
  </si>
  <si>
    <t>35787.0</t>
  </si>
  <si>
    <t>15780859.0</t>
  </si>
  <si>
    <t>57566.0</t>
  </si>
  <si>
    <t>1533.596</t>
  </si>
  <si>
    <t>57080.0</t>
  </si>
  <si>
    <t>15805037.0</t>
  </si>
  <si>
    <t>1535.945</t>
  </si>
  <si>
    <t>93419.0</t>
  </si>
  <si>
    <t>44393.0</t>
  </si>
  <si>
    <t>17031.8</t>
  </si>
  <si>
    <t>1658.26473876523</t>
  </si>
  <si>
    <t>15865745.0</t>
  </si>
  <si>
    <t>60708.0</t>
  </si>
  <si>
    <t>1541.845</t>
  </si>
  <si>
    <t>57189.0</t>
  </si>
  <si>
    <t>48696.0</t>
  </si>
  <si>
    <t>15922777.0</t>
  </si>
  <si>
    <t>57032.0</t>
  </si>
  <si>
    <t>1547.388</t>
  </si>
  <si>
    <t>57344.0</t>
  </si>
  <si>
    <t>94644.0</t>
  </si>
  <si>
    <t>52999.0</t>
  </si>
  <si>
    <t>15976242.0</t>
  </si>
  <si>
    <t>1552.583</t>
  </si>
  <si>
    <t>57106.0</t>
  </si>
  <si>
    <t>95257.0</t>
  </si>
  <si>
    <t>57302.0</t>
  </si>
  <si>
    <t>73.412</t>
  </si>
  <si>
    <t>16037936.0</t>
  </si>
  <si>
    <t>61694.0</t>
  </si>
  <si>
    <t>1558.579</t>
  </si>
  <si>
    <t>56979.0</t>
  </si>
  <si>
    <t>61605.0</t>
  </si>
  <si>
    <t>16120741.0</t>
  </si>
  <si>
    <t>82805.0</t>
  </si>
  <si>
    <t>1566.626</t>
  </si>
  <si>
    <t>56778.0</t>
  </si>
  <si>
    <t>13834436.0</t>
  </si>
  <si>
    <t>7915970.0</t>
  </si>
  <si>
    <t>6821924.0</t>
  </si>
  <si>
    <t>96482.0</t>
  </si>
  <si>
    <t>65908.0</t>
  </si>
  <si>
    <t>16179411.0</t>
  </si>
  <si>
    <t>58670.0</t>
  </si>
  <si>
    <t>1572.327</t>
  </si>
  <si>
    <t>5.702</t>
  </si>
  <si>
    <t>95115.0</t>
  </si>
  <si>
    <t>16204267.0</t>
  </si>
  <si>
    <t>1574.743</t>
  </si>
  <si>
    <t>57033.0</t>
  </si>
  <si>
    <t>17116.4</t>
  </si>
  <si>
    <t>1666.50163662098</t>
  </si>
  <si>
    <t>16267302.0</t>
  </si>
  <si>
    <t>63035.0</t>
  </si>
  <si>
    <t>1580.869</t>
  </si>
  <si>
    <t>16324178.0</t>
  </si>
  <si>
    <t>56876.0</t>
  </si>
  <si>
    <t>1586.396</t>
  </si>
  <si>
    <t>57343.0</t>
  </si>
  <si>
    <t>91013.0</t>
  </si>
  <si>
    <t>67026.0</t>
  </si>
  <si>
    <t>16379698.0</t>
  </si>
  <si>
    <t>1591.791</t>
  </si>
  <si>
    <t>57637.0</t>
  </si>
  <si>
    <t>67306.0</t>
  </si>
  <si>
    <t>16439424.0</t>
  </si>
  <si>
    <t>1597.596</t>
  </si>
  <si>
    <t>5.804</t>
  </si>
  <si>
    <t>67585.0</t>
  </si>
  <si>
    <t>16517210.0</t>
  </si>
  <si>
    <t>1605.155</t>
  </si>
  <si>
    <t>56638.0</t>
  </si>
  <si>
    <t>14442820.0</t>
  </si>
  <si>
    <t>8391021.0</t>
  </si>
  <si>
    <t>7064388.0</t>
  </si>
  <si>
    <t>49895.0</t>
  </si>
  <si>
    <t>140.62</t>
  </si>
  <si>
    <t>16569753.0</t>
  </si>
  <si>
    <t>52543.0</t>
  </si>
  <si>
    <t>1610.261</t>
  </si>
  <si>
    <t>55763.0</t>
  </si>
  <si>
    <t>83465.0</t>
  </si>
  <si>
    <t>65067.0</t>
  </si>
  <si>
    <t>16592131.0</t>
  </si>
  <si>
    <t>1612.436</t>
  </si>
  <si>
    <t>62270.0</t>
  </si>
  <si>
    <t>17355.4</t>
  </si>
  <si>
    <t>1689.77135987776</t>
  </si>
  <si>
    <t>16649606.0</t>
  </si>
  <si>
    <t>57475.0</t>
  </si>
  <si>
    <t>1618.021</t>
  </si>
  <si>
    <t>16699757.0</t>
  </si>
  <si>
    <t>50151.0</t>
  </si>
  <si>
    <t>1622.895</t>
  </si>
  <si>
    <t>4.874</t>
  </si>
  <si>
    <t>53654.0</t>
  </si>
  <si>
    <t>16751100.0</t>
  </si>
  <si>
    <t>1627.885</t>
  </si>
  <si>
    <t>53878.0</t>
  </si>
  <si>
    <t>16805076.0</t>
  </si>
  <si>
    <t>1633.13</t>
  </si>
  <si>
    <t>51081.0</t>
  </si>
  <si>
    <t>16876752.0</t>
  </si>
  <si>
    <t>1640.096</t>
  </si>
  <si>
    <t>51363.0</t>
  </si>
  <si>
    <t>4.991</t>
  </si>
  <si>
    <t>14882289.0</t>
  </si>
  <si>
    <t>8729007.0</t>
  </si>
  <si>
    <t>7207012.0</t>
  </si>
  <si>
    <t>50258.0</t>
  </si>
  <si>
    <t>48284.0</t>
  </si>
  <si>
    <t>16926834.0</t>
  </si>
  <si>
    <t>1644.963</t>
  </si>
  <si>
    <t>51012.0</t>
  </si>
  <si>
    <t>62725.0</t>
  </si>
  <si>
    <t>16948403.0</t>
  </si>
  <si>
    <t>1647.059</t>
  </si>
  <si>
    <t>62669.0</t>
  </si>
  <si>
    <t>17469.8</t>
  </si>
  <si>
    <t>1700.9096709262</t>
  </si>
  <si>
    <t>17004255.0</t>
  </si>
  <si>
    <t>55852.0</t>
  </si>
  <si>
    <t>1652.486</t>
  </si>
  <si>
    <t>17055465.0</t>
  </si>
  <si>
    <t>51210.0</t>
  </si>
  <si>
    <t>1657.463</t>
  </si>
  <si>
    <t>17104302.0</t>
  </si>
  <si>
    <t>48837.0</t>
  </si>
  <si>
    <t>1662.209</t>
  </si>
  <si>
    <t>50457.0</t>
  </si>
  <si>
    <t>62501.0</t>
  </si>
  <si>
    <t>13.631</t>
  </si>
  <si>
    <t>17153567.0</t>
  </si>
  <si>
    <t>1666.997</t>
  </si>
  <si>
    <t>49784.0</t>
  </si>
  <si>
    <t>62445.0</t>
  </si>
  <si>
    <t>17218748.0</t>
  </si>
  <si>
    <t>1673.331</t>
  </si>
  <si>
    <t>48857.0</t>
  </si>
  <si>
    <t>15319013.0</t>
  </si>
  <si>
    <t>8877505.0</t>
  </si>
  <si>
    <t>7510453.0</t>
  </si>
  <si>
    <t>62389.0</t>
  </si>
  <si>
    <t>17259745.0</t>
  </si>
  <si>
    <t>1677.315</t>
  </si>
  <si>
    <t>61300.0</t>
  </si>
  <si>
    <t>17278537.0</t>
  </si>
  <si>
    <t>1679.141</t>
  </si>
  <si>
    <t>60211.0</t>
  </si>
  <si>
    <t>17693.6</t>
  </si>
  <si>
    <t>1722.69947872899</t>
  </si>
  <si>
    <t>17325686.0</t>
  </si>
  <si>
    <t>1683.723</t>
  </si>
  <si>
    <t>59122.0</t>
  </si>
  <si>
    <t>17372347.0</t>
  </si>
  <si>
    <t>1688.258</t>
  </si>
  <si>
    <t>58033.0</t>
  </si>
  <si>
    <t>17425739.0</t>
  </si>
  <si>
    <t>53392.0</t>
  </si>
  <si>
    <t>1693.447</t>
  </si>
  <si>
    <t>17487984.0</t>
  </si>
  <si>
    <t>62245.0</t>
  </si>
  <si>
    <t>1699.496</t>
  </si>
  <si>
    <t>47774.0</t>
  </si>
  <si>
    <t>55855.0</t>
  </si>
  <si>
    <t>17565780.0</t>
  </si>
  <si>
    <t>1707.056</t>
  </si>
  <si>
    <t>49576.0</t>
  </si>
  <si>
    <t>15702376.0</t>
  </si>
  <si>
    <t>8950156.0</t>
  </si>
  <si>
    <t>7824209.0</t>
  </si>
  <si>
    <t>17607207.0</t>
  </si>
  <si>
    <t>1711.082</t>
  </si>
  <si>
    <t>17624476.0</t>
  </si>
  <si>
    <t>1712.76</t>
  </si>
  <si>
    <t>51758.0</t>
  </si>
  <si>
    <t>17774.8</t>
  </si>
  <si>
    <t>1730.60534286477</t>
  </si>
  <si>
    <t>17693662.0</t>
  </si>
  <si>
    <t>69186.0</t>
  </si>
  <si>
    <t>1719.483</t>
  </si>
  <si>
    <t>17763916.0</t>
  </si>
  <si>
    <t>1726.311</t>
  </si>
  <si>
    <t>48750.0</t>
  </si>
  <si>
    <t>17835605.0</t>
  </si>
  <si>
    <t>71689.0</t>
  </si>
  <si>
    <t>1733.278</t>
  </si>
  <si>
    <t>47246.0</t>
  </si>
  <si>
    <t>17902228.0</t>
  </si>
  <si>
    <t>1739.752</t>
  </si>
  <si>
    <t>59178.0</t>
  </si>
  <si>
    <t>17971249.0</t>
  </si>
  <si>
    <t>1746.46</t>
  </si>
  <si>
    <t>16012043.0</t>
  </si>
  <si>
    <t>9001190.0</t>
  </si>
  <si>
    <t>8084865.0</t>
  </si>
  <si>
    <t>52443.0</t>
  </si>
  <si>
    <t>44238.0</t>
  </si>
  <si>
    <t>18007805.0</t>
  </si>
  <si>
    <t>1750.012</t>
  </si>
  <si>
    <t>57228.0</t>
  </si>
  <si>
    <t>18024792.0</t>
  </si>
  <si>
    <t>1751.663</t>
  </si>
  <si>
    <t>17842.4</t>
  </si>
  <si>
    <t>1737.18707212066</t>
  </si>
  <si>
    <t>18075859.0</t>
  </si>
  <si>
    <t>51067.0</t>
  </si>
  <si>
    <t>1756.626</t>
  </si>
  <si>
    <t>18129451.0</t>
  </si>
  <si>
    <t>1761.834</t>
  </si>
  <si>
    <t>18192025.0</t>
  </si>
  <si>
    <t>62574.0</t>
  </si>
  <si>
    <t>1767.915</t>
  </si>
  <si>
    <t>18263260.0</t>
  </si>
  <si>
    <t>1774.837</t>
  </si>
  <si>
    <t>18341171.0</t>
  </si>
  <si>
    <t>1782.409</t>
  </si>
  <si>
    <t>52846.0</t>
  </si>
  <si>
    <t>16155366.0</t>
  </si>
  <si>
    <t>9039049.0</t>
  </si>
  <si>
    <t>8190979.0</t>
  </si>
  <si>
    <t>53595.0</t>
  </si>
  <si>
    <t>157.29</t>
  </si>
  <si>
    <t>18377832.0</t>
  </si>
  <si>
    <t>1785.972</t>
  </si>
  <si>
    <t>18394662.0</t>
  </si>
  <si>
    <t>1787.607</t>
  </si>
  <si>
    <t>1751.46046722294</t>
  </si>
  <si>
    <t>18457676.0</t>
  </si>
  <si>
    <t>63014.0</t>
  </si>
  <si>
    <t>1793.731</t>
  </si>
  <si>
    <t>54545.0</t>
  </si>
  <si>
    <t>18525447.0</t>
  </si>
  <si>
    <t>1800.317</t>
  </si>
  <si>
    <t>6.586</t>
  </si>
  <si>
    <t>56571.0</t>
  </si>
  <si>
    <t>18590834.0</t>
  </si>
  <si>
    <t>1806.671</t>
  </si>
  <si>
    <t>18654841.0</t>
  </si>
  <si>
    <t>1812.892</t>
  </si>
  <si>
    <t>55940.0</t>
  </si>
  <si>
    <t>18714633.0</t>
  </si>
  <si>
    <t>1818.702</t>
  </si>
  <si>
    <t>16241429.0</t>
  </si>
  <si>
    <t>9064281.0</t>
  </si>
  <si>
    <t>8251704.0</t>
  </si>
  <si>
    <t>55174.0</t>
  </si>
  <si>
    <t>18750639.0</t>
  </si>
  <si>
    <t>1822.201</t>
  </si>
  <si>
    <t>11819.0</t>
  </si>
  <si>
    <t>18770952.0</t>
  </si>
  <si>
    <t>1824.175</t>
  </si>
  <si>
    <t>18075.6</t>
  </si>
  <si>
    <t>1759.89209079632</t>
  </si>
  <si>
    <t>18812721.0</t>
  </si>
  <si>
    <t>41769.0</t>
  </si>
  <si>
    <t>1828.234</t>
  </si>
  <si>
    <t>50721.0</t>
  </si>
  <si>
    <t>18834649.0</t>
  </si>
  <si>
    <t>1830.365</t>
  </si>
  <si>
    <t>44172.0</t>
  </si>
  <si>
    <t>18880990.0</t>
  </si>
  <si>
    <t>46341.0</t>
  </si>
  <si>
    <t>1834.869</t>
  </si>
  <si>
    <t>18941151.0</t>
  </si>
  <si>
    <t>1840.715</t>
  </si>
  <si>
    <t>19002811.0</t>
  </si>
  <si>
    <t>61660.0</t>
  </si>
  <si>
    <t>1846.708</t>
  </si>
  <si>
    <t>16304205.0</t>
  </si>
  <si>
    <t>9080564.0</t>
  </si>
  <si>
    <t>8298434.0</t>
  </si>
  <si>
    <t>56935.0</t>
  </si>
  <si>
    <t>158.74</t>
  </si>
  <si>
    <t>19035836.0</t>
  </si>
  <si>
    <t>1849.917</t>
  </si>
  <si>
    <t>19058314.0</t>
  </si>
  <si>
    <t>1852.101</t>
  </si>
  <si>
    <t>1774.73019047972</t>
  </si>
  <si>
    <t>19108588.0</t>
  </si>
  <si>
    <t>50274.0</t>
  </si>
  <si>
    <t>1856.987</t>
  </si>
  <si>
    <t>19178566.0</t>
  </si>
  <si>
    <t>69978.0</t>
  </si>
  <si>
    <t>1863.788</t>
  </si>
  <si>
    <t>32.617</t>
  </si>
  <si>
    <t>19242346.0</t>
  </si>
  <si>
    <t>1869.986</t>
  </si>
  <si>
    <t>19302161.0</t>
  </si>
  <si>
    <t>1875.799</t>
  </si>
  <si>
    <t>51573.0</t>
  </si>
  <si>
    <t>19370512.0</t>
  </si>
  <si>
    <t>1882.441</t>
  </si>
  <si>
    <t>52529.0</t>
  </si>
  <si>
    <t>16390808.0</t>
  </si>
  <si>
    <t>9099030.0</t>
  </si>
  <si>
    <t>8336997.0</t>
  </si>
  <si>
    <t>19403452.0</t>
  </si>
  <si>
    <t>1885.642</t>
  </si>
  <si>
    <t>19422832.0</t>
  </si>
  <si>
    <t>1887.526</t>
  </si>
  <si>
    <t>18430.6</t>
  </si>
  <si>
    <t>1794.45590567564</t>
  </si>
  <si>
    <t>19464524.0</t>
  </si>
  <si>
    <t>1891.577</t>
  </si>
  <si>
    <t>50848.0</t>
  </si>
  <si>
    <t>19507914.0</t>
  </si>
  <si>
    <t>1895.794</t>
  </si>
  <si>
    <t>47050.0</t>
  </si>
  <si>
    <t>19546533.0</t>
  </si>
  <si>
    <t>1899.547</t>
  </si>
  <si>
    <t>19593728.0</t>
  </si>
  <si>
    <t>47195.0</t>
  </si>
  <si>
    <t>1904.133</t>
  </si>
  <si>
    <t>19634751.0</t>
  </si>
  <si>
    <t>1908.12</t>
  </si>
  <si>
    <t>37748.0</t>
  </si>
  <si>
    <t>16552555.0</t>
  </si>
  <si>
    <t>9113277.0</t>
  </si>
  <si>
    <t>8367194.0</t>
  </si>
  <si>
    <t>202774.0</t>
  </si>
  <si>
    <t>19661295.0</t>
  </si>
  <si>
    <t>1910.7</t>
  </si>
  <si>
    <t>19676263.0</t>
  </si>
  <si>
    <t>1912.154</t>
  </si>
  <si>
    <t>36204.0</t>
  </si>
  <si>
    <t>22633.0</t>
  </si>
  <si>
    <t>18474.6</t>
  </si>
  <si>
    <t>1798.7398714635</t>
  </si>
  <si>
    <t>19711548.0</t>
  </si>
  <si>
    <t>35285.0</t>
  </si>
  <si>
    <t>1915.583</t>
  </si>
  <si>
    <t>19749228.0</t>
  </si>
  <si>
    <t>1919.245</t>
  </si>
  <si>
    <t>19784847.0</t>
  </si>
  <si>
    <t>35619.0</t>
  </si>
  <si>
    <t>1922.706</t>
  </si>
  <si>
    <t>34045.0</t>
  </si>
  <si>
    <t>19819716.0</t>
  </si>
  <si>
    <t>1926.095</t>
  </si>
  <si>
    <t>19855030.0</t>
  </si>
  <si>
    <t>1929.527</t>
  </si>
  <si>
    <t>31468.0</t>
  </si>
  <si>
    <t>16702684.0</t>
  </si>
  <si>
    <t>9127226.0</t>
  </si>
  <si>
    <t>8385956.0</t>
  </si>
  <si>
    <t>319617.0</t>
  </si>
  <si>
    <t>19885322.0</t>
  </si>
  <si>
    <t>1932.471</t>
  </si>
  <si>
    <t>19902849.0</t>
  </si>
  <si>
    <t>1934.174</t>
  </si>
  <si>
    <t>20834.0</t>
  </si>
  <si>
    <t>18610.4</t>
  </si>
  <si>
    <t>1811.96174769058</t>
  </si>
  <si>
    <t>19921165.0</t>
  </si>
  <si>
    <t>1935.954</t>
  </si>
  <si>
    <t>19954725.0</t>
  </si>
  <si>
    <t>1939.215</t>
  </si>
  <si>
    <t>19994436.0</t>
  </si>
  <si>
    <t>39711.0</t>
  </si>
  <si>
    <t>1943.074</t>
  </si>
  <si>
    <t>20033212.0</t>
  </si>
  <si>
    <t>30499.0</t>
  </si>
  <si>
    <t>20073920.0</t>
  </si>
  <si>
    <t>1950.799</t>
  </si>
  <si>
    <t>16837799.0</t>
  </si>
  <si>
    <t>9137899.0</t>
  </si>
  <si>
    <t>8399921.0</t>
  </si>
  <si>
    <t>429761.0</t>
  </si>
  <si>
    <t>20104769.0</t>
  </si>
  <si>
    <t>1953.797</t>
  </si>
  <si>
    <t>20122662.0</t>
  </si>
  <si>
    <t>1955.536</t>
  </si>
  <si>
    <t>18693.2</t>
  </si>
  <si>
    <t>1820.02339240046</t>
  </si>
  <si>
    <t>20159274.0</t>
  </si>
  <si>
    <t>1959.094</t>
  </si>
  <si>
    <t>20199753.0</t>
  </si>
  <si>
    <t>1963.027</t>
  </si>
  <si>
    <t>35004.0</t>
  </si>
  <si>
    <t>20238803.0</t>
  </si>
  <si>
    <t>1966.822</t>
  </si>
  <si>
    <t>26519.0</t>
  </si>
  <si>
    <t>20283015.0</t>
  </si>
  <si>
    <t>1971.119</t>
  </si>
  <si>
    <t>35686.0</t>
  </si>
  <si>
    <t>27962.0</t>
  </si>
  <si>
    <t>20327460.0</t>
  </si>
  <si>
    <t>1975.438</t>
  </si>
  <si>
    <t>36220.0</t>
  </si>
  <si>
    <t>17043637.0</t>
  </si>
  <si>
    <t>9151797.0</t>
  </si>
  <si>
    <t>8415781.0</t>
  </si>
  <si>
    <t>605008.0</t>
  </si>
  <si>
    <t>165.94</t>
  </si>
  <si>
    <t>20361702.0</t>
  </si>
  <si>
    <t>1978.766</t>
  </si>
  <si>
    <t>20385083.0</t>
  </si>
  <si>
    <t>1981.038</t>
  </si>
  <si>
    <t>37489.0</t>
  </si>
  <si>
    <t>19021.2</t>
  </si>
  <si>
    <t>1851.95841009178</t>
  </si>
  <si>
    <t>20425528.0</t>
  </si>
  <si>
    <t>1984.968</t>
  </si>
  <si>
    <t>38036.0</t>
  </si>
  <si>
    <t>20477076.0</t>
  </si>
  <si>
    <t>1989.978</t>
  </si>
  <si>
    <t>20530528.0</t>
  </si>
  <si>
    <t>1995.172</t>
  </si>
  <si>
    <t>20580585.0</t>
  </si>
  <si>
    <t>2000.037</t>
  </si>
  <si>
    <t>20644007.0</t>
  </si>
  <si>
    <t>2006.2</t>
  </si>
  <si>
    <t>17330515.0</t>
  </si>
  <si>
    <t>9172195.0</t>
  </si>
  <si>
    <t>8429946.0</t>
  </si>
  <si>
    <t>855612.0</t>
  </si>
  <si>
    <t>168.73</t>
  </si>
  <si>
    <t>20692707.0</t>
  </si>
  <si>
    <t>2010.933</t>
  </si>
  <si>
    <t>4.595</t>
  </si>
  <si>
    <t>20719128.0</t>
  </si>
  <si>
    <t>2013.501</t>
  </si>
  <si>
    <t>48381.0</t>
  </si>
  <si>
    <t>19345.8</t>
  </si>
  <si>
    <t>1883.56239406312</t>
  </si>
  <si>
    <t>20775333.0</t>
  </si>
  <si>
    <t>56205.0</t>
  </si>
  <si>
    <t>52080.0</t>
  </si>
  <si>
    <t>20844492.0</t>
  </si>
  <si>
    <t>69159.0</t>
  </si>
  <si>
    <t>2025.684</t>
  </si>
  <si>
    <t>6.721</t>
  </si>
  <si>
    <t>55779.0</t>
  </si>
  <si>
    <t>20915616.0</t>
  </si>
  <si>
    <t>71124.0</t>
  </si>
  <si>
    <t>2032.595</t>
  </si>
  <si>
    <t>6.912</t>
  </si>
  <si>
    <t>59478.0</t>
  </si>
  <si>
    <t>20995352.0</t>
  </si>
  <si>
    <t>79736.0</t>
  </si>
  <si>
    <t>2040.344</t>
  </si>
  <si>
    <t>59252.0</t>
  </si>
  <si>
    <t>63177.0</t>
  </si>
  <si>
    <t>21093446.0</t>
  </si>
  <si>
    <t>2049.877</t>
  </si>
  <si>
    <t>9.533</t>
  </si>
  <si>
    <t>17798650.0</t>
  </si>
  <si>
    <t>9193412.0</t>
  </si>
  <si>
    <t>8443342.0</t>
  </si>
  <si>
    <t>1281087.0</t>
  </si>
  <si>
    <t>21165845.0</t>
  </si>
  <si>
    <t>2056.913</t>
  </si>
  <si>
    <t>21204977.0</t>
  </si>
  <si>
    <t>2060.716</t>
  </si>
  <si>
    <t>69407.0</t>
  </si>
  <si>
    <t>19728.8</t>
  </si>
  <si>
    <t>1920.85236898927</t>
  </si>
  <si>
    <t>21283107.0</t>
  </si>
  <si>
    <t>78130.0</t>
  </si>
  <si>
    <t>2068.308</t>
  </si>
  <si>
    <t>68939.0</t>
  </si>
  <si>
    <t>21400088.0</t>
  </si>
  <si>
    <t>116981.0</t>
  </si>
  <si>
    <t>2079.677</t>
  </si>
  <si>
    <t>79371.0</t>
  </si>
  <si>
    <t>21467679.0</t>
  </si>
  <si>
    <t>2086.245</t>
  </si>
  <si>
    <t>21580491.0</t>
  </si>
  <si>
    <t>112812.0</t>
  </si>
  <si>
    <t>2097.208</t>
  </si>
  <si>
    <t>83591.0</t>
  </si>
  <si>
    <t>8.123</t>
  </si>
  <si>
    <t>21748627.0</t>
  </si>
  <si>
    <t>168136.0</t>
  </si>
  <si>
    <t>2113.548</t>
  </si>
  <si>
    <t>93597.0</t>
  </si>
  <si>
    <t>18300470.0</t>
  </si>
  <si>
    <t>9221509.0</t>
  </si>
  <si>
    <t>8458351.0</t>
  </si>
  <si>
    <t>1732455.0</t>
  </si>
  <si>
    <t>178.18</t>
  </si>
  <si>
    <t>21858506.0</t>
  </si>
  <si>
    <t>109879.0</t>
  </si>
  <si>
    <t>2124.226</t>
  </si>
  <si>
    <t>10.678</t>
  </si>
  <si>
    <t>98952.0</t>
  </si>
  <si>
    <t>71938.0</t>
  </si>
  <si>
    <t>21916759.0</t>
  </si>
  <si>
    <t>2129.887</t>
  </si>
  <si>
    <t>101683.0</t>
  </si>
  <si>
    <t>72187.0</t>
  </si>
  <si>
    <t>20202.2</t>
  </si>
  <si>
    <t>1966.94394635229</t>
  </si>
  <si>
    <t>22042987.0</t>
  </si>
  <si>
    <t>126228.0</t>
  </si>
  <si>
    <t>2142.154</t>
  </si>
  <si>
    <t>72436.0</t>
  </si>
  <si>
    <t>22211060.0</t>
  </si>
  <si>
    <t>168073.0</t>
  </si>
  <si>
    <t>2158.488</t>
  </si>
  <si>
    <t>16.333</t>
  </si>
  <si>
    <t>22298899.0</t>
  </si>
  <si>
    <t>2167.024</t>
  </si>
  <si>
    <t>72934.0</t>
  </si>
  <si>
    <t>22443244.0</t>
  </si>
  <si>
    <t>2181.051</t>
  </si>
  <si>
    <t>123250.0</t>
  </si>
  <si>
    <t>73183.0</t>
  </si>
  <si>
    <t>13.339</t>
  </si>
  <si>
    <t>22640962.0</t>
  </si>
  <si>
    <t>197718.0</t>
  </si>
  <si>
    <t>2200.266</t>
  </si>
  <si>
    <t>19.214</t>
  </si>
  <si>
    <t>127476.0</t>
  </si>
  <si>
    <t>18814494.0</t>
  </si>
  <si>
    <t>9245806.0</t>
  </si>
  <si>
    <t>8476692.0</t>
  </si>
  <si>
    <t>2198788.0</t>
  </si>
  <si>
    <t>183.18</t>
  </si>
  <si>
    <t>22787039.0</t>
  </si>
  <si>
    <t>146077.0</t>
  </si>
  <si>
    <t>2214.462</t>
  </si>
  <si>
    <t>14.196</t>
  </si>
  <si>
    <t>132648.0</t>
  </si>
  <si>
    <t>12.891</t>
  </si>
  <si>
    <t>71487.0</t>
  </si>
  <si>
    <t>22855272.0</t>
  </si>
  <si>
    <t>68233.0</t>
  </si>
  <si>
    <t>2221.093</t>
  </si>
  <si>
    <t>134073.0</t>
  </si>
  <si>
    <t>69542.0</t>
  </si>
  <si>
    <t>20522.6</t>
  </si>
  <si>
    <t>1998.13900631661</t>
  </si>
  <si>
    <t>22977916.0</t>
  </si>
  <si>
    <t>2233.011</t>
  </si>
  <si>
    <t>23124747.0</t>
  </si>
  <si>
    <t>2247.28</t>
  </si>
  <si>
    <t>130527.0</t>
  </si>
  <si>
    <t>12.685</t>
  </si>
  <si>
    <t>65652.0</t>
  </si>
  <si>
    <t>23265367.0</t>
  </si>
  <si>
    <t>140620.0</t>
  </si>
  <si>
    <t>2260.946</t>
  </si>
  <si>
    <t>138067.0</t>
  </si>
  <si>
    <t>63707.0</t>
  </si>
  <si>
    <t>23437697.0</t>
  </si>
  <si>
    <t>2277.693</t>
  </si>
  <si>
    <t>142065.0</t>
  </si>
  <si>
    <t>23664981.0</t>
  </si>
  <si>
    <t>227284.0</t>
  </si>
  <si>
    <t>2299.781</t>
  </si>
  <si>
    <t>146288.0</t>
  </si>
  <si>
    <t>14.216</t>
  </si>
  <si>
    <t>19233215.0</t>
  </si>
  <si>
    <t>9355955.0</t>
  </si>
  <si>
    <t>8490639.0</t>
  </si>
  <si>
    <t>2489104.0</t>
  </si>
  <si>
    <t>59817.0</t>
  </si>
  <si>
    <t>23826316.0</t>
  </si>
  <si>
    <t>2315.459</t>
  </si>
  <si>
    <t>15.679</t>
  </si>
  <si>
    <t>148468.0</t>
  </si>
  <si>
    <t>23905081.0</t>
  </si>
  <si>
    <t>2323.114</t>
  </si>
  <si>
    <t>149973.0</t>
  </si>
  <si>
    <t>54291.0</t>
  </si>
  <si>
    <t>20677.4</t>
  </si>
  <si>
    <t>2013.21077686117</t>
  </si>
  <si>
    <t>24056249.0</t>
  </si>
  <si>
    <t>151168.0</t>
  </si>
  <si>
    <t>2337.804</t>
  </si>
  <si>
    <t>24244422.0</t>
  </si>
  <si>
    <t>2356.091</t>
  </si>
  <si>
    <t>24494256.0</t>
  </si>
  <si>
    <t>249834.0</t>
  </si>
  <si>
    <t>2380.37</t>
  </si>
  <si>
    <t>17.061</t>
  </si>
  <si>
    <t>24854086.0</t>
  </si>
  <si>
    <t>359830.0</t>
  </si>
  <si>
    <t>2415.339</t>
  </si>
  <si>
    <t>34.969</t>
  </si>
  <si>
    <t>202341.0</t>
  </si>
  <si>
    <t>25114814.0</t>
  </si>
  <si>
    <t>260728.0</t>
  </si>
  <si>
    <t>2440.677</t>
  </si>
  <si>
    <t>25.338</t>
  </si>
  <si>
    <t>207119.0</t>
  </si>
  <si>
    <t>20.128</t>
  </si>
  <si>
    <t>19516535.0</t>
  </si>
  <si>
    <t>9369726.0</t>
  </si>
  <si>
    <t>8505625.0</t>
  </si>
  <si>
    <t>2741578.0</t>
  </si>
  <si>
    <t>25162551.0</t>
  </si>
  <si>
    <t>2445.316</t>
  </si>
  <si>
    <t>190891.0</t>
  </si>
  <si>
    <t>18.551</t>
  </si>
  <si>
    <t>25252238.0</t>
  </si>
  <si>
    <t>89687.0</t>
  </si>
  <si>
    <t>2454.032</t>
  </si>
  <si>
    <t>8.716</t>
  </si>
  <si>
    <t>192451.0</t>
  </si>
  <si>
    <t>2025.92636622241</t>
  </si>
  <si>
    <t>25486997.0</t>
  </si>
  <si>
    <t>234759.0</t>
  </si>
  <si>
    <t>2476.846</t>
  </si>
  <si>
    <t>22.814</t>
  </si>
  <si>
    <t>204393.0</t>
  </si>
  <si>
    <t>25760643.0</t>
  </si>
  <si>
    <t>273646.0</t>
  </si>
  <si>
    <t>2503.439</t>
  </si>
  <si>
    <t>216603.0</t>
  </si>
  <si>
    <t>52286.0</t>
  </si>
  <si>
    <t>26078371.0</t>
  </si>
  <si>
    <t>317728.0</t>
  </si>
  <si>
    <t>2534.316</t>
  </si>
  <si>
    <t>30.877</t>
  </si>
  <si>
    <t>226302.0</t>
  </si>
  <si>
    <t>55239.0</t>
  </si>
  <si>
    <t>26481127.0</t>
  </si>
  <si>
    <t>402756.0</t>
  </si>
  <si>
    <t>2573.456</t>
  </si>
  <si>
    <t>232434.0</t>
  </si>
  <si>
    <t>58192.0</t>
  </si>
  <si>
    <t>26804825.0</t>
  </si>
  <si>
    <t>323698.0</t>
  </si>
  <si>
    <t>2604.913</t>
  </si>
  <si>
    <t>31.457</t>
  </si>
  <si>
    <t>19944552.0</t>
  </si>
  <si>
    <t>9383930.0</t>
  </si>
  <si>
    <t>8525248.0</t>
  </si>
  <si>
    <t>3134262.0</t>
  </si>
  <si>
    <t>26887506.0</t>
  </si>
  <si>
    <t>82681.0</t>
  </si>
  <si>
    <t>2612.948</t>
  </si>
  <si>
    <t>246422.0</t>
  </si>
  <si>
    <t>23.947</t>
  </si>
  <si>
    <t>26985793.0</t>
  </si>
  <si>
    <t>2622.5</t>
  </si>
  <si>
    <t>247651.0</t>
  </si>
  <si>
    <t>20732.4</t>
  </si>
  <si>
    <t>2018.565734096</t>
  </si>
  <si>
    <t>27237600.0</t>
  </si>
  <si>
    <t>251807.0</t>
  </si>
  <si>
    <t>2646.971</t>
  </si>
  <si>
    <t>250086.0</t>
  </si>
  <si>
    <t>24.304</t>
  </si>
  <si>
    <t>73992.0</t>
  </si>
  <si>
    <t>27515490.0</t>
  </si>
  <si>
    <t>2673.976</t>
  </si>
  <si>
    <t>27.006</t>
  </si>
  <si>
    <t>250692.0</t>
  </si>
  <si>
    <t>24.362</t>
  </si>
  <si>
    <t>78275.0</t>
  </si>
  <si>
    <t>27780292.0</t>
  </si>
  <si>
    <t>264802.0</t>
  </si>
  <si>
    <t>2699.71</t>
  </si>
  <si>
    <t>243132.0</t>
  </si>
  <si>
    <t>28074538.0</t>
  </si>
  <si>
    <t>294246.0</t>
  </si>
  <si>
    <t>2728.305</t>
  </si>
  <si>
    <t>227630.0</t>
  </si>
  <si>
    <t>86839.0</t>
  </si>
  <si>
    <t>28388361.0</t>
  </si>
  <si>
    <t>313823.0</t>
  </si>
  <si>
    <t>2758.802</t>
  </si>
  <si>
    <t>226219.0</t>
  </si>
  <si>
    <t>20582403.0</t>
  </si>
  <si>
    <t>9602308.0</t>
  </si>
  <si>
    <t>8537922.0</t>
  </si>
  <si>
    <t>3539367.0</t>
  </si>
  <si>
    <t>28607331.0</t>
  </si>
  <si>
    <t>218970.0</t>
  </si>
  <si>
    <t>2780.082</t>
  </si>
  <si>
    <t>245689.0</t>
  </si>
  <si>
    <t>90212.0</t>
  </si>
  <si>
    <t>28722635.0</t>
  </si>
  <si>
    <t>115304.0</t>
  </si>
  <si>
    <t>2791.287</t>
  </si>
  <si>
    <t>248120.0</t>
  </si>
  <si>
    <t>24.112</t>
  </si>
  <si>
    <t>-14.25</t>
  </si>
  <si>
    <t>1978.60801683832</t>
  </si>
  <si>
    <t>28965597.0</t>
  </si>
  <si>
    <t>242962.0</t>
  </si>
  <si>
    <t>2814.899</t>
  </si>
  <si>
    <t>23.611</t>
  </si>
  <si>
    <t>246857.0</t>
  </si>
  <si>
    <t>29215284.0</t>
  </si>
  <si>
    <t>2839.163</t>
  </si>
  <si>
    <t>24.265</t>
  </si>
  <si>
    <t>242828.0</t>
  </si>
  <si>
    <t>23.598</t>
  </si>
  <si>
    <t>87482.0</t>
  </si>
  <si>
    <t>29465673.0</t>
  </si>
  <si>
    <t>250389.0</t>
  </si>
  <si>
    <t>2863.496</t>
  </si>
  <si>
    <t>24.333</t>
  </si>
  <si>
    <t>23.398</t>
  </si>
  <si>
    <t>86572.0</t>
  </si>
  <si>
    <t>29747183.0</t>
  </si>
  <si>
    <t>281510.0</t>
  </si>
  <si>
    <t>2890.854</t>
  </si>
  <si>
    <t>27.357</t>
  </si>
  <si>
    <t>238949.0</t>
  </si>
  <si>
    <t>23.221</t>
  </si>
  <si>
    <t>85662.0</t>
  </si>
  <si>
    <t>30074386.0</t>
  </si>
  <si>
    <t>327203.0</t>
  </si>
  <si>
    <t>2922.652</t>
  </si>
  <si>
    <t>31.798</t>
  </si>
  <si>
    <t>240861.0</t>
  </si>
  <si>
    <t>23.407</t>
  </si>
  <si>
    <t>21175665.0</t>
  </si>
  <si>
    <t>9624997.0</t>
  </si>
  <si>
    <t>8555104.0</t>
  </si>
  <si>
    <t>84752.0</t>
  </si>
  <si>
    <t>30295166.0</t>
  </si>
  <si>
    <t>220780.0</t>
  </si>
  <si>
    <t>2944.107</t>
  </si>
  <si>
    <t>241119.0</t>
  </si>
  <si>
    <t>85038.0</t>
  </si>
  <si>
    <t>30415088.0</t>
  </si>
  <si>
    <t>119922.0</t>
  </si>
  <si>
    <t>2955.761</t>
  </si>
  <si>
    <t>241779.0</t>
  </si>
  <si>
    <t>23.496</t>
  </si>
  <si>
    <t>85325.0</t>
  </si>
  <si>
    <t>1945.60200770004</t>
  </si>
  <si>
    <t>30696882.0</t>
  </si>
  <si>
    <t>281794.0</t>
  </si>
  <si>
    <t>2983.146</t>
  </si>
  <si>
    <t>27.385</t>
  </si>
  <si>
    <t>247326.0</t>
  </si>
  <si>
    <t>24.035</t>
  </si>
  <si>
    <t>30995451.0</t>
  </si>
  <si>
    <t>298569.0</t>
  </si>
  <si>
    <t>3012.161</t>
  </si>
  <si>
    <t>29.015</t>
  </si>
  <si>
    <t>254310.0</t>
  </si>
  <si>
    <t>24.714</t>
  </si>
  <si>
    <t>31306640.0</t>
  </si>
  <si>
    <t>311189.0</t>
  </si>
  <si>
    <t>3042.403</t>
  </si>
  <si>
    <t>30.242</t>
  </si>
  <si>
    <t>262995.0</t>
  </si>
  <si>
    <t>86185.0</t>
  </si>
  <si>
    <t>31649695.0</t>
  </si>
  <si>
    <t>343055.0</t>
  </si>
  <si>
    <t>3075.741</t>
  </si>
  <si>
    <t>33.338</t>
  </si>
  <si>
    <t>271787.0</t>
  </si>
  <si>
    <t>26.412</t>
  </si>
  <si>
    <t>86471.0</t>
  </si>
  <si>
    <t>32030146.0</t>
  </si>
  <si>
    <t>380451.0</t>
  </si>
  <si>
    <t>3112.714</t>
  </si>
  <si>
    <t>36.973</t>
  </si>
  <si>
    <t>279394.0</t>
  </si>
  <si>
    <t>21782971.0</t>
  </si>
  <si>
    <t>9641157.0</t>
  </si>
  <si>
    <t>8566696.0</t>
  </si>
  <si>
    <t>4667554.0</t>
  </si>
  <si>
    <t>32294085.0</t>
  </si>
  <si>
    <t>263939.0</t>
  </si>
  <si>
    <t>3138.364</t>
  </si>
  <si>
    <t>285560.0</t>
  </si>
  <si>
    <t>85688.0</t>
  </si>
  <si>
    <t>32450789.0</t>
  </si>
  <si>
    <t>156704.0</t>
  </si>
  <si>
    <t>3153.592</t>
  </si>
  <si>
    <t>290814.0</t>
  </si>
  <si>
    <t>84617.0</t>
  </si>
  <si>
    <t>19833.4</t>
  </si>
  <si>
    <t>1931.03652402132</t>
  </si>
  <si>
    <t>32763669.0</t>
  </si>
  <si>
    <t>312880.0</t>
  </si>
  <si>
    <t>3183.998</t>
  </si>
  <si>
    <t>30.406</t>
  </si>
  <si>
    <t>295255.0</t>
  </si>
  <si>
    <t>33091055.0</t>
  </si>
  <si>
    <t>327386.0</t>
  </si>
  <si>
    <t>3215.814</t>
  </si>
  <si>
    <t>31.816</t>
  </si>
  <si>
    <t>82477.0</t>
  </si>
  <si>
    <t>33409187.0</t>
  </si>
  <si>
    <t>318132.0</t>
  </si>
  <si>
    <t>3246.73</t>
  </si>
  <si>
    <t>30.916</t>
  </si>
  <si>
    <t>300364.0</t>
  </si>
  <si>
    <t>81407.0</t>
  </si>
  <si>
    <t>33752598.0</t>
  </si>
  <si>
    <t>343411.0</t>
  </si>
  <si>
    <t>3280.103</t>
  </si>
  <si>
    <t>33.373</t>
  </si>
  <si>
    <t>300415.0</t>
  </si>
  <si>
    <t>29.195</t>
  </si>
  <si>
    <t>80336.0</t>
  </si>
  <si>
    <t>34107155.0</t>
  </si>
  <si>
    <t>3314.559</t>
  </si>
  <si>
    <t>34.456</t>
  </si>
  <si>
    <t>296716.0</t>
  </si>
  <si>
    <t>22337834.0</t>
  </si>
  <si>
    <t>9652238.0</t>
  </si>
  <si>
    <t>8576917.0</t>
  </si>
  <si>
    <t>5199588.0</t>
  </si>
  <si>
    <t>34360016.0</t>
  </si>
  <si>
    <t>252861.0</t>
  </si>
  <si>
    <t>3339.132</t>
  </si>
  <si>
    <t>24.573</t>
  </si>
  <si>
    <t>295133.0</t>
  </si>
  <si>
    <t>28.681</t>
  </si>
  <si>
    <t>78502.0</t>
  </si>
  <si>
    <t>34498930.0</t>
  </si>
  <si>
    <t>3352.632</t>
  </si>
  <si>
    <t>292592.0</t>
  </si>
  <si>
    <t>77739.0</t>
  </si>
  <si>
    <t>19712.6</t>
  </si>
  <si>
    <t>1919.27509067646</t>
  </si>
  <si>
    <t>34772184.0</t>
  </si>
  <si>
    <t>273254.0</t>
  </si>
  <si>
    <t>3379.187</t>
  </si>
  <si>
    <t>286931.0</t>
  </si>
  <si>
    <t>27.884</t>
  </si>
  <si>
    <t>35021584.0</t>
  </si>
  <si>
    <t>3403.424</t>
  </si>
  <si>
    <t>24.237</t>
  </si>
  <si>
    <t>275790.0</t>
  </si>
  <si>
    <t>26.801</t>
  </si>
  <si>
    <t>76212.0</t>
  </si>
  <si>
    <t>35261065.0</t>
  </si>
  <si>
    <t>239481.0</t>
  </si>
  <si>
    <t>3426.697</t>
  </si>
  <si>
    <t>23.273</t>
  </si>
  <si>
    <t>264554.0</t>
  </si>
  <si>
    <t>75448.0</t>
  </si>
  <si>
    <t>35500336.0</t>
  </si>
  <si>
    <t>239271.0</t>
  </si>
  <si>
    <t>3449.95</t>
  </si>
  <si>
    <t>23.253</t>
  </si>
  <si>
    <t>249677.0</t>
  </si>
  <si>
    <t>24.264</t>
  </si>
  <si>
    <t>35751897.0</t>
  </si>
  <si>
    <t>251561.0</t>
  </si>
  <si>
    <t>3474.396</t>
  </si>
  <si>
    <t>234963.0</t>
  </si>
  <si>
    <t>22.834</t>
  </si>
  <si>
    <t>22855278.0</t>
  </si>
  <si>
    <t>9686852.0</t>
  </si>
  <si>
    <t>8639212.0</t>
  </si>
  <si>
    <t>5618845.0</t>
  </si>
  <si>
    <t>234.547</t>
  </si>
  <si>
    <t>35923464.0</t>
  </si>
  <si>
    <t>171567.0</t>
  </si>
  <si>
    <t>3491.069</t>
  </si>
  <si>
    <t>16.673</t>
  </si>
  <si>
    <t>223350.0</t>
  </si>
  <si>
    <t>21.705</t>
  </si>
  <si>
    <t>36009956.0</t>
  </si>
  <si>
    <t>86492.0</t>
  </si>
  <si>
    <t>3499.475</t>
  </si>
  <si>
    <t>215861.0</t>
  </si>
  <si>
    <t>19815.8</t>
  </si>
  <si>
    <t>1929.32293770617</t>
  </si>
  <si>
    <t>36183306.0</t>
  </si>
  <si>
    <t>173350.0</t>
  </si>
  <si>
    <t>3516.321</t>
  </si>
  <si>
    <t>16.846</t>
  </si>
  <si>
    <t>201589.0</t>
  </si>
  <si>
    <t>19.591</t>
  </si>
  <si>
    <t>36355609.0</t>
  </si>
  <si>
    <t>172303.0</t>
  </si>
  <si>
    <t>3533.066</t>
  </si>
  <si>
    <t>190575.0</t>
  </si>
  <si>
    <t>36514985.0</t>
  </si>
  <si>
    <t>159376.0</t>
  </si>
  <si>
    <t>3548.554</t>
  </si>
  <si>
    <t>15.488</t>
  </si>
  <si>
    <t>179131.0</t>
  </si>
  <si>
    <t>17.408</t>
  </si>
  <si>
    <t>60001.0</t>
  </si>
  <si>
    <t>36665475.0</t>
  </si>
  <si>
    <t>150490.0</t>
  </si>
  <si>
    <t>3563.179</t>
  </si>
  <si>
    <t>166448.0</t>
  </si>
  <si>
    <t>57217.0</t>
  </si>
  <si>
    <t>36835275.0</t>
  </si>
  <si>
    <t>169800.0</t>
  </si>
  <si>
    <t>3579.68</t>
  </si>
  <si>
    <t>16.501</t>
  </si>
  <si>
    <t>154768.0</t>
  </si>
  <si>
    <t>23236309.0</t>
  </si>
  <si>
    <t>9694668.0</t>
  </si>
  <si>
    <t>8649824.0</t>
  </si>
  <si>
    <t>5980355.0</t>
  </si>
  <si>
    <t>226.24</t>
  </si>
  <si>
    <t>36953359.0</t>
  </si>
  <si>
    <t>3591.155</t>
  </si>
  <si>
    <t>50482.0</t>
  </si>
  <si>
    <t>37004894.0</t>
  </si>
  <si>
    <t>3596.164</t>
  </si>
  <si>
    <t>142134.0</t>
  </si>
  <si>
    <t>46530.0</t>
  </si>
  <si>
    <t>19784.8</t>
  </si>
  <si>
    <t>1926.30468908291</t>
  </si>
  <si>
    <t>37125856.0</t>
  </si>
  <si>
    <t>120962.0</t>
  </si>
  <si>
    <t>3607.919</t>
  </si>
  <si>
    <t>134650.0</t>
  </si>
  <si>
    <t>42579.0</t>
  </si>
  <si>
    <t>37248188.0</t>
  </si>
  <si>
    <t>122332.0</t>
  </si>
  <si>
    <t>3619.807</t>
  </si>
  <si>
    <t>127511.0</t>
  </si>
  <si>
    <t>37362117.0</t>
  </si>
  <si>
    <t>113929.0</t>
  </si>
  <si>
    <t>3630.879</t>
  </si>
  <si>
    <t>121019.0</t>
  </si>
  <si>
    <t>11.761</t>
  </si>
  <si>
    <t>37479016.0</t>
  </si>
  <si>
    <t>3642.239</t>
  </si>
  <si>
    <t>116220.0</t>
  </si>
  <si>
    <t>37602525.0</t>
  </si>
  <si>
    <t>123509.0</t>
  </si>
  <si>
    <t>3654.242</t>
  </si>
  <si>
    <t>12.003</t>
  </si>
  <si>
    <t>23423727.0</t>
  </si>
  <si>
    <t>9701466.0</t>
  </si>
  <si>
    <t>8660188.0</t>
  </si>
  <si>
    <t>6149897.0</t>
  </si>
  <si>
    <t>26774.0</t>
  </si>
  <si>
    <t>37674051.0</t>
  </si>
  <si>
    <t>71526.0</t>
  </si>
  <si>
    <t>3661.193</t>
  </si>
  <si>
    <t>10.005</t>
  </si>
  <si>
    <t>37712155.0</t>
  </si>
  <si>
    <t>3664.896</t>
  </si>
  <si>
    <t>101037.0</t>
  </si>
  <si>
    <t>19760.4</t>
  </si>
  <si>
    <t>1923.92903532782</t>
  </si>
  <si>
    <t>37805639.0</t>
  </si>
  <si>
    <t>93484.0</t>
  </si>
  <si>
    <t>3673.981</t>
  </si>
  <si>
    <t>97112.0</t>
  </si>
  <si>
    <t>25759.0</t>
  </si>
  <si>
    <t>37941346.0</t>
  </si>
  <si>
    <t>135707.0</t>
  </si>
  <si>
    <t>3687.169</t>
  </si>
  <si>
    <t>13.188</t>
  </si>
  <si>
    <t>99023.0</t>
  </si>
  <si>
    <t>9.623</t>
  </si>
  <si>
    <t>38033915.0</t>
  </si>
  <si>
    <t>92569.0</t>
  </si>
  <si>
    <t>3696.165</t>
  </si>
  <si>
    <t>95971.0</t>
  </si>
  <si>
    <t>38119866.0</t>
  </si>
  <si>
    <t>85951.0</t>
  </si>
  <si>
    <t>3704.517</t>
  </si>
  <si>
    <t>8.353</t>
  </si>
  <si>
    <t>91550.0</t>
  </si>
  <si>
    <t>38212414.0</t>
  </si>
  <si>
    <t>3713.511</t>
  </si>
  <si>
    <t>87127.0</t>
  </si>
  <si>
    <t>23594573.0</t>
  </si>
  <si>
    <t>9708067.0</t>
  </si>
  <si>
    <t>8759820.0</t>
  </si>
  <si>
    <t>6214023.0</t>
  </si>
  <si>
    <t>38268987.0</t>
  </si>
  <si>
    <t>3719.009</t>
  </si>
  <si>
    <t>38299468.0</t>
  </si>
  <si>
    <t>3721.971</t>
  </si>
  <si>
    <t>19640.4</t>
  </si>
  <si>
    <t>1912.24549227002</t>
  </si>
  <si>
    <t>38383640.0</t>
  </si>
  <si>
    <t>3730.151</t>
  </si>
  <si>
    <t>82572.0</t>
  </si>
  <si>
    <t>38440979.0</t>
  </si>
  <si>
    <t>3735.723</t>
  </si>
  <si>
    <t>71376.0</t>
  </si>
  <si>
    <t>38504478.0</t>
  </si>
  <si>
    <t>3741.894</t>
  </si>
  <si>
    <t>38580475.0</t>
  </si>
  <si>
    <t>3749.28</t>
  </si>
  <si>
    <t>38653656.0</t>
  </si>
  <si>
    <t>73181.0</t>
  </si>
  <si>
    <t>3756.392</t>
  </si>
  <si>
    <t>23639803.0</t>
  </si>
  <si>
    <t>9710327.0</t>
  </si>
  <si>
    <t>8766131.0</t>
  </si>
  <si>
    <t>6250372.0</t>
  </si>
  <si>
    <t>38699855.0</t>
  </si>
  <si>
    <t>46199.0</t>
  </si>
  <si>
    <t>3760.881</t>
  </si>
  <si>
    <t>38727942.0</t>
  </si>
  <si>
    <t>28087.0</t>
  </si>
  <si>
    <t>3763.611</t>
  </si>
  <si>
    <t>19491.2</t>
  </si>
  <si>
    <t>1897.71895373482</t>
  </si>
  <si>
    <t>38798724.0</t>
  </si>
  <si>
    <t>70782.0</t>
  </si>
  <si>
    <t>3770.489</t>
  </si>
  <si>
    <t>38867127.0</t>
  </si>
  <si>
    <t>3777.137</t>
  </si>
  <si>
    <t>60878.0</t>
  </si>
  <si>
    <t>38930126.0</t>
  </si>
  <si>
    <t>3783.259</t>
  </si>
  <si>
    <t>38992128.0</t>
  </si>
  <si>
    <t>62002.0</t>
  </si>
  <si>
    <t>3789.285</t>
  </si>
  <si>
    <t>58808.0</t>
  </si>
  <si>
    <t>39057671.0</t>
  </si>
  <si>
    <t>3795.654</t>
  </si>
  <si>
    <t>57716.0</t>
  </si>
  <si>
    <t>23685886.0</t>
  </si>
  <si>
    <t>9713611.0</t>
  </si>
  <si>
    <t>8775914.0</t>
  </si>
  <si>
    <t>6283050.0</t>
  </si>
  <si>
    <t>230.61</t>
  </si>
  <si>
    <t>39098625.0</t>
  </si>
  <si>
    <t>40954.0</t>
  </si>
  <si>
    <t>3799.634</t>
  </si>
  <si>
    <t>56967.0</t>
  </si>
  <si>
    <t>39121323.0</t>
  </si>
  <si>
    <t>3801.84</t>
  </si>
  <si>
    <t>56197.0</t>
  </si>
  <si>
    <t>19512.8</t>
  </si>
  <si>
    <t>1899.82199148523</t>
  </si>
  <si>
    <t>39187700.0</t>
  </si>
  <si>
    <t>66377.0</t>
  </si>
  <si>
    <t>3808.29</t>
  </si>
  <si>
    <t>39253560.0</t>
  </si>
  <si>
    <t>65860.0</t>
  </si>
  <si>
    <t>3814.691</t>
  </si>
  <si>
    <t>55205.0</t>
  </si>
  <si>
    <t>39316013.0</t>
  </si>
  <si>
    <t>62453.0</t>
  </si>
  <si>
    <t>3820.76</t>
  </si>
  <si>
    <t>55127.0</t>
  </si>
  <si>
    <t>39374947.0</t>
  </si>
  <si>
    <t>3826.487</t>
  </si>
  <si>
    <t>54688.0</t>
  </si>
  <si>
    <t>39436395.0</t>
  </si>
  <si>
    <t>61448.0</t>
  </si>
  <si>
    <t>3832.459</t>
  </si>
  <si>
    <t>23723735.0</t>
  </si>
  <si>
    <t>9716091.0</t>
  </si>
  <si>
    <t>8780261.0</t>
  </si>
  <si>
    <t>6313712.0</t>
  </si>
  <si>
    <t>39475819.0</t>
  </si>
  <si>
    <t>39424.0</t>
  </si>
  <si>
    <t>3836.29</t>
  </si>
  <si>
    <t>53885.0</t>
  </si>
  <si>
    <t>39497750.0</t>
  </si>
  <si>
    <t>21931.0</t>
  </si>
  <si>
    <t>3838.421</t>
  </si>
  <si>
    <t>19569.4</t>
  </si>
  <si>
    <t>1905.33272929416</t>
  </si>
  <si>
    <t>39561936.0</t>
  </si>
  <si>
    <t>3844.659</t>
  </si>
  <si>
    <t>39624193.0</t>
  </si>
  <si>
    <t>62257.0</t>
  </si>
  <si>
    <t>3850.709</t>
  </si>
  <si>
    <t>39680040.0</t>
  </si>
  <si>
    <t>3856.136</t>
  </si>
  <si>
    <t>39734174.0</t>
  </si>
  <si>
    <t>54134.0</t>
  </si>
  <si>
    <t>3861.397</t>
  </si>
  <si>
    <t>39793320.0</t>
  </si>
  <si>
    <t>59146.0</t>
  </si>
  <si>
    <t>3867.145</t>
  </si>
  <si>
    <t>23762715.0</t>
  </si>
  <si>
    <t>9719375.0</t>
  </si>
  <si>
    <t>8790477.0</t>
  </si>
  <si>
    <t>6338835.0</t>
  </si>
  <si>
    <t>231.36</t>
  </si>
  <si>
    <t>39829483.0</t>
  </si>
  <si>
    <t>36163.0</t>
  </si>
  <si>
    <t>3870.659</t>
  </si>
  <si>
    <t>39851361.0</t>
  </si>
  <si>
    <t>21878.0</t>
  </si>
  <si>
    <t>3872.785</t>
  </si>
  <si>
    <t>1919.80085011407</t>
  </si>
  <si>
    <t>39912186.0</t>
  </si>
  <si>
    <t>3878.696</t>
  </si>
  <si>
    <t>39970994.0</t>
  </si>
  <si>
    <t>3884.411</t>
  </si>
  <si>
    <t>49543.0</t>
  </si>
  <si>
    <t>40026768.0</t>
  </si>
  <si>
    <t>3889.832</t>
  </si>
  <si>
    <t>40088192.0</t>
  </si>
  <si>
    <t>3895.801</t>
  </si>
  <si>
    <t>50574.0</t>
  </si>
  <si>
    <t>40137168.0</t>
  </si>
  <si>
    <t>48976.0</t>
  </si>
  <si>
    <t>3900.56</t>
  </si>
  <si>
    <t>49121.0</t>
  </si>
  <si>
    <t>23798868.0</t>
  </si>
  <si>
    <t>9722317.0</t>
  </si>
  <si>
    <t>8799379.0</t>
  </si>
  <si>
    <t>6362717.0</t>
  </si>
  <si>
    <t>40170130.0</t>
  </si>
  <si>
    <t>3903.764</t>
  </si>
  <si>
    <t>48664.0</t>
  </si>
  <si>
    <t>40188779.0</t>
  </si>
  <si>
    <t>18649.0</t>
  </si>
  <si>
    <t>3905.576</t>
  </si>
  <si>
    <t>19941.4</t>
  </si>
  <si>
    <t>1941.55171277334</t>
  </si>
  <si>
    <t>40239817.0</t>
  </si>
  <si>
    <t>3910.536</t>
  </si>
  <si>
    <t>40289197.0</t>
  </si>
  <si>
    <t>49380.0</t>
  </si>
  <si>
    <t>3915.335</t>
  </si>
  <si>
    <t>40338322.0</t>
  </si>
  <si>
    <t>3920.109</t>
  </si>
  <si>
    <t>40384633.0</t>
  </si>
  <si>
    <t>46311.0</t>
  </si>
  <si>
    <t>3924.609</t>
  </si>
  <si>
    <t>42349.0</t>
  </si>
  <si>
    <t>40433267.0</t>
  </si>
  <si>
    <t>3929.335</t>
  </si>
  <si>
    <t>23827512.0</t>
  </si>
  <si>
    <t>9724673.0</t>
  </si>
  <si>
    <t>8803346.0</t>
  </si>
  <si>
    <t>6384577.0</t>
  </si>
  <si>
    <t>40464651.0</t>
  </si>
  <si>
    <t>3932.385</t>
  </si>
  <si>
    <t>40483678.0</t>
  </si>
  <si>
    <t>3934.234</t>
  </si>
  <si>
    <t>20086.2</t>
  </si>
  <si>
    <t>1955.64985472975</t>
  </si>
  <si>
    <t>40534335.0</t>
  </si>
  <si>
    <t>3939.157</t>
  </si>
  <si>
    <t>40582498.0</t>
  </si>
  <si>
    <t>3943.838</t>
  </si>
  <si>
    <t>40628701.0</t>
  </si>
  <si>
    <t>3948.328</t>
  </si>
  <si>
    <t>40678788.0</t>
  </si>
  <si>
    <t>50087.0</t>
  </si>
  <si>
    <t>3953.195</t>
  </si>
  <si>
    <t>0.2242</t>
  </si>
  <si>
    <t>40700808.0</t>
  </si>
  <si>
    <t>22020.0</t>
  </si>
  <si>
    <t>3955.335</t>
  </si>
  <si>
    <t>23843940.0</t>
  </si>
  <si>
    <t>9725916.0</t>
  </si>
  <si>
    <t>8805010.0</t>
  </si>
  <si>
    <t>6397628.0</t>
  </si>
  <si>
    <t>40733478.0</t>
  </si>
  <si>
    <t>3958.51</t>
  </si>
  <si>
    <t>40748372.0</t>
  </si>
  <si>
    <t>14894.0</t>
  </si>
  <si>
    <t>3959.958</t>
  </si>
  <si>
    <t>20331.2</t>
  </si>
  <si>
    <t>1979.50375513942</t>
  </si>
  <si>
    <t>40799260.0</t>
  </si>
  <si>
    <t>3964.903</t>
  </si>
  <si>
    <t>40851325.0</t>
  </si>
  <si>
    <t>52065.0</t>
  </si>
  <si>
    <t>3969.963</t>
  </si>
  <si>
    <t>40899884.0</t>
  </si>
  <si>
    <t>48559.0</t>
  </si>
  <si>
    <t>3974.682</t>
  </si>
  <si>
    <t>40949035.0</t>
  </si>
  <si>
    <t>3979.458</t>
  </si>
  <si>
    <t>38607.0</t>
  </si>
  <si>
    <t>40993102.0</t>
  </si>
  <si>
    <t>3983.741</t>
  </si>
  <si>
    <t>41756.0</t>
  </si>
  <si>
    <t>23878004.0</t>
  </si>
  <si>
    <t>9728929.0</t>
  </si>
  <si>
    <t>8810987.0</t>
  </si>
  <si>
    <t>6422231.0</t>
  </si>
  <si>
    <t>41021678.0</t>
  </si>
  <si>
    <t>3986.518</t>
  </si>
  <si>
    <t>41171.0</t>
  </si>
  <si>
    <t>41038444.0</t>
  </si>
  <si>
    <t>3988.147</t>
  </si>
  <si>
    <t>41439.0</t>
  </si>
  <si>
    <t>20545.4</t>
  </si>
  <si>
    <t>2000.35887949759</t>
  </si>
  <si>
    <t>41060137.0</t>
  </si>
  <si>
    <t>3990.255</t>
  </si>
  <si>
    <t>37268.0</t>
  </si>
  <si>
    <t>41113089.0</t>
  </si>
  <si>
    <t>52952.0</t>
  </si>
  <si>
    <t>3995.401</t>
  </si>
  <si>
    <t>41165855.0</t>
  </si>
  <si>
    <t>52766.0</t>
  </si>
  <si>
    <t>4000.529</t>
  </si>
  <si>
    <t>41218424.0</t>
  </si>
  <si>
    <t>4005.638</t>
  </si>
  <si>
    <t>38484.0</t>
  </si>
  <si>
    <t>41278379.0</t>
  </si>
  <si>
    <t>59955.0</t>
  </si>
  <si>
    <t>4011.464</t>
  </si>
  <si>
    <t>40754.0</t>
  </si>
  <si>
    <t>23907069.0</t>
  </si>
  <si>
    <t>9731629.0</t>
  </si>
  <si>
    <t>8817336.0</t>
  </si>
  <si>
    <t>6441769.0</t>
  </si>
  <si>
    <t>232.77</t>
  </si>
  <si>
    <t>41320769.0</t>
  </si>
  <si>
    <t>4015.584</t>
  </si>
  <si>
    <t>41336850.0</t>
  </si>
  <si>
    <t>4017.146</t>
  </si>
  <si>
    <t>42629.0</t>
  </si>
  <si>
    <t>20759.6</t>
  </si>
  <si>
    <t>2021.21400385576</t>
  </si>
  <si>
    <t>41376874.0</t>
  </si>
  <si>
    <t>4021.036</t>
  </si>
  <si>
    <t>41418112.0</t>
  </si>
  <si>
    <t>4025.043</t>
  </si>
  <si>
    <t>43575.0</t>
  </si>
  <si>
    <t>41456888.0</t>
  </si>
  <si>
    <t>4028.812</t>
  </si>
  <si>
    <t>41500718.0</t>
  </si>
  <si>
    <t>4033.071</t>
  </si>
  <si>
    <t>41541745.0</t>
  </si>
  <si>
    <t>4037.058</t>
  </si>
  <si>
    <t>23937318.0</t>
  </si>
  <si>
    <t>9734140.0</t>
  </si>
  <si>
    <t>8823387.0</t>
  </si>
  <si>
    <t>6462989.0</t>
  </si>
  <si>
    <t>41572572.0</t>
  </si>
  <si>
    <t>4040.054</t>
  </si>
  <si>
    <t>35972.0</t>
  </si>
  <si>
    <t>41591184.0</t>
  </si>
  <si>
    <t>4041.863</t>
  </si>
  <si>
    <t>20917.2</t>
  </si>
  <si>
    <t>2036.55839040501</t>
  </si>
  <si>
    <t>41642475.0</t>
  </si>
  <si>
    <t>51291.0</t>
  </si>
  <si>
    <t>4046.847</t>
  </si>
  <si>
    <t>41697794.0</t>
  </si>
  <si>
    <t>4052.223</t>
  </si>
  <si>
    <t>41753538.0</t>
  </si>
  <si>
    <t>4057.64</t>
  </si>
  <si>
    <t>42379.0</t>
  </si>
  <si>
    <t>41810659.0</t>
  </si>
  <si>
    <t>57121.0</t>
  </si>
  <si>
    <t>4063.191</t>
  </si>
  <si>
    <t>41861441.0</t>
  </si>
  <si>
    <t>4068.127</t>
  </si>
  <si>
    <t>23968207.0</t>
  </si>
  <si>
    <t>9736842.0</t>
  </si>
  <si>
    <t>8829527.0</t>
  </si>
  <si>
    <t>6484489.0</t>
  </si>
  <si>
    <t>41903714.0</t>
  </si>
  <si>
    <t>42273.0</t>
  </si>
  <si>
    <t>4072.235</t>
  </si>
  <si>
    <t>0.4423</t>
  </si>
  <si>
    <t>41925228.0</t>
  </si>
  <si>
    <t>4074.325</t>
  </si>
  <si>
    <t>21365.4</t>
  </si>
  <si>
    <t>2080.19642372589</t>
  </si>
  <si>
    <t>41997519.0</t>
  </si>
  <si>
    <t>4081.351</t>
  </si>
  <si>
    <t>42062040.0</t>
  </si>
  <si>
    <t>64521.0</t>
  </si>
  <si>
    <t>4087.621</t>
  </si>
  <si>
    <t>42123558.0</t>
  </si>
  <si>
    <t>4093.599</t>
  </si>
  <si>
    <t>0.4776</t>
  </si>
  <si>
    <t>42182746.0</t>
  </si>
  <si>
    <t>4099.351</t>
  </si>
  <si>
    <t>53155.0</t>
  </si>
  <si>
    <t>0.4932</t>
  </si>
  <si>
    <t>42241214.0</t>
  </si>
  <si>
    <t>4105.033</t>
  </si>
  <si>
    <t>5.682</t>
  </si>
  <si>
    <t>24049180.0</t>
  </si>
  <si>
    <t>9739600.0</t>
  </si>
  <si>
    <t>8835088.0</t>
  </si>
  <si>
    <t>6507842.0</t>
  </si>
  <si>
    <t>42276350.0</t>
  </si>
  <si>
    <t>4108.448</t>
  </si>
  <si>
    <t>53234.0</t>
  </si>
  <si>
    <t>42298739.0</t>
  </si>
  <si>
    <t>4110.623</t>
  </si>
  <si>
    <t>53359.0</t>
  </si>
  <si>
    <t>21676.2</t>
  </si>
  <si>
    <t>2110.45680024559</t>
  </si>
  <si>
    <t>42365073.0</t>
  </si>
  <si>
    <t>4117.07</t>
  </si>
  <si>
    <t>6.446</t>
  </si>
  <si>
    <t>52508.0</t>
  </si>
  <si>
    <t>0.3937</t>
  </si>
  <si>
    <t>42425003.0</t>
  </si>
  <si>
    <t>59930.0</t>
  </si>
  <si>
    <t>4122.894</t>
  </si>
  <si>
    <t>51852.0</t>
  </si>
  <si>
    <t>0.5266</t>
  </si>
  <si>
    <t>42483884.0</t>
  </si>
  <si>
    <t>4128.616</t>
  </si>
  <si>
    <t>0.5219</t>
  </si>
  <si>
    <t>42536539.0</t>
  </si>
  <si>
    <t>4133.733</t>
  </si>
  <si>
    <t>42588488.0</t>
  </si>
  <si>
    <t>4138.782</t>
  </si>
  <si>
    <t>24177077.0</t>
  </si>
  <si>
    <t>9742389.0</t>
  </si>
  <si>
    <t>8840509.0</t>
  </si>
  <si>
    <t>6536913.0</t>
  </si>
  <si>
    <t>42624557.0</t>
  </si>
  <si>
    <t>4142.287</t>
  </si>
  <si>
    <t>42644919.0</t>
  </si>
  <si>
    <t>4144.266</t>
  </si>
  <si>
    <t>49454.0</t>
  </si>
  <si>
    <t>0.5301</t>
  </si>
  <si>
    <t>19719.0</t>
  </si>
  <si>
    <t>22012.2</t>
  </si>
  <si>
    <t>2143.17072080743</t>
  </si>
  <si>
    <t>42709728.0</t>
  </si>
  <si>
    <t>4150.564</t>
  </si>
  <si>
    <t>49236.0</t>
  </si>
  <si>
    <t>0.5188</t>
  </si>
  <si>
    <t>42772441.0</t>
  </si>
  <si>
    <t>49634.0</t>
  </si>
  <si>
    <t>42825431.0</t>
  </si>
  <si>
    <t>4161.808</t>
  </si>
  <si>
    <t>48792.0</t>
  </si>
  <si>
    <t>24340445.0</t>
  </si>
  <si>
    <t>9744426.0</t>
  </si>
  <si>
    <t>8844093.0</t>
  </si>
  <si>
    <t>6596875.0</t>
  </si>
  <si>
    <t>22400.4</t>
  </si>
  <si>
    <t>2180.96698259941</t>
  </si>
  <si>
    <t>24479280.0</t>
  </si>
  <si>
    <t>9746187.0</t>
  </si>
  <si>
    <t>8847076.0</t>
  </si>
  <si>
    <t>6651368.0</t>
  </si>
  <si>
    <t>2233.21189263953</t>
  </si>
  <si>
    <t>24589465.0</t>
  </si>
  <si>
    <t>9747996.0</t>
  </si>
  <si>
    <t>8850106.0</t>
  </si>
  <si>
    <t>6704827.0</t>
  </si>
  <si>
    <t>23656.4</t>
  </si>
  <si>
    <t>2303.25473327104</t>
  </si>
  <si>
    <t>24676252.0</t>
  </si>
  <si>
    <t>9750120.0</t>
  </si>
  <si>
    <t>8854257.0</t>
  </si>
  <si>
    <t>6759104.0</t>
  </si>
  <si>
    <t>23760.4</t>
  </si>
  <si>
    <t>2313.3804705878</t>
  </si>
  <si>
    <t>24739623.0</t>
  </si>
  <si>
    <t>9751919.0</t>
  </si>
  <si>
    <t>8857272.0</t>
  </si>
  <si>
    <t>6800453.0</t>
  </si>
  <si>
    <t>23970.6</t>
  </si>
  <si>
    <t>2333.84614351071</t>
  </si>
  <si>
    <t>24781471.0</t>
  </si>
  <si>
    <t>9753706.0</t>
  </si>
  <si>
    <t>8859836.0</t>
  </si>
  <si>
    <t>6828090.0</t>
  </si>
  <si>
    <t>2378.37991513269</t>
  </si>
  <si>
    <t>24812988.0</t>
  </si>
  <si>
    <t>9755084.0</t>
  </si>
  <si>
    <t>8862080.0</t>
  </si>
  <si>
    <t>6847754.0</t>
  </si>
  <si>
    <t>241.59</t>
  </si>
  <si>
    <t>25243.2</t>
  </si>
  <si>
    <t>2457.75011763867</t>
  </si>
  <si>
    <t>24840935.0</t>
  </si>
  <si>
    <t>9756533.0</t>
  </si>
  <si>
    <t>8864072.0</t>
  </si>
  <si>
    <t>6862407.0</t>
  </si>
  <si>
    <t>25682.2</t>
  </si>
  <si>
    <t>2500.49241265846</t>
  </si>
  <si>
    <t>24866163.0</t>
  </si>
  <si>
    <t>9757832.0</t>
  </si>
  <si>
    <t>8866017.0</t>
  </si>
  <si>
    <t>6874846.0</t>
  </si>
  <si>
    <t>26049.4</t>
  </si>
  <si>
    <t>2536.24405441532</t>
  </si>
  <si>
    <t>24882552.0</t>
  </si>
  <si>
    <t>9758847.0</t>
  </si>
  <si>
    <t>8867568.0</t>
  </si>
  <si>
    <t>6884894.0</t>
  </si>
  <si>
    <t>26257.8</t>
  </si>
  <si>
    <t>2556.53447419237</t>
  </si>
  <si>
    <t>24897007.0</t>
  </si>
  <si>
    <t>9759670.0</t>
  </si>
  <si>
    <t>8869005.0</t>
  </si>
  <si>
    <t>6893754.0</t>
  </si>
  <si>
    <t>242.4</t>
  </si>
  <si>
    <t>26336.2</t>
  </si>
  <si>
    <t>2564.16772232346</t>
  </si>
  <si>
    <t>24908798.0</t>
  </si>
  <si>
    <t>9760487.0</t>
  </si>
  <si>
    <t>8870275.0</t>
  </si>
  <si>
    <t>6901027.0</t>
  </si>
  <si>
    <t>2579.62894430329</t>
  </si>
  <si>
    <t>24921690.0</t>
  </si>
  <si>
    <t>9761604.0</t>
  </si>
  <si>
    <t>8871953.0</t>
  </si>
  <si>
    <t>6908442.0</t>
  </si>
  <si>
    <t>26546.2</t>
  </si>
  <si>
    <t>2584.61392267461</t>
  </si>
  <si>
    <t>24932520.0</t>
  </si>
  <si>
    <t>9762528.0</t>
  </si>
  <si>
    <t>8873574.0</t>
  </si>
  <si>
    <t>6914744.0</t>
  </si>
  <si>
    <t>26721.8</t>
  </si>
  <si>
    <t>2601.71084068253</t>
  </si>
  <si>
    <t>25001861.0</t>
  </si>
  <si>
    <t>9763437.0</t>
  </si>
  <si>
    <t>8874874.0</t>
  </si>
  <si>
    <t>6920686.0</t>
  </si>
  <si>
    <t>26836.8</t>
  </si>
  <si>
    <t>2612.90756944625</t>
  </si>
  <si>
    <t>25169989.0</t>
  </si>
  <si>
    <t>9764096.0</t>
  </si>
  <si>
    <t>8875828.0</t>
  </si>
  <si>
    <t>6926586.0</t>
  </si>
  <si>
    <t>245.06</t>
  </si>
  <si>
    <t>27051.2</t>
  </si>
  <si>
    <t>2633.78216637619</t>
  </si>
  <si>
    <t>29208.0</t>
  </si>
  <si>
    <t>25380496.0</t>
  </si>
  <si>
    <t>9764767.0</t>
  </si>
  <si>
    <t>8876718.0</t>
  </si>
  <si>
    <t>6933829.0</t>
  </si>
  <si>
    <t>30072.0</t>
  </si>
  <si>
    <t>27263.6</t>
  </si>
  <si>
    <t>2654.46203758849</t>
  </si>
  <si>
    <t>31790.0</t>
  </si>
  <si>
    <t>25612039.0</t>
  </si>
  <si>
    <t>9765340.0</t>
  </si>
  <si>
    <t>8877621.0</t>
  </si>
  <si>
    <t>6941544.0</t>
  </si>
  <si>
    <t>2651.96954840283</t>
  </si>
  <si>
    <t>32660.0</t>
  </si>
  <si>
    <t>25840168.0</t>
  </si>
  <si>
    <t>9765889.0</t>
  </si>
  <si>
    <t>8878422.0</t>
  </si>
  <si>
    <t>6948126.0</t>
  </si>
  <si>
    <t>251.59</t>
  </si>
  <si>
    <t>33777.0</t>
  </si>
  <si>
    <t>27380.2</t>
  </si>
  <si>
    <t>2665.81454692632</t>
  </si>
  <si>
    <t>34371.0</t>
  </si>
  <si>
    <t>36152.0</t>
  </si>
  <si>
    <t>26097387.0</t>
  </si>
  <si>
    <t>9766488.0</t>
  </si>
  <si>
    <t>8879209.0</t>
  </si>
  <si>
    <t>6955171.0</t>
  </si>
  <si>
    <t>254.09</t>
  </si>
  <si>
    <t>36797.0</t>
  </si>
  <si>
    <t>27568.6</t>
  </si>
  <si>
    <t>2684.15770952706</t>
  </si>
  <si>
    <t>36951.0</t>
  </si>
  <si>
    <t>37054.0</t>
  </si>
  <si>
    <t>26357124.0</t>
  </si>
  <si>
    <t>9767226.0</t>
  </si>
  <si>
    <t>8880074.0</t>
  </si>
  <si>
    <t>6962521.0</t>
  </si>
  <si>
    <t>256.62</t>
  </si>
  <si>
    <t>27649.4</t>
  </si>
  <si>
    <t>2692.02462851932</t>
  </si>
  <si>
    <t>33805.0</t>
  </si>
  <si>
    <t>26589906.0</t>
  </si>
  <si>
    <t>9768131.0</t>
  </si>
  <si>
    <t>8881209.0</t>
  </si>
  <si>
    <t>6969494.0</t>
  </si>
  <si>
    <t>33255.0</t>
  </si>
  <si>
    <t>258.89</t>
  </si>
  <si>
    <t>2703.66922643359</t>
  </si>
  <si>
    <t>29390.0</t>
  </si>
  <si>
    <t>26784811.0</t>
  </si>
  <si>
    <t>9768526.0</t>
  </si>
  <si>
    <t>8881664.0</t>
  </si>
  <si>
    <t>6977220.0</t>
  </si>
  <si>
    <t>260.78</t>
  </si>
  <si>
    <t>27931.6</t>
  </si>
  <si>
    <t>2719.50042727691</t>
  </si>
  <si>
    <t>28282.0</t>
  </si>
  <si>
    <t>28720.0</t>
  </si>
  <si>
    <t>26986875.0</t>
  </si>
  <si>
    <t>9769109.0</t>
  </si>
  <si>
    <t>8882299.0</t>
  </si>
  <si>
    <t>6986087.0</t>
  </si>
  <si>
    <t>262.75</t>
  </si>
  <si>
    <t>28199.0</t>
  </si>
  <si>
    <t>28142.4</t>
  </si>
  <si>
    <t>2740.02451791511</t>
  </si>
  <si>
    <t>27156256.0</t>
  </si>
  <si>
    <t>9769613.0</t>
  </si>
  <si>
    <t>8882815.0</t>
  </si>
  <si>
    <t>6993275.0</t>
  </si>
  <si>
    <t>28317.8</t>
  </si>
  <si>
    <t>2757.10196335126</t>
  </si>
  <si>
    <t>26842.0</t>
  </si>
  <si>
    <t>27358039.0</t>
  </si>
  <si>
    <t>9770130.0</t>
  </si>
  <si>
    <t>8883468.0</t>
  </si>
  <si>
    <t>7000973.0</t>
  </si>
  <si>
    <t>266.37</t>
  </si>
  <si>
    <t>29168.0</t>
  </si>
  <si>
    <t>29509.0</t>
  </si>
  <si>
    <t>28606.6</t>
  </si>
  <si>
    <t>2785.22035697703</t>
  </si>
  <si>
    <t>27576550.0</t>
  </si>
  <si>
    <t>9770544.0</t>
  </si>
  <si>
    <t>8883953.0</t>
  </si>
  <si>
    <t>7008792.0</t>
  </si>
  <si>
    <t>268.49</t>
  </si>
  <si>
    <t>29884.0</t>
  </si>
  <si>
    <t>28928.8</t>
  </si>
  <si>
    <t>2816.59067008722</t>
  </si>
  <si>
    <t>27887.0</t>
  </si>
  <si>
    <t>27762439.0</t>
  </si>
  <si>
    <t>9770966.0</t>
  </si>
  <si>
    <t>8884382.0</t>
  </si>
  <si>
    <t>7016620.0</t>
  </si>
  <si>
    <t>PRI</t>
  </si>
  <si>
    <t>Puerto Rico</t>
  </si>
  <si>
    <t>-211.2</t>
  </si>
  <si>
    <t>-64.9364225688504</t>
  </si>
  <si>
    <t>-169.6</t>
  </si>
  <si>
    <t>-52.1459150931678</t>
  </si>
  <si>
    <t>-144.2</t>
  </si>
  <si>
    <t>-44.3363263940731</t>
  </si>
  <si>
    <t>-100.6</t>
  </si>
  <si>
    <t>-30.9308906743672</t>
  </si>
  <si>
    <t>-7.19999999999996</t>
  </si>
  <si>
    <t>-2.21374167848353</t>
  </si>
  <si>
    <t>3.8740479373462</t>
  </si>
  <si>
    <t>17.0950051838451</t>
  </si>
  <si>
    <t>25.8884790733769</t>
  </si>
  <si>
    <t>26.5034073174001</t>
  </si>
  <si>
    <t>26.9953499126187</t>
  </si>
  <si>
    <t>32.7141825820345</t>
  </si>
  <si>
    <t>27.1798283858257</t>
  </si>
  <si>
    <t>22.5678665556516</t>
  </si>
  <si>
    <t>29.8240198351254</t>
  </si>
  <si>
    <t>29675.0</t>
  </si>
  <si>
    <t>32658.0</t>
  </si>
  <si>
    <t>43.167962730429</t>
  </si>
  <si>
    <t>43683.0</t>
  </si>
  <si>
    <t>14.081</t>
  </si>
  <si>
    <t>46979.0</t>
  </si>
  <si>
    <t>15.018</t>
  </si>
  <si>
    <t>50437.0</t>
  </si>
  <si>
    <t>39.9703358615083</t>
  </si>
  <si>
    <t>51840.0</t>
  </si>
  <si>
    <t>15.921</t>
  </si>
  <si>
    <t>53362.0</t>
  </si>
  <si>
    <t>16.389</t>
  </si>
  <si>
    <t>16.916</t>
  </si>
  <si>
    <t>55846.0</t>
  </si>
  <si>
    <t>17.398</t>
  </si>
  <si>
    <t>57457.0</t>
  </si>
  <si>
    <t>17.646</t>
  </si>
  <si>
    <t>58854.0</t>
  </si>
  <si>
    <t>18.075</t>
  </si>
  <si>
    <t>52.6993505127887</t>
  </si>
  <si>
    <t>60051.0</t>
  </si>
  <si>
    <t>18.443</t>
  </si>
  <si>
    <t>61714.0</t>
  </si>
  <si>
    <t>63783.0</t>
  </si>
  <si>
    <t>19.589</t>
  </si>
  <si>
    <t>64258.0</t>
  </si>
  <si>
    <t>19.735</t>
  </si>
  <si>
    <t>20.024</t>
  </si>
  <si>
    <t>20.819</t>
  </si>
  <si>
    <t>68873.0</t>
  </si>
  <si>
    <t>21.152</t>
  </si>
  <si>
    <t>49.6247092926726</t>
  </si>
  <si>
    <t>21.537</t>
  </si>
  <si>
    <t>21.944</t>
  </si>
  <si>
    <t>72416.0</t>
  </si>
  <si>
    <t>73527.0</t>
  </si>
  <si>
    <t>22.582</t>
  </si>
  <si>
    <t>75277.0</t>
  </si>
  <si>
    <t>23.119</t>
  </si>
  <si>
    <t>75708.0</t>
  </si>
  <si>
    <t>23.252</t>
  </si>
  <si>
    <t>45.5046900577172</t>
  </si>
  <si>
    <t>77484.0</t>
  </si>
  <si>
    <t>23.797</t>
  </si>
  <si>
    <t>78178.0</t>
  </si>
  <si>
    <t>24.234</t>
  </si>
  <si>
    <t>24.522</t>
  </si>
  <si>
    <t>24.724</t>
  </si>
  <si>
    <t>24.845</t>
  </si>
  <si>
    <t>57.1268338697557</t>
  </si>
  <si>
    <t>82220.0</t>
  </si>
  <si>
    <t>25.252</t>
  </si>
  <si>
    <t>25.612</t>
  </si>
  <si>
    <t>85582.0</t>
  </si>
  <si>
    <t>87679.0</t>
  </si>
  <si>
    <t>26.928</t>
  </si>
  <si>
    <t>88917.0</t>
  </si>
  <si>
    <t>27.308</t>
  </si>
  <si>
    <t>69.2409202770129</t>
  </si>
  <si>
    <t>27.849</t>
  </si>
  <si>
    <t>92271.0</t>
  </si>
  <si>
    <t>28.339</t>
  </si>
  <si>
    <t>93330.0</t>
  </si>
  <si>
    <t>28.664</t>
  </si>
  <si>
    <t>29.007</t>
  </si>
  <si>
    <t>95624.0</t>
  </si>
  <si>
    <t>97405.0</t>
  </si>
  <si>
    <t>29.915</t>
  </si>
  <si>
    <t>30.389</t>
  </si>
  <si>
    <t>89.410566680974</t>
  </si>
  <si>
    <t>100272.0</t>
  </si>
  <si>
    <t>30.796</t>
  </si>
  <si>
    <t>103757.0</t>
  </si>
  <si>
    <t>32.247</t>
  </si>
  <si>
    <t>106202.0</t>
  </si>
  <si>
    <t>106911.0</t>
  </si>
  <si>
    <t>32.835</t>
  </si>
  <si>
    <t>107728.0</t>
  </si>
  <si>
    <t>33.086</t>
  </si>
  <si>
    <t>120.156978882134</t>
  </si>
  <si>
    <t>110435.0</t>
  </si>
  <si>
    <t>33.917</t>
  </si>
  <si>
    <t>115271.0</t>
  </si>
  <si>
    <t>37.059</t>
  </si>
  <si>
    <t>40.674</t>
  </si>
  <si>
    <t>153.855046654606</t>
  </si>
  <si>
    <t>41.938</t>
  </si>
  <si>
    <t>137311.0</t>
  </si>
  <si>
    <t>137917.0</t>
  </si>
  <si>
    <t>42.357</t>
  </si>
  <si>
    <t>139466.0</t>
  </si>
  <si>
    <t>140564.0</t>
  </si>
  <si>
    <t>141580.0</t>
  </si>
  <si>
    <t>43.482</t>
  </si>
  <si>
    <t>142414.0</t>
  </si>
  <si>
    <t>189.397899159147</t>
  </si>
  <si>
    <t>143198.0</t>
  </si>
  <si>
    <t>43.979</t>
  </si>
  <si>
    <t>143728.0</t>
  </si>
  <si>
    <t>44.142</t>
  </si>
  <si>
    <t>144630.0</t>
  </si>
  <si>
    <t>44.419</t>
  </si>
  <si>
    <t>146036.0</t>
  </si>
  <si>
    <t>44.851</t>
  </si>
  <si>
    <t>147393.0</t>
  </si>
  <si>
    <t>148455.0</t>
  </si>
  <si>
    <t>45.829</t>
  </si>
  <si>
    <t>769.6</t>
  </si>
  <si>
    <t>236.624388300129</t>
  </si>
  <si>
    <t>46.606</t>
  </si>
  <si>
    <t>153617.0</t>
  </si>
  <si>
    <t>47.179</t>
  </si>
  <si>
    <t>157221.0</t>
  </si>
  <si>
    <t>48.286</t>
  </si>
  <si>
    <t>158664.0</t>
  </si>
  <si>
    <t>48.729</t>
  </si>
  <si>
    <t>160400.0</t>
  </si>
  <si>
    <t>49.262</t>
  </si>
  <si>
    <t>258.946283558172</t>
  </si>
  <si>
    <t>161444.0</t>
  </si>
  <si>
    <t>49.583</t>
  </si>
  <si>
    <t>162140.0</t>
  </si>
  <si>
    <t>49.797</t>
  </si>
  <si>
    <t>163379.0</t>
  </si>
  <si>
    <t>50.177</t>
  </si>
  <si>
    <t>165015.0</t>
  </si>
  <si>
    <t>166589.0</t>
  </si>
  <si>
    <t>51.163</t>
  </si>
  <si>
    <t>167812.0</t>
  </si>
  <si>
    <t>51.539</t>
  </si>
  <si>
    <t>169492.0</t>
  </si>
  <si>
    <t>52.055</t>
  </si>
  <si>
    <t>918.2</t>
  </si>
  <si>
    <t>282.313556831053</t>
  </si>
  <si>
    <t>170069.0</t>
  </si>
  <si>
    <t>52.232</t>
  </si>
  <si>
    <t>170993.0</t>
  </si>
  <si>
    <t>52.516</t>
  </si>
  <si>
    <t>171781.0</t>
  </si>
  <si>
    <t>52.758</t>
  </si>
  <si>
    <t>172511.0</t>
  </si>
  <si>
    <t>52.982</t>
  </si>
  <si>
    <t>173926.0</t>
  </si>
  <si>
    <t>53.417</t>
  </si>
  <si>
    <t>175608.0</t>
  </si>
  <si>
    <t>53.933</t>
  </si>
  <si>
    <t>177299.0</t>
  </si>
  <si>
    <t>54.453</t>
  </si>
  <si>
    <t>982.4</t>
  </si>
  <si>
    <t>302.052753464198</t>
  </si>
  <si>
    <t>178509.0</t>
  </si>
  <si>
    <t>54.824</t>
  </si>
  <si>
    <t>179247.0</t>
  </si>
  <si>
    <t>55.051</t>
  </si>
  <si>
    <t>180311.0</t>
  </si>
  <si>
    <t>55.378</t>
  </si>
  <si>
    <t>181907.0</t>
  </si>
  <si>
    <t>55.868</t>
  </si>
  <si>
    <t>183506.0</t>
  </si>
  <si>
    <t>56.359</t>
  </si>
  <si>
    <t>186626.0</t>
  </si>
  <si>
    <t>57.317</t>
  </si>
  <si>
    <t>1027.8</t>
  </si>
  <si>
    <t>316.011624603525</t>
  </si>
  <si>
    <t>57.894</t>
  </si>
  <si>
    <t>189314.0</t>
  </si>
  <si>
    <t>191620.0</t>
  </si>
  <si>
    <t>193756.0</t>
  </si>
  <si>
    <t>195871.0</t>
  </si>
  <si>
    <t>60.156</t>
  </si>
  <si>
    <t>198926.0</t>
  </si>
  <si>
    <t>1017.2</t>
  </si>
  <si>
    <t>312.752504910202</t>
  </si>
  <si>
    <t>61.495</t>
  </si>
  <si>
    <t>200909.0</t>
  </si>
  <si>
    <t>61.704</t>
  </si>
  <si>
    <t>202489.0</t>
  </si>
  <si>
    <t>62.189</t>
  </si>
  <si>
    <t>62.735</t>
  </si>
  <si>
    <t>206338.0</t>
  </si>
  <si>
    <t>63.371</t>
  </si>
  <si>
    <t>207678.0</t>
  </si>
  <si>
    <t>63.783</t>
  </si>
  <si>
    <t>209079.0</t>
  </si>
  <si>
    <t>64.213</t>
  </si>
  <si>
    <t>1017.8</t>
  </si>
  <si>
    <t>312.936983383409</t>
  </si>
  <si>
    <t>210280.0</t>
  </si>
  <si>
    <t>210929.0</t>
  </si>
  <si>
    <t>64.781</t>
  </si>
  <si>
    <t>212567.0</t>
  </si>
  <si>
    <t>65.284</t>
  </si>
  <si>
    <t>65.812</t>
  </si>
  <si>
    <t>216264.0</t>
  </si>
  <si>
    <t>66.816</t>
  </si>
  <si>
    <t>218724.0</t>
  </si>
  <si>
    <t>1102.4</t>
  </si>
  <si>
    <t>338.948448105591</t>
  </si>
  <si>
    <t>67.572</t>
  </si>
  <si>
    <t>67.849</t>
  </si>
  <si>
    <t>221767.0</t>
  </si>
  <si>
    <t>223238.0</t>
  </si>
  <si>
    <t>68.561</t>
  </si>
  <si>
    <t>225189.0</t>
  </si>
  <si>
    <t>226587.0</t>
  </si>
  <si>
    <t>228026.0</t>
  </si>
  <si>
    <t>70.032</t>
  </si>
  <si>
    <t>1139.2</t>
  </si>
  <si>
    <t>350.263127795618</t>
  </si>
  <si>
    <t>229258.0</t>
  </si>
  <si>
    <t>230138.0</t>
  </si>
  <si>
    <t>70.681</t>
  </si>
  <si>
    <t>233643.0</t>
  </si>
  <si>
    <t>71.757</t>
  </si>
  <si>
    <t>235697.0</t>
  </si>
  <si>
    <t>237513.0</t>
  </si>
  <si>
    <t>72.946</t>
  </si>
  <si>
    <t>239301.0</t>
  </si>
  <si>
    <t>73.495</t>
  </si>
  <si>
    <t>1174.2</t>
  </si>
  <si>
    <t>361.024372066024</t>
  </si>
  <si>
    <t>73.938</t>
  </si>
  <si>
    <t>241456.0</t>
  </si>
  <si>
    <t>74.157</t>
  </si>
  <si>
    <t>243373.0</t>
  </si>
  <si>
    <t>74.745</t>
  </si>
  <si>
    <t>245328.0</t>
  </si>
  <si>
    <t>75.346</t>
  </si>
  <si>
    <t>246754.0</t>
  </si>
  <si>
    <t>75.784</t>
  </si>
  <si>
    <t>248799.0</t>
  </si>
  <si>
    <t>76.412</t>
  </si>
  <si>
    <t>251126.0</t>
  </si>
  <si>
    <t>77.126</t>
  </si>
  <si>
    <t>1237.8</t>
  </si>
  <si>
    <t>380.579090225962</t>
  </si>
  <si>
    <t>252799.0</t>
  </si>
  <si>
    <t>254372.0</t>
  </si>
  <si>
    <t>78.123</t>
  </si>
  <si>
    <t>255652.0</t>
  </si>
  <si>
    <t>78.517</t>
  </si>
  <si>
    <t>259956.0</t>
  </si>
  <si>
    <t>79.838</t>
  </si>
  <si>
    <t>262200.0</t>
  </si>
  <si>
    <t>80.528</t>
  </si>
  <si>
    <t>1295.2</t>
  </si>
  <si>
    <t>398.227530829428</t>
  </si>
  <si>
    <t>263950.0</t>
  </si>
  <si>
    <t>81.065</t>
  </si>
  <si>
    <t>265002.0</t>
  </si>
  <si>
    <t>81.388</t>
  </si>
  <si>
    <t>267082.0</t>
  </si>
  <si>
    <t>82.027</t>
  </si>
  <si>
    <t>270281.0</t>
  </si>
  <si>
    <t>83.009</t>
  </si>
  <si>
    <t>271770.0</t>
  </si>
  <si>
    <t>83.467</t>
  </si>
  <si>
    <t>274395.0</t>
  </si>
  <si>
    <t>84.273</t>
  </si>
  <si>
    <t>276623.0</t>
  </si>
  <si>
    <t>1346.6</t>
  </si>
  <si>
    <t>414.031186700824</t>
  </si>
  <si>
    <t>278450.0</t>
  </si>
  <si>
    <t>85.518</t>
  </si>
  <si>
    <t>86.206</t>
  </si>
  <si>
    <t>86.818</t>
  </si>
  <si>
    <t>286139.0</t>
  </si>
  <si>
    <t>289260.0</t>
  </si>
  <si>
    <t>88.838</t>
  </si>
  <si>
    <t>290460.0</t>
  </si>
  <si>
    <t>89.207</t>
  </si>
  <si>
    <t>293046.0</t>
  </si>
  <si>
    <t>90.001</t>
  </si>
  <si>
    <t>1416.6</t>
  </si>
  <si>
    <t>435.553675241636</t>
  </si>
  <si>
    <t>295643.0</t>
  </si>
  <si>
    <t>91.216</t>
  </si>
  <si>
    <t>300150.0</t>
  </si>
  <si>
    <t>92.183</t>
  </si>
  <si>
    <t>302768.0</t>
  </si>
  <si>
    <t>92.987</t>
  </si>
  <si>
    <t>304630.0</t>
  </si>
  <si>
    <t>93.559</t>
  </si>
  <si>
    <t>306730.0</t>
  </si>
  <si>
    <t>308391.0</t>
  </si>
  <si>
    <t>94.714</t>
  </si>
  <si>
    <t>1499.2</t>
  </si>
  <si>
    <t>460.950211719794</t>
  </si>
  <si>
    <t>309788.0</t>
  </si>
  <si>
    <t>95.482</t>
  </si>
  <si>
    <t>312980.0</t>
  </si>
  <si>
    <t>96.123</t>
  </si>
  <si>
    <t>315231.0</t>
  </si>
  <si>
    <t>96.815</t>
  </si>
  <si>
    <t>317749.0</t>
  </si>
  <si>
    <t>97.588</t>
  </si>
  <si>
    <t>321328.0</t>
  </si>
  <si>
    <t>323333.0</t>
  </si>
  <si>
    <t>99.303</t>
  </si>
  <si>
    <t>1577.6</t>
  </si>
  <si>
    <t>485.055398885504</t>
  </si>
  <si>
    <t>326649.0</t>
  </si>
  <si>
    <t>100.321</t>
  </si>
  <si>
    <t>327745.0</t>
  </si>
  <si>
    <t>100.658</t>
  </si>
  <si>
    <t>329765.0</t>
  </si>
  <si>
    <t>101.278</t>
  </si>
  <si>
    <t>102.141</t>
  </si>
  <si>
    <t>336463.0</t>
  </si>
  <si>
    <t>103.335</t>
  </si>
  <si>
    <t>338998.0</t>
  </si>
  <si>
    <t>104.114</t>
  </si>
  <si>
    <t>104.487</t>
  </si>
  <si>
    <t>1650.8</t>
  </si>
  <si>
    <t>507.561772616753</t>
  </si>
  <si>
    <t>341436.0</t>
  </si>
  <si>
    <t>342859.0</t>
  </si>
  <si>
    <t>344424.0</t>
  </si>
  <si>
    <t>346394.0</t>
  </si>
  <si>
    <t>106.385</t>
  </si>
  <si>
    <t>348091.0</t>
  </si>
  <si>
    <t>106.907</t>
  </si>
  <si>
    <t>349971.0</t>
  </si>
  <si>
    <t>107.484</t>
  </si>
  <si>
    <t>350920.0</t>
  </si>
  <si>
    <t>107.775</t>
  </si>
  <si>
    <t>1739.2</t>
  </si>
  <si>
    <t>534.741601002579</t>
  </si>
  <si>
    <t>351864.0</t>
  </si>
  <si>
    <t>108.065</t>
  </si>
  <si>
    <t>353198.0</t>
  </si>
  <si>
    <t>108.475</t>
  </si>
  <si>
    <t>354638.0</t>
  </si>
  <si>
    <t>108.917</t>
  </si>
  <si>
    <t>355983.0</t>
  </si>
  <si>
    <t>357490.0</t>
  </si>
  <si>
    <t>109.793</t>
  </si>
  <si>
    <t>110.098</t>
  </si>
  <si>
    <t>358855.0</t>
  </si>
  <si>
    <t>110.213</t>
  </si>
  <si>
    <t>554.726768933333</t>
  </si>
  <si>
    <t>359566.0</t>
  </si>
  <si>
    <t>110.431</t>
  </si>
  <si>
    <t>360303.0</t>
  </si>
  <si>
    <t>362473.0</t>
  </si>
  <si>
    <t>111.324</t>
  </si>
  <si>
    <t>363762.0</t>
  </si>
  <si>
    <t>364462.0</t>
  </si>
  <si>
    <t>365287.0</t>
  </si>
  <si>
    <t>112.188</t>
  </si>
  <si>
    <t>365589.0</t>
  </si>
  <si>
    <t>112.281</t>
  </si>
  <si>
    <t>1869.2</t>
  </si>
  <si>
    <t>574.711936864087</t>
  </si>
  <si>
    <t>112.517</t>
  </si>
  <si>
    <t>112.839</t>
  </si>
  <si>
    <t>368222.0</t>
  </si>
  <si>
    <t>369609.0</t>
  </si>
  <si>
    <t>113.515</t>
  </si>
  <si>
    <t>370574.0</t>
  </si>
  <si>
    <t>113.812</t>
  </si>
  <si>
    <t>371792.0</t>
  </si>
  <si>
    <t>114.186</t>
  </si>
  <si>
    <t>372494.0</t>
  </si>
  <si>
    <t>1911.1</t>
  </si>
  <si>
    <t>587.594683576374</t>
  </si>
  <si>
    <t>373688.0</t>
  </si>
  <si>
    <t>114.768</t>
  </si>
  <si>
    <t>374973.0</t>
  </si>
  <si>
    <t>376475.0</t>
  </si>
  <si>
    <t>115.624</t>
  </si>
  <si>
    <t>378307.0</t>
  </si>
  <si>
    <t>116.187</t>
  </si>
  <si>
    <t>379619.0</t>
  </si>
  <si>
    <t>380817.0</t>
  </si>
  <si>
    <t>116.958</t>
  </si>
  <si>
    <t>381335.0</t>
  </si>
  <si>
    <t>117.117</t>
  </si>
  <si>
    <t>1924.6</t>
  </si>
  <si>
    <t>591.74544922353</t>
  </si>
  <si>
    <t>381892.0</t>
  </si>
  <si>
    <t>117.288</t>
  </si>
  <si>
    <t>383061.0</t>
  </si>
  <si>
    <t>117.954</t>
  </si>
  <si>
    <t>385903.0</t>
  </si>
  <si>
    <t>118.52</t>
  </si>
  <si>
    <t>386947.0</t>
  </si>
  <si>
    <t>387847.0</t>
  </si>
  <si>
    <t>119.117</t>
  </si>
  <si>
    <t>388407.0</t>
  </si>
  <si>
    <t>119.289</t>
  </si>
  <si>
    <t>1925.3</t>
  </si>
  <si>
    <t>591.960674108938</t>
  </si>
  <si>
    <t>119.519</t>
  </si>
  <si>
    <t>390059.0</t>
  </si>
  <si>
    <t>119.796</t>
  </si>
  <si>
    <t>391372.0</t>
  </si>
  <si>
    <t>120.199</t>
  </si>
  <si>
    <t>392471.0</t>
  </si>
  <si>
    <t>120.537</t>
  </si>
  <si>
    <t>120.853</t>
  </si>
  <si>
    <t>394131.0</t>
  </si>
  <si>
    <t>121.047</t>
  </si>
  <si>
    <t>394559.0</t>
  </si>
  <si>
    <t>121.178</t>
  </si>
  <si>
    <t>604.228492577201</t>
  </si>
  <si>
    <t>395167.0</t>
  </si>
  <si>
    <t>121.365</t>
  </si>
  <si>
    <t>396016.0</t>
  </si>
  <si>
    <t>121.625</t>
  </si>
  <si>
    <t>397140.0</t>
  </si>
  <si>
    <t>121.971</t>
  </si>
  <si>
    <t>398349.0</t>
  </si>
  <si>
    <t>122.342</t>
  </si>
  <si>
    <t>398943.0</t>
  </si>
  <si>
    <t>122.524</t>
  </si>
  <si>
    <t>399465.0</t>
  </si>
  <si>
    <t>122.685</t>
  </si>
  <si>
    <t>399646.0</t>
  </si>
  <si>
    <t>598.786377617596</t>
  </si>
  <si>
    <t>399906.0</t>
  </si>
  <si>
    <t>400325.0</t>
  </si>
  <si>
    <t>122.949</t>
  </si>
  <si>
    <t>400822.0</t>
  </si>
  <si>
    <t>123.102</t>
  </si>
  <si>
    <t>401325.0</t>
  </si>
  <si>
    <t>123.256</t>
  </si>
  <si>
    <t>401573.0</t>
  </si>
  <si>
    <t>123.332</t>
  </si>
  <si>
    <t>123.507</t>
  </si>
  <si>
    <t>402278.0</t>
  </si>
  <si>
    <t>123.549</t>
  </si>
  <si>
    <t>1958.2</t>
  </si>
  <si>
    <t>602.07624372312</t>
  </si>
  <si>
    <t>402622.0</t>
  </si>
  <si>
    <t>123.654</t>
  </si>
  <si>
    <t>402992.0</t>
  </si>
  <si>
    <t>123.768</t>
  </si>
  <si>
    <t>409854.0</t>
  </si>
  <si>
    <t>125.875</t>
  </si>
  <si>
    <t>128.713</t>
  </si>
  <si>
    <t>425640.0</t>
  </si>
  <si>
    <t>130.724</t>
  </si>
  <si>
    <t>429244.0</t>
  </si>
  <si>
    <t>131.831</t>
  </si>
  <si>
    <t>430203.0</t>
  </si>
  <si>
    <t>132.125</t>
  </si>
  <si>
    <t>1993.7</t>
  </si>
  <si>
    <t>612.991220054532</t>
  </si>
  <si>
    <t>435316.0</t>
  </si>
  <si>
    <t>133.695</t>
  </si>
  <si>
    <t>442322.0</t>
  </si>
  <si>
    <t>135.847</t>
  </si>
  <si>
    <t>446587.0</t>
  </si>
  <si>
    <t>137.157</t>
  </si>
  <si>
    <t>451104.0</t>
  </si>
  <si>
    <t>138.544</t>
  </si>
  <si>
    <t>456561.0</t>
  </si>
  <si>
    <t>140.22</t>
  </si>
  <si>
    <t>460715.0</t>
  </si>
  <si>
    <t>141.496</t>
  </si>
  <si>
    <t>460891.0</t>
  </si>
  <si>
    <t>620.278119746207</t>
  </si>
  <si>
    <t>468333.0</t>
  </si>
  <si>
    <t>143.836</t>
  </si>
  <si>
    <t>474481.0</t>
  </si>
  <si>
    <t>145.724</t>
  </si>
  <si>
    <t>479712.0</t>
  </si>
  <si>
    <t>486005.0</t>
  </si>
  <si>
    <t>149.263</t>
  </si>
  <si>
    <t>490230.0</t>
  </si>
  <si>
    <t>150.561</t>
  </si>
  <si>
    <t>150.766</t>
  </si>
  <si>
    <t>2044.1</t>
  </si>
  <si>
    <t>628.487411803917</t>
  </si>
  <si>
    <t>494541.0</t>
  </si>
  <si>
    <t>151.885</t>
  </si>
  <si>
    <t>153.541</t>
  </si>
  <si>
    <t>506035.0</t>
  </si>
  <si>
    <t>155.415</t>
  </si>
  <si>
    <t>510940.0</t>
  </si>
  <si>
    <t>156.921</t>
  </si>
  <si>
    <t>516297.0</t>
  </si>
  <si>
    <t>158.567</t>
  </si>
  <si>
    <t>519490.0</t>
  </si>
  <si>
    <t>159.547</t>
  </si>
  <si>
    <t>519777.0</t>
  </si>
  <si>
    <t>159.635</t>
  </si>
  <si>
    <t>2068.6</t>
  </si>
  <si>
    <t>636.020282793201</t>
  </si>
  <si>
    <t>521464.0</t>
  </si>
  <si>
    <t>160.153</t>
  </si>
  <si>
    <t>522587.0</t>
  </si>
  <si>
    <t>160.498</t>
  </si>
  <si>
    <t>525374.0</t>
  </si>
  <si>
    <t>161.354</t>
  </si>
  <si>
    <t>530855.0</t>
  </si>
  <si>
    <t>163.038</t>
  </si>
  <si>
    <t>534790.0</t>
  </si>
  <si>
    <t>164.246</t>
  </si>
  <si>
    <t>538189.0</t>
  </si>
  <si>
    <t>539132.0</t>
  </si>
  <si>
    <t>2116.9</t>
  </si>
  <si>
    <t>650.870799886361</t>
  </si>
  <si>
    <t>542239.0</t>
  </si>
  <si>
    <t>166.534</t>
  </si>
  <si>
    <t>547829.0</t>
  </si>
  <si>
    <t>168.251</t>
  </si>
  <si>
    <t>554776.0</t>
  </si>
  <si>
    <t>170.384</t>
  </si>
  <si>
    <t>562465.0</t>
  </si>
  <si>
    <t>172.746</t>
  </si>
  <si>
    <t>568990.0</t>
  </si>
  <si>
    <t>573809.0</t>
  </si>
  <si>
    <t>574566.0</t>
  </si>
  <si>
    <t>2171.4</t>
  </si>
  <si>
    <t>667.627594535994</t>
  </si>
  <si>
    <t>579348.0</t>
  </si>
  <si>
    <t>177.931</t>
  </si>
  <si>
    <t>586075.0</t>
  </si>
  <si>
    <t>179.997</t>
  </si>
  <si>
    <t>592439.0</t>
  </si>
  <si>
    <t>181.951</t>
  </si>
  <si>
    <t>598646.0</t>
  </si>
  <si>
    <t>183.858</t>
  </si>
  <si>
    <t>600375.0</t>
  </si>
  <si>
    <t>184.389</t>
  </si>
  <si>
    <t>602112.0</t>
  </si>
  <si>
    <t>184.922</t>
  </si>
  <si>
    <t>602378.0</t>
  </si>
  <si>
    <t>2217.7</t>
  </si>
  <si>
    <t>681.863183385131</t>
  </si>
  <si>
    <t>607417.0</t>
  </si>
  <si>
    <t>186.552</t>
  </si>
  <si>
    <t>617026.0</t>
  </si>
  <si>
    <t>189.503</t>
  </si>
  <si>
    <t>624940.0</t>
  </si>
  <si>
    <t>191.933</t>
  </si>
  <si>
    <t>633831.0</t>
  </si>
  <si>
    <t>194.664</t>
  </si>
  <si>
    <t>643361.0</t>
  </si>
  <si>
    <t>197.591</t>
  </si>
  <si>
    <t>650729.0</t>
  </si>
  <si>
    <t>199.854</t>
  </si>
  <si>
    <t>653243.0</t>
  </si>
  <si>
    <t>200.626</t>
  </si>
  <si>
    <t>2248.4</t>
  </si>
  <si>
    <t>691.302331930887</t>
  </si>
  <si>
    <t>659302.0</t>
  </si>
  <si>
    <t>202.487</t>
  </si>
  <si>
    <t>669907.0</t>
  </si>
  <si>
    <t>209.171</t>
  </si>
  <si>
    <t>690983.0</t>
  </si>
  <si>
    <t>212.217</t>
  </si>
  <si>
    <t>215.724</t>
  </si>
  <si>
    <t>708773.0</t>
  </si>
  <si>
    <t>711908.0</t>
  </si>
  <si>
    <t>218.643</t>
  </si>
  <si>
    <t>2341.3</t>
  </si>
  <si>
    <t>719.865748865765</t>
  </si>
  <si>
    <t>717209.0</t>
  </si>
  <si>
    <t>220.271</t>
  </si>
  <si>
    <t>725884.0</t>
  </si>
  <si>
    <t>222.935</t>
  </si>
  <si>
    <t>227.588</t>
  </si>
  <si>
    <t>748322.0</t>
  </si>
  <si>
    <t>229.827</t>
  </si>
  <si>
    <t>759422.0</t>
  </si>
  <si>
    <t>233.236</t>
  </si>
  <si>
    <t>770253.0</t>
  </si>
  <si>
    <t>236.562</t>
  </si>
  <si>
    <t>237.217</t>
  </si>
  <si>
    <t>2496.8</t>
  </si>
  <si>
    <t>767.676419838569</t>
  </si>
  <si>
    <t>779067.0</t>
  </si>
  <si>
    <t>239.269</t>
  </si>
  <si>
    <t>788481.0</t>
  </si>
  <si>
    <t>798567.0</t>
  </si>
  <si>
    <t>245.258</t>
  </si>
  <si>
    <t>809822.0</t>
  </si>
  <si>
    <t>248.715</t>
  </si>
  <si>
    <t>821775.0</t>
  </si>
  <si>
    <t>252.386</t>
  </si>
  <si>
    <t>827020.0</t>
  </si>
  <si>
    <t>253.997</t>
  </si>
  <si>
    <t>828029.0</t>
  </si>
  <si>
    <t>254.306</t>
  </si>
  <si>
    <t>2571.7</t>
  </si>
  <si>
    <t>790.705482577238</t>
  </si>
  <si>
    <t>833907.0</t>
  </si>
  <si>
    <t>256.112</t>
  </si>
  <si>
    <t>844595.0</t>
  </si>
  <si>
    <t>259.394</t>
  </si>
  <si>
    <t>858835.0</t>
  </si>
  <si>
    <t>263.768</t>
  </si>
  <si>
    <t>866477.0</t>
  </si>
  <si>
    <t>266.115</t>
  </si>
  <si>
    <t>874076.0</t>
  </si>
  <si>
    <t>268.449</t>
  </si>
  <si>
    <t>876738.0</t>
  </si>
  <si>
    <t>269.266</t>
  </si>
  <si>
    <t>878001.0</t>
  </si>
  <si>
    <t>269.654</t>
  </si>
  <si>
    <t>827.139981035613</t>
  </si>
  <si>
    <t>883608.0</t>
  </si>
  <si>
    <t>271.376</t>
  </si>
  <si>
    <t>892209.0</t>
  </si>
  <si>
    <t>274.018</t>
  </si>
  <si>
    <t>900796.0</t>
  </si>
  <si>
    <t>276.655</t>
  </si>
  <si>
    <t>908788.0</t>
  </si>
  <si>
    <t>279.109</t>
  </si>
  <si>
    <t>917076.0</t>
  </si>
  <si>
    <t>281.655</t>
  </si>
  <si>
    <t>922126.0</t>
  </si>
  <si>
    <t>283.206</t>
  </si>
  <si>
    <t>923664.0</t>
  </si>
  <si>
    <t>283.678</t>
  </si>
  <si>
    <t>2805.7</t>
  </si>
  <si>
    <t>862.652087127953</t>
  </si>
  <si>
    <t>929146.0</t>
  </si>
  <si>
    <t>285.362</t>
  </si>
  <si>
    <t>939804.0</t>
  </si>
  <si>
    <t>288.635</t>
  </si>
  <si>
    <t>948899.0</t>
  </si>
  <si>
    <t>291.428</t>
  </si>
  <si>
    <t>958465.0</t>
  </si>
  <si>
    <t>294.366</t>
  </si>
  <si>
    <t>967998.0</t>
  </si>
  <si>
    <t>297.294</t>
  </si>
  <si>
    <t>972293.0</t>
  </si>
  <si>
    <t>298.613</t>
  </si>
  <si>
    <t>299.115</t>
  </si>
  <si>
    <t>2880.6</t>
  </si>
  <si>
    <t>885.681149866622</t>
  </si>
  <si>
    <t>979506.0</t>
  </si>
  <si>
    <t>300.828</t>
  </si>
  <si>
    <t>989301.0</t>
  </si>
  <si>
    <t>303.837</t>
  </si>
  <si>
    <t>997712.0</t>
  </si>
  <si>
    <t>306.42</t>
  </si>
  <si>
    <t>1004171.0</t>
  </si>
  <si>
    <t>308.404</t>
  </si>
  <si>
    <t>1009805.0</t>
  </si>
  <si>
    <t>310.134</t>
  </si>
  <si>
    <t>1012591.0</t>
  </si>
  <si>
    <t>310.99</t>
  </si>
  <si>
    <t>1013423.0</t>
  </si>
  <si>
    <t>311.245</t>
  </si>
  <si>
    <t>2932.5</t>
  </si>
  <si>
    <t>901.638537799024</t>
  </si>
  <si>
    <t>1016095.0</t>
  </si>
  <si>
    <t>312.066</t>
  </si>
  <si>
    <t>1021287.0</t>
  </si>
  <si>
    <t>1029121.0</t>
  </si>
  <si>
    <t>1035227.0</t>
  </si>
  <si>
    <t>317.942</t>
  </si>
  <si>
    <t>1041147.0</t>
  </si>
  <si>
    <t>319.76</t>
  </si>
  <si>
    <t>1044434.0</t>
  </si>
  <si>
    <t>320.769</t>
  </si>
  <si>
    <t>1044791.0</t>
  </si>
  <si>
    <t>320.879</t>
  </si>
  <si>
    <t>924.8520790109</t>
  </si>
  <si>
    <t>1048914.0</t>
  </si>
  <si>
    <t>322.145</t>
  </si>
  <si>
    <t>1053665.0</t>
  </si>
  <si>
    <t>323.604</t>
  </si>
  <si>
    <t>1058013.0</t>
  </si>
  <si>
    <t>324.94</t>
  </si>
  <si>
    <t>1062863.0</t>
  </si>
  <si>
    <t>326.429</t>
  </si>
  <si>
    <t>1068092.0</t>
  </si>
  <si>
    <t>328.035</t>
  </si>
  <si>
    <t>1070398.0</t>
  </si>
  <si>
    <t>328.743</t>
  </si>
  <si>
    <t>1071081.0</t>
  </si>
  <si>
    <t>328.953</t>
  </si>
  <si>
    <t>3039.3</t>
  </si>
  <si>
    <t>934.475706029864</t>
  </si>
  <si>
    <t>1074717.0</t>
  </si>
  <si>
    <t>330.07</t>
  </si>
  <si>
    <t>1079479.0</t>
  </si>
  <si>
    <t>331.532</t>
  </si>
  <si>
    <t>1084027.0</t>
  </si>
  <si>
    <t>332.929</t>
  </si>
  <si>
    <t>1088392.0</t>
  </si>
  <si>
    <t>334.27</t>
  </si>
  <si>
    <t>1092577.0</t>
  </si>
  <si>
    <t>335.555</t>
  </si>
  <si>
    <t>1094935.0</t>
  </si>
  <si>
    <t>336.279</t>
  </si>
  <si>
    <t>1095546.0</t>
  </si>
  <si>
    <t>336.467</t>
  </si>
  <si>
    <t>3070.8</t>
  </si>
  <si>
    <t>944.160825873229</t>
  </si>
  <si>
    <t>1098723.0</t>
  </si>
  <si>
    <t>337.443</t>
  </si>
  <si>
    <t>1103128.0</t>
  </si>
  <si>
    <t>338.796</t>
  </si>
  <si>
    <t>1106998.0</t>
  </si>
  <si>
    <t>339.984</t>
  </si>
  <si>
    <t>341.654</t>
  </si>
  <si>
    <t>1116346.0</t>
  </si>
  <si>
    <t>1118612.0</t>
  </si>
  <si>
    <t>343.551</t>
  </si>
  <si>
    <t>1118906.0</t>
  </si>
  <si>
    <t>343.641</t>
  </si>
  <si>
    <t>3143.1</t>
  </si>
  <si>
    <t>966.390481894668</t>
  </si>
  <si>
    <t>1122109.0</t>
  </si>
  <si>
    <t>344.625</t>
  </si>
  <si>
    <t>1126929.0</t>
  </si>
  <si>
    <t>346.105</t>
  </si>
  <si>
    <t>1131552.0</t>
  </si>
  <si>
    <t>1135249.0</t>
  </si>
  <si>
    <t>348.661</t>
  </si>
  <si>
    <t>1139600.0</t>
  </si>
  <si>
    <t>349.997</t>
  </si>
  <si>
    <t>1141778.0</t>
  </si>
  <si>
    <t>350.666</t>
  </si>
  <si>
    <t>1142010.0</t>
  </si>
  <si>
    <t>350.737</t>
  </si>
  <si>
    <t>991.87925760943</t>
  </si>
  <si>
    <t>1143116.0</t>
  </si>
  <si>
    <t>351.077</t>
  </si>
  <si>
    <t>1146408.0</t>
  </si>
  <si>
    <t>1151562.0</t>
  </si>
  <si>
    <t>353.671</t>
  </si>
  <si>
    <t>1157141.0</t>
  </si>
  <si>
    <t>355.384</t>
  </si>
  <si>
    <t>1160994.0</t>
  </si>
  <si>
    <t>356.568</t>
  </si>
  <si>
    <t>1163131.0</t>
  </si>
  <si>
    <t>357.224</t>
  </si>
  <si>
    <t>1163554.0</t>
  </si>
  <si>
    <t>357.354</t>
  </si>
  <si>
    <t>3258.5</t>
  </si>
  <si>
    <t>1001.87184157481</t>
  </si>
  <si>
    <t>1167209.0</t>
  </si>
  <si>
    <t>358.476</t>
  </si>
  <si>
    <t>1171772.0</t>
  </si>
  <si>
    <t>359.878</t>
  </si>
  <si>
    <t>1177476.0</t>
  </si>
  <si>
    <t>361.63</t>
  </si>
  <si>
    <t>1181411.0</t>
  </si>
  <si>
    <t>362.838</t>
  </si>
  <si>
    <t>1186606.0</t>
  </si>
  <si>
    <t>364.434</t>
  </si>
  <si>
    <t>1189214.0</t>
  </si>
  <si>
    <t>365.235</t>
  </si>
  <si>
    <t>1189568.0</t>
  </si>
  <si>
    <t>365.343</t>
  </si>
  <si>
    <t>3286.2</t>
  </si>
  <si>
    <t>1010.38859775453</t>
  </si>
  <si>
    <t>1192970.0</t>
  </si>
  <si>
    <t>366.388</t>
  </si>
  <si>
    <t>1197761.0</t>
  </si>
  <si>
    <t>367.86</t>
  </si>
  <si>
    <t>1202732.0</t>
  </si>
  <si>
    <t>369.386</t>
  </si>
  <si>
    <t>1207667.0</t>
  </si>
  <si>
    <t>370.902</t>
  </si>
  <si>
    <t>1212957.0</t>
  </si>
  <si>
    <t>372.527</t>
  </si>
  <si>
    <t>1215925.0</t>
  </si>
  <si>
    <t>373.438</t>
  </si>
  <si>
    <t>1216485.0</t>
  </si>
  <si>
    <t>373.61</t>
  </si>
  <si>
    <t>3318.5</t>
  </si>
  <si>
    <t>1020.3196888955</t>
  </si>
  <si>
    <t>1218288.0</t>
  </si>
  <si>
    <t>374.164</t>
  </si>
  <si>
    <t>1223231.0</t>
  </si>
  <si>
    <t>375.682</t>
  </si>
  <si>
    <t>1230465.0</t>
  </si>
  <si>
    <t>377.904</t>
  </si>
  <si>
    <t>1236853.0</t>
  </si>
  <si>
    <t>1243807.0</t>
  </si>
  <si>
    <t>382.001</t>
  </si>
  <si>
    <t>1248225.0</t>
  </si>
  <si>
    <t>383.358</t>
  </si>
  <si>
    <t>1249111.0</t>
  </si>
  <si>
    <t>383.63</t>
  </si>
  <si>
    <t>1034.61677056904</t>
  </si>
  <si>
    <t>1254084.0</t>
  </si>
  <si>
    <t>385.158</t>
  </si>
  <si>
    <t>1261559.0</t>
  </si>
  <si>
    <t>387.453</t>
  </si>
  <si>
    <t>1268755.0</t>
  </si>
  <si>
    <t>389.663</t>
  </si>
  <si>
    <t>1275948.0</t>
  </si>
  <si>
    <t>391.873</t>
  </si>
  <si>
    <t>1284057.0</t>
  </si>
  <si>
    <t>394.363</t>
  </si>
  <si>
    <t>1289201.0</t>
  </si>
  <si>
    <t>395.943</t>
  </si>
  <si>
    <t>1290281.0</t>
  </si>
  <si>
    <t>396.275</t>
  </si>
  <si>
    <t>3462.9</t>
  </si>
  <si>
    <t>1064.71750811398</t>
  </si>
  <si>
    <t>1297145.0</t>
  </si>
  <si>
    <t>398.383</t>
  </si>
  <si>
    <t>1307751.0</t>
  </si>
  <si>
    <t>401.64</t>
  </si>
  <si>
    <t>1316710.0</t>
  </si>
  <si>
    <t>404.391</t>
  </si>
  <si>
    <t>1326107.0</t>
  </si>
  <si>
    <t>407.278</t>
  </si>
  <si>
    <t>1336763.0</t>
  </si>
  <si>
    <t>410.55</t>
  </si>
  <si>
    <t>1344119.0</t>
  </si>
  <si>
    <t>412.809</t>
  </si>
  <si>
    <t>1346532.0</t>
  </si>
  <si>
    <t>413.55</t>
  </si>
  <si>
    <t>1108.22368137862</t>
  </si>
  <si>
    <t>1352977.0</t>
  </si>
  <si>
    <t>415.53</t>
  </si>
  <si>
    <t>1362425.0</t>
  </si>
  <si>
    <t>418.432</t>
  </si>
  <si>
    <t>1371512.0</t>
  </si>
  <si>
    <t>421.222</t>
  </si>
  <si>
    <t>1379769.0</t>
  </si>
  <si>
    <t>423.758</t>
  </si>
  <si>
    <t>1389169.0</t>
  </si>
  <si>
    <t>426.645</t>
  </si>
  <si>
    <t>1396119.0</t>
  </si>
  <si>
    <t>428.78</t>
  </si>
  <si>
    <t>1397808.0</t>
  </si>
  <si>
    <t>429.299</t>
  </si>
  <si>
    <t>3735.9</t>
  </si>
  <si>
    <t>1148.65521342315</t>
  </si>
  <si>
    <t>1404488.0</t>
  </si>
  <si>
    <t>431.35</t>
  </si>
  <si>
    <t>1414466.0</t>
  </si>
  <si>
    <t>434.415</t>
  </si>
  <si>
    <t>1422888.0</t>
  </si>
  <si>
    <t>437.001</t>
  </si>
  <si>
    <t>1431234.0</t>
  </si>
  <si>
    <t>439.564</t>
  </si>
  <si>
    <t>1439322.0</t>
  </si>
  <si>
    <t>442.048</t>
  </si>
  <si>
    <t>1447236.0</t>
  </si>
  <si>
    <t>444.479</t>
  </si>
  <si>
    <t>1450694.0</t>
  </si>
  <si>
    <t>445.541</t>
  </si>
  <si>
    <t>3883.4</t>
  </si>
  <si>
    <t>1194.00617141986</t>
  </si>
  <si>
    <t>1457583.0</t>
  </si>
  <si>
    <t>447.657</t>
  </si>
  <si>
    <t>1467389.0</t>
  </si>
  <si>
    <t>450.668</t>
  </si>
  <si>
    <t>1477382.0</t>
  </si>
  <si>
    <t>453.737</t>
  </si>
  <si>
    <t>1486442.0</t>
  </si>
  <si>
    <t>456.52</t>
  </si>
  <si>
    <t>1495322.0</t>
  </si>
  <si>
    <t>459.247</t>
  </si>
  <si>
    <t>1502218.0</t>
  </si>
  <si>
    <t>461.365</t>
  </si>
  <si>
    <t>1504245.0</t>
  </si>
  <si>
    <t>461.988</t>
  </si>
  <si>
    <t>4037.9</t>
  </si>
  <si>
    <t>1241.50937827065</t>
  </si>
  <si>
    <t>1506843.0</t>
  </si>
  <si>
    <t>462.786</t>
  </si>
  <si>
    <t>1513553.0</t>
  </si>
  <si>
    <t>464.846</t>
  </si>
  <si>
    <t>1524586.0</t>
  </si>
  <si>
    <t>468.235</t>
  </si>
  <si>
    <t>1535023.0</t>
  </si>
  <si>
    <t>471.44</t>
  </si>
  <si>
    <t>1544984.0</t>
  </si>
  <si>
    <t>1552208.0</t>
  </si>
  <si>
    <t>476.718</t>
  </si>
  <si>
    <t>1553848.0</t>
  </si>
  <si>
    <t>477.222</t>
  </si>
  <si>
    <t>4190.8</t>
  </si>
  <si>
    <t>1288.52064252622</t>
  </si>
  <si>
    <t>1559854.0</t>
  </si>
  <si>
    <t>479.067</t>
  </si>
  <si>
    <t>1568528.0</t>
  </si>
  <si>
    <t>481.731</t>
  </si>
  <si>
    <t>1576357.0</t>
  </si>
  <si>
    <t>484.135</t>
  </si>
  <si>
    <t>1584925.0</t>
  </si>
  <si>
    <t>486.766</t>
  </si>
  <si>
    <t>1592639.0</t>
  </si>
  <si>
    <t>489.136</t>
  </si>
  <si>
    <t>1597727.0</t>
  </si>
  <si>
    <t>490.698</t>
  </si>
  <si>
    <t>1599661.0</t>
  </si>
  <si>
    <t>491.292</t>
  </si>
  <si>
    <t>4296.9</t>
  </si>
  <si>
    <t>1321.14258587166</t>
  </si>
  <si>
    <t>1605045.0</t>
  </si>
  <si>
    <t>492.946</t>
  </si>
  <si>
    <t>1612799.0</t>
  </si>
  <si>
    <t>495.327</t>
  </si>
  <si>
    <t>1619454.0</t>
  </si>
  <si>
    <t>497.371</t>
  </si>
  <si>
    <t>1626542.0</t>
  </si>
  <si>
    <t>499.548</t>
  </si>
  <si>
    <t>1634139.0</t>
  </si>
  <si>
    <t>501.881</t>
  </si>
  <si>
    <t>503.408</t>
  </si>
  <si>
    <t>503.836</t>
  </si>
  <si>
    <t>4408.2</t>
  </si>
  <si>
    <t>1355.36334265155</t>
  </si>
  <si>
    <t>1645809.0</t>
  </si>
  <si>
    <t>505.465</t>
  </si>
  <si>
    <t>1652303.0</t>
  </si>
  <si>
    <t>507.46</t>
  </si>
  <si>
    <t>1658582.0</t>
  </si>
  <si>
    <t>509.388</t>
  </si>
  <si>
    <t>1664978.0</t>
  </si>
  <si>
    <t>511.352</t>
  </si>
  <si>
    <t>1671357.0</t>
  </si>
  <si>
    <t>513.312</t>
  </si>
  <si>
    <t>1675945.0</t>
  </si>
  <si>
    <t>514.721</t>
  </si>
  <si>
    <t>1677176.0</t>
  </si>
  <si>
    <t>515.099</t>
  </si>
  <si>
    <t>4380.5</t>
  </si>
  <si>
    <t>1346.84658647183</t>
  </si>
  <si>
    <t>1681396.0</t>
  </si>
  <si>
    <t>516.395</t>
  </si>
  <si>
    <t>1687775.0</t>
  </si>
  <si>
    <t>518.354</t>
  </si>
  <si>
    <t>1694113.0</t>
  </si>
  <si>
    <t>1699659.0</t>
  </si>
  <si>
    <t>522.004</t>
  </si>
  <si>
    <t>1705868.0</t>
  </si>
  <si>
    <t>523.911</t>
  </si>
  <si>
    <t>1710020.0</t>
  </si>
  <si>
    <t>525.186</t>
  </si>
  <si>
    <t>1711124.0</t>
  </si>
  <si>
    <t>525.525</t>
  </si>
  <si>
    <t>1342.69582082467</t>
  </si>
  <si>
    <t>1714013.0</t>
  </si>
  <si>
    <t>526.412</t>
  </si>
  <si>
    <t>1718443.0</t>
  </si>
  <si>
    <t>527.773</t>
  </si>
  <si>
    <t>1724766.0</t>
  </si>
  <si>
    <t>529.715</t>
  </si>
  <si>
    <t>1730476.0</t>
  </si>
  <si>
    <t>531.468</t>
  </si>
  <si>
    <t>1736401.0</t>
  </si>
  <si>
    <t>533.288</t>
  </si>
  <si>
    <t>1740529.0</t>
  </si>
  <si>
    <t>534.556</t>
  </si>
  <si>
    <t>1741409.0</t>
  </si>
  <si>
    <t>534.826</t>
  </si>
  <si>
    <t>1364.98696967051</t>
  </si>
  <si>
    <t>1745633.0</t>
  </si>
  <si>
    <t>536.123</t>
  </si>
  <si>
    <t>1751441.0</t>
  </si>
  <si>
    <t>537.907</t>
  </si>
  <si>
    <t>1756716.0</t>
  </si>
  <si>
    <t>1762269.0</t>
  </si>
  <si>
    <t>541.233</t>
  </si>
  <si>
    <t>1767635.0</t>
  </si>
  <si>
    <t>542.881</t>
  </si>
  <si>
    <t>1771821.0</t>
  </si>
  <si>
    <t>544.166</t>
  </si>
  <si>
    <t>1772839.0</t>
  </si>
  <si>
    <t>544.479</t>
  </si>
  <si>
    <t>4447.2</t>
  </si>
  <si>
    <t>1367.35444341</t>
  </si>
  <si>
    <t>1776897.0</t>
  </si>
  <si>
    <t>545.725</t>
  </si>
  <si>
    <t>1782753.0</t>
  </si>
  <si>
    <t>547.524</t>
  </si>
  <si>
    <t>1788908.0</t>
  </si>
  <si>
    <t>549.414</t>
  </si>
  <si>
    <t>1794725.0</t>
  </si>
  <si>
    <t>551.201</t>
  </si>
  <si>
    <t>1800449.0</t>
  </si>
  <si>
    <t>552.959</t>
  </si>
  <si>
    <t>1804803.0</t>
  </si>
  <si>
    <t>554.296</t>
  </si>
  <si>
    <t>1805691.0</t>
  </si>
  <si>
    <t>554.569</t>
  </si>
  <si>
    <t>4491.1</t>
  </si>
  <si>
    <t>1380.85211836631</t>
  </si>
  <si>
    <t>1809821.0</t>
  </si>
  <si>
    <t>555.837</t>
  </si>
  <si>
    <t>1815986.0</t>
  </si>
  <si>
    <t>557.73</t>
  </si>
  <si>
    <t>1821832.0</t>
  </si>
  <si>
    <t>559.526</t>
  </si>
  <si>
    <t>1827290.0</t>
  </si>
  <si>
    <t>561.202</t>
  </si>
  <si>
    <t>1833078.0</t>
  </si>
  <si>
    <t>562.98</t>
  </si>
  <si>
    <t>1837184.0</t>
  </si>
  <si>
    <t>564.241</t>
  </si>
  <si>
    <t>1838545.0</t>
  </si>
  <si>
    <t>564.659</t>
  </si>
  <si>
    <t>4561.6</t>
  </si>
  <si>
    <t>1402.52833896813</t>
  </si>
  <si>
    <t>1842544.0</t>
  </si>
  <si>
    <t>565.887</t>
  </si>
  <si>
    <t>1847748.0</t>
  </si>
  <si>
    <t>567.485</t>
  </si>
  <si>
    <t>1854522.0</t>
  </si>
  <si>
    <t>569.566</t>
  </si>
  <si>
    <t>1859109.0</t>
  </si>
  <si>
    <t>570.975</t>
  </si>
  <si>
    <t>1864838.0</t>
  </si>
  <si>
    <t>572.734</t>
  </si>
  <si>
    <t>1868653.0</t>
  </si>
  <si>
    <t>573.906</t>
  </si>
  <si>
    <t>1869717.0</t>
  </si>
  <si>
    <t>574.232</t>
  </si>
  <si>
    <t>4603.9</t>
  </si>
  <si>
    <t>1415.53407132922</t>
  </si>
  <si>
    <t>575.502</t>
  </si>
  <si>
    <t>577.125</t>
  </si>
  <si>
    <t>1885293.0</t>
  </si>
  <si>
    <t>579.016</t>
  </si>
  <si>
    <t>1891002.0</t>
  </si>
  <si>
    <t>580.77</t>
  </si>
  <si>
    <t>1895713.0</t>
  </si>
  <si>
    <t>582.216</t>
  </si>
  <si>
    <t>1898555.0</t>
  </si>
  <si>
    <t>583.089</t>
  </si>
  <si>
    <t>1899560.0</t>
  </si>
  <si>
    <t>583.398</t>
  </si>
  <si>
    <t>4641.2</t>
  </si>
  <si>
    <t>1427.00248308025</t>
  </si>
  <si>
    <t>1903403.0</t>
  </si>
  <si>
    <t>584.578</t>
  </si>
  <si>
    <t>1908237.0</t>
  </si>
  <si>
    <t>586.063</t>
  </si>
  <si>
    <t>1913870.0</t>
  </si>
  <si>
    <t>587.793</t>
  </si>
  <si>
    <t>1915012.0</t>
  </si>
  <si>
    <t>588.144</t>
  </si>
  <si>
    <t>1917583.0</t>
  </si>
  <si>
    <t>588.933</t>
  </si>
  <si>
    <t>589.702</t>
  </si>
  <si>
    <t>1921592.0</t>
  </si>
  <si>
    <t>590.164</t>
  </si>
  <si>
    <t>4610.1</t>
  </si>
  <si>
    <t>1417.44034888569</t>
  </si>
  <si>
    <t>1926104.0</t>
  </si>
  <si>
    <t>591.55</t>
  </si>
  <si>
    <t>1934348.0</t>
  </si>
  <si>
    <t>594.082</t>
  </si>
  <si>
    <t>1940872.0</t>
  </si>
  <si>
    <t>596.086</t>
  </si>
  <si>
    <t>1946806.0</t>
  </si>
  <si>
    <t>597.908</t>
  </si>
  <si>
    <t>1953078.0</t>
  </si>
  <si>
    <t>599.835</t>
  </si>
  <si>
    <t>1958037.0</t>
  </si>
  <si>
    <t>601.358</t>
  </si>
  <si>
    <t>1959427.0</t>
  </si>
  <si>
    <t>601.784</t>
  </si>
  <si>
    <t>4610.6</t>
  </si>
  <si>
    <t>1417.59408094669</t>
  </si>
  <si>
    <t>1963854.0</t>
  </si>
  <si>
    <t>603.144</t>
  </si>
  <si>
    <t>1970023.0</t>
  </si>
  <si>
    <t>605.039</t>
  </si>
  <si>
    <t>1976222.0</t>
  </si>
  <si>
    <t>606.943</t>
  </si>
  <si>
    <t>1981768.0</t>
  </si>
  <si>
    <t>608.646</t>
  </si>
  <si>
    <t>1987716.0</t>
  </si>
  <si>
    <t>610.473</t>
  </si>
  <si>
    <t>1991349.0</t>
  </si>
  <si>
    <t>1994419.0</t>
  </si>
  <si>
    <t>612.531</t>
  </si>
  <si>
    <t>4634.9</t>
  </si>
  <si>
    <t>1425.06545911158</t>
  </si>
  <si>
    <t>1998422.0</t>
  </si>
  <si>
    <t>613.761</t>
  </si>
  <si>
    <t>2004751.0</t>
  </si>
  <si>
    <t>615.704</t>
  </si>
  <si>
    <t>2014413.0</t>
  </si>
  <si>
    <t>618.672</t>
  </si>
  <si>
    <t>2028001.0</t>
  </si>
  <si>
    <t>622.845</t>
  </si>
  <si>
    <t>2043032.0</t>
  </si>
  <si>
    <t>627.461</t>
  </si>
  <si>
    <t>2056825.0</t>
  </si>
  <si>
    <t>631.698</t>
  </si>
  <si>
    <t>2063197.0</t>
  </si>
  <si>
    <t>633.655</t>
  </si>
  <si>
    <t>1430.938023842</t>
  </si>
  <si>
    <t>2074623.0</t>
  </si>
  <si>
    <t>2094171.0</t>
  </si>
  <si>
    <t>643.167</t>
  </si>
  <si>
    <t>2116033.0</t>
  </si>
  <si>
    <t>649.882</t>
  </si>
  <si>
    <t>2139424.0</t>
  </si>
  <si>
    <t>657.066</t>
  </si>
  <si>
    <t>2154069.0</t>
  </si>
  <si>
    <t>661.563</t>
  </si>
  <si>
    <t>2156511.0</t>
  </si>
  <si>
    <t>662.313</t>
  </si>
  <si>
    <t>2162775.0</t>
  </si>
  <si>
    <t>664.237</t>
  </si>
  <si>
    <t>4656.3</t>
  </si>
  <si>
    <t>1431.64519132263</t>
  </si>
  <si>
    <t>2178137.0</t>
  </si>
  <si>
    <t>668.955</t>
  </si>
  <si>
    <t>2198345.0</t>
  </si>
  <si>
    <t>675.162</t>
  </si>
  <si>
    <t>2216808.0</t>
  </si>
  <si>
    <t>680.832</t>
  </si>
  <si>
    <t>2234635.0</t>
  </si>
  <si>
    <t>686.307</t>
  </si>
  <si>
    <t>2244958.0</t>
  </si>
  <si>
    <t>689.477</t>
  </si>
  <si>
    <t>2246231.0</t>
  </si>
  <si>
    <t>689.868</t>
  </si>
  <si>
    <t>690.59</t>
  </si>
  <si>
    <t>4724.2</t>
  </si>
  <si>
    <t>1452.52200520721</t>
  </si>
  <si>
    <t>2257636.0</t>
  </si>
  <si>
    <t>693.371</t>
  </si>
  <si>
    <t>2272351.0</t>
  </si>
  <si>
    <t>697.89</t>
  </si>
  <si>
    <t>2287735.0</t>
  </si>
  <si>
    <t>702.615</t>
  </si>
  <si>
    <t>2293214.0</t>
  </si>
  <si>
    <t>704.298</t>
  </si>
  <si>
    <t>2301480.0</t>
  </si>
  <si>
    <t>706.837</t>
  </si>
  <si>
    <t>2310803.0</t>
  </si>
  <si>
    <t>709.7</t>
  </si>
  <si>
    <t>2313802.0</t>
  </si>
  <si>
    <t>710.621</t>
  </si>
  <si>
    <t>1498.27266656254</t>
  </si>
  <si>
    <t>2321917.0</t>
  </si>
  <si>
    <t>713.113</t>
  </si>
  <si>
    <t>2333134.0</t>
  </si>
  <si>
    <t>716.558</t>
  </si>
  <si>
    <t>2344319.0</t>
  </si>
  <si>
    <t>719.994</t>
  </si>
  <si>
    <t>2356798.0</t>
  </si>
  <si>
    <t>723.826</t>
  </si>
  <si>
    <t>2368853.0</t>
  </si>
  <si>
    <t>727.528</t>
  </si>
  <si>
    <t>2375745.0</t>
  </si>
  <si>
    <t>729.645</t>
  </si>
  <si>
    <t>2378240.0</t>
  </si>
  <si>
    <t>5097.4</t>
  </si>
  <si>
    <t>1567.26761554194</t>
  </si>
  <si>
    <t>2383306.0</t>
  </si>
  <si>
    <t>731.967</t>
  </si>
  <si>
    <t>2392638.0</t>
  </si>
  <si>
    <t>734.833</t>
  </si>
  <si>
    <t>2402683.0</t>
  </si>
  <si>
    <t>737.918</t>
  </si>
  <si>
    <t>2410706.0</t>
  </si>
  <si>
    <t>740.382</t>
  </si>
  <si>
    <t>2418368.0</t>
  </si>
  <si>
    <t>742.736</t>
  </si>
  <si>
    <t>2423804.0</t>
  </si>
  <si>
    <t>744.405</t>
  </si>
  <si>
    <t>2426151.0</t>
  </si>
  <si>
    <t>745.126</t>
  </si>
  <si>
    <t>1632.63448788161</t>
  </si>
  <si>
    <t>2432318.0</t>
  </si>
  <si>
    <t>747.02</t>
  </si>
  <si>
    <t>2439130.0</t>
  </si>
  <si>
    <t>749.112</t>
  </si>
  <si>
    <t>2444719.0</t>
  </si>
  <si>
    <t>750.829</t>
  </si>
  <si>
    <t>2450237.0</t>
  </si>
  <si>
    <t>752.523</t>
  </si>
  <si>
    <t>2456712.0</t>
  </si>
  <si>
    <t>754.512</t>
  </si>
  <si>
    <t>2460609.0</t>
  </si>
  <si>
    <t>755.709</t>
  </si>
  <si>
    <t>2462693.0</t>
  </si>
  <si>
    <t>756.349</t>
  </si>
  <si>
    <t>5475.8</t>
  </si>
  <si>
    <t>1683.61203931113</t>
  </si>
  <si>
    <t>2467501.0</t>
  </si>
  <si>
    <t>757.825</t>
  </si>
  <si>
    <t>2473241.0</t>
  </si>
  <si>
    <t>759.588</t>
  </si>
  <si>
    <t>2477950.0</t>
  </si>
  <si>
    <t>761.035</t>
  </si>
  <si>
    <t>2482346.0</t>
  </si>
  <si>
    <t>762.385</t>
  </si>
  <si>
    <t>2487696.0</t>
  </si>
  <si>
    <t>764.028</t>
  </si>
  <si>
    <t>2490677.0</t>
  </si>
  <si>
    <t>764.943</t>
  </si>
  <si>
    <t>2491950.0</t>
  </si>
  <si>
    <t>765.334</t>
  </si>
  <si>
    <t>1690.43774281979</t>
  </si>
  <si>
    <t>2495740.0</t>
  </si>
  <si>
    <t>766.498</t>
  </si>
  <si>
    <t>2500154.0</t>
  </si>
  <si>
    <t>767.854</t>
  </si>
  <si>
    <t>2503785.0</t>
  </si>
  <si>
    <t>768.969</t>
  </si>
  <si>
    <t>2507139.0</t>
  </si>
  <si>
    <t>769.999</t>
  </si>
  <si>
    <t>2511061.0</t>
  </si>
  <si>
    <t>771.204</t>
  </si>
  <si>
    <t>2513957.0</t>
  </si>
  <si>
    <t>772.093</t>
  </si>
  <si>
    <t>2515026.0</t>
  </si>
  <si>
    <t>772.421</t>
  </si>
  <si>
    <t>5563.6</t>
  </si>
  <si>
    <t>1710.60738922375</t>
  </si>
  <si>
    <t>2518669.0</t>
  </si>
  <si>
    <t>773.54</t>
  </si>
  <si>
    <t>2522608.0</t>
  </si>
  <si>
    <t>774.75</t>
  </si>
  <si>
    <t>2527104.0</t>
  </si>
  <si>
    <t>776.131</t>
  </si>
  <si>
    <t>2530580.0</t>
  </si>
  <si>
    <t>777.198</t>
  </si>
  <si>
    <t>2534055.0</t>
  </si>
  <si>
    <t>778.266</t>
  </si>
  <si>
    <t>2536877.0</t>
  </si>
  <si>
    <t>779.132</t>
  </si>
  <si>
    <t>2537788.0</t>
  </si>
  <si>
    <t>779.412</t>
  </si>
  <si>
    <t>1725.48865272911</t>
  </si>
  <si>
    <t>2540152.0</t>
  </si>
  <si>
    <t>780.138</t>
  </si>
  <si>
    <t>2543521.0</t>
  </si>
  <si>
    <t>781.173</t>
  </si>
  <si>
    <t>2547602.0</t>
  </si>
  <si>
    <t>782.426</t>
  </si>
  <si>
    <t>2550706.0</t>
  </si>
  <si>
    <t>783.38</t>
  </si>
  <si>
    <t>2555149.0</t>
  </si>
  <si>
    <t>784.744</t>
  </si>
  <si>
    <t>2557952.0</t>
  </si>
  <si>
    <t>785.605</t>
  </si>
  <si>
    <t>2559087.0</t>
  </si>
  <si>
    <t>785.954</t>
  </si>
  <si>
    <t>5648.6</t>
  </si>
  <si>
    <t>1736.74183959474</t>
  </si>
  <si>
    <t>2562601.0</t>
  </si>
  <si>
    <t>787.033</t>
  </si>
  <si>
    <t>2566789.0</t>
  </si>
  <si>
    <t>788.319</t>
  </si>
  <si>
    <t>2571253.0</t>
  </si>
  <si>
    <t>789.69</t>
  </si>
  <si>
    <t>2575062.0</t>
  </si>
  <si>
    <t>790.86</t>
  </si>
  <si>
    <t>2578721.0</t>
  </si>
  <si>
    <t>791.984</t>
  </si>
  <si>
    <t>2581565.0</t>
  </si>
  <si>
    <t>792.857</t>
  </si>
  <si>
    <t>2582073.0</t>
  </si>
  <si>
    <t>793.013</t>
  </si>
  <si>
    <t>5677.2</t>
  </si>
  <si>
    <t>1745.53531348427</t>
  </si>
  <si>
    <t>2585349.0</t>
  </si>
  <si>
    <t>794.019</t>
  </si>
  <si>
    <t>2589415.0</t>
  </si>
  <si>
    <t>795.268</t>
  </si>
  <si>
    <t>2593693.0</t>
  </si>
  <si>
    <t>796.582</t>
  </si>
  <si>
    <t>2596162.0</t>
  </si>
  <si>
    <t>797.34</t>
  </si>
  <si>
    <t>2599162.0</t>
  </si>
  <si>
    <t>798.262</t>
  </si>
  <si>
    <t>2600739.0</t>
  </si>
  <si>
    <t>798.746</t>
  </si>
  <si>
    <t>2601664.0</t>
  </si>
  <si>
    <t>799.03</t>
  </si>
  <si>
    <t>5689.6</t>
  </si>
  <si>
    <t>1749.34786859721</t>
  </si>
  <si>
    <t>2604164.0</t>
  </si>
  <si>
    <t>799.798</t>
  </si>
  <si>
    <t>2607828.0</t>
  </si>
  <si>
    <t>800.923</t>
  </si>
  <si>
    <t>2611202.0</t>
  </si>
  <si>
    <t>801.959</t>
  </si>
  <si>
    <t>2614611.0</t>
  </si>
  <si>
    <t>803.006</t>
  </si>
  <si>
    <t>2618190.0</t>
  </si>
  <si>
    <t>804.105</t>
  </si>
  <si>
    <t>2619868.0</t>
  </si>
  <si>
    <t>804.621</t>
  </si>
  <si>
    <t>2620692.0</t>
  </si>
  <si>
    <t>804.874</t>
  </si>
  <si>
    <t>5677.8</t>
  </si>
  <si>
    <t>1745.71979195748</t>
  </si>
  <si>
    <t>2623233.0</t>
  </si>
  <si>
    <t>805.654</t>
  </si>
  <si>
    <t>2625789.0</t>
  </si>
  <si>
    <t>806.439</t>
  </si>
  <si>
    <t>2629224.0</t>
  </si>
  <si>
    <t>807.494</t>
  </si>
  <si>
    <t>2633118.0</t>
  </si>
  <si>
    <t>808.69</t>
  </si>
  <si>
    <t>2636238.0</t>
  </si>
  <si>
    <t>809.648</t>
  </si>
  <si>
    <t>2638238.0</t>
  </si>
  <si>
    <t>810.263</t>
  </si>
  <si>
    <t>2638865.0</t>
  </si>
  <si>
    <t>810.455</t>
  </si>
  <si>
    <t>5702.2</t>
  </si>
  <si>
    <t>1753.22191653456</t>
  </si>
  <si>
    <t>2641417.0</t>
  </si>
  <si>
    <t>811.239</t>
  </si>
  <si>
    <t>2645508.0</t>
  </si>
  <si>
    <t>812.495</t>
  </si>
  <si>
    <t>2650016.0</t>
  </si>
  <si>
    <t>813.88</t>
  </si>
  <si>
    <t>2654277.0</t>
  </si>
  <si>
    <t>815.189</t>
  </si>
  <si>
    <t>2658040.0</t>
  </si>
  <si>
    <t>816.344</t>
  </si>
  <si>
    <t>2660472.0</t>
  </si>
  <si>
    <t>817.091</t>
  </si>
  <si>
    <t>2661419.0</t>
  </si>
  <si>
    <t>817.382</t>
  </si>
  <si>
    <t>5783.4</t>
  </si>
  <si>
    <t>1778.1880032419</t>
  </si>
  <si>
    <t>2664564.0</t>
  </si>
  <si>
    <t>818.348</t>
  </si>
  <si>
    <t>2669107.0</t>
  </si>
  <si>
    <t>819.743</t>
  </si>
  <si>
    <t>2673924.0</t>
  </si>
  <si>
    <t>821.223</t>
  </si>
  <si>
    <t>2677448.0</t>
  </si>
  <si>
    <t>822.305</t>
  </si>
  <si>
    <t>2681735.0</t>
  </si>
  <si>
    <t>823.622</t>
  </si>
  <si>
    <t>2683871.0</t>
  </si>
  <si>
    <t>824.278</t>
  </si>
  <si>
    <t>2684673.0</t>
  </si>
  <si>
    <t>824.524</t>
  </si>
  <si>
    <t>1791.90090308362</t>
  </si>
  <si>
    <t>2687908.0</t>
  </si>
  <si>
    <t>825.517</t>
  </si>
  <si>
    <t>2692570.0</t>
  </si>
  <si>
    <t>826.949</t>
  </si>
  <si>
    <t>2697173.0</t>
  </si>
  <si>
    <t>828.363</t>
  </si>
  <si>
    <t>2701084.0</t>
  </si>
  <si>
    <t>829.564</t>
  </si>
  <si>
    <t>2702753.0</t>
  </si>
  <si>
    <t>830.077</t>
  </si>
  <si>
    <t>2704293.0</t>
  </si>
  <si>
    <t>830.55</t>
  </si>
  <si>
    <t>2705298.0</t>
  </si>
  <si>
    <t>830.858</t>
  </si>
  <si>
    <t>5885.8</t>
  </si>
  <si>
    <t>1809.67232933589</t>
  </si>
  <si>
    <t>2709699.0</t>
  </si>
  <si>
    <t>832.21</t>
  </si>
  <si>
    <t>2715152.0</t>
  </si>
  <si>
    <t>833.885</t>
  </si>
  <si>
    <t>2720529.0</t>
  </si>
  <si>
    <t>835.536</t>
  </si>
  <si>
    <t>2725437.0</t>
  </si>
  <si>
    <t>837.043</t>
  </si>
  <si>
    <t>2730353.0</t>
  </si>
  <si>
    <t>838.553</t>
  </si>
  <si>
    <t>2733776.0</t>
  </si>
  <si>
    <t>839.605</t>
  </si>
  <si>
    <t>2735217.0</t>
  </si>
  <si>
    <t>840.047</t>
  </si>
  <si>
    <t>5920.2</t>
  </si>
  <si>
    <t>1820.24909513309</t>
  </si>
  <si>
    <t>2741491.0</t>
  </si>
  <si>
    <t>841.974</t>
  </si>
  <si>
    <t>2751590.0</t>
  </si>
  <si>
    <t>845.076</t>
  </si>
  <si>
    <t>2762428.0</t>
  </si>
  <si>
    <t>848.404</t>
  </si>
  <si>
    <t>2771961.0</t>
  </si>
  <si>
    <t>851.332</t>
  </si>
  <si>
    <t>2781420.0</t>
  </si>
  <si>
    <t>854.237</t>
  </si>
  <si>
    <t>2786886.0</t>
  </si>
  <si>
    <t>855.916</t>
  </si>
  <si>
    <t>2788478.0</t>
  </si>
  <si>
    <t>856.405</t>
  </si>
  <si>
    <t>1847.85937328973</t>
  </si>
  <si>
    <t>2795015.0</t>
  </si>
  <si>
    <t>858.412</t>
  </si>
  <si>
    <t>2803630.0</t>
  </si>
  <si>
    <t>861.058</t>
  </si>
  <si>
    <t>2811919.0</t>
  </si>
  <si>
    <t>863.604</t>
  </si>
  <si>
    <t>2819409.0</t>
  </si>
  <si>
    <t>865.904</t>
  </si>
  <si>
    <t>2827218.0</t>
  </si>
  <si>
    <t>868.303</t>
  </si>
  <si>
    <t>2832641.0</t>
  </si>
  <si>
    <t>869.968</t>
  </si>
  <si>
    <t>2834837.0</t>
  </si>
  <si>
    <t>870.643</t>
  </si>
  <si>
    <t>6083.4</t>
  </si>
  <si>
    <t>1870.42723984538</t>
  </si>
  <si>
    <t>2841622.0</t>
  </si>
  <si>
    <t>872.727</t>
  </si>
  <si>
    <t>875.497</t>
  </si>
  <si>
    <t>2859714.0</t>
  </si>
  <si>
    <t>878.283</t>
  </si>
  <si>
    <t>880.839</t>
  </si>
  <si>
    <t>2876442.0</t>
  </si>
  <si>
    <t>883.421</t>
  </si>
  <si>
    <t>2881142.0</t>
  </si>
  <si>
    <t>884.864</t>
  </si>
  <si>
    <t>2882177.0</t>
  </si>
  <si>
    <t>885.182</t>
  </si>
  <si>
    <t>6166.8</t>
  </si>
  <si>
    <t>1896.06974762115</t>
  </si>
  <si>
    <t>2889435.0</t>
  </si>
  <si>
    <t>887.411</t>
  </si>
  <si>
    <t>2897531.0</t>
  </si>
  <si>
    <t>889.897</t>
  </si>
  <si>
    <t>2906178.0</t>
  </si>
  <si>
    <t>892.553</t>
  </si>
  <si>
    <t>2912836.0</t>
  </si>
  <si>
    <t>894.598</t>
  </si>
  <si>
    <t>2919707.0</t>
  </si>
  <si>
    <t>896.708</t>
  </si>
  <si>
    <t>2923664.0</t>
  </si>
  <si>
    <t>897.923</t>
  </si>
  <si>
    <t>2924790.0</t>
  </si>
  <si>
    <t>898.269</t>
  </si>
  <si>
    <t>6321.6</t>
  </si>
  <si>
    <t>1943.66519370855</t>
  </si>
  <si>
    <t>2930210.0</t>
  </si>
  <si>
    <t>899.934</t>
  </si>
  <si>
    <t>2936968.0</t>
  </si>
  <si>
    <t>902.009</t>
  </si>
  <si>
    <t>2943713.0</t>
  </si>
  <si>
    <t>904.081</t>
  </si>
  <si>
    <t>2948907.0</t>
  </si>
  <si>
    <t>905.676</t>
  </si>
  <si>
    <t>2953164.0</t>
  </si>
  <si>
    <t>906.984</t>
  </si>
  <si>
    <t>2955839.0</t>
  </si>
  <si>
    <t>907.805</t>
  </si>
  <si>
    <t>2956807.0</t>
  </si>
  <si>
    <t>908.102</t>
  </si>
  <si>
    <t>6356.4</t>
  </si>
  <si>
    <t>1954.36494515455</t>
  </si>
  <si>
    <t>2958291.0</t>
  </si>
  <si>
    <t>908.558</t>
  </si>
  <si>
    <t>2962444.0</t>
  </si>
  <si>
    <t>2968067.0</t>
  </si>
  <si>
    <t>911.561</t>
  </si>
  <si>
    <t>2972841.0</t>
  </si>
  <si>
    <t>913.027</t>
  </si>
  <si>
    <t>2978089.0</t>
  </si>
  <si>
    <t>914.639</t>
  </si>
  <si>
    <t>2980663.0</t>
  </si>
  <si>
    <t>915.429</t>
  </si>
  <si>
    <t>2981842.0</t>
  </si>
  <si>
    <t>915.791</t>
  </si>
  <si>
    <t>6429.8</t>
  </si>
  <si>
    <t>1976.9328117102</t>
  </si>
  <si>
    <t>2985865.0</t>
  </si>
  <si>
    <t>917.027</t>
  </si>
  <si>
    <t>2989501.0</t>
  </si>
  <si>
    <t>918.144</t>
  </si>
  <si>
    <t>2993864.0</t>
  </si>
  <si>
    <t>919.483</t>
  </si>
  <si>
    <t>2995153.0</t>
  </si>
  <si>
    <t>919.879</t>
  </si>
  <si>
    <t>2997313.0</t>
  </si>
  <si>
    <t>920.543</t>
  </si>
  <si>
    <t>2998925.0</t>
  </si>
  <si>
    <t>921.038</t>
  </si>
  <si>
    <t>3000200.0</t>
  </si>
  <si>
    <t>921.429</t>
  </si>
  <si>
    <t>2006.81832436973</t>
  </si>
  <si>
    <t>3004251.0</t>
  </si>
  <si>
    <t>922.674</t>
  </si>
  <si>
    <t>3008812.0</t>
  </si>
  <si>
    <t>924.074</t>
  </si>
  <si>
    <t>3012447.0</t>
  </si>
  <si>
    <t>925.191</t>
  </si>
  <si>
    <t>3015616.0</t>
  </si>
  <si>
    <t>926.164</t>
  </si>
  <si>
    <t>3018185.0</t>
  </si>
  <si>
    <t>926.953</t>
  </si>
  <si>
    <t>3019115.0</t>
  </si>
  <si>
    <t>927.239</t>
  </si>
  <si>
    <t>QAT</t>
  </si>
  <si>
    <t>Qatar</t>
  </si>
  <si>
    <t>5.12034479956633</t>
  </si>
  <si>
    <t>17.4759594246068</t>
  </si>
  <si>
    <t>10.6117290773621</t>
  </si>
  <si>
    <t>25.7130358413005</t>
  </si>
  <si>
    <t>190.4</t>
  </si>
  <si>
    <t>70.6459166548862</t>
  </si>
  <si>
    <t>284.9</t>
  </si>
  <si>
    <t>105.709147347569</t>
  </si>
  <si>
    <t>117.471098807442</t>
  </si>
  <si>
    <t>351.9</t>
  </si>
  <si>
    <t>130.568792388941</t>
  </si>
  <si>
    <t>389.4</t>
  </si>
  <si>
    <t>144.482772822546</t>
  </si>
  <si>
    <t>361.1</t>
  </si>
  <si>
    <t>-14.42</t>
  </si>
  <si>
    <t>133.982355588652</t>
  </si>
  <si>
    <t>139.956091188146</t>
  </si>
  <si>
    <t>147.710816283142</t>
  </si>
  <si>
    <t>146.263762318047</t>
  </si>
  <si>
    <t>510000.0</t>
  </si>
  <si>
    <t>20311.0</t>
  </si>
  <si>
    <t>594613.0</t>
  </si>
  <si>
    <t>615655.0</t>
  </si>
  <si>
    <t>637461.0</t>
  </si>
  <si>
    <t>658325.0</t>
  </si>
  <si>
    <t>13.373</t>
  </si>
  <si>
    <t>679278.0</t>
  </si>
  <si>
    <t>17.577</t>
  </si>
  <si>
    <t>701943.0</t>
  </si>
  <si>
    <t>21.976</t>
  </si>
  <si>
    <t>721236.0</t>
  </si>
  <si>
    <t>71779.0</t>
  </si>
  <si>
    <t>26.701</t>
  </si>
  <si>
    <t>765110.0</t>
  </si>
  <si>
    <t>13589.0</t>
  </si>
  <si>
    <t>36.332</t>
  </si>
  <si>
    <t>790676.0</t>
  </si>
  <si>
    <t>111901.0</t>
  </si>
  <si>
    <t>41.626</t>
  </si>
  <si>
    <t>816484.0</t>
  </si>
  <si>
    <t>169.973184976908</t>
  </si>
  <si>
    <t>842000.0</t>
  </si>
  <si>
    <t>867209.0</t>
  </si>
  <si>
    <t>211901.0</t>
  </si>
  <si>
    <t>37.199</t>
  </si>
  <si>
    <t>889202.0</t>
  </si>
  <si>
    <t>241901.0</t>
  </si>
  <si>
    <t>9.041</t>
  </si>
  <si>
    <t>910851.0</t>
  </si>
  <si>
    <t>253403.0</t>
  </si>
  <si>
    <t>934843.0</t>
  </si>
  <si>
    <t>98.539</t>
  </si>
  <si>
    <t>961555.0</t>
  </si>
  <si>
    <t>276579.0</t>
  </si>
  <si>
    <t>102.885</t>
  </si>
  <si>
    <t>987673.0</t>
  </si>
  <si>
    <t>7.583</t>
  </si>
  <si>
    <t>1012716.0</t>
  </si>
  <si>
    <t>301475.0</t>
  </si>
  <si>
    <t>112.146</t>
  </si>
  <si>
    <t>1041632.0</t>
  </si>
  <si>
    <t>313715.0</t>
  </si>
  <si>
    <t>116.699</t>
  </si>
  <si>
    <t>1062250.0</t>
  </si>
  <si>
    <t>24721.0</t>
  </si>
  <si>
    <t>328208.0</t>
  </si>
  <si>
    <t>122.091</t>
  </si>
  <si>
    <t>1079776.0</t>
  </si>
  <si>
    <t>17526.0</t>
  </si>
  <si>
    <t>342591.0</t>
  </si>
  <si>
    <t>127.441</t>
  </si>
  <si>
    <t>1104726.0</t>
  </si>
  <si>
    <t>355711.0</t>
  </si>
  <si>
    <t>132.321</t>
  </si>
  <si>
    <t>366831.0</t>
  </si>
  <si>
    <t>136.458</t>
  </si>
  <si>
    <t>1159479.0</t>
  </si>
  <si>
    <t>27848.0</t>
  </si>
  <si>
    <t>379006.0</t>
  </si>
  <si>
    <t>140.987</t>
  </si>
  <si>
    <t>1183191.0</t>
  </si>
  <si>
    <t>389445.0</t>
  </si>
  <si>
    <t>1209648.0</t>
  </si>
  <si>
    <t>148.885</t>
  </si>
  <si>
    <t>1225110.0</t>
  </si>
  <si>
    <t>23266.0</t>
  </si>
  <si>
    <t>412067.0</t>
  </si>
  <si>
    <t>153.285</t>
  </si>
  <si>
    <t>1248229.0</t>
  </si>
  <si>
    <t>424426.0</t>
  </si>
  <si>
    <t>157.883</t>
  </si>
  <si>
    <t>1271478.0</t>
  </si>
  <si>
    <t>23249.0</t>
  </si>
  <si>
    <t>1296520.0</t>
  </si>
  <si>
    <t>1320866.0</t>
  </si>
  <si>
    <t>1345423.0</t>
  </si>
  <si>
    <t>1372396.0</t>
  </si>
  <si>
    <t>1394781.0</t>
  </si>
  <si>
    <t>1415761.0</t>
  </si>
  <si>
    <t>1442708.0</t>
  </si>
  <si>
    <t>24461.0</t>
  </si>
  <si>
    <t>1469633.0</t>
  </si>
  <si>
    <t>1496833.0</t>
  </si>
  <si>
    <t>27200.0</t>
  </si>
  <si>
    <t>1526775.0</t>
  </si>
  <si>
    <t>971973.0</t>
  </si>
  <si>
    <t>554982.0</t>
  </si>
  <si>
    <t>1556203.0</t>
  </si>
  <si>
    <t>989627.0</t>
  </si>
  <si>
    <t>566576.0</t>
  </si>
  <si>
    <t>670.2</t>
  </si>
  <si>
    <t>248.670658309373</t>
  </si>
  <si>
    <t>1579002.0</t>
  </si>
  <si>
    <t>1002748.0</t>
  </si>
  <si>
    <t>576254.0</t>
  </si>
  <si>
    <t>1603913.0</t>
  </si>
  <si>
    <t>1017019.0</t>
  </si>
  <si>
    <t>586894.0</t>
  </si>
  <si>
    <t>1635398.0</t>
  </si>
  <si>
    <t>1031300.0</t>
  </si>
  <si>
    <t>604098.0</t>
  </si>
  <si>
    <t>1670911.0</t>
  </si>
  <si>
    <t>1047196.0</t>
  </si>
  <si>
    <t>1701914.0</t>
  </si>
  <si>
    <t>1064294.0</t>
  </si>
  <si>
    <t>637620.0</t>
  </si>
  <si>
    <t>31003.0</t>
  </si>
  <si>
    <t>1732471.0</t>
  </si>
  <si>
    <t>1080415.0</t>
  </si>
  <si>
    <t>652056.0</t>
  </si>
  <si>
    <t>1762545.0</t>
  </si>
  <si>
    <t>1094976.0</t>
  </si>
  <si>
    <t>667569.0</t>
  </si>
  <si>
    <t>1787160.0</t>
  </si>
  <si>
    <t>1103747.0</t>
  </si>
  <si>
    <t>683413.0</t>
  </si>
  <si>
    <t>29737.0</t>
  </si>
  <si>
    <t>1813240.0</t>
  </si>
  <si>
    <t>1115842.0</t>
  </si>
  <si>
    <t>697398.0</t>
  </si>
  <si>
    <t>1844658.0</t>
  </si>
  <si>
    <t>1127091.0</t>
  </si>
  <si>
    <t>717567.0</t>
  </si>
  <si>
    <t>29894.0</t>
  </si>
  <si>
    <t>1876178.0</t>
  </si>
  <si>
    <t>1137843.0</t>
  </si>
  <si>
    <t>738335.0</t>
  </si>
  <si>
    <t>1911663.0</t>
  </si>
  <si>
    <t>1149854.0</t>
  </si>
  <si>
    <t>761809.0</t>
  </si>
  <si>
    <t>35485.0</t>
  </si>
  <si>
    <t>1944628.0</t>
  </si>
  <si>
    <t>1160213.0</t>
  </si>
  <si>
    <t>784415.0</t>
  </si>
  <si>
    <t>1976748.0</t>
  </si>
  <si>
    <t>1168975.0</t>
  </si>
  <si>
    <t>32120.0</t>
  </si>
  <si>
    <t>2002018.0</t>
  </si>
  <si>
    <t>1177725.0</t>
  </si>
  <si>
    <t>824293.0</t>
  </si>
  <si>
    <t>30694.0</t>
  </si>
  <si>
    <t>2035475.0</t>
  </si>
  <si>
    <t>1190700.0</t>
  </si>
  <si>
    <t>844775.0</t>
  </si>
  <si>
    <t>2073354.0</t>
  </si>
  <si>
    <t>1206737.0</t>
  </si>
  <si>
    <t>866617.0</t>
  </si>
  <si>
    <t>37879.0</t>
  </si>
  <si>
    <t>2109980.0</t>
  </si>
  <si>
    <t>1221996.0</t>
  </si>
  <si>
    <t>887984.0</t>
  </si>
  <si>
    <t>33400.0</t>
  </si>
  <si>
    <t>2150749.0</t>
  </si>
  <si>
    <t>1240202.0</t>
  </si>
  <si>
    <t>910547.0</t>
  </si>
  <si>
    <t>2190807.0</t>
  </si>
  <si>
    <t>1261828.0</t>
  </si>
  <si>
    <t>928979.0</t>
  </si>
  <si>
    <t>35168.0</t>
  </si>
  <si>
    <t>2233616.0</t>
  </si>
  <si>
    <t>1288584.0</t>
  </si>
  <si>
    <t>945022.0</t>
  </si>
  <si>
    <t>2293240.0</t>
  </si>
  <si>
    <t>1321233.0</t>
  </si>
  <si>
    <t>972007.0</t>
  </si>
  <si>
    <t>2329338.0</t>
  </si>
  <si>
    <t>1341921.0</t>
  </si>
  <si>
    <t>987417.0</t>
  </si>
  <si>
    <t>36098.0</t>
  </si>
  <si>
    <t>2365647.0</t>
  </si>
  <si>
    <t>1361511.0</t>
  </si>
  <si>
    <t>1004136.0</t>
  </si>
  <si>
    <t>2403165.0</t>
  </si>
  <si>
    <t>1381456.0</t>
  </si>
  <si>
    <t>1021709.0</t>
  </si>
  <si>
    <t>36059.0</t>
  </si>
  <si>
    <t>2440930.0</t>
  </si>
  <si>
    <t>1400720.0</t>
  </si>
  <si>
    <t>1040210.0</t>
  </si>
  <si>
    <t>2475837.0</t>
  </si>
  <si>
    <t>1420090.0</t>
  </si>
  <si>
    <t>1055747.0</t>
  </si>
  <si>
    <t>2491638.0</t>
  </si>
  <si>
    <t>1430121.0</t>
  </si>
  <si>
    <t>1061517.0</t>
  </si>
  <si>
    <t>2514585.0</t>
  </si>
  <si>
    <t>1443882.0</t>
  </si>
  <si>
    <t>1070703.0</t>
  </si>
  <si>
    <t>2545193.0</t>
  </si>
  <si>
    <t>1461871.0</t>
  </si>
  <si>
    <t>1083322.0</t>
  </si>
  <si>
    <t>747.5</t>
  </si>
  <si>
    <t>277.352009976509</t>
  </si>
  <si>
    <t>2574692.0</t>
  </si>
  <si>
    <t>1479717.0</t>
  </si>
  <si>
    <t>1094975.0</t>
  </si>
  <si>
    <t>2600344.0</t>
  </si>
  <si>
    <t>1494265.0</t>
  </si>
  <si>
    <t>1106079.0</t>
  </si>
  <si>
    <t>28168.0</t>
  </si>
  <si>
    <t>2622285.0</t>
  </si>
  <si>
    <t>1510561.0</t>
  </si>
  <si>
    <t>1111724.0</t>
  </si>
  <si>
    <t>2643573.0</t>
  </si>
  <si>
    <t>1526103.0</t>
  </si>
  <si>
    <t>1117470.0</t>
  </si>
  <si>
    <t>2656695.0</t>
  </si>
  <si>
    <t>1531477.0</t>
  </si>
  <si>
    <t>1125218.0</t>
  </si>
  <si>
    <t>2676239.0</t>
  </si>
  <si>
    <t>1541863.0</t>
  </si>
  <si>
    <t>2700942.0</t>
  </si>
  <si>
    <t>1554740.0</t>
  </si>
  <si>
    <t>1146202.0</t>
  </si>
  <si>
    <t>13267.0</t>
  </si>
  <si>
    <t>2716670.0</t>
  </si>
  <si>
    <t>1561481.0</t>
  </si>
  <si>
    <t>1155189.0</t>
  </si>
  <si>
    <t>2729437.0</t>
  </si>
  <si>
    <t>1566366.0</t>
  </si>
  <si>
    <t>1163071.0</t>
  </si>
  <si>
    <t>2748452.0</t>
  </si>
  <si>
    <t>1572212.0</t>
  </si>
  <si>
    <t>1176240.0</t>
  </si>
  <si>
    <t>101.98</t>
  </si>
  <si>
    <t>2768028.0</t>
  </si>
  <si>
    <t>1578669.0</t>
  </si>
  <si>
    <t>1189359.0</t>
  </si>
  <si>
    <t>2780916.0</t>
  </si>
  <si>
    <t>1583143.0</t>
  </si>
  <si>
    <t>1197773.0</t>
  </si>
  <si>
    <t>2795091.0</t>
  </si>
  <si>
    <t>1587414.0</t>
  </si>
  <si>
    <t>1207677.0</t>
  </si>
  <si>
    <t>2813022.0</t>
  </si>
  <si>
    <t>1593600.0</t>
  </si>
  <si>
    <t>1219422.0</t>
  </si>
  <si>
    <t>104.37</t>
  </si>
  <si>
    <t>2833984.0</t>
  </si>
  <si>
    <t>1601801.0</t>
  </si>
  <si>
    <t>1232183.0</t>
  </si>
  <si>
    <t>20962.0</t>
  </si>
  <si>
    <t>2845587.0</t>
  </si>
  <si>
    <t>1605854.0</t>
  </si>
  <si>
    <t>1239733.0</t>
  </si>
  <si>
    <t>2856149.0</t>
  </si>
  <si>
    <t>1246374.0</t>
  </si>
  <si>
    <t>105.97</t>
  </si>
  <si>
    <t>2868162.0</t>
  </si>
  <si>
    <t>1614039.0</t>
  </si>
  <si>
    <t>1254123.0</t>
  </si>
  <si>
    <t>2876509.0</t>
  </si>
  <si>
    <t>1616899.0</t>
  </si>
  <si>
    <t>1259610.0</t>
  </si>
  <si>
    <t>2886323.0</t>
  </si>
  <si>
    <t>1620571.0</t>
  </si>
  <si>
    <t>1265752.0</t>
  </si>
  <si>
    <t>2898814.0</t>
  </si>
  <si>
    <t>1625178.0</t>
  </si>
  <si>
    <t>1273636.0</t>
  </si>
  <si>
    <t>2908963.0</t>
  </si>
  <si>
    <t>1629077.0</t>
  </si>
  <si>
    <t>1279866.0</t>
  </si>
  <si>
    <t>2926066.0</t>
  </si>
  <si>
    <t>1635054.0</t>
  </si>
  <si>
    <t>1291012.0</t>
  </si>
  <si>
    <t>2956057.0</t>
  </si>
  <si>
    <t>1647722.0</t>
  </si>
  <si>
    <t>1308335.0</t>
  </si>
  <si>
    <t>2989246.0</t>
  </si>
  <si>
    <t>1658860.0</t>
  </si>
  <si>
    <t>1330386.0</t>
  </si>
  <si>
    <t>3008822.0</t>
  </si>
  <si>
    <t>1665031.0</t>
  </si>
  <si>
    <t>1343791.0</t>
  </si>
  <si>
    <t>3041661.0</t>
  </si>
  <si>
    <t>1676351.0</t>
  </si>
  <si>
    <t>1365310.0</t>
  </si>
  <si>
    <t>3075375.0</t>
  </si>
  <si>
    <t>1689837.0</t>
  </si>
  <si>
    <t>1385538.0</t>
  </si>
  <si>
    <t>33714.0</t>
  </si>
  <si>
    <t>3109044.0</t>
  </si>
  <si>
    <t>1701777.0</t>
  </si>
  <si>
    <t>1407267.0</t>
  </si>
  <si>
    <t>3145062.0</t>
  </si>
  <si>
    <t>1714847.0</t>
  </si>
  <si>
    <t>1430215.0</t>
  </si>
  <si>
    <t>31285.0</t>
  </si>
  <si>
    <t>796.2</t>
  </si>
  <si>
    <t>295.421632566283</t>
  </si>
  <si>
    <t>3177744.0</t>
  </si>
  <si>
    <t>1448984.0</t>
  </si>
  <si>
    <t>3211237.0</t>
  </si>
  <si>
    <t>1739012.0</t>
  </si>
  <si>
    <t>1472225.0</t>
  </si>
  <si>
    <t>33493.0</t>
  </si>
  <si>
    <t>3226308.0</t>
  </si>
  <si>
    <t>1745702.0</t>
  </si>
  <si>
    <t>1480606.0</t>
  </si>
  <si>
    <t>31069.0</t>
  </si>
  <si>
    <t>3249265.0</t>
  </si>
  <si>
    <t>1760633.0</t>
  </si>
  <si>
    <t>1488632.0</t>
  </si>
  <si>
    <t>3276416.0</t>
  </si>
  <si>
    <t>1778906.0</t>
  </si>
  <si>
    <t>1497510.0</t>
  </si>
  <si>
    <t>3304045.0</t>
  </si>
  <si>
    <t>1797077.0</t>
  </si>
  <si>
    <t>1506968.0</t>
  </si>
  <si>
    <t>3333203.0</t>
  </si>
  <si>
    <t>1815518.0</t>
  </si>
  <si>
    <t>1517685.0</t>
  </si>
  <si>
    <t>29158.0</t>
  </si>
  <si>
    <t>3369163.0</t>
  </si>
  <si>
    <t>1839827.0</t>
  </si>
  <si>
    <t>1529336.0</t>
  </si>
  <si>
    <t>3383787.0</t>
  </si>
  <si>
    <t>1844917.0</t>
  </si>
  <si>
    <t>1538870.0</t>
  </si>
  <si>
    <t>14624.0</t>
  </si>
  <si>
    <t>3390306.0</t>
  </si>
  <si>
    <t>1847262.0</t>
  </si>
  <si>
    <t>1543044.0</t>
  </si>
  <si>
    <t>3396963.0</t>
  </si>
  <si>
    <t>1849825.0</t>
  </si>
  <si>
    <t>1547138.0</t>
  </si>
  <si>
    <t>1854292.0</t>
  </si>
  <si>
    <t>1554131.0</t>
  </si>
  <si>
    <t>18858.0</t>
  </si>
  <si>
    <t>3428791.0</t>
  </si>
  <si>
    <t>1867049.0</t>
  </si>
  <si>
    <t>1561742.0</t>
  </si>
  <si>
    <t>3452235.0</t>
  </si>
  <si>
    <t>1880175.0</t>
  </si>
  <si>
    <t>1572060.0</t>
  </si>
  <si>
    <t>449354.0</t>
  </si>
  <si>
    <t>167.156</t>
  </si>
  <si>
    <t>3474944.0</t>
  </si>
  <si>
    <t>1893112.0</t>
  </si>
  <si>
    <t>1581832.0</t>
  </si>
  <si>
    <t>471007.0</t>
  </si>
  <si>
    <t>175.211</t>
  </si>
  <si>
    <t>8.055</t>
  </si>
  <si>
    <t>3497554.0</t>
  </si>
  <si>
    <t>1904659.0</t>
  </si>
  <si>
    <t>1592895.0</t>
  </si>
  <si>
    <t>22610.0</t>
  </si>
  <si>
    <t>489622.0</t>
  </si>
  <si>
    <t>182.135</t>
  </si>
  <si>
    <t>6.925</t>
  </si>
  <si>
    <t>3503040.0</t>
  </si>
  <si>
    <t>1906753.0</t>
  </si>
  <si>
    <t>1596287.0</t>
  </si>
  <si>
    <t>509751.0</t>
  </si>
  <si>
    <t>189.623</t>
  </si>
  <si>
    <t>3523001.0</t>
  </si>
  <si>
    <t>1915950.0</t>
  </si>
  <si>
    <t>1607051.0</t>
  </si>
  <si>
    <t>529885.0</t>
  </si>
  <si>
    <t>197.113</t>
  </si>
  <si>
    <t>3559312.0</t>
  </si>
  <si>
    <t>1934983.0</t>
  </si>
  <si>
    <t>1624329.0</t>
  </si>
  <si>
    <t>544994.0</t>
  </si>
  <si>
    <t>202.733</t>
  </si>
  <si>
    <t>3580870.0</t>
  </si>
  <si>
    <t>1944020.0</t>
  </si>
  <si>
    <t>1636850.0</t>
  </si>
  <si>
    <t>21726.0</t>
  </si>
  <si>
    <t>564057.0</t>
  </si>
  <si>
    <t>209.824</t>
  </si>
  <si>
    <t>3587683.0</t>
  </si>
  <si>
    <t>1945508.0</t>
  </si>
  <si>
    <t>1642175.0</t>
  </si>
  <si>
    <t>578759.0</t>
  </si>
  <si>
    <t>3614811.0</t>
  </si>
  <si>
    <t>1658628.0</t>
  </si>
  <si>
    <t>594754.0</t>
  </si>
  <si>
    <t>221.243</t>
  </si>
  <si>
    <t>3636272.0</t>
  </si>
  <si>
    <t>1965422.0</t>
  </si>
  <si>
    <t>1670850.0</t>
  </si>
  <si>
    <t>612246.0</t>
  </si>
  <si>
    <t>3642002.0</t>
  </si>
  <si>
    <t>1967377.0</t>
  </si>
  <si>
    <t>1674625.0</t>
  </si>
  <si>
    <t>629486.0</t>
  </si>
  <si>
    <t>234.163</t>
  </si>
  <si>
    <t>644506.0</t>
  </si>
  <si>
    <t>239.751</t>
  </si>
  <si>
    <t>3685591.0</t>
  </si>
  <si>
    <t>1997576.0</t>
  </si>
  <si>
    <t>1688015.0</t>
  </si>
  <si>
    <t>664974.0</t>
  </si>
  <si>
    <t>3708551.0</t>
  </si>
  <si>
    <t>2013080.0</t>
  </si>
  <si>
    <t>1695471.0</t>
  </si>
  <si>
    <t>3730856.0</t>
  </si>
  <si>
    <t>2028988.0</t>
  </si>
  <si>
    <t>1701868.0</t>
  </si>
  <si>
    <t>683280.0</t>
  </si>
  <si>
    <t>254.174</t>
  </si>
  <si>
    <t>3752281.0</t>
  </si>
  <si>
    <t>2044639.0</t>
  </si>
  <si>
    <t>1707642.0</t>
  </si>
  <si>
    <t>19639.0</t>
  </si>
  <si>
    <t>701948.0</t>
  </si>
  <si>
    <t>261.119</t>
  </si>
  <si>
    <t>3775560.0</t>
  </si>
  <si>
    <t>2050819.0</t>
  </si>
  <si>
    <t>719043.0</t>
  </si>
  <si>
    <t>3780468.0</t>
  </si>
  <si>
    <t>2053529.0</t>
  </si>
  <si>
    <t>1726939.0</t>
  </si>
  <si>
    <t>832.3</t>
  </si>
  <si>
    <t>308.816157730366</t>
  </si>
  <si>
    <t>736965.0</t>
  </si>
  <si>
    <t>3804298.0</t>
  </si>
  <si>
    <t>2065408.0</t>
  </si>
  <si>
    <t>1738890.0</t>
  </si>
  <si>
    <t>23830.0</t>
  </si>
  <si>
    <t>757085.0</t>
  </si>
  <si>
    <t>281.629</t>
  </si>
  <si>
    <t>3831811.0</t>
  </si>
  <si>
    <t>2077049.0</t>
  </si>
  <si>
    <t>1754762.0</t>
  </si>
  <si>
    <t>776704.0</t>
  </si>
  <si>
    <t>288.927</t>
  </si>
  <si>
    <t>7.298</t>
  </si>
  <si>
    <t>3859284.0</t>
  </si>
  <si>
    <t>2089771.0</t>
  </si>
  <si>
    <t>1769513.0</t>
  </si>
  <si>
    <t>795241.0</t>
  </si>
  <si>
    <t>295.823</t>
  </si>
  <si>
    <t>3872889.0</t>
  </si>
  <si>
    <t>2100664.0</t>
  </si>
  <si>
    <t>1772225.0</t>
  </si>
  <si>
    <t>815936.0</t>
  </si>
  <si>
    <t>20695.0</t>
  </si>
  <si>
    <t>303.521</t>
  </si>
  <si>
    <t>3916863.0</t>
  </si>
  <si>
    <t>2113896.0</t>
  </si>
  <si>
    <t>1802967.0</t>
  </si>
  <si>
    <t>43974.0</t>
  </si>
  <si>
    <t>145.33</t>
  </si>
  <si>
    <t>836498.0</t>
  </si>
  <si>
    <t>311.17</t>
  </si>
  <si>
    <t>3938599.0</t>
  </si>
  <si>
    <t>2125355.0</t>
  </si>
  <si>
    <t>1813244.0</t>
  </si>
  <si>
    <t>856367.0</t>
  </si>
  <si>
    <t>318.561</t>
  </si>
  <si>
    <t>3942271.0</t>
  </si>
  <si>
    <t>2127479.0</t>
  </si>
  <si>
    <t>1814792.0</t>
  </si>
  <si>
    <t>875144.0</t>
  </si>
  <si>
    <t>325.546</t>
  </si>
  <si>
    <t>3951518.0</t>
  </si>
  <si>
    <t>2134729.0</t>
  </si>
  <si>
    <t>1816789.0</t>
  </si>
  <si>
    <t>21031.0</t>
  </si>
  <si>
    <t>896866.0</t>
  </si>
  <si>
    <t>333.626</t>
  </si>
  <si>
    <t>3990966.0</t>
  </si>
  <si>
    <t>2165071.0</t>
  </si>
  <si>
    <t>1825895.0</t>
  </si>
  <si>
    <t>919577.0</t>
  </si>
  <si>
    <t>342.075</t>
  </si>
  <si>
    <t>4012536.0</t>
  </si>
  <si>
    <t>2175812.0</t>
  </si>
  <si>
    <t>1836724.0</t>
  </si>
  <si>
    <t>21570.0</t>
  </si>
  <si>
    <t>21893.0</t>
  </si>
  <si>
    <t>148.88</t>
  </si>
  <si>
    <t>941539.0</t>
  </si>
  <si>
    <t>350.244</t>
  </si>
  <si>
    <t>4038555.0</t>
  </si>
  <si>
    <t>2185670.0</t>
  </si>
  <si>
    <t>1852885.0</t>
  </si>
  <si>
    <t>26019.0</t>
  </si>
  <si>
    <t>963141.0</t>
  </si>
  <si>
    <t>358.28</t>
  </si>
  <si>
    <t>986924.0</t>
  </si>
  <si>
    <t>367.127</t>
  </si>
  <si>
    <t>7.994</t>
  </si>
  <si>
    <t>4067088.0</t>
  </si>
  <si>
    <t>2200646.0</t>
  </si>
  <si>
    <t>1866442.0</t>
  </si>
  <si>
    <t>1009174.0</t>
  </si>
  <si>
    <t>375.404</t>
  </si>
  <si>
    <t>4076666.0</t>
  </si>
  <si>
    <t>2205363.0</t>
  </si>
  <si>
    <t>1871303.0</t>
  </si>
  <si>
    <t>1033889.0</t>
  </si>
  <si>
    <t>384.598</t>
  </si>
  <si>
    <t>4091569.0</t>
  </si>
  <si>
    <t>2214028.0</t>
  </si>
  <si>
    <t>1877541.0</t>
  </si>
  <si>
    <t>1063165.0</t>
  </si>
  <si>
    <t>395.488</t>
  </si>
  <si>
    <t>4135062.0</t>
  </si>
  <si>
    <t>2225919.0</t>
  </si>
  <si>
    <t>1909143.0</t>
  </si>
  <si>
    <t>1091907.0</t>
  </si>
  <si>
    <t>406.18</t>
  </si>
  <si>
    <t>10.692</t>
  </si>
  <si>
    <t>24619.0</t>
  </si>
  <si>
    <t>4162791.0</t>
  </si>
  <si>
    <t>2235625.0</t>
  </si>
  <si>
    <t>1927166.0</t>
  </si>
  <si>
    <t>27729.0</t>
  </si>
  <si>
    <t>1117794.0</t>
  </si>
  <si>
    <t>415.81</t>
  </si>
  <si>
    <t>9.366</t>
  </si>
  <si>
    <t>4179382.0</t>
  </si>
  <si>
    <t>2244116.0</t>
  </si>
  <si>
    <t>1935266.0</t>
  </si>
  <si>
    <t>1145397.0</t>
  </si>
  <si>
    <t>426.078</t>
  </si>
  <si>
    <t>4202478.0</t>
  </si>
  <si>
    <t>2256097.0</t>
  </si>
  <si>
    <t>1946381.0</t>
  </si>
  <si>
    <t>1170133.0</t>
  </si>
  <si>
    <t>435.279</t>
  </si>
  <si>
    <t>4228126.0</t>
  </si>
  <si>
    <t>2269446.0</t>
  </si>
  <si>
    <t>1958680.0</t>
  </si>
  <si>
    <t>156.88</t>
  </si>
  <si>
    <t>1195247.0</t>
  </si>
  <si>
    <t>444.621</t>
  </si>
  <si>
    <t>9.342</t>
  </si>
  <si>
    <t>26582.0</t>
  </si>
  <si>
    <t>4231970.0</t>
  </si>
  <si>
    <t>1216130.0</t>
  </si>
  <si>
    <t>20883.0</t>
  </si>
  <si>
    <t>452.39</t>
  </si>
  <si>
    <t>4252387.0</t>
  </si>
  <si>
    <t>2270775.0</t>
  </si>
  <si>
    <t>1981612.0</t>
  </si>
  <si>
    <t>1240992.0</t>
  </si>
  <si>
    <t>461.638</t>
  </si>
  <si>
    <t>4268255.0</t>
  </si>
  <si>
    <t>2277158.0</t>
  </si>
  <si>
    <t>1991097.0</t>
  </si>
  <si>
    <t>1267031.0</t>
  </si>
  <si>
    <t>471.324</t>
  </si>
  <si>
    <t>4287922.0</t>
  </si>
  <si>
    <t>2281413.0</t>
  </si>
  <si>
    <t>2006509.0</t>
  </si>
  <si>
    <t>1295631.0</t>
  </si>
  <si>
    <t>481.963</t>
  </si>
  <si>
    <t>4314791.0</t>
  </si>
  <si>
    <t>2287632.0</t>
  </si>
  <si>
    <t>2027159.0</t>
  </si>
  <si>
    <t>1321752.0</t>
  </si>
  <si>
    <t>26121.0</t>
  </si>
  <si>
    <t>491.68</t>
  </si>
  <si>
    <t>4333672.0</t>
  </si>
  <si>
    <t>2294297.0</t>
  </si>
  <si>
    <t>2039375.0</t>
  </si>
  <si>
    <t>1349196.0</t>
  </si>
  <si>
    <t>501.889</t>
  </si>
  <si>
    <t>9.516</t>
  </si>
  <si>
    <t>4363903.0</t>
  </si>
  <si>
    <t>1377355.0</t>
  </si>
  <si>
    <t>28159.0</t>
  </si>
  <si>
    <t>512.364</t>
  </si>
  <si>
    <t>10.475</t>
  </si>
  <si>
    <t>4369584.0</t>
  </si>
  <si>
    <t>1403846.0</t>
  </si>
  <si>
    <t>26491.0</t>
  </si>
  <si>
    <t>522.218</t>
  </si>
  <si>
    <t>9.854</t>
  </si>
  <si>
    <t>26817.0</t>
  </si>
  <si>
    <t>4413329.0</t>
  </si>
  <si>
    <t>2318916.0</t>
  </si>
  <si>
    <t>2094413.0</t>
  </si>
  <si>
    <t>1435932.0</t>
  </si>
  <si>
    <t>534.154</t>
  </si>
  <si>
    <t>1464654.0</t>
  </si>
  <si>
    <t>28722.0</t>
  </si>
  <si>
    <t>544.839</t>
  </si>
  <si>
    <t>10.502</t>
  </si>
  <si>
    <t>4454401.0</t>
  </si>
  <si>
    <t>2323543.0</t>
  </si>
  <si>
    <t>2130858.0</t>
  </si>
  <si>
    <t>165.28</t>
  </si>
  <si>
    <t>877.6</t>
  </si>
  <si>
    <t>325.62424609416</t>
  </si>
  <si>
    <t>1492664.0</t>
  </si>
  <si>
    <t>28010.0</t>
  </si>
  <si>
    <t>555.258</t>
  </si>
  <si>
    <t>4479962.0</t>
  </si>
  <si>
    <t>2327768.0</t>
  </si>
  <si>
    <t>2152194.0</t>
  </si>
  <si>
    <t>1521787.0</t>
  </si>
  <si>
    <t>29123.0</t>
  </si>
  <si>
    <t>566.092</t>
  </si>
  <si>
    <t>4501397.0</t>
  </si>
  <si>
    <t>2337318.0</t>
  </si>
  <si>
    <t>2164079.0</t>
  </si>
  <si>
    <t>1552101.0</t>
  </si>
  <si>
    <t>577.368</t>
  </si>
  <si>
    <t>11.277</t>
  </si>
  <si>
    <t>1578660.0</t>
  </si>
  <si>
    <t>587.248</t>
  </si>
  <si>
    <t>28758.0</t>
  </si>
  <si>
    <t>4504557.0</t>
  </si>
  <si>
    <t>2337484.0</t>
  </si>
  <si>
    <t>2167073.0</t>
  </si>
  <si>
    <t>167.14</t>
  </si>
  <si>
    <t>1600873.0</t>
  </si>
  <si>
    <t>595.511</t>
  </si>
  <si>
    <t>8.263</t>
  </si>
  <si>
    <t>1628645.0</t>
  </si>
  <si>
    <t>605.842</t>
  </si>
  <si>
    <t>4535813.0</t>
  </si>
  <si>
    <t>2191460.0</t>
  </si>
  <si>
    <t>1655654.0</t>
  </si>
  <si>
    <t>27009.0</t>
  </si>
  <si>
    <t>615.889</t>
  </si>
  <si>
    <t>27286.0</t>
  </si>
  <si>
    <t>1682711.0</t>
  </si>
  <si>
    <t>625.954</t>
  </si>
  <si>
    <t>4550682.0</t>
  </si>
  <si>
    <t>2349013.0</t>
  </si>
  <si>
    <t>2201669.0</t>
  </si>
  <si>
    <t>1708776.0</t>
  </si>
  <si>
    <t>26065.0</t>
  </si>
  <si>
    <t>635.65</t>
  </si>
  <si>
    <t>4561509.0</t>
  </si>
  <si>
    <t>2351673.0</t>
  </si>
  <si>
    <t>2209836.0</t>
  </si>
  <si>
    <t>169.25</t>
  </si>
  <si>
    <t>1734728.0</t>
  </si>
  <si>
    <t>645.304</t>
  </si>
  <si>
    <t>1758932.0</t>
  </si>
  <si>
    <t>654.307</t>
  </si>
  <si>
    <t>9.004</t>
  </si>
  <si>
    <t>2360308.0</t>
  </si>
  <si>
    <t>2218292.0</t>
  </si>
  <si>
    <t>1782133.0</t>
  </si>
  <si>
    <t>23201.0</t>
  </si>
  <si>
    <t>662.938</t>
  </si>
  <si>
    <t>25894.0</t>
  </si>
  <si>
    <t>4587397.0</t>
  </si>
  <si>
    <t>1806506.0</t>
  </si>
  <si>
    <t>672.004</t>
  </si>
  <si>
    <t>4605920.0</t>
  </si>
  <si>
    <t>1831569.0</t>
  </si>
  <si>
    <t>681.328</t>
  </si>
  <si>
    <t>4615678.0</t>
  </si>
  <si>
    <t>1856661.0</t>
  </si>
  <si>
    <t>25092.0</t>
  </si>
  <si>
    <t>690.662</t>
  </si>
  <si>
    <t>4624179.0</t>
  </si>
  <si>
    <t>1881209.0</t>
  </si>
  <si>
    <t>24548.0</t>
  </si>
  <si>
    <t>699.793</t>
  </si>
  <si>
    <t>9.132</t>
  </si>
  <si>
    <t>4633897.0</t>
  </si>
  <si>
    <t>1902159.0</t>
  </si>
  <si>
    <t>707.587</t>
  </si>
  <si>
    <t>8.898</t>
  </si>
  <si>
    <t>4647414.0</t>
  </si>
  <si>
    <t>1923718.0</t>
  </si>
  <si>
    <t>715.606</t>
  </si>
  <si>
    <t>4653019.0</t>
  </si>
  <si>
    <t>1946567.0</t>
  </si>
  <si>
    <t>724.106</t>
  </si>
  <si>
    <t>1968698.0</t>
  </si>
  <si>
    <t>732.339</t>
  </si>
  <si>
    <t>23170.0</t>
  </si>
  <si>
    <t>1993442.0</t>
  </si>
  <si>
    <t>24744.0</t>
  </si>
  <si>
    <t>741.543</t>
  </si>
  <si>
    <t>23125.0</t>
  </si>
  <si>
    <t>4675941.0</t>
  </si>
  <si>
    <t>2017112.0</t>
  </si>
  <si>
    <t>750.348</t>
  </si>
  <si>
    <t>8.805</t>
  </si>
  <si>
    <t>2040551.0</t>
  </si>
  <si>
    <t>759.067</t>
  </si>
  <si>
    <t>4686559.0</t>
  </si>
  <si>
    <t>173.89</t>
  </si>
  <si>
    <t>2063391.0</t>
  </si>
  <si>
    <t>767.563</t>
  </si>
  <si>
    <t>2084694.0</t>
  </si>
  <si>
    <t>775.488</t>
  </si>
  <si>
    <t>8.555</t>
  </si>
  <si>
    <t>4690049.0</t>
  </si>
  <si>
    <t>174.02</t>
  </si>
  <si>
    <t>2107227.0</t>
  </si>
  <si>
    <t>783.87</t>
  </si>
  <si>
    <t>22951.0</t>
  </si>
  <si>
    <t>4696753.0</t>
  </si>
  <si>
    <t>2129996.0</t>
  </si>
  <si>
    <t>792.34</t>
  </si>
  <si>
    <t>23043.0</t>
  </si>
  <si>
    <t>2153033.0</t>
  </si>
  <si>
    <t>800.91</t>
  </si>
  <si>
    <t>4702517.0</t>
  </si>
  <si>
    <t>174.48</t>
  </si>
  <si>
    <t>2179587.0</t>
  </si>
  <si>
    <t>810.787</t>
  </si>
  <si>
    <t>4708867.0</t>
  </si>
  <si>
    <t>2203607.0</t>
  </si>
  <si>
    <t>819.723</t>
  </si>
  <si>
    <t>4712907.0</t>
  </si>
  <si>
    <t>866.5</t>
  </si>
  <si>
    <t>-6.2</t>
  </si>
  <si>
    <t>321.505707885813</t>
  </si>
  <si>
    <t>2227148.0</t>
  </si>
  <si>
    <t>828.48</t>
  </si>
  <si>
    <t>4720147.0</t>
  </si>
  <si>
    <t>175.14</t>
  </si>
  <si>
    <t>2249753.0</t>
  </si>
  <si>
    <t>22605.0</t>
  </si>
  <si>
    <t>836.889</t>
  </si>
  <si>
    <t>8.772</t>
  </si>
  <si>
    <t>4722279.0</t>
  </si>
  <si>
    <t>175.22</t>
  </si>
  <si>
    <t>2274150.0</t>
  </si>
  <si>
    <t>24397.0</t>
  </si>
  <si>
    <t>845.964</t>
  </si>
  <si>
    <t>4724998.0</t>
  </si>
  <si>
    <t>2294273.0</t>
  </si>
  <si>
    <t>853.45</t>
  </si>
  <si>
    <t>4734750.0</t>
  </si>
  <si>
    <t>175.68</t>
  </si>
  <si>
    <t>2317976.0</t>
  </si>
  <si>
    <t>862.267</t>
  </si>
  <si>
    <t>4739995.0</t>
  </si>
  <si>
    <t>175.87</t>
  </si>
  <si>
    <t>2341418.0</t>
  </si>
  <si>
    <t>870.987</t>
  </si>
  <si>
    <t>4744058.0</t>
  </si>
  <si>
    <t>2364908.0</t>
  </si>
  <si>
    <t>879.725</t>
  </si>
  <si>
    <t>4748753.0</t>
  </si>
  <si>
    <t>2382785.0</t>
  </si>
  <si>
    <t>886.375</t>
  </si>
  <si>
    <t>4754884.0</t>
  </si>
  <si>
    <t>2401255.0</t>
  </si>
  <si>
    <t>893.246</t>
  </si>
  <si>
    <t>4760876.0</t>
  </si>
  <si>
    <t>2423902.0</t>
  </si>
  <si>
    <t>901.67</t>
  </si>
  <si>
    <t>4767210.0</t>
  </si>
  <si>
    <t>2445941.0</t>
  </si>
  <si>
    <t>909.869</t>
  </si>
  <si>
    <t>8.198</t>
  </si>
  <si>
    <t>2467545.0</t>
  </si>
  <si>
    <t>917.905</t>
  </si>
  <si>
    <t>4772142.0</t>
  </si>
  <si>
    <t>2489682.0</t>
  </si>
  <si>
    <t>926.14</t>
  </si>
  <si>
    <t>4776367.0</t>
  </si>
  <si>
    <t>2513681.0</t>
  </si>
  <si>
    <t>23999.0</t>
  </si>
  <si>
    <t>935.067</t>
  </si>
  <si>
    <t>4780790.0</t>
  </si>
  <si>
    <t>2532308.0</t>
  </si>
  <si>
    <t>941.997</t>
  </si>
  <si>
    <t>4785841.0</t>
  </si>
  <si>
    <t>2549706.0</t>
  </si>
  <si>
    <t>948.468</t>
  </si>
  <si>
    <t>21207.0</t>
  </si>
  <si>
    <t>4787360.0</t>
  </si>
  <si>
    <t>2568941.0</t>
  </si>
  <si>
    <t>955.624</t>
  </si>
  <si>
    <t>4790350.0</t>
  </si>
  <si>
    <t>2590137.0</t>
  </si>
  <si>
    <t>963.508</t>
  </si>
  <si>
    <t>7.885</t>
  </si>
  <si>
    <t>4793618.0</t>
  </si>
  <si>
    <t>2611723.0</t>
  </si>
  <si>
    <t>971.538</t>
  </si>
  <si>
    <t>4799513.0</t>
  </si>
  <si>
    <t>178.08</t>
  </si>
  <si>
    <t>2634030.0</t>
  </si>
  <si>
    <t>979.836</t>
  </si>
  <si>
    <t>2654460.0</t>
  </si>
  <si>
    <t>987.436</t>
  </si>
  <si>
    <t>4802306.0</t>
  </si>
  <si>
    <t>2672326.0</t>
  </si>
  <si>
    <t>994.082</t>
  </si>
  <si>
    <t>6.646</t>
  </si>
  <si>
    <t>4805934.0</t>
  </si>
  <si>
    <t>2690259.0</t>
  </si>
  <si>
    <t>1000.753</t>
  </si>
  <si>
    <t>4807293.0</t>
  </si>
  <si>
    <t>2713337.0</t>
  </si>
  <si>
    <t>1009.338</t>
  </si>
  <si>
    <t>4811693.0</t>
  </si>
  <si>
    <t>2735606.0</t>
  </si>
  <si>
    <t>1017.622</t>
  </si>
  <si>
    <t>4815431.0</t>
  </si>
  <si>
    <t>2755146.0</t>
  </si>
  <si>
    <t>1024.89</t>
  </si>
  <si>
    <t>4819051.0</t>
  </si>
  <si>
    <t>178.81</t>
  </si>
  <si>
    <t>2782085.0</t>
  </si>
  <si>
    <t>1034.911</t>
  </si>
  <si>
    <t>4821695.0</t>
  </si>
  <si>
    <t>2804084.0</t>
  </si>
  <si>
    <t>1043.095</t>
  </si>
  <si>
    <t>4826586.0</t>
  </si>
  <si>
    <t>2824286.0</t>
  </si>
  <si>
    <t>1050.61</t>
  </si>
  <si>
    <t>21709.0</t>
  </si>
  <si>
    <t>4830809.0</t>
  </si>
  <si>
    <t>2841924.0</t>
  </si>
  <si>
    <t>1057.171</t>
  </si>
  <si>
    <t>4832023.0</t>
  </si>
  <si>
    <t>2865150.0</t>
  </si>
  <si>
    <t>1065.811</t>
  </si>
  <si>
    <t>8.068</t>
  </si>
  <si>
    <t>4834881.0</t>
  </si>
  <si>
    <t>894.6</t>
  </si>
  <si>
    <t>331.931917224061</t>
  </si>
  <si>
    <t>2888431.0</t>
  </si>
  <si>
    <t>1074.471</t>
  </si>
  <si>
    <t>4838632.0</t>
  </si>
  <si>
    <t>2911914.0</t>
  </si>
  <si>
    <t>1083.207</t>
  </si>
  <si>
    <t>8.331</t>
  </si>
  <si>
    <t>4842210.0</t>
  </si>
  <si>
    <t>2936412.0</t>
  </si>
  <si>
    <t>1092.32</t>
  </si>
  <si>
    <t>4845533.0</t>
  </si>
  <si>
    <t>2957921.0</t>
  </si>
  <si>
    <t>1100.321</t>
  </si>
  <si>
    <t>21977.0</t>
  </si>
  <si>
    <t>4848914.0</t>
  </si>
  <si>
    <t>179.91</t>
  </si>
  <si>
    <t>2975688.0</t>
  </si>
  <si>
    <t>1106.93</t>
  </si>
  <si>
    <t>4852998.0</t>
  </si>
  <si>
    <t>2993590.0</t>
  </si>
  <si>
    <t>1113.589</t>
  </si>
  <si>
    <t>4854499.0</t>
  </si>
  <si>
    <t>180.12</t>
  </si>
  <si>
    <t>3016859.0</t>
  </si>
  <si>
    <t>1122.245</t>
  </si>
  <si>
    <t>4856503.0</t>
  </si>
  <si>
    <t>3039739.0</t>
  </si>
  <si>
    <t>1130.756</t>
  </si>
  <si>
    <t>4859929.0</t>
  </si>
  <si>
    <t>3061915.0</t>
  </si>
  <si>
    <t>1139.006</t>
  </si>
  <si>
    <t>4863433.0</t>
  </si>
  <si>
    <t>180.45</t>
  </si>
  <si>
    <t>3080666.0</t>
  </si>
  <si>
    <t>1145.981</t>
  </si>
  <si>
    <t>4866853.0</t>
  </si>
  <si>
    <t>3101925.0</t>
  </si>
  <si>
    <t>1153.889</t>
  </si>
  <si>
    <t>4870836.0</t>
  </si>
  <si>
    <t>3120814.0</t>
  </si>
  <si>
    <t>1160.916</t>
  </si>
  <si>
    <t>4876778.0</t>
  </si>
  <si>
    <t>3141910.0</t>
  </si>
  <si>
    <t>1168.763</t>
  </si>
  <si>
    <t>7.848</t>
  </si>
  <si>
    <t>3162441.0</t>
  </si>
  <si>
    <t>1176.401</t>
  </si>
  <si>
    <t>4878413.0</t>
  </si>
  <si>
    <t>3180556.0</t>
  </si>
  <si>
    <t>1183.139</t>
  </si>
  <si>
    <t>20117.0</t>
  </si>
  <si>
    <t>4884108.0</t>
  </si>
  <si>
    <t>3198225.0</t>
  </si>
  <si>
    <t>1189.712</t>
  </si>
  <si>
    <t>4889583.0</t>
  </si>
  <si>
    <t>3215186.0</t>
  </si>
  <si>
    <t>1196.021</t>
  </si>
  <si>
    <t>4894936.0</t>
  </si>
  <si>
    <t>3234369.0</t>
  </si>
  <si>
    <t>1203.157</t>
  </si>
  <si>
    <t>4901128.0</t>
  </si>
  <si>
    <t>181.85</t>
  </si>
  <si>
    <t>3253070.0</t>
  </si>
  <si>
    <t>1210.114</t>
  </si>
  <si>
    <t>18894.0</t>
  </si>
  <si>
    <t>3271795.0</t>
  </si>
  <si>
    <t>6.902</t>
  </si>
  <si>
    <t>182.23</t>
  </si>
  <si>
    <t>3292805.0</t>
  </si>
  <si>
    <t>1224.895</t>
  </si>
  <si>
    <t>18623.0</t>
  </si>
  <si>
    <t>4922055.0</t>
  </si>
  <si>
    <t>3314283.0</t>
  </si>
  <si>
    <t>1232.884</t>
  </si>
  <si>
    <t>3332878.0</t>
  </si>
  <si>
    <t>1239.802</t>
  </si>
  <si>
    <t>4936861.0</t>
  </si>
  <si>
    <t>3353466.0</t>
  </si>
  <si>
    <t>1247.46</t>
  </si>
  <si>
    <t>3373583.0</t>
  </si>
  <si>
    <t>1254.943</t>
  </si>
  <si>
    <t>7.398</t>
  </si>
  <si>
    <t>4954143.0</t>
  </si>
  <si>
    <t>183.82</t>
  </si>
  <si>
    <t>3392271.0</t>
  </si>
  <si>
    <t>1261.895</t>
  </si>
  <si>
    <t>3410509.0</t>
  </si>
  <si>
    <t>1268.68</t>
  </si>
  <si>
    <t>4957916.0</t>
  </si>
  <si>
    <t>3428917.0</t>
  </si>
  <si>
    <t>1275.527</t>
  </si>
  <si>
    <t>4961912.0</t>
  </si>
  <si>
    <t>184.11</t>
  </si>
  <si>
    <t>3448399.0</t>
  </si>
  <si>
    <t>19482.0</t>
  </si>
  <si>
    <t>1282.774</t>
  </si>
  <si>
    <t>19159.0</t>
  </si>
  <si>
    <t>4971477.0</t>
  </si>
  <si>
    <t>3469882.0</t>
  </si>
  <si>
    <t>1290.766</t>
  </si>
  <si>
    <t>4979699.0</t>
  </si>
  <si>
    <t>184.77</t>
  </si>
  <si>
    <t>902.9</t>
  </si>
  <si>
    <t>335.011544893365</t>
  </si>
  <si>
    <t>3491321.0</t>
  </si>
  <si>
    <t>1298.741</t>
  </si>
  <si>
    <t>4989421.0</t>
  </si>
  <si>
    <t>185.13</t>
  </si>
  <si>
    <t>3510313.0</t>
  </si>
  <si>
    <t>18992.0</t>
  </si>
  <si>
    <t>1305.806</t>
  </si>
  <si>
    <t>4996503.0</t>
  </si>
  <si>
    <t>3528764.0</t>
  </si>
  <si>
    <t>1312.669</t>
  </si>
  <si>
    <t>7.253</t>
  </si>
  <si>
    <t>5004650.0</t>
  </si>
  <si>
    <t>3547043.0</t>
  </si>
  <si>
    <t>18279.0</t>
  </si>
  <si>
    <t>1319.469</t>
  </si>
  <si>
    <t>7.256</t>
  </si>
  <si>
    <t>5011447.0</t>
  </si>
  <si>
    <t>185.94</t>
  </si>
  <si>
    <t>3567940.0</t>
  </si>
  <si>
    <t>1327.243</t>
  </si>
  <si>
    <t>3587774.0</t>
  </si>
  <si>
    <t>1334.621</t>
  </si>
  <si>
    <t>5018927.0</t>
  </si>
  <si>
    <t>3608945.0</t>
  </si>
  <si>
    <t>1342.496</t>
  </si>
  <si>
    <t>5028254.0</t>
  </si>
  <si>
    <t>3628340.0</t>
  </si>
  <si>
    <t>1349.711</t>
  </si>
  <si>
    <t>5035470.0</t>
  </si>
  <si>
    <t>3650518.0</t>
  </si>
  <si>
    <t>5043480.0</t>
  </si>
  <si>
    <t>187.13</t>
  </si>
  <si>
    <t>3669685.0</t>
  </si>
  <si>
    <t>1365.091</t>
  </si>
  <si>
    <t>5051876.0</t>
  </si>
  <si>
    <t>187.44</t>
  </si>
  <si>
    <t>3691614.0</t>
  </si>
  <si>
    <t>1373.248</t>
  </si>
  <si>
    <t>5059023.0</t>
  </si>
  <si>
    <t>3712629.0</t>
  </si>
  <si>
    <t>1381.066</t>
  </si>
  <si>
    <t>3734074.0</t>
  </si>
  <si>
    <t>1389.043</t>
  </si>
  <si>
    <t>5077164.0</t>
  </si>
  <si>
    <t>188.38</t>
  </si>
  <si>
    <t>3758089.0</t>
  </si>
  <si>
    <t>1397.976</t>
  </si>
  <si>
    <t>5088710.0</t>
  </si>
  <si>
    <t>3781443.0</t>
  </si>
  <si>
    <t>1406.664</t>
  </si>
  <si>
    <t>5098068.0</t>
  </si>
  <si>
    <t>3804473.0</t>
  </si>
  <si>
    <t>1415.231</t>
  </si>
  <si>
    <t>3826106.0</t>
  </si>
  <si>
    <t>21633.0</t>
  </si>
  <si>
    <t>1423.278</t>
  </si>
  <si>
    <t>8.313</t>
  </si>
  <si>
    <t>5105894.0</t>
  </si>
  <si>
    <t>3850748.0</t>
  </si>
  <si>
    <t>1432.445</t>
  </si>
  <si>
    <t>5108730.0</t>
  </si>
  <si>
    <t>189.55</t>
  </si>
  <si>
    <t>3872090.0</t>
  </si>
  <si>
    <t>1440.384</t>
  </si>
  <si>
    <t>5114157.0</t>
  </si>
  <si>
    <t>3892286.0</t>
  </si>
  <si>
    <t>1447.896</t>
  </si>
  <si>
    <t>5125842.0</t>
  </si>
  <si>
    <t>3912609.0</t>
  </si>
  <si>
    <t>1455.456</t>
  </si>
  <si>
    <t>3933388.0</t>
  </si>
  <si>
    <t>1463.186</t>
  </si>
  <si>
    <t>5132874.0</t>
  </si>
  <si>
    <t>190.45</t>
  </si>
  <si>
    <t>3955870.0</t>
  </si>
  <si>
    <t>1471.549</t>
  </si>
  <si>
    <t>5141455.0</t>
  </si>
  <si>
    <t>3978918.0</t>
  </si>
  <si>
    <t>1480.123</t>
  </si>
  <si>
    <t>5153010.0</t>
  </si>
  <si>
    <t>4002600.0</t>
  </si>
  <si>
    <t>23682.0</t>
  </si>
  <si>
    <t>1488.932</t>
  </si>
  <si>
    <t>4026183.0</t>
  </si>
  <si>
    <t>1497.705</t>
  </si>
  <si>
    <t>5155770.0</t>
  </si>
  <si>
    <t>4050583.0</t>
  </si>
  <si>
    <t>1506.782</t>
  </si>
  <si>
    <t>9.077</t>
  </si>
  <si>
    <t>8.412</t>
  </si>
  <si>
    <t>5163471.0</t>
  </si>
  <si>
    <t>4076358.0</t>
  </si>
  <si>
    <t>25775.0</t>
  </si>
  <si>
    <t>1516.37</t>
  </si>
  <si>
    <t>23393.0</t>
  </si>
  <si>
    <t>5182058.0</t>
  </si>
  <si>
    <t>4103605.0</t>
  </si>
  <si>
    <t>1526.505</t>
  </si>
  <si>
    <t>4133583.0</t>
  </si>
  <si>
    <t>1537.657</t>
  </si>
  <si>
    <t>11.152</t>
  </si>
  <si>
    <t>5193431.0</t>
  </si>
  <si>
    <t>4163972.0</t>
  </si>
  <si>
    <t>1548.961</t>
  </si>
  <si>
    <t>5205664.0</t>
  </si>
  <si>
    <t>920.6</t>
  </si>
  <si>
    <t>341.578943658026</t>
  </si>
  <si>
    <t>4195125.0</t>
  </si>
  <si>
    <t>31153.0</t>
  </si>
  <si>
    <t>1560.55</t>
  </si>
  <si>
    <t>5209637.0</t>
  </si>
  <si>
    <t>4228788.0</t>
  </si>
  <si>
    <t>1573.072</t>
  </si>
  <si>
    <t>5213945.0</t>
  </si>
  <si>
    <t>193.46</t>
  </si>
  <si>
    <t>4263267.0</t>
  </si>
  <si>
    <t>1585.898</t>
  </si>
  <si>
    <t>12.826</t>
  </si>
  <si>
    <t>11.302</t>
  </si>
  <si>
    <t>5224040.0</t>
  </si>
  <si>
    <t>4298607.0</t>
  </si>
  <si>
    <t>1599.044</t>
  </si>
  <si>
    <t>11.811</t>
  </si>
  <si>
    <t>5235303.0</t>
  </si>
  <si>
    <t>4335226.0</t>
  </si>
  <si>
    <t>1612.666</t>
  </si>
  <si>
    <t>12.309</t>
  </si>
  <si>
    <t>5245738.0</t>
  </si>
  <si>
    <t>4371737.0</t>
  </si>
  <si>
    <t>1626.248</t>
  </si>
  <si>
    <t>13.582</t>
  </si>
  <si>
    <t>5268550.0</t>
  </si>
  <si>
    <t>4407975.0</t>
  </si>
  <si>
    <t>1639.728</t>
  </si>
  <si>
    <t>4444412.0</t>
  </si>
  <si>
    <t>36437.0</t>
  </si>
  <si>
    <t>1653.283</t>
  </si>
  <si>
    <t>5279265.0</t>
  </si>
  <si>
    <t>4481224.0</t>
  </si>
  <si>
    <t>1666.976</t>
  </si>
  <si>
    <t>4519646.0</t>
  </si>
  <si>
    <t>1681.269</t>
  </si>
  <si>
    <t>14.293</t>
  </si>
  <si>
    <t>4558698.0</t>
  </si>
  <si>
    <t>39052.0</t>
  </si>
  <si>
    <t>1695.796</t>
  </si>
  <si>
    <t>37156.0</t>
  </si>
  <si>
    <t>4597680.0</t>
  </si>
  <si>
    <t>1710.297</t>
  </si>
  <si>
    <t>14.501</t>
  </si>
  <si>
    <t>5372222.0</t>
  </si>
  <si>
    <t>4636845.0</t>
  </si>
  <si>
    <t>1724.866</t>
  </si>
  <si>
    <t>14.088</t>
  </si>
  <si>
    <t>4675567.0</t>
  </si>
  <si>
    <t>1739.27</t>
  </si>
  <si>
    <t>38227.0</t>
  </si>
  <si>
    <t>5403271.0</t>
  </si>
  <si>
    <t>18480.0</t>
  </si>
  <si>
    <t>200.48</t>
  </si>
  <si>
    <t>4714999.0</t>
  </si>
  <si>
    <t>1753.939</t>
  </si>
  <si>
    <t>14.668</t>
  </si>
  <si>
    <t>38655.0</t>
  </si>
  <si>
    <t>5409304.0</t>
  </si>
  <si>
    <t>18577.0</t>
  </si>
  <si>
    <t>4754801.0</t>
  </si>
  <si>
    <t>1768.745</t>
  </si>
  <si>
    <t>5412717.0</t>
  </si>
  <si>
    <t>4790663.0</t>
  </si>
  <si>
    <t>35862.0</t>
  </si>
  <si>
    <t>1782.085</t>
  </si>
  <si>
    <t>38717.0</t>
  </si>
  <si>
    <t>5447278.0</t>
  </si>
  <si>
    <t>34561.0</t>
  </si>
  <si>
    <t>18567.0</t>
  </si>
  <si>
    <t>4825509.0</t>
  </si>
  <si>
    <t>1795.047</t>
  </si>
  <si>
    <t>5479206.0</t>
  </si>
  <si>
    <t>4857598.0</t>
  </si>
  <si>
    <t>1806.984</t>
  </si>
  <si>
    <t>5513979.0</t>
  </si>
  <si>
    <t>4886612.0</t>
  </si>
  <si>
    <t>29014.0</t>
  </si>
  <si>
    <t>1817.777</t>
  </si>
  <si>
    <t>35681.0</t>
  </si>
  <si>
    <t>5543839.0</t>
  </si>
  <si>
    <t>4908865.0</t>
  </si>
  <si>
    <t>1826.055</t>
  </si>
  <si>
    <t>33328.0</t>
  </si>
  <si>
    <t>5586386.0</t>
  </si>
  <si>
    <t>4938522.0</t>
  </si>
  <si>
    <t>29657.0</t>
  </si>
  <si>
    <t>1837.087</t>
  </si>
  <si>
    <t>11.032</t>
  </si>
  <si>
    <t>5589214.0</t>
  </si>
  <si>
    <t>4967526.0</t>
  </si>
  <si>
    <t>1847.876</t>
  </si>
  <si>
    <t>4994464.0</t>
  </si>
  <si>
    <t>1857.897</t>
  </si>
  <si>
    <t>29114.0</t>
  </si>
  <si>
    <t>5621332.0</t>
  </si>
  <si>
    <t>5024571.0</t>
  </si>
  <si>
    <t>30107.0</t>
  </si>
  <si>
    <t>1869.097</t>
  </si>
  <si>
    <t>5655277.0</t>
  </si>
  <si>
    <t>25153.0</t>
  </si>
  <si>
    <t>5052456.0</t>
  </si>
  <si>
    <t>1879.47</t>
  </si>
  <si>
    <t>5692705.0</t>
  </si>
  <si>
    <t>5078886.0</t>
  </si>
  <si>
    <t>1889.301</t>
  </si>
  <si>
    <t>5731330.0</t>
  </si>
  <si>
    <t>5100546.0</t>
  </si>
  <si>
    <t>1897.359</t>
  </si>
  <si>
    <t>27383.0</t>
  </si>
  <si>
    <t>5774591.0</t>
  </si>
  <si>
    <t>214.26</t>
  </si>
  <si>
    <t>5130739.0</t>
  </si>
  <si>
    <t>30193.0</t>
  </si>
  <si>
    <t>1908.59</t>
  </si>
  <si>
    <t>5777396.0</t>
  </si>
  <si>
    <t>26883.0</t>
  </si>
  <si>
    <t>5160335.0</t>
  </si>
  <si>
    <t>1919.6</t>
  </si>
  <si>
    <t>5783563.0</t>
  </si>
  <si>
    <t>214.59</t>
  </si>
  <si>
    <t>5181743.0</t>
  </si>
  <si>
    <t>1927.563</t>
  </si>
  <si>
    <t>26754.0</t>
  </si>
  <si>
    <t>5819013.0</t>
  </si>
  <si>
    <t>1023.2</t>
  </si>
  <si>
    <t>379.647594124367</t>
  </si>
  <si>
    <t>5209927.0</t>
  </si>
  <si>
    <t>28184.0</t>
  </si>
  <si>
    <t>1938.047</t>
  </si>
  <si>
    <t>5850221.0</t>
  </si>
  <si>
    <t>5239332.0</t>
  </si>
  <si>
    <t>1948.986</t>
  </si>
  <si>
    <t>26697.0</t>
  </si>
  <si>
    <t>5878254.0</t>
  </si>
  <si>
    <t>5268795.0</t>
  </si>
  <si>
    <t>1959.946</t>
  </si>
  <si>
    <t>5905780.0</t>
  </si>
  <si>
    <t>5291560.0</t>
  </si>
  <si>
    <t>1968.414</t>
  </si>
  <si>
    <t>10.151</t>
  </si>
  <si>
    <t>5948757.0</t>
  </si>
  <si>
    <t>42977.0</t>
  </si>
  <si>
    <t>5318300.0</t>
  </si>
  <si>
    <t>1978.361</t>
  </si>
  <si>
    <t>5958466.0</t>
  </si>
  <si>
    <t>933930.0</t>
  </si>
  <si>
    <t>5348801.0</t>
  </si>
  <si>
    <t>30501.0</t>
  </si>
  <si>
    <t>1989.707</t>
  </si>
  <si>
    <t>5373921.0</t>
  </si>
  <si>
    <t>1999.052</t>
  </si>
  <si>
    <t>5984713.0</t>
  </si>
  <si>
    <t>955867.0</t>
  </si>
  <si>
    <t>5396923.0</t>
  </si>
  <si>
    <t>2007.608</t>
  </si>
  <si>
    <t>5424363.0</t>
  </si>
  <si>
    <t>2017.816</t>
  </si>
  <si>
    <t>10.207</t>
  </si>
  <si>
    <t>6016957.0</t>
  </si>
  <si>
    <t>981898.0</t>
  </si>
  <si>
    <t>5450832.0</t>
  </si>
  <si>
    <t>2027.662</t>
  </si>
  <si>
    <t>9.846</t>
  </si>
  <si>
    <t>6037870.0</t>
  </si>
  <si>
    <t>998011.0</t>
  </si>
  <si>
    <t>5471420.0</t>
  </si>
  <si>
    <t>2035.321</t>
  </si>
  <si>
    <t>6067191.0</t>
  </si>
  <si>
    <t>1022567.0</t>
  </si>
  <si>
    <t>5499586.0</t>
  </si>
  <si>
    <t>2045.798</t>
  </si>
  <si>
    <t>10.478</t>
  </si>
  <si>
    <t>25898.0</t>
  </si>
  <si>
    <t>6071838.0</t>
  </si>
  <si>
    <t>1025034.0</t>
  </si>
  <si>
    <t>225.29</t>
  </si>
  <si>
    <t>5526896.0</t>
  </si>
  <si>
    <t>2055.957</t>
  </si>
  <si>
    <t>10.159</t>
  </si>
  <si>
    <t>6084258.0</t>
  </si>
  <si>
    <t>1035820.0</t>
  </si>
  <si>
    <t>5549277.0</t>
  </si>
  <si>
    <t>22381.0</t>
  </si>
  <si>
    <t>2064.283</t>
  </si>
  <si>
    <t>9.319</t>
  </si>
  <si>
    <t>6105201.0</t>
  </si>
  <si>
    <t>1052455.0</t>
  </si>
  <si>
    <t>226.53</t>
  </si>
  <si>
    <t>5573094.0</t>
  </si>
  <si>
    <t>2073.142</t>
  </si>
  <si>
    <t>6123679.0</t>
  </si>
  <si>
    <t>1067112.0</t>
  </si>
  <si>
    <t>227.21</t>
  </si>
  <si>
    <t>5597949.0</t>
  </si>
  <si>
    <t>2082.388</t>
  </si>
  <si>
    <t>6143063.0</t>
  </si>
  <si>
    <t>1082529.0</t>
  </si>
  <si>
    <t>227.93</t>
  </si>
  <si>
    <t>5620810.0</t>
  </si>
  <si>
    <t>2090.892</t>
  </si>
  <si>
    <t>6161494.0</t>
  </si>
  <si>
    <t>1097341.0</t>
  </si>
  <si>
    <t>5637796.0</t>
  </si>
  <si>
    <t>2097.211</t>
  </si>
  <si>
    <t>5659981.0</t>
  </si>
  <si>
    <t>2105.464</t>
  </si>
  <si>
    <t>22914.0</t>
  </si>
  <si>
    <t>8.524</t>
  </si>
  <si>
    <t>6198407.0</t>
  </si>
  <si>
    <t>1126907.0</t>
  </si>
  <si>
    <t>5681688.0</t>
  </si>
  <si>
    <t>2113.538</t>
  </si>
  <si>
    <t>6201271.0</t>
  </si>
  <si>
    <t>1129495.0</t>
  </si>
  <si>
    <t>5702628.0</t>
  </si>
  <si>
    <t>2121.328</t>
  </si>
  <si>
    <t>6222845.0</t>
  </si>
  <si>
    <t>1146672.0</t>
  </si>
  <si>
    <t>16806.0</t>
  </si>
  <si>
    <t>230.89</t>
  </si>
  <si>
    <t>5723572.0</t>
  </si>
  <si>
    <t>2129.119</t>
  </si>
  <si>
    <t>6241774.0</t>
  </si>
  <si>
    <t>1161471.0</t>
  </si>
  <si>
    <t>5744822.0</t>
  </si>
  <si>
    <t>2137.024</t>
  </si>
  <si>
    <t>6262739.0</t>
  </si>
  <si>
    <t>1179451.0</t>
  </si>
  <si>
    <t>5764680.0</t>
  </si>
  <si>
    <t>2144.411</t>
  </si>
  <si>
    <t>6276851.0</t>
  </si>
  <si>
    <t>1190528.0</t>
  </si>
  <si>
    <t>5780209.0</t>
  </si>
  <si>
    <t>2150.187</t>
  </si>
  <si>
    <t>6300785.0</t>
  </si>
  <si>
    <t>1210246.0</t>
  </si>
  <si>
    <t>23934.0</t>
  </si>
  <si>
    <t>5800850.0</t>
  </si>
  <si>
    <t>2157.866</t>
  </si>
  <si>
    <t>6303572.0</t>
  </si>
  <si>
    <t>1212354.0</t>
  </si>
  <si>
    <t>5822526.0</t>
  </si>
  <si>
    <t>2165.929</t>
  </si>
  <si>
    <t>6306789.0</t>
  </si>
  <si>
    <t>5842242.0</t>
  </si>
  <si>
    <t>2173.263</t>
  </si>
  <si>
    <t>6325732.0</t>
  </si>
  <si>
    <t>1229781.0</t>
  </si>
  <si>
    <t>397.383281183735</t>
  </si>
  <si>
    <t>5862677.0</t>
  </si>
  <si>
    <t>2180.865</t>
  </si>
  <si>
    <t>7.392</t>
  </si>
  <si>
    <t>6341479.0</t>
  </si>
  <si>
    <t>1241955.0</t>
  </si>
  <si>
    <t>235.29</t>
  </si>
  <si>
    <t>5881868.0</t>
  </si>
  <si>
    <t>2188.004</t>
  </si>
  <si>
    <t>6355187.0</t>
  </si>
  <si>
    <t>1252848.0</t>
  </si>
  <si>
    <t>5900138.0</t>
  </si>
  <si>
    <t>2194.8</t>
  </si>
  <si>
    <t>2575934.0</t>
  </si>
  <si>
    <t>5913621.0</t>
  </si>
  <si>
    <t>2199.815</t>
  </si>
  <si>
    <t>6395418.0</t>
  </si>
  <si>
    <t>1283655.0</t>
  </si>
  <si>
    <t>5932167.0</t>
  </si>
  <si>
    <t>2206.714</t>
  </si>
  <si>
    <t>6.899</t>
  </si>
  <si>
    <t>6397165.0</t>
  </si>
  <si>
    <t>1284705.0</t>
  </si>
  <si>
    <t>5949972.0</t>
  </si>
  <si>
    <t>2213.338</t>
  </si>
  <si>
    <t>6398889.0</t>
  </si>
  <si>
    <t>1285889.0</t>
  </si>
  <si>
    <t>5966465.0</t>
  </si>
  <si>
    <t>2219.473</t>
  </si>
  <si>
    <t>6414031.0</t>
  </si>
  <si>
    <t>1297264.0</t>
  </si>
  <si>
    <t>5983056.0</t>
  </si>
  <si>
    <t>2225.645</t>
  </si>
  <si>
    <t>6427469.0</t>
  </si>
  <si>
    <t>1307301.0</t>
  </si>
  <si>
    <t>6001026.0</t>
  </si>
  <si>
    <t>2232.329</t>
  </si>
  <si>
    <t>6438899.0</t>
  </si>
  <si>
    <t>1315804.0</t>
  </si>
  <si>
    <t>6019180.0</t>
  </si>
  <si>
    <t>2239.083</t>
  </si>
  <si>
    <t>6472465.0</t>
  </si>
  <si>
    <t>240.15</t>
  </si>
  <si>
    <t>6032522.0</t>
  </si>
  <si>
    <t>2244.046</t>
  </si>
  <si>
    <t>6050194.0</t>
  </si>
  <si>
    <t>2250.619</t>
  </si>
  <si>
    <t>6474303.0</t>
  </si>
  <si>
    <t>1340552.0</t>
  </si>
  <si>
    <t>6073143.0</t>
  </si>
  <si>
    <t>22949.0</t>
  </si>
  <si>
    <t>2259.156</t>
  </si>
  <si>
    <t>6476114.0</t>
  </si>
  <si>
    <t>1341796.0</t>
  </si>
  <si>
    <t>6088700.0</t>
  </si>
  <si>
    <t>2264.943</t>
  </si>
  <si>
    <t>6481249.0</t>
  </si>
  <si>
    <t>1345505.0</t>
  </si>
  <si>
    <t>6104155.0</t>
  </si>
  <si>
    <t>2270.692</t>
  </si>
  <si>
    <t>6486093.0</t>
  </si>
  <si>
    <t>1349131.0</t>
  </si>
  <si>
    <t>6116825.0</t>
  </si>
  <si>
    <t>2275.406</t>
  </si>
  <si>
    <t>6502144.0</t>
  </si>
  <si>
    <t>1360901.0</t>
  </si>
  <si>
    <t>6135252.0</t>
  </si>
  <si>
    <t>2282.26</t>
  </si>
  <si>
    <t>2590587.0</t>
  </si>
  <si>
    <t>6152979.0</t>
  </si>
  <si>
    <t>2288.855</t>
  </si>
  <si>
    <t>6537174.0</t>
  </si>
  <si>
    <t>1385763.0</t>
  </si>
  <si>
    <t>242.55</t>
  </si>
  <si>
    <t>6176519.0</t>
  </si>
  <si>
    <t>23540.0</t>
  </si>
  <si>
    <t>2297.611</t>
  </si>
  <si>
    <t>6538715.0</t>
  </si>
  <si>
    <t>1386619.0</t>
  </si>
  <si>
    <t>6200172.0</t>
  </si>
  <si>
    <t>2306.41</t>
  </si>
  <si>
    <t>8.799</t>
  </si>
  <si>
    <t>6543862.0</t>
  </si>
  <si>
    <t>1390164.0</t>
  </si>
  <si>
    <t>6223069.0</t>
  </si>
  <si>
    <t>2314.927</t>
  </si>
  <si>
    <t>6548065.0</t>
  </si>
  <si>
    <t>1393112.0</t>
  </si>
  <si>
    <t>242.96</t>
  </si>
  <si>
    <t>6242926.0</t>
  </si>
  <si>
    <t>2322.314</t>
  </si>
  <si>
    <t>6551880.0</t>
  </si>
  <si>
    <t>6260638.0</t>
  </si>
  <si>
    <t>2328.903</t>
  </si>
  <si>
    <t>6575051.0</t>
  </si>
  <si>
    <t>1411968.0</t>
  </si>
  <si>
    <t>6277771.0</t>
  </si>
  <si>
    <t>2335.276</t>
  </si>
  <si>
    <t>2593517.0</t>
  </si>
  <si>
    <t>6291843.0</t>
  </si>
  <si>
    <t>2340.511</t>
  </si>
  <si>
    <t>6594382.0</t>
  </si>
  <si>
    <t>1424454.0</t>
  </si>
  <si>
    <t>6312100.0</t>
  </si>
  <si>
    <t>2348.046</t>
  </si>
  <si>
    <t>19369.0</t>
  </si>
  <si>
    <t>6597375.0</t>
  </si>
  <si>
    <t>1426234.0</t>
  </si>
  <si>
    <t>244.79</t>
  </si>
  <si>
    <t>6333416.0</t>
  </si>
  <si>
    <t>2355.976</t>
  </si>
  <si>
    <t>6351210.0</t>
  </si>
  <si>
    <t>2362.595</t>
  </si>
  <si>
    <t>6603059.0</t>
  </si>
  <si>
    <t>1430234.0</t>
  </si>
  <si>
    <t>6369958.0</t>
  </si>
  <si>
    <t>2369.569</t>
  </si>
  <si>
    <t>6607185.0</t>
  </si>
  <si>
    <t>1433350.0</t>
  </si>
  <si>
    <t>245.15</t>
  </si>
  <si>
    <t>6388628.0</t>
  </si>
  <si>
    <t>2376.514</t>
  </si>
  <si>
    <t>6619291.0</t>
  </si>
  <si>
    <t>1441848.0</t>
  </si>
  <si>
    <t>6407170.0</t>
  </si>
  <si>
    <t>2383.411</t>
  </si>
  <si>
    <t>6629871.0</t>
  </si>
  <si>
    <t>1449468.0</t>
  </si>
  <si>
    <t>245.99</t>
  </si>
  <si>
    <t>1110.6</t>
  </si>
  <si>
    <t>412.076444521621</t>
  </si>
  <si>
    <t>6422215.0</t>
  </si>
  <si>
    <t>2389.008</t>
  </si>
  <si>
    <t>6440408.0</t>
  </si>
  <si>
    <t>2395.776</t>
  </si>
  <si>
    <t>6457632.0</t>
  </si>
  <si>
    <t>2402.183</t>
  </si>
  <si>
    <t>6652044.0</t>
  </si>
  <si>
    <t>1463519.0</t>
  </si>
  <si>
    <t>6472440.0</t>
  </si>
  <si>
    <t>2407.691</t>
  </si>
  <si>
    <t>6653660.0</t>
  </si>
  <si>
    <t>1464612.0</t>
  </si>
  <si>
    <t>6488177.0</t>
  </si>
  <si>
    <t>2413.545</t>
  </si>
  <si>
    <t>6661777.0</t>
  </si>
  <si>
    <t>1470538.0</t>
  </si>
  <si>
    <t>6503079.0</t>
  </si>
  <si>
    <t>2419.089</t>
  </si>
  <si>
    <t>6516705.0</t>
  </si>
  <si>
    <t>2424.157</t>
  </si>
  <si>
    <t>6666092.0</t>
  </si>
  <si>
    <t>1473574.0</t>
  </si>
  <si>
    <t>6526816.0</t>
  </si>
  <si>
    <t>2427.919</t>
  </si>
  <si>
    <t>6673605.0</t>
  </si>
  <si>
    <t>1478301.0</t>
  </si>
  <si>
    <t>247.62</t>
  </si>
  <si>
    <t>6541390.0</t>
  </si>
  <si>
    <t>2433.34</t>
  </si>
  <si>
    <t>6674623.0</t>
  </si>
  <si>
    <t>1478887.0</t>
  </si>
  <si>
    <t>6557297.0</t>
  </si>
  <si>
    <t>2439.257</t>
  </si>
  <si>
    <t>6676605.0</t>
  </si>
  <si>
    <t>1480421.0</t>
  </si>
  <si>
    <t>247.73</t>
  </si>
  <si>
    <t>6570681.0</t>
  </si>
  <si>
    <t>2444.236</t>
  </si>
  <si>
    <t>6682512.0</t>
  </si>
  <si>
    <t>1484551.0</t>
  </si>
  <si>
    <t>6585003.0</t>
  </si>
  <si>
    <t>2449.564</t>
  </si>
  <si>
    <t>13832.0</t>
  </si>
  <si>
    <t>6598773.0</t>
  </si>
  <si>
    <t>2454.686</t>
  </si>
  <si>
    <t>6694215.0</t>
  </si>
  <si>
    <t>1493131.0</t>
  </si>
  <si>
    <t>248.38</t>
  </si>
  <si>
    <t>6612365.0</t>
  </si>
  <si>
    <t>2459.742</t>
  </si>
  <si>
    <t>2602309.0</t>
  </si>
  <si>
    <t>6621563.0</t>
  </si>
  <si>
    <t>2463.164</t>
  </si>
  <si>
    <t>6633987.0</t>
  </si>
  <si>
    <t>2467.785</t>
  </si>
  <si>
    <t>6648219.0</t>
  </si>
  <si>
    <t>2473.08</t>
  </si>
  <si>
    <t>6704261.0</t>
  </si>
  <si>
    <t>1499786.0</t>
  </si>
  <si>
    <t>248.75</t>
  </si>
  <si>
    <t>6660103.0</t>
  </si>
  <si>
    <t>2477.5</t>
  </si>
  <si>
    <t>6672709.0</t>
  </si>
  <si>
    <t>2482.19</t>
  </si>
  <si>
    <t>6707793.0</t>
  </si>
  <si>
    <t>1502202.0</t>
  </si>
  <si>
    <t>248.89</t>
  </si>
  <si>
    <t>6683959.0</t>
  </si>
  <si>
    <t>2486.375</t>
  </si>
  <si>
    <t>6713747.0</t>
  </si>
  <si>
    <t>1506087.0</t>
  </si>
  <si>
    <t>249.11</t>
  </si>
  <si>
    <t>6695888.0</t>
  </si>
  <si>
    <t>2490.812</t>
  </si>
  <si>
    <t>6726653.0</t>
  </si>
  <si>
    <t>1515153.0</t>
  </si>
  <si>
    <t>6704934.0</t>
  </si>
  <si>
    <t>2494.177</t>
  </si>
  <si>
    <t>6736690.0</t>
  </si>
  <si>
    <t>1520871.0</t>
  </si>
  <si>
    <t>249.96</t>
  </si>
  <si>
    <t>6716991.0</t>
  </si>
  <si>
    <t>2498.662</t>
  </si>
  <si>
    <t>6729901.0</t>
  </si>
  <si>
    <t>2503.465</t>
  </si>
  <si>
    <t>6737832.0</t>
  </si>
  <si>
    <t>1521536.0</t>
  </si>
  <si>
    <t>6741566.0</t>
  </si>
  <si>
    <t>2507.804</t>
  </si>
  <si>
    <t>6740482.0</t>
  </si>
  <si>
    <t>1523381.0</t>
  </si>
  <si>
    <t>6754032.0</t>
  </si>
  <si>
    <t>2512.441</t>
  </si>
  <si>
    <t>6742968.0</t>
  </si>
  <si>
    <t>1525070.0</t>
  </si>
  <si>
    <t>6766806.0</t>
  </si>
  <si>
    <t>2517.193</t>
  </si>
  <si>
    <t>6779799.0</t>
  </si>
  <si>
    <t>2522.026</t>
  </si>
  <si>
    <t>6753103.0</t>
  </si>
  <si>
    <t>1532094.0</t>
  </si>
  <si>
    <t>6789226.0</t>
  </si>
  <si>
    <t>2525.533</t>
  </si>
  <si>
    <t>6760398.0</t>
  </si>
  <si>
    <t>1536079.0</t>
  </si>
  <si>
    <t>6801140.0</t>
  </si>
  <si>
    <t>2529.965</t>
  </si>
  <si>
    <t>6761243.0</t>
  </si>
  <si>
    <t>1536567.0</t>
  </si>
  <si>
    <t>250.87</t>
  </si>
  <si>
    <t>1147.4</t>
  </si>
  <si>
    <t>425.730697320464</t>
  </si>
  <si>
    <t>6812800.0</t>
  </si>
  <si>
    <t>2534.302</t>
  </si>
  <si>
    <t>6762030.0</t>
  </si>
  <si>
    <t>1537070.0</t>
  </si>
  <si>
    <t>6821030.0</t>
  </si>
  <si>
    <t>2537.364</t>
  </si>
  <si>
    <t>6763103.0</t>
  </si>
  <si>
    <t>1537755.0</t>
  </si>
  <si>
    <t>6829811.0</t>
  </si>
  <si>
    <t>2540.63</t>
  </si>
  <si>
    <t>6763696.0</t>
  </si>
  <si>
    <t>1538055.0</t>
  </si>
  <si>
    <t>250.96</t>
  </si>
  <si>
    <t>6840257.0</t>
  </si>
  <si>
    <t>2544.516</t>
  </si>
  <si>
    <t>6765845.0</t>
  </si>
  <si>
    <t>1539288.0</t>
  </si>
  <si>
    <t>6855034.0</t>
  </si>
  <si>
    <t>2550.013</t>
  </si>
  <si>
    <t>2611100.0</t>
  </si>
  <si>
    <t>6868840.0</t>
  </si>
  <si>
    <t>2555.149</t>
  </si>
  <si>
    <t>6772200.0</t>
  </si>
  <si>
    <t>1543321.0</t>
  </si>
  <si>
    <t>6889444.0</t>
  </si>
  <si>
    <t>2562.813</t>
  </si>
  <si>
    <t>6772996.0</t>
  </si>
  <si>
    <t>1543811.0</t>
  </si>
  <si>
    <t>6910160.0</t>
  </si>
  <si>
    <t>20716.0</t>
  </si>
  <si>
    <t>2570.519</t>
  </si>
  <si>
    <t>7.706</t>
  </si>
  <si>
    <t>6774162.0</t>
  </si>
  <si>
    <t>1544518.0</t>
  </si>
  <si>
    <t>251.35</t>
  </si>
  <si>
    <t>6930381.0</t>
  </si>
  <si>
    <t>2578.041</t>
  </si>
  <si>
    <t>6776351.0</t>
  </si>
  <si>
    <t>1546051.0</t>
  </si>
  <si>
    <t>6948771.0</t>
  </si>
  <si>
    <t>2584.882</t>
  </si>
  <si>
    <t>6778361.0</t>
  </si>
  <si>
    <t>1547431.0</t>
  </si>
  <si>
    <t>6966222.0</t>
  </si>
  <si>
    <t>2591.374</t>
  </si>
  <si>
    <t>6785998.0</t>
  </si>
  <si>
    <t>1553060.0</t>
  </si>
  <si>
    <t>251.79</t>
  </si>
  <si>
    <t>6984503.0</t>
  </si>
  <si>
    <t>2598.174</t>
  </si>
  <si>
    <t>6793081.0</t>
  </si>
  <si>
    <t>1558140.0</t>
  </si>
  <si>
    <t>6996988.0</t>
  </si>
  <si>
    <t>2602.819</t>
  </si>
  <si>
    <t>6805865.0</t>
  </si>
  <si>
    <t>1566275.0</t>
  </si>
  <si>
    <t>7015683.0</t>
  </si>
  <si>
    <t>2609.773</t>
  </si>
  <si>
    <t>18034.0</t>
  </si>
  <si>
    <t>6807116.0</t>
  </si>
  <si>
    <t>252.57</t>
  </si>
  <si>
    <t>7033816.0</t>
  </si>
  <si>
    <t>2616.518</t>
  </si>
  <si>
    <t>6811585.0</t>
  </si>
  <si>
    <t>1570018.0</t>
  </si>
  <si>
    <t>7050000.0</t>
  </si>
  <si>
    <t>2622.539</t>
  </si>
  <si>
    <t>6814656.0</t>
  </si>
  <si>
    <t>1572194.0</t>
  </si>
  <si>
    <t>252.85</t>
  </si>
  <si>
    <t>7066490.0</t>
  </si>
  <si>
    <t>2628.673</t>
  </si>
  <si>
    <t>7080709.0</t>
  </si>
  <si>
    <t>2633.962</t>
  </si>
  <si>
    <t>6.084</t>
  </si>
  <si>
    <t>6832088.0</t>
  </si>
  <si>
    <t>1585523.0</t>
  </si>
  <si>
    <t>253.5</t>
  </si>
  <si>
    <t>7094957.0</t>
  </si>
  <si>
    <t>2639.262</t>
  </si>
  <si>
    <t>6838429.0</t>
  </si>
  <si>
    <t>1590009.0</t>
  </si>
  <si>
    <t>7105196.0</t>
  </si>
  <si>
    <t>2643.071</t>
  </si>
  <si>
    <t>6850534.0</t>
  </si>
  <si>
    <t>1597520.0</t>
  </si>
  <si>
    <t>7119196.0</t>
  </si>
  <si>
    <t>2648.279</t>
  </si>
  <si>
    <t>6851043.0</t>
  </si>
  <si>
    <t>1597835.0</t>
  </si>
  <si>
    <t>7135219.0</t>
  </si>
  <si>
    <t>2654.239</t>
  </si>
  <si>
    <t>6852769.0</t>
  </si>
  <si>
    <t>1599136.0</t>
  </si>
  <si>
    <t>7149512.0</t>
  </si>
  <si>
    <t>2659.556</t>
  </si>
  <si>
    <t>6855809.0</t>
  </si>
  <si>
    <t>1601333.0</t>
  </si>
  <si>
    <t>254.38</t>
  </si>
  <si>
    <t>7163260.0</t>
  </si>
  <si>
    <t>2664.67</t>
  </si>
  <si>
    <t>6858568.0</t>
  </si>
  <si>
    <t>1603384.0</t>
  </si>
  <si>
    <t>7176755.0</t>
  </si>
  <si>
    <t>2669.69</t>
  </si>
  <si>
    <t>6864672.0</t>
  </si>
  <si>
    <t>1607642.0</t>
  </si>
  <si>
    <t>254.71</t>
  </si>
  <si>
    <t>7190918.0</t>
  </si>
  <si>
    <t>2674.959</t>
  </si>
  <si>
    <t>6869891.0</t>
  </si>
  <si>
    <t>1611370.0</t>
  </si>
  <si>
    <t>7201158.0</t>
  </si>
  <si>
    <t>2678.768</t>
  </si>
  <si>
    <t>6879319.0</t>
  </si>
  <si>
    <t>1617444.0</t>
  </si>
  <si>
    <t>255.25</t>
  </si>
  <si>
    <t>7214773.0</t>
  </si>
  <si>
    <t>2683.833</t>
  </si>
  <si>
    <t>6880233.0</t>
  </si>
  <si>
    <t>1618051.0</t>
  </si>
  <si>
    <t>255.28</t>
  </si>
  <si>
    <t>7231243.0</t>
  </si>
  <si>
    <t>2689.959</t>
  </si>
  <si>
    <t>6881138.0</t>
  </si>
  <si>
    <t>1618640.0</t>
  </si>
  <si>
    <t>255.32</t>
  </si>
  <si>
    <t>7246338.0</t>
  </si>
  <si>
    <t>2695.575</t>
  </si>
  <si>
    <t>6883655.0</t>
  </si>
  <si>
    <t>1620507.0</t>
  </si>
  <si>
    <t>7261323.0</t>
  </si>
  <si>
    <t>2701.149</t>
  </si>
  <si>
    <t>1622244.0</t>
  </si>
  <si>
    <t>1157.4</t>
  </si>
  <si>
    <t>429.441092102759</t>
  </si>
  <si>
    <t>7275468.0</t>
  </si>
  <si>
    <t>2706.411</t>
  </si>
  <si>
    <t>5.246</t>
  </si>
  <si>
    <t>6890950.0</t>
  </si>
  <si>
    <t>2632575.0</t>
  </si>
  <si>
    <t>1625800.0</t>
  </si>
  <si>
    <t>7289164.0</t>
  </si>
  <si>
    <t>2711.506</t>
  </si>
  <si>
    <t>6895561.0</t>
  </si>
  <si>
    <t>1629098.0</t>
  </si>
  <si>
    <t>7295353.0</t>
  </si>
  <si>
    <t>2713.808</t>
  </si>
  <si>
    <t>6903493.0</t>
  </si>
  <si>
    <t>1634178.0</t>
  </si>
  <si>
    <t>7312735.0</t>
  </si>
  <si>
    <t>2720.274</t>
  </si>
  <si>
    <t>7330512.0</t>
  </si>
  <si>
    <t>2726.887</t>
  </si>
  <si>
    <t>6904299.0</t>
  </si>
  <si>
    <t>1634634.0</t>
  </si>
  <si>
    <t>256.18</t>
  </si>
  <si>
    <t>7344728.0</t>
  </si>
  <si>
    <t>2732.175</t>
  </si>
  <si>
    <t>6906859.0</t>
  </si>
  <si>
    <t>1636487.0</t>
  </si>
  <si>
    <t>7360098.0</t>
  </si>
  <si>
    <t>2737.892</t>
  </si>
  <si>
    <t>6909213.0</t>
  </si>
  <si>
    <t>1638235.0</t>
  </si>
  <si>
    <t>7372888.0</t>
  </si>
  <si>
    <t>2742.65</t>
  </si>
  <si>
    <t>6914015.0</t>
  </si>
  <si>
    <t>1641636.0</t>
  </si>
  <si>
    <t>256.54</t>
  </si>
  <si>
    <t>7387165.0</t>
  </si>
  <si>
    <t>2747.961</t>
  </si>
  <si>
    <t>7398891.0</t>
  </si>
  <si>
    <t>2752.323</t>
  </si>
  <si>
    <t>7414153.0</t>
  </si>
  <si>
    <t>7429735.0</t>
  </si>
  <si>
    <t>2763.797</t>
  </si>
  <si>
    <t>7444488.0</t>
  </si>
  <si>
    <t>2769.285</t>
  </si>
  <si>
    <t>7459785.0</t>
  </si>
  <si>
    <t>2774.975</t>
  </si>
  <si>
    <t>6933713.0</t>
  </si>
  <si>
    <t>2639416.0</t>
  </si>
  <si>
    <t>1654881.0</t>
  </si>
  <si>
    <t>257.27</t>
  </si>
  <si>
    <t>7474176.0</t>
  </si>
  <si>
    <t>2780.328</t>
  </si>
  <si>
    <t>7488674.0</t>
  </si>
  <si>
    <t>2785.721</t>
  </si>
  <si>
    <t>7498968.0</t>
  </si>
  <si>
    <t>2789.551</t>
  </si>
  <si>
    <t>7513530.0</t>
  </si>
  <si>
    <t>2794.968</t>
  </si>
  <si>
    <t>7530415.0</t>
  </si>
  <si>
    <t>2801.249</t>
  </si>
  <si>
    <t>7545655.0</t>
  </si>
  <si>
    <t>2806.918</t>
  </si>
  <si>
    <t>7560279.0</t>
  </si>
  <si>
    <t>2812.358</t>
  </si>
  <si>
    <t>6957446.0</t>
  </si>
  <si>
    <t>2643389.0</t>
  </si>
  <si>
    <t>1670668.0</t>
  </si>
  <si>
    <t>7574423.0</t>
  </si>
  <si>
    <t>2817.619</t>
  </si>
  <si>
    <t>6974984.0</t>
  </si>
  <si>
    <t>2646349.0</t>
  </si>
  <si>
    <t>1682286.0</t>
  </si>
  <si>
    <t>98.19</t>
  </si>
  <si>
    <t>6981756.0</t>
  </si>
  <si>
    <t>2646568.0</t>
  </si>
  <si>
    <t>1688620.0</t>
  </si>
  <si>
    <t>259.05</t>
  </si>
  <si>
    <t>429.218468415821</t>
  </si>
  <si>
    <t>7269500.0</t>
  </si>
  <si>
    <t>2736362.0</t>
  </si>
  <si>
    <t>1796776.0</t>
  </si>
  <si>
    <t>269.73</t>
  </si>
  <si>
    <t>7280398.0</t>
  </si>
  <si>
    <t>2738600.0</t>
  </si>
  <si>
    <t>1803198.0</t>
  </si>
  <si>
    <t>270.13</t>
  </si>
  <si>
    <t>101.61</t>
  </si>
  <si>
    <t>7302700.0</t>
  </si>
  <si>
    <t>2743181.0</t>
  </si>
  <si>
    <t>1816338.0</t>
  </si>
  <si>
    <t>270.96</t>
  </si>
  <si>
    <t>101.78</t>
  </si>
  <si>
    <t>1198.6</t>
  </si>
  <si>
    <t>444.727918605812</t>
  </si>
  <si>
    <t>7339048.0</t>
  </si>
  <si>
    <t>2751485.0</t>
  </si>
  <si>
    <t>1836078.0</t>
  </si>
  <si>
    <t>272.31</t>
  </si>
  <si>
    <t>7353987.0</t>
  </si>
  <si>
    <t>2755141.0</t>
  </si>
  <si>
    <t>1843705.0</t>
  </si>
  <si>
    <t>272.86</t>
  </si>
  <si>
    <t>7367403.0</t>
  </si>
  <si>
    <t>2759378.0</t>
  </si>
  <si>
    <t>1848647.0</t>
  </si>
  <si>
    <t>273.36</t>
  </si>
  <si>
    <t>7397097.0</t>
  </si>
  <si>
    <t>2769649.0</t>
  </si>
  <si>
    <t>1857799.0</t>
  </si>
  <si>
    <t>274.46</t>
  </si>
  <si>
    <t>1253.6</t>
  </si>
  <si>
    <t>465.135089908431</t>
  </si>
  <si>
    <t>7415838.0</t>
  </si>
  <si>
    <t>2776897.0</t>
  </si>
  <si>
    <t>1862044.0</t>
  </si>
  <si>
    <t>275.16</t>
  </si>
  <si>
    <t>7438750.0</t>
  </si>
  <si>
    <t>2785749.0</t>
  </si>
  <si>
    <t>1867252.0</t>
  </si>
  <si>
    <t>276.01</t>
  </si>
  <si>
    <t>7462980.0</t>
  </si>
  <si>
    <t>2795446.0</t>
  </si>
  <si>
    <t>1872088.0</t>
  </si>
  <si>
    <t>276.91</t>
  </si>
  <si>
    <t>7487616.0</t>
  </si>
  <si>
    <t>2805078.0</t>
  </si>
  <si>
    <t>1877460.0</t>
  </si>
  <si>
    <t>277.82</t>
  </si>
  <si>
    <t>7491345.0</t>
  </si>
  <si>
    <t>2806774.0</t>
  </si>
  <si>
    <t>2805773.0</t>
  </si>
  <si>
    <t>1878798.0</t>
  </si>
  <si>
    <t>1306.2</t>
  </si>
  <si>
    <t>484.6517664633</t>
  </si>
  <si>
    <t>7509528.0</t>
  </si>
  <si>
    <t>2813590.0</t>
  </si>
  <si>
    <t>1882348.0</t>
  </si>
  <si>
    <t>278.63</t>
  </si>
  <si>
    <t>7538182.0</t>
  </si>
  <si>
    <t>2825344.0</t>
  </si>
  <si>
    <t>1887494.0</t>
  </si>
  <si>
    <t>7557802.0</t>
  </si>
  <si>
    <t>2833550.0</t>
  </si>
  <si>
    <t>2833549.0</t>
  </si>
  <si>
    <t>1890703.0</t>
  </si>
  <si>
    <t>280.42</t>
  </si>
  <si>
    <t>7584081.0</t>
  </si>
  <si>
    <t>2844654.0</t>
  </si>
  <si>
    <t>1894773.0</t>
  </si>
  <si>
    <t>497.934979783914</t>
  </si>
  <si>
    <t>7592322.0</t>
  </si>
  <si>
    <t>2847595.0</t>
  </si>
  <si>
    <t>2847594.0</t>
  </si>
  <si>
    <t>1897133.0</t>
  </si>
  <si>
    <t>281.71</t>
  </si>
  <si>
    <t>7594620.0</t>
  </si>
  <si>
    <t>2848221.0</t>
  </si>
  <si>
    <t>2848220.0</t>
  </si>
  <si>
    <t>1898179.0</t>
  </si>
  <si>
    <t>281.79</t>
  </si>
  <si>
    <t>7596148.0</t>
  </si>
  <si>
    <t>2848640.0</t>
  </si>
  <si>
    <t>2848639.0</t>
  </si>
  <si>
    <t>1898869.0</t>
  </si>
  <si>
    <t>281.85</t>
  </si>
  <si>
    <t>7597091.0</t>
  </si>
  <si>
    <t>2848950.0</t>
  </si>
  <si>
    <t>2848949.0</t>
  </si>
  <si>
    <t>1899192.0</t>
  </si>
  <si>
    <t>281.88</t>
  </si>
  <si>
    <t>7597911.0</t>
  </si>
  <si>
    <t>2849216.0</t>
  </si>
  <si>
    <t>1899479.0</t>
  </si>
  <si>
    <t>281.91</t>
  </si>
  <si>
    <t>7598133.0</t>
  </si>
  <si>
    <t>2849295.0</t>
  </si>
  <si>
    <t>1899543.0</t>
  </si>
  <si>
    <t>281.92</t>
  </si>
  <si>
    <t>7598949.0</t>
  </si>
  <si>
    <t>2849545.0</t>
  </si>
  <si>
    <t>2849544.0</t>
  </si>
  <si>
    <t>1899860.0</t>
  </si>
  <si>
    <t>7599097.0</t>
  </si>
  <si>
    <t>2849572.0</t>
  </si>
  <si>
    <t>2849571.0</t>
  </si>
  <si>
    <t>1899954.0</t>
  </si>
  <si>
    <t>281.96</t>
  </si>
  <si>
    <t>7601367.0</t>
  </si>
  <si>
    <t>2850159.0</t>
  </si>
  <si>
    <t>2850158.0</t>
  </si>
  <si>
    <t>1901050.0</t>
  </si>
  <si>
    <t>282.04</t>
  </si>
  <si>
    <t>ROU</t>
  </si>
  <si>
    <t>Romania</t>
  </si>
  <si>
    <t>-3543.1</t>
  </si>
  <si>
    <t>-180.225410200887</t>
  </si>
  <si>
    <t>-3879.6</t>
  </si>
  <si>
    <t>-197.342017277345</t>
  </si>
  <si>
    <t>-4221.5</t>
  </si>
  <si>
    <t>-214.733303932445</t>
  </si>
  <si>
    <t>-4539.8</t>
  </si>
  <si>
    <t>-230.924139095704</t>
  </si>
  <si>
    <t>-4645.7</t>
  </si>
  <si>
    <t>-236.310910832396</t>
  </si>
  <si>
    <t>0.7675</t>
  </si>
  <si>
    <t>0.4398</t>
  </si>
  <si>
    <t>-4658.8</t>
  </si>
  <si>
    <t>-236.977263143545</t>
  </si>
  <si>
    <t>19907.0</t>
  </si>
  <si>
    <t>-4529.9</t>
  </si>
  <si>
    <t>-230.420559868195</t>
  </si>
  <si>
    <t>44487.0</t>
  </si>
  <si>
    <t>-4445.6</t>
  </si>
  <si>
    <t>-226.132506446068</t>
  </si>
  <si>
    <t>76072.0</t>
  </si>
  <si>
    <t>-4273.5</t>
  </si>
  <si>
    <t>-217.378366541586</t>
  </si>
  <si>
    <t>120175.0</t>
  </si>
  <si>
    <t>-4333.6</t>
  </si>
  <si>
    <t>-220.435448518689</t>
  </si>
  <si>
    <t>170660.0</t>
  </si>
  <si>
    <t>-4231.5</t>
  </si>
  <si>
    <t>-215.241969818818</t>
  </si>
  <si>
    <t>228530.0</t>
  </si>
  <si>
    <t>-4015.2</t>
  </si>
  <si>
    <t>-204.239526696566</t>
  </si>
  <si>
    <t>281121.0</t>
  </si>
  <si>
    <t>-4151.3</t>
  </si>
  <si>
    <t>-211.162469410105</t>
  </si>
  <si>
    <t>339568.0</t>
  </si>
  <si>
    <t>-4224.6</t>
  </si>
  <si>
    <t>-214.890990357221</t>
  </si>
  <si>
    <t>403624.0</t>
  </si>
  <si>
    <t>20.882</t>
  </si>
  <si>
    <t>-3981.5</t>
  </si>
  <si>
    <t>-202.525322659488</t>
  </si>
  <si>
    <t>466579.0</t>
  </si>
  <si>
    <t>-3608.0</t>
  </si>
  <si>
    <t>-183.526651803449</t>
  </si>
  <si>
    <t>523775.0</t>
  </si>
  <si>
    <t>27.099</t>
  </si>
  <si>
    <t>-3744.7</t>
  </si>
  <si>
    <t>-2.84</t>
  </si>
  <si>
    <t>-190.480114470171</t>
  </si>
  <si>
    <t>587862.0</t>
  </si>
  <si>
    <t>30.414</t>
  </si>
  <si>
    <t>-3506.8</t>
  </si>
  <si>
    <t>-2.58</t>
  </si>
  <si>
    <t>-178.378953033353</t>
  </si>
  <si>
    <t>656085.0</t>
  </si>
  <si>
    <t>33.944</t>
  </si>
  <si>
    <t>-2705.1</t>
  </si>
  <si>
    <t>-137.599208922814</t>
  </si>
  <si>
    <t>727821.0</t>
  </si>
  <si>
    <t>37.655</t>
  </si>
  <si>
    <t>-2309.4</t>
  </si>
  <si>
    <t>-117.471299799026</t>
  </si>
  <si>
    <t>808538.0</t>
  </si>
  <si>
    <t>41.831</t>
  </si>
  <si>
    <t>-2003.5</t>
  </si>
  <si>
    <t>-101.91121033487</t>
  </si>
  <si>
    <t>909570.0</t>
  </si>
  <si>
    <t>47.058</t>
  </si>
  <si>
    <t>-1694.0</t>
  </si>
  <si>
    <t>-86.1680011516196</t>
  </si>
  <si>
    <t>1022211.0</t>
  </si>
  <si>
    <t>52.886</t>
  </si>
  <si>
    <t>-834.5</t>
  </si>
  <si>
    <t>-42.4481682178433</t>
  </si>
  <si>
    <t>1156378.0</t>
  </si>
  <si>
    <t>59.827</t>
  </si>
  <si>
    <t>-35.4000000000004</t>
  </si>
  <si>
    <t>-1.80067723776114</t>
  </si>
  <si>
    <t>1292002.0</t>
  </si>
  <si>
    <t>66.844</t>
  </si>
  <si>
    <t>747.7</t>
  </si>
  <si>
    <t>38.0329483241239</t>
  </si>
  <si>
    <t>1422191.0</t>
  </si>
  <si>
    <t>78.3854130901096</t>
  </si>
  <si>
    <t>1560458.0</t>
  </si>
  <si>
    <t>19451.0</t>
  </si>
  <si>
    <t>18848.0</t>
  </si>
  <si>
    <t>2361.9</t>
  </si>
  <si>
    <t>120.141795702485</t>
  </si>
  <si>
    <t>1683946.0</t>
  </si>
  <si>
    <t>87.122</t>
  </si>
  <si>
    <t>155.448294875649</t>
  </si>
  <si>
    <t>19169.0</t>
  </si>
  <si>
    <t>1826153.0</t>
  </si>
  <si>
    <t>3719.7</t>
  </si>
  <si>
    <t>189.208449754238</t>
  </si>
  <si>
    <t>1969052.0</t>
  </si>
  <si>
    <t>101.873</t>
  </si>
  <si>
    <t>223.609523649657</t>
  </si>
  <si>
    <t>20130.0</t>
  </si>
  <si>
    <t>20073.0</t>
  </si>
  <si>
    <t>2109168.0</t>
  </si>
  <si>
    <t>109.122</t>
  </si>
  <si>
    <t>4907.5</t>
  </si>
  <si>
    <t>249.627783737646</t>
  </si>
  <si>
    <t>2249682.0</t>
  </si>
  <si>
    <t>116.392</t>
  </si>
  <si>
    <t>5467.8</t>
  </si>
  <si>
    <t>278.128333351137</t>
  </si>
  <si>
    <t>2393620.0</t>
  </si>
  <si>
    <t>123.839</t>
  </si>
  <si>
    <t>6374.7</t>
  </si>
  <si>
    <t>324.259242586322</t>
  </si>
  <si>
    <t>2555913.0</t>
  </si>
  <si>
    <t>132.235</t>
  </si>
  <si>
    <t>384.602276686774</t>
  </si>
  <si>
    <t>2735245.0</t>
  </si>
  <si>
    <t>141.513</t>
  </si>
  <si>
    <t>26726.0</t>
  </si>
  <si>
    <t>9122.5</t>
  </si>
  <si>
    <t>464.030454843949</t>
  </si>
  <si>
    <t>2932653.0</t>
  </si>
  <si>
    <t>151.726</t>
  </si>
  <si>
    <t>11128.6</t>
  </si>
  <si>
    <t>566.073918309276</t>
  </si>
  <si>
    <t>28926.0</t>
  </si>
  <si>
    <t>3137161.0</t>
  </si>
  <si>
    <t>162.307</t>
  </si>
  <si>
    <t>29468.0</t>
  </si>
  <si>
    <t>29595.0</t>
  </si>
  <si>
    <t>13893.5</t>
  </si>
  <si>
    <t>706.714949232601</t>
  </si>
  <si>
    <t>3347865.0</t>
  </si>
  <si>
    <t>173.208</t>
  </si>
  <si>
    <t>30143.0</t>
  </si>
  <si>
    <t>0.2685</t>
  </si>
  <si>
    <t>16891.2</t>
  </si>
  <si>
    <t>859.197721990695</t>
  </si>
  <si>
    <t>3560661.0</t>
  </si>
  <si>
    <t>184.218</t>
  </si>
  <si>
    <t>30191.0</t>
  </si>
  <si>
    <t>20223.3</t>
  </si>
  <si>
    <t>1028.69028198911</t>
  </si>
  <si>
    <t>3768342.0</t>
  </si>
  <si>
    <t>194.962</t>
  </si>
  <si>
    <t>29369.0</t>
  </si>
  <si>
    <t>23681.8</t>
  </si>
  <si>
    <t>1204.61237879128</t>
  </si>
  <si>
    <t>28471.0</t>
  </si>
  <si>
    <t>28172.0</t>
  </si>
  <si>
    <t>3961357.0</t>
  </si>
  <si>
    <t>204.948</t>
  </si>
  <si>
    <t>27574.0</t>
  </si>
  <si>
    <t>27116.7</t>
  </si>
  <si>
    <t>1379.33402410161</t>
  </si>
  <si>
    <t>0.2731</t>
  </si>
  <si>
    <t>4115060.0</t>
  </si>
  <si>
    <t>0.3051</t>
  </si>
  <si>
    <t>0.2902</t>
  </si>
  <si>
    <t>1527.52365677871</t>
  </si>
  <si>
    <t>4285349.0</t>
  </si>
  <si>
    <t>221.711</t>
  </si>
  <si>
    <t>32091.5</t>
  </si>
  <si>
    <t>1632.38512925455</t>
  </si>
  <si>
    <t>4395469.0</t>
  </si>
  <si>
    <t>227.408</t>
  </si>
  <si>
    <t>33999.8</t>
  </si>
  <si>
    <t>1729.45384035114</t>
  </si>
  <si>
    <t>4479391.0</t>
  </si>
  <si>
    <t>35530.1</t>
  </si>
  <si>
    <t>1807.29498094283</t>
  </si>
  <si>
    <t>41609.0</t>
  </si>
  <si>
    <t>58554.0</t>
  </si>
  <si>
    <t>4567152.0</t>
  </si>
  <si>
    <t>236.29</t>
  </si>
  <si>
    <t>0.3042</t>
  </si>
  <si>
    <t>36387.8</t>
  </si>
  <si>
    <t>1850.92325401706</t>
  </si>
  <si>
    <t>125190.0</t>
  </si>
  <si>
    <t>140447.0</t>
  </si>
  <si>
    <t>154268.0</t>
  </si>
  <si>
    <t>4860346.0</t>
  </si>
  <si>
    <t>251.459</t>
  </si>
  <si>
    <t>168089.0</t>
  </si>
  <si>
    <t>184146.0</t>
  </si>
  <si>
    <t>196567.0</t>
  </si>
  <si>
    <t>204662.0</t>
  </si>
  <si>
    <t>203787.0</t>
  </si>
  <si>
    <t>37011.1</t>
  </si>
  <si>
    <t>1882.6283987147</t>
  </si>
  <si>
    <t>234899.0</t>
  </si>
  <si>
    <t>30237.0</t>
  </si>
  <si>
    <t>267085.0</t>
  </si>
  <si>
    <t>302231.0</t>
  </si>
  <si>
    <t>21968.0</t>
  </si>
  <si>
    <t>5028386.0</t>
  </si>
  <si>
    <t>260.153</t>
  </si>
  <si>
    <t>347756.0</t>
  </si>
  <si>
    <t>337913.0</t>
  </si>
  <si>
    <t>385596.0</t>
  </si>
  <si>
    <t>374342.0</t>
  </si>
  <si>
    <t>418545.0</t>
  </si>
  <si>
    <t>24622.0</t>
  </si>
  <si>
    <t>445945.0</t>
  </si>
  <si>
    <t>432790.0</t>
  </si>
  <si>
    <t>27400.0</t>
  </si>
  <si>
    <t>1940.10255721601</t>
  </si>
  <si>
    <t>484291.0</t>
  </si>
  <si>
    <t>459228.0</t>
  </si>
  <si>
    <t>35627.0</t>
  </si>
  <si>
    <t>528038.0</t>
  </si>
  <si>
    <t>487372.0</t>
  </si>
  <si>
    <t>43747.0</t>
  </si>
  <si>
    <t>570364.0</t>
  </si>
  <si>
    <t>513090.0</t>
  </si>
  <si>
    <t>42326.0</t>
  </si>
  <si>
    <t>5206497.0</t>
  </si>
  <si>
    <t>269.368</t>
  </si>
  <si>
    <t>609056.0</t>
  </si>
  <si>
    <t>534007.0</t>
  </si>
  <si>
    <t>75049.0</t>
  </si>
  <si>
    <t>646660.0</t>
  </si>
  <si>
    <t>554585.0</t>
  </si>
  <si>
    <t>92075.0</t>
  </si>
  <si>
    <t>37604.0</t>
  </si>
  <si>
    <t>672056.0</t>
  </si>
  <si>
    <t>570752.0</t>
  </si>
  <si>
    <t>101304.0</t>
  </si>
  <si>
    <t>36216.0</t>
  </si>
  <si>
    <t>691075.0</t>
  </si>
  <si>
    <t>584879.0</t>
  </si>
  <si>
    <t>38660.7</t>
  </si>
  <si>
    <t>1966.53792333083</t>
  </si>
  <si>
    <t>720844.0</t>
  </si>
  <si>
    <t>597796.0</t>
  </si>
  <si>
    <t>123048.0</t>
  </si>
  <si>
    <t>19795.0</t>
  </si>
  <si>
    <t>748392.0</t>
  </si>
  <si>
    <t>610044.0</t>
  </si>
  <si>
    <t>31479.0</t>
  </si>
  <si>
    <t>771862.0</t>
  </si>
  <si>
    <t>619837.0</t>
  </si>
  <si>
    <t>152025.0</t>
  </si>
  <si>
    <t>5381670.0</t>
  </si>
  <si>
    <t>794455.0</t>
  </si>
  <si>
    <t>628940.0</t>
  </si>
  <si>
    <t>165515.0</t>
  </si>
  <si>
    <t>26486.0</t>
  </si>
  <si>
    <t>821212.0</t>
  </si>
  <si>
    <t>638547.0</t>
  </si>
  <si>
    <t>182665.0</t>
  </si>
  <si>
    <t>647351.0</t>
  </si>
  <si>
    <t>193121.0</t>
  </si>
  <si>
    <t>855982.0</t>
  </si>
  <si>
    <t>655838.0</t>
  </si>
  <si>
    <t>23558.0</t>
  </si>
  <si>
    <t>39127.2</t>
  </si>
  <si>
    <t>1990.26718693014</t>
  </si>
  <si>
    <t>891008.0</t>
  </si>
  <si>
    <t>660723.0</t>
  </si>
  <si>
    <t>230285.0</t>
  </si>
  <si>
    <t>929815.0</t>
  </si>
  <si>
    <t>666603.0</t>
  </si>
  <si>
    <t>263212.0</t>
  </si>
  <si>
    <t>25918.0</t>
  </si>
  <si>
    <t>970627.0</t>
  </si>
  <si>
    <t>671109.0</t>
  </si>
  <si>
    <t>299518.0</t>
  </si>
  <si>
    <t>5557858.0</t>
  </si>
  <si>
    <t>287.546</t>
  </si>
  <si>
    <t>25170.0</t>
  </si>
  <si>
    <t>1009081.0</t>
  </si>
  <si>
    <t>674894.0</t>
  </si>
  <si>
    <t>334187.0</t>
  </si>
  <si>
    <t>25522.0</t>
  </si>
  <si>
    <t>1048456.0</t>
  </si>
  <si>
    <t>678992.0</t>
  </si>
  <si>
    <t>369464.0</t>
  </si>
  <si>
    <t>39375.0</t>
  </si>
  <si>
    <t>25875.0</t>
  </si>
  <si>
    <t>1083755.0</t>
  </si>
  <si>
    <t>683006.0</t>
  </si>
  <si>
    <t>400749.0</t>
  </si>
  <si>
    <t>34755.0</t>
  </si>
  <si>
    <t>1113634.0</t>
  </si>
  <si>
    <t>686294.0</t>
  </si>
  <si>
    <t>427340.0</t>
  </si>
  <si>
    <t>39460.3</t>
  </si>
  <si>
    <t>2007.21084760523</t>
  </si>
  <si>
    <t>1150771.0</t>
  </si>
  <si>
    <t>696603.0</t>
  </si>
  <si>
    <t>454168.0</t>
  </si>
  <si>
    <t>1188673.0</t>
  </si>
  <si>
    <t>707333.0</t>
  </si>
  <si>
    <t>481340.0</t>
  </si>
  <si>
    <t>37902.0</t>
  </si>
  <si>
    <t>1231992.0</t>
  </si>
  <si>
    <t>726513.0</t>
  </si>
  <si>
    <t>505479.0</t>
  </si>
  <si>
    <t>5751323.0</t>
  </si>
  <si>
    <t>297.556</t>
  </si>
  <si>
    <t>27638.0</t>
  </si>
  <si>
    <t>1271812.0</t>
  </si>
  <si>
    <t>745337.0</t>
  </si>
  <si>
    <t>526475.0</t>
  </si>
  <si>
    <t>1309940.0</t>
  </si>
  <si>
    <t>547115.0</t>
  </si>
  <si>
    <t>1342864.0</t>
  </si>
  <si>
    <t>780093.0</t>
  </si>
  <si>
    <t>562771.0</t>
  </si>
  <si>
    <t>32924.0</t>
  </si>
  <si>
    <t>27892.0</t>
  </si>
  <si>
    <t>1370808.0</t>
  </si>
  <si>
    <t>794683.0</t>
  </si>
  <si>
    <t>576125.0</t>
  </si>
  <si>
    <t>39795.0</t>
  </si>
  <si>
    <t>2024.23589482214</t>
  </si>
  <si>
    <t>811033.0</t>
  </si>
  <si>
    <t>589640.0</t>
  </si>
  <si>
    <t>35700.0</t>
  </si>
  <si>
    <t>28062.0</t>
  </si>
  <si>
    <t>1430017.0</t>
  </si>
  <si>
    <t>828445.0</t>
  </si>
  <si>
    <t>601572.0</t>
  </si>
  <si>
    <t>29344.0</t>
  </si>
  <si>
    <t>1458234.0</t>
  </si>
  <si>
    <t>846682.0</t>
  </si>
  <si>
    <t>611552.0</t>
  </si>
  <si>
    <t>17167.0</t>
  </si>
  <si>
    <t>5948940.0</t>
  </si>
  <si>
    <t>307.78</t>
  </si>
  <si>
    <t>28231.0</t>
  </si>
  <si>
    <t>1478492.0</t>
  </si>
  <si>
    <t>863946.0</t>
  </si>
  <si>
    <t>1497617.0</t>
  </si>
  <si>
    <t>881653.0</t>
  </si>
  <si>
    <t>615964.0</t>
  </si>
  <si>
    <t>1513321.0</t>
  </si>
  <si>
    <t>896727.0</t>
  </si>
  <si>
    <t>616594.0</t>
  </si>
  <si>
    <t>1524457.0</t>
  </si>
  <si>
    <t>617111.0</t>
  </si>
  <si>
    <t>40101.1</t>
  </si>
  <si>
    <t>2039.80615760402</t>
  </si>
  <si>
    <t>1556606.0</t>
  </si>
  <si>
    <t>938366.0</t>
  </si>
  <si>
    <t>618240.0</t>
  </si>
  <si>
    <t>32149.0</t>
  </si>
  <si>
    <t>1594764.0</t>
  </si>
  <si>
    <t>975582.0</t>
  </si>
  <si>
    <t>619182.0</t>
  </si>
  <si>
    <t>38158.0</t>
  </si>
  <si>
    <t>1633449.0</t>
  </si>
  <si>
    <t>1013641.0</t>
  </si>
  <si>
    <t>619808.0</t>
  </si>
  <si>
    <t>6151613.0</t>
  </si>
  <si>
    <t>318.265</t>
  </si>
  <si>
    <t>1677187.0</t>
  </si>
  <si>
    <t>1050028.0</t>
  </si>
  <si>
    <t>627159.0</t>
  </si>
  <si>
    <t>29176.0</t>
  </si>
  <si>
    <t>1724540.0</t>
  </si>
  <si>
    <t>1088487.0</t>
  </si>
  <si>
    <t>636053.0</t>
  </si>
  <si>
    <t>47353.0</t>
  </si>
  <si>
    <t>29398.0</t>
  </si>
  <si>
    <t>1773178.0</t>
  </si>
  <si>
    <t>1128471.0</t>
  </si>
  <si>
    <t>644707.0</t>
  </si>
  <si>
    <t>37122.0</t>
  </si>
  <si>
    <t>1818362.0</t>
  </si>
  <si>
    <t>1165795.0</t>
  </si>
  <si>
    <t>652567.0</t>
  </si>
  <si>
    <t>40686.8</t>
  </si>
  <si>
    <t>2069.5987185689</t>
  </si>
  <si>
    <t>29842.0</t>
  </si>
  <si>
    <t>1861820.0</t>
  </si>
  <si>
    <t>1204079.0</t>
  </si>
  <si>
    <t>657741.0</t>
  </si>
  <si>
    <t>37959.0</t>
  </si>
  <si>
    <t>1910020.0</t>
  </si>
  <si>
    <t>1246378.0</t>
  </si>
  <si>
    <t>663642.0</t>
  </si>
  <si>
    <t>1961422.0</t>
  </si>
  <si>
    <t>1288737.0</t>
  </si>
  <si>
    <t>672685.0</t>
  </si>
  <si>
    <t>51402.0</t>
  </si>
  <si>
    <t>6365176.0</t>
  </si>
  <si>
    <t>329.315</t>
  </si>
  <si>
    <t>2011333.0</t>
  </si>
  <si>
    <t>1328404.0</t>
  </si>
  <si>
    <t>682929.0</t>
  </si>
  <si>
    <t>47735.0</t>
  </si>
  <si>
    <t>2060719.0</t>
  </si>
  <si>
    <t>1367171.0</t>
  </si>
  <si>
    <t>693548.0</t>
  </si>
  <si>
    <t>2109441.0</t>
  </si>
  <si>
    <t>1405212.0</t>
  </si>
  <si>
    <t>704229.0</t>
  </si>
  <si>
    <t>30950.0</t>
  </si>
  <si>
    <t>2152140.0</t>
  </si>
  <si>
    <t>1438934.0</t>
  </si>
  <si>
    <t>713206.0</t>
  </si>
  <si>
    <t>39020.0</t>
  </si>
  <si>
    <t>41570.5</t>
  </si>
  <si>
    <t>2114.5495229477</t>
  </si>
  <si>
    <t>2201716.0</t>
  </si>
  <si>
    <t>1478760.0</t>
  </si>
  <si>
    <t>722956.0</t>
  </si>
  <si>
    <t>11484.0</t>
  </si>
  <si>
    <t>2261700.0</t>
  </si>
  <si>
    <t>1523059.0</t>
  </si>
  <si>
    <t>738641.0</t>
  </si>
  <si>
    <t>59984.0</t>
  </si>
  <si>
    <t>2315981.0</t>
  </si>
  <si>
    <t>1564042.0</t>
  </si>
  <si>
    <t>751939.0</t>
  </si>
  <si>
    <t>6585940.0</t>
  </si>
  <si>
    <t>340.736</t>
  </si>
  <si>
    <t>2367906.0</t>
  </si>
  <si>
    <t>1607153.0</t>
  </si>
  <si>
    <t>760753.0</t>
  </si>
  <si>
    <t>2417767.0</t>
  </si>
  <si>
    <t>1649846.0</t>
  </si>
  <si>
    <t>767921.0</t>
  </si>
  <si>
    <t>2468671.0</t>
  </si>
  <si>
    <t>1696024.0</t>
  </si>
  <si>
    <t>772647.0</t>
  </si>
  <si>
    <t>50904.0</t>
  </si>
  <si>
    <t>51319.0</t>
  </si>
  <si>
    <t>2513088.0</t>
  </si>
  <si>
    <t>1737681.0</t>
  </si>
  <si>
    <t>775407.0</t>
  </si>
  <si>
    <t>42982.8</t>
  </si>
  <si>
    <t>2186.38840608018</t>
  </si>
  <si>
    <t>2560284.0</t>
  </si>
  <si>
    <t>1761555.0</t>
  </si>
  <si>
    <t>798729.0</t>
  </si>
  <si>
    <t>47196.0</t>
  </si>
  <si>
    <t>2618346.0</t>
  </si>
  <si>
    <t>1792257.0</t>
  </si>
  <si>
    <t>826089.0</t>
  </si>
  <si>
    <t>58062.0</t>
  </si>
  <si>
    <t>38457.0</t>
  </si>
  <si>
    <t>2677454.0</t>
  </si>
  <si>
    <t>1823054.0</t>
  </si>
  <si>
    <t>854400.0</t>
  </si>
  <si>
    <t>59108.0</t>
  </si>
  <si>
    <t>6814013.0</t>
  </si>
  <si>
    <t>32582.0</t>
  </si>
  <si>
    <t>2736340.0</t>
  </si>
  <si>
    <t>1853223.0</t>
  </si>
  <si>
    <t>883117.0</t>
  </si>
  <si>
    <t>58886.0</t>
  </si>
  <si>
    <t>52633.0</t>
  </si>
  <si>
    <t>32653.0</t>
  </si>
  <si>
    <t>2791471.0</t>
  </si>
  <si>
    <t>1879609.0</t>
  </si>
  <si>
    <t>911862.0</t>
  </si>
  <si>
    <t>32823.0</t>
  </si>
  <si>
    <t>2850018.0</t>
  </si>
  <si>
    <t>1906461.0</t>
  </si>
  <si>
    <t>943557.0</t>
  </si>
  <si>
    <t>2904731.0</t>
  </si>
  <si>
    <t>1931061.0</t>
  </si>
  <si>
    <t>973670.0</t>
  </si>
  <si>
    <t>54713.0</t>
  </si>
  <si>
    <t>44764.7</t>
  </si>
  <si>
    <t>2277.02758037303</t>
  </si>
  <si>
    <t>2957189.0</t>
  </si>
  <si>
    <t>1954725.0</t>
  </si>
  <si>
    <t>1002464.0</t>
  </si>
  <si>
    <t>3021607.0</t>
  </si>
  <si>
    <t>1981969.0</t>
  </si>
  <si>
    <t>1039638.0</t>
  </si>
  <si>
    <t>64418.0</t>
  </si>
  <si>
    <t>57609.0</t>
  </si>
  <si>
    <t>3079868.0</t>
  </si>
  <si>
    <t>2006883.0</t>
  </si>
  <si>
    <t>1072985.0</t>
  </si>
  <si>
    <t>58261.0</t>
  </si>
  <si>
    <t>57488.0</t>
  </si>
  <si>
    <t>7045583.0</t>
  </si>
  <si>
    <t>364.517</t>
  </si>
  <si>
    <t>3137483.0</t>
  </si>
  <si>
    <t>2032108.0</t>
  </si>
  <si>
    <t>1105375.0</t>
  </si>
  <si>
    <t>57306.0</t>
  </si>
  <si>
    <t>3195452.0</t>
  </si>
  <si>
    <t>2057151.0</t>
  </si>
  <si>
    <t>1138301.0</t>
  </si>
  <si>
    <t>57969.0</t>
  </si>
  <si>
    <t>32674.0</t>
  </si>
  <si>
    <t>3250877.0</t>
  </si>
  <si>
    <t>2082040.0</t>
  </si>
  <si>
    <t>1168837.0</t>
  </si>
  <si>
    <t>57266.0</t>
  </si>
  <si>
    <t>3299212.0</t>
  </si>
  <si>
    <t>2102498.0</t>
  </si>
  <si>
    <t>1196714.0</t>
  </si>
  <si>
    <t>48335.0</t>
  </si>
  <si>
    <t>46693.0</t>
  </si>
  <si>
    <t>2375.11362324237</t>
  </si>
  <si>
    <t>3350582.0</t>
  </si>
  <si>
    <t>2123600.0</t>
  </si>
  <si>
    <t>1226982.0</t>
  </si>
  <si>
    <t>51370.0</t>
  </si>
  <si>
    <t>3405531.0</t>
  </si>
  <si>
    <t>2147482.0</t>
  </si>
  <si>
    <t>1258049.0</t>
  </si>
  <si>
    <t>54949.0</t>
  </si>
  <si>
    <t>54846.0</t>
  </si>
  <si>
    <t>31858.0</t>
  </si>
  <si>
    <t>3460870.0</t>
  </si>
  <si>
    <t>2172383.0</t>
  </si>
  <si>
    <t>1288487.0</t>
  </si>
  <si>
    <t>55339.0</t>
  </si>
  <si>
    <t>54429.0</t>
  </si>
  <si>
    <t>7267161.0</t>
  </si>
  <si>
    <t>375.98</t>
  </si>
  <si>
    <t>3517693.0</t>
  </si>
  <si>
    <t>2197830.0</t>
  </si>
  <si>
    <t>1319863.0</t>
  </si>
  <si>
    <t>23675.0</t>
  </si>
  <si>
    <t>3571982.0</t>
  </si>
  <si>
    <t>2220374.0</t>
  </si>
  <si>
    <t>1351608.0</t>
  </si>
  <si>
    <t>3633921.0</t>
  </si>
  <si>
    <t>2249928.0</t>
  </si>
  <si>
    <t>1383993.0</t>
  </si>
  <si>
    <t>54721.0</t>
  </si>
  <si>
    <t>76.046</t>
  </si>
  <si>
    <t>3690909.0</t>
  </si>
  <si>
    <t>2278122.0</t>
  </si>
  <si>
    <t>1412787.0</t>
  </si>
  <si>
    <t>56988.0</t>
  </si>
  <si>
    <t>48670.1</t>
  </si>
  <si>
    <t>2475.68195563721</t>
  </si>
  <si>
    <t>3753790.0</t>
  </si>
  <si>
    <t>2318060.0</t>
  </si>
  <si>
    <t>1435730.0</t>
  </si>
  <si>
    <t>62881.0</t>
  </si>
  <si>
    <t>57601.0</t>
  </si>
  <si>
    <t>3830380.0</t>
  </si>
  <si>
    <t>2364231.0</t>
  </si>
  <si>
    <t>1466149.0</t>
  </si>
  <si>
    <t>60693.0</t>
  </si>
  <si>
    <t>2413558.0</t>
  </si>
  <si>
    <t>1496942.0</t>
  </si>
  <si>
    <t>34454.0</t>
  </si>
  <si>
    <t>7474654.0</t>
  </si>
  <si>
    <t>386.716</t>
  </si>
  <si>
    <t>29642.0</t>
  </si>
  <si>
    <t>3990556.0</t>
  </si>
  <si>
    <t>2463355.0</t>
  </si>
  <si>
    <t>1527201.0</t>
  </si>
  <si>
    <t>80056.0</t>
  </si>
  <si>
    <t>67552.0</t>
  </si>
  <si>
    <t>4070190.0</t>
  </si>
  <si>
    <t>2515196.0</t>
  </si>
  <si>
    <t>1554994.0</t>
  </si>
  <si>
    <t>42117.0</t>
  </si>
  <si>
    <t>4151368.0</t>
  </si>
  <si>
    <t>2570289.0</t>
  </si>
  <si>
    <t>1581079.0</t>
  </si>
  <si>
    <t>4223290.0</t>
  </si>
  <si>
    <t>2618386.0</t>
  </si>
  <si>
    <t>1604904.0</t>
  </si>
  <si>
    <t>76054.0</t>
  </si>
  <si>
    <t>50703.2</t>
  </si>
  <si>
    <t>2579.09881699575</t>
  </si>
  <si>
    <t>4298557.0</t>
  </si>
  <si>
    <t>2667448.0</t>
  </si>
  <si>
    <t>1631109.0</t>
  </si>
  <si>
    <t>49913.0</t>
  </si>
  <si>
    <t>4387441.0</t>
  </si>
  <si>
    <t>2729090.0</t>
  </si>
  <si>
    <t>1658351.0</t>
  </si>
  <si>
    <t>88884.0</t>
  </si>
  <si>
    <t>79580.0</t>
  </si>
  <si>
    <t>52123.0</t>
  </si>
  <si>
    <t>4479219.0</t>
  </si>
  <si>
    <t>2792636.0</t>
  </si>
  <si>
    <t>1686583.0</t>
  </si>
  <si>
    <t>7675619.0</t>
  </si>
  <si>
    <t>397.113</t>
  </si>
  <si>
    <t>4566596.0</t>
  </si>
  <si>
    <t>2852174.0</t>
  </si>
  <si>
    <t>1714422.0</t>
  </si>
  <si>
    <t>82291.0</t>
  </si>
  <si>
    <t>27955.0</t>
  </si>
  <si>
    <t>4656996.0</t>
  </si>
  <si>
    <t>1743820.0</t>
  </si>
  <si>
    <t>90400.0</t>
  </si>
  <si>
    <t>4746675.0</t>
  </si>
  <si>
    <t>2975185.0</t>
  </si>
  <si>
    <t>1771490.0</t>
  </si>
  <si>
    <t>89679.0</t>
  </si>
  <si>
    <t>85044.0</t>
  </si>
  <si>
    <t>57842.0</t>
  </si>
  <si>
    <t>4823779.0</t>
  </si>
  <si>
    <t>3029274.0</t>
  </si>
  <si>
    <t>1794505.0</t>
  </si>
  <si>
    <t>58698.0</t>
  </si>
  <si>
    <t>52430.7</t>
  </si>
  <si>
    <t>2666.97084886672</t>
  </si>
  <si>
    <t>4904588.0</t>
  </si>
  <si>
    <t>3083954.0</t>
  </si>
  <si>
    <t>1820634.0</t>
  </si>
  <si>
    <t>80809.0</t>
  </si>
  <si>
    <t>4989235.0</t>
  </si>
  <si>
    <t>3139149.0</t>
  </si>
  <si>
    <t>1850086.0</t>
  </si>
  <si>
    <t>84647.0</t>
  </si>
  <si>
    <t>24184.0</t>
  </si>
  <si>
    <t>5073025.0</t>
  </si>
  <si>
    <t>3192682.0</t>
  </si>
  <si>
    <t>1880343.0</t>
  </si>
  <si>
    <t>84829.0</t>
  </si>
  <si>
    <t>57149.0</t>
  </si>
  <si>
    <t>7839630.0</t>
  </si>
  <si>
    <t>405.598</t>
  </si>
  <si>
    <t>5153416.0</t>
  </si>
  <si>
    <t>3243823.0</t>
  </si>
  <si>
    <t>1909593.0</t>
  </si>
  <si>
    <t>5232028.0</t>
  </si>
  <si>
    <t>3294995.0</t>
  </si>
  <si>
    <t>1937033.0</t>
  </si>
  <si>
    <t>78612.0</t>
  </si>
  <si>
    <t>82147.0</t>
  </si>
  <si>
    <t>5292045.0</t>
  </si>
  <si>
    <t>3328406.0</t>
  </si>
  <si>
    <t>1963639.0</t>
  </si>
  <si>
    <t>60017.0</t>
  </si>
  <si>
    <t>5333318.0</t>
  </si>
  <si>
    <t>3346649.0</t>
  </si>
  <si>
    <t>1986669.0</t>
  </si>
  <si>
    <t>41273.0</t>
  </si>
  <si>
    <t>45339.0</t>
  </si>
  <si>
    <t>2746.59232006071</t>
  </si>
  <si>
    <t>5399885.0</t>
  </si>
  <si>
    <t>3370275.0</t>
  </si>
  <si>
    <t>2029610.0</t>
  </si>
  <si>
    <t>66567.0</t>
  </si>
  <si>
    <t>40903.0</t>
  </si>
  <si>
    <t>5485489.0</t>
  </si>
  <si>
    <t>3402904.0</t>
  </si>
  <si>
    <t>2082630.0</t>
  </si>
  <si>
    <t>85604.0</t>
  </si>
  <si>
    <t>70893.0</t>
  </si>
  <si>
    <t>37679.0</t>
  </si>
  <si>
    <t>27060.0</t>
  </si>
  <si>
    <t>5579843.0</t>
  </si>
  <si>
    <t>3441407.0</t>
  </si>
  <si>
    <t>2138703.0</t>
  </si>
  <si>
    <t>94354.0</t>
  </si>
  <si>
    <t>72403.0</t>
  </si>
  <si>
    <t>8033282.0</t>
  </si>
  <si>
    <t>415.617</t>
  </si>
  <si>
    <t>5680297.0</t>
  </si>
  <si>
    <t>3482765.0</t>
  </si>
  <si>
    <t>2198691.0</t>
  </si>
  <si>
    <t>27715.0</t>
  </si>
  <si>
    <t>5772798.0</t>
  </si>
  <si>
    <t>3521003.0</t>
  </si>
  <si>
    <t>2254449.0</t>
  </si>
  <si>
    <t>77253.0</t>
  </si>
  <si>
    <t>5883431.0</t>
  </si>
  <si>
    <t>3571944.0</t>
  </si>
  <si>
    <t>2314812.0</t>
  </si>
  <si>
    <t>110633.0</t>
  </si>
  <si>
    <t>84484.0</t>
  </si>
  <si>
    <t>34791.0</t>
  </si>
  <si>
    <t>5987368.0</t>
  </si>
  <si>
    <t>3621060.0</t>
  </si>
  <si>
    <t>2369835.0</t>
  </si>
  <si>
    <t>103937.0</t>
  </si>
  <si>
    <t>93436.0</t>
  </si>
  <si>
    <t>39202.0</t>
  </si>
  <si>
    <t>54961.1</t>
  </si>
  <si>
    <t>2795.68366475459</t>
  </si>
  <si>
    <t>6086828.0</t>
  </si>
  <si>
    <t>3663930.0</t>
  </si>
  <si>
    <t>2428168.0</t>
  </si>
  <si>
    <t>99460.0</t>
  </si>
  <si>
    <t>98135.0</t>
  </si>
  <si>
    <t>27917.0</t>
  </si>
  <si>
    <t>6192672.0</t>
  </si>
  <si>
    <t>3702880.0</t>
  </si>
  <si>
    <t>2498443.0</t>
  </si>
  <si>
    <t>105844.0</t>
  </si>
  <si>
    <t>42854.0</t>
  </si>
  <si>
    <t>6297426.0</t>
  </si>
  <si>
    <t>3741591.0</t>
  </si>
  <si>
    <t>2568497.0</t>
  </si>
  <si>
    <t>102512.0</t>
  </si>
  <si>
    <t>8229408.0</t>
  </si>
  <si>
    <t>425.764</t>
  </si>
  <si>
    <t>6400659.0</t>
  </si>
  <si>
    <t>3780927.0</t>
  </si>
  <si>
    <t>2636935.0</t>
  </si>
  <si>
    <t>42595.0</t>
  </si>
  <si>
    <t>6510973.0</t>
  </si>
  <si>
    <t>3825887.0</t>
  </si>
  <si>
    <t>2708201.0</t>
  </si>
  <si>
    <t>105454.0</t>
  </si>
  <si>
    <t>6629994.0</t>
  </si>
  <si>
    <t>3877825.0</t>
  </si>
  <si>
    <t>2777707.0</t>
  </si>
  <si>
    <t>119021.0</t>
  </si>
  <si>
    <t>106652.0</t>
  </si>
  <si>
    <t>43697.0</t>
  </si>
  <si>
    <t>6731656.0</t>
  </si>
  <si>
    <t>3920257.0</t>
  </si>
  <si>
    <t>2838407.0</t>
  </si>
  <si>
    <t>101662.0</t>
  </si>
  <si>
    <t>55842.4</t>
  </si>
  <si>
    <t>2840.51238932066</t>
  </si>
  <si>
    <t>6826312.0</t>
  </si>
  <si>
    <t>3954752.0</t>
  </si>
  <si>
    <t>2902964.0</t>
  </si>
  <si>
    <t>94656.0</t>
  </si>
  <si>
    <t>41546.0</t>
  </si>
  <si>
    <t>26649.0</t>
  </si>
  <si>
    <t>6923265.0</t>
  </si>
  <si>
    <t>3988746.0</t>
  </si>
  <si>
    <t>2972379.0</t>
  </si>
  <si>
    <t>96953.0</t>
  </si>
  <si>
    <t>104370.0</t>
  </si>
  <si>
    <t>7017682.0</t>
  </si>
  <si>
    <t>4021195.0</t>
  </si>
  <si>
    <t>3041824.0</t>
  </si>
  <si>
    <t>102894.0</t>
  </si>
  <si>
    <t>8412122.0</t>
  </si>
  <si>
    <t>435.217</t>
  </si>
  <si>
    <t>26102.0</t>
  </si>
  <si>
    <t>7105641.0</t>
  </si>
  <si>
    <t>4049436.0</t>
  </si>
  <si>
    <t>3108713.0</t>
  </si>
  <si>
    <t>100712.0</t>
  </si>
  <si>
    <t>38358.0</t>
  </si>
  <si>
    <t>7190616.0</t>
  </si>
  <si>
    <t>4077802.0</t>
  </si>
  <si>
    <t>3172669.0</t>
  </si>
  <si>
    <t>84975.0</t>
  </si>
  <si>
    <t>97092.0</t>
  </si>
  <si>
    <t>7266067.0</t>
  </si>
  <si>
    <t>4104686.0</t>
  </si>
  <si>
    <t>3224111.0</t>
  </si>
  <si>
    <t>75451.0</t>
  </si>
  <si>
    <t>90868.0</t>
  </si>
  <si>
    <t>32409.0</t>
  </si>
  <si>
    <t>7320132.0</t>
  </si>
  <si>
    <t>4127895.0</t>
  </si>
  <si>
    <t>3257676.0</t>
  </si>
  <si>
    <t>84068.0</t>
  </si>
  <si>
    <t>56479.9</t>
  </si>
  <si>
    <t>2872.93983957695</t>
  </si>
  <si>
    <t>7377747.0</t>
  </si>
  <si>
    <t>4150916.0</t>
  </si>
  <si>
    <t>3298077.0</t>
  </si>
  <si>
    <t>25948.0</t>
  </si>
  <si>
    <t>7446567.0</t>
  </si>
  <si>
    <t>4174896.0</t>
  </si>
  <si>
    <t>3349935.0</t>
  </si>
  <si>
    <t>74757.0</t>
  </si>
  <si>
    <t>7517689.0</t>
  </si>
  <si>
    <t>4199900.0</t>
  </si>
  <si>
    <t>3404056.0</t>
  </si>
  <si>
    <t>71122.0</t>
  </si>
  <si>
    <t>8593329.0</t>
  </si>
  <si>
    <t>444.592</t>
  </si>
  <si>
    <t>7585067.0</t>
  </si>
  <si>
    <t>4224013.0</t>
  </si>
  <si>
    <t>3455344.0</t>
  </si>
  <si>
    <t>67378.0</t>
  </si>
  <si>
    <t>68489.0</t>
  </si>
  <si>
    <t>7654544.0</t>
  </si>
  <si>
    <t>4248493.0</t>
  </si>
  <si>
    <t>3509016.0</t>
  </si>
  <si>
    <t>123.708</t>
  </si>
  <si>
    <t>7731473.0</t>
  </si>
  <si>
    <t>4271047.0</t>
  </si>
  <si>
    <t>3568297.0</t>
  </si>
  <si>
    <t>76929.0</t>
  </si>
  <si>
    <t>7800566.0</t>
  </si>
  <si>
    <t>4290657.0</t>
  </si>
  <si>
    <t>3622680.0</t>
  </si>
  <si>
    <t>2886.42457222471</t>
  </si>
  <si>
    <t>7864699.0</t>
  </si>
  <si>
    <t>4311193.0</t>
  </si>
  <si>
    <t>3673582.0</t>
  </si>
  <si>
    <t>64133.0</t>
  </si>
  <si>
    <t>69565.0</t>
  </si>
  <si>
    <t>7917467.0</t>
  </si>
  <si>
    <t>4327904.0</t>
  </si>
  <si>
    <t>3713590.0</t>
  </si>
  <si>
    <t>7973139.0</t>
  </si>
  <si>
    <t>4347529.0</t>
  </si>
  <si>
    <t>3756485.0</t>
  </si>
  <si>
    <t>8759522.0</t>
  </si>
  <si>
    <t>8033752.0</t>
  </si>
  <si>
    <t>4370710.0</t>
  </si>
  <si>
    <t>3803015.0</t>
  </si>
  <si>
    <t>23833.0</t>
  </si>
  <si>
    <t>8101759.0</t>
  </si>
  <si>
    <t>4395731.0</t>
  </si>
  <si>
    <t>3857009.0</t>
  </si>
  <si>
    <t>68007.0</t>
  </si>
  <si>
    <t>8172014.0</t>
  </si>
  <si>
    <t>4416410.0</t>
  </si>
  <si>
    <t>3911801.0</t>
  </si>
  <si>
    <t>24014.0</t>
  </si>
  <si>
    <t>8230116.0</t>
  </si>
  <si>
    <t>4431659.0</t>
  </si>
  <si>
    <t>3958472.0</t>
  </si>
  <si>
    <t>58102.0</t>
  </si>
  <si>
    <t>61364.0</t>
  </si>
  <si>
    <t>56951.9</t>
  </si>
  <si>
    <t>2896.94886941377</t>
  </si>
  <si>
    <t>8279521.0</t>
  </si>
  <si>
    <t>4448864.0</t>
  </si>
  <si>
    <t>3997752.0</t>
  </si>
  <si>
    <t>8328988.0</t>
  </si>
  <si>
    <t>4468112.0</t>
  </si>
  <si>
    <t>4036699.0</t>
  </si>
  <si>
    <t>49467.0</t>
  </si>
  <si>
    <t>58789.0</t>
  </si>
  <si>
    <t>8374861.0</t>
  </si>
  <si>
    <t>4487209.0</t>
  </si>
  <si>
    <t>4072855.0</t>
  </si>
  <si>
    <t>45873.0</t>
  </si>
  <si>
    <t>57389.0</t>
  </si>
  <si>
    <t>8930163.0</t>
  </si>
  <si>
    <t>462.019</t>
  </si>
  <si>
    <t>8416415.0</t>
  </si>
  <si>
    <t>4505763.0</t>
  </si>
  <si>
    <t>4104965.0</t>
  </si>
  <si>
    <t>8457643.0</t>
  </si>
  <si>
    <t>4523121.0</t>
  </si>
  <si>
    <t>4137956.0</t>
  </si>
  <si>
    <t>50841.0</t>
  </si>
  <si>
    <t>24517.0</t>
  </si>
  <si>
    <t>8496891.0</t>
  </si>
  <si>
    <t>4536811.0</t>
  </si>
  <si>
    <t>4168567.0</t>
  </si>
  <si>
    <t>8528338.0</t>
  </si>
  <si>
    <t>4546699.0</t>
  </si>
  <si>
    <t>4193755.0</t>
  </si>
  <si>
    <t>57149.2</t>
  </si>
  <si>
    <t>2906.98484735191</t>
  </si>
  <si>
    <t>8559404.0</t>
  </si>
  <si>
    <t>4558444.0</t>
  </si>
  <si>
    <t>4219071.0</t>
  </si>
  <si>
    <t>31066.0</t>
  </si>
  <si>
    <t>39983.0</t>
  </si>
  <si>
    <t>8591729.0</t>
  </si>
  <si>
    <t>4571809.0</t>
  </si>
  <si>
    <t>4245251.0</t>
  </si>
  <si>
    <t>37534.0</t>
  </si>
  <si>
    <t>8623806.0</t>
  </si>
  <si>
    <t>4585234.0</t>
  </si>
  <si>
    <t>4271102.0</t>
  </si>
  <si>
    <t>32077.0</t>
  </si>
  <si>
    <t>9104236.0</t>
  </si>
  <si>
    <t>471.025</t>
  </si>
  <si>
    <t>8652808.0</t>
  </si>
  <si>
    <t>4597738.0</t>
  </si>
  <si>
    <t>4294484.0</t>
  </si>
  <si>
    <t>33770.0</t>
  </si>
  <si>
    <t>8682121.0</t>
  </si>
  <si>
    <t>4610287.0</t>
  </si>
  <si>
    <t>4318164.0</t>
  </si>
  <si>
    <t>310.2</t>
  </si>
  <si>
    <t>8707600.0</t>
  </si>
  <si>
    <t>4618571.0</t>
  </si>
  <si>
    <t>4338583.0</t>
  </si>
  <si>
    <t>41.863</t>
  </si>
  <si>
    <t>23854.0</t>
  </si>
  <si>
    <t>8727945.0</t>
  </si>
  <si>
    <t>4624696.0</t>
  </si>
  <si>
    <t>4355131.0</t>
  </si>
  <si>
    <t>57091.9</t>
  </si>
  <si>
    <t>2904.07019182299</t>
  </si>
  <si>
    <t>8747985.0</t>
  </si>
  <si>
    <t>4631506.0</t>
  </si>
  <si>
    <t>4370693.0</t>
  </si>
  <si>
    <t>365.4</t>
  </si>
  <si>
    <t>8771735.0</t>
  </si>
  <si>
    <t>4641336.0</t>
  </si>
  <si>
    <t>4389865.0</t>
  </si>
  <si>
    <t>393.8</t>
  </si>
  <si>
    <t>8797821.0</t>
  </si>
  <si>
    <t>4652703.0</t>
  </si>
  <si>
    <t>4410810.0</t>
  </si>
  <si>
    <t>9261757.0</t>
  </si>
  <si>
    <t>479.175</t>
  </si>
  <si>
    <t>8823420.0</t>
  </si>
  <si>
    <t>4663927.0</t>
  </si>
  <si>
    <t>4431338.0</t>
  </si>
  <si>
    <t>22480.0</t>
  </si>
  <si>
    <t>411.9</t>
  </si>
  <si>
    <t>8849148.0</t>
  </si>
  <si>
    <t>4674879.0</t>
  </si>
  <si>
    <t>4452249.0</t>
  </si>
  <si>
    <t>23861.0</t>
  </si>
  <si>
    <t>412.6</t>
  </si>
  <si>
    <t>8871691.0</t>
  </si>
  <si>
    <t>4682674.0</t>
  </si>
  <si>
    <t>4470150.0</t>
  </si>
  <si>
    <t>419.9</t>
  </si>
  <si>
    <t>8894234.0</t>
  </si>
  <si>
    <t>4690469.0</t>
  </si>
  <si>
    <t>4488051.0</t>
  </si>
  <si>
    <t>57796.4</t>
  </si>
  <si>
    <t>2939.90570351798</t>
  </si>
  <si>
    <t>8913454.0</t>
  </si>
  <si>
    <t>4698815.0</t>
  </si>
  <si>
    <t>4503114.0</t>
  </si>
  <si>
    <t>8934018.0</t>
  </si>
  <si>
    <t>4708359.0</t>
  </si>
  <si>
    <t>4519003.0</t>
  </si>
  <si>
    <t>8954818.0</t>
  </si>
  <si>
    <t>4718336.0</t>
  </si>
  <si>
    <t>4534978.0</t>
  </si>
  <si>
    <t>9418145.0</t>
  </si>
  <si>
    <t>487.266</t>
  </si>
  <si>
    <t>427.3</t>
  </si>
  <si>
    <t>8973815.0</t>
  </si>
  <si>
    <t>4728008.0</t>
  </si>
  <si>
    <t>4549454.0</t>
  </si>
  <si>
    <t>462.3</t>
  </si>
  <si>
    <t>8994342.0</t>
  </si>
  <si>
    <t>4739363.0</t>
  </si>
  <si>
    <t>4564579.0</t>
  </si>
  <si>
    <t>9014869.0</t>
  </si>
  <si>
    <t>4750718.0</t>
  </si>
  <si>
    <t>4579704.0</t>
  </si>
  <si>
    <t>9026760.0</t>
  </si>
  <si>
    <t>4756463.0</t>
  </si>
  <si>
    <t>4588099.0</t>
  </si>
  <si>
    <t>58017.5</t>
  </si>
  <si>
    <t>2951.1523062657</t>
  </si>
  <si>
    <t>9043215.0</t>
  </si>
  <si>
    <t>4765676.0</t>
  </si>
  <si>
    <t>4599800.0</t>
  </si>
  <si>
    <t>537.1</t>
  </si>
  <si>
    <t>9059920.0</t>
  </si>
  <si>
    <t>4775543.0</t>
  </si>
  <si>
    <t>4612007.0</t>
  </si>
  <si>
    <t>522.3</t>
  </si>
  <si>
    <t>9076995.0</t>
  </si>
  <si>
    <t>4785952.0</t>
  </si>
  <si>
    <t>4624412.0</t>
  </si>
  <si>
    <t>9573663.0</t>
  </si>
  <si>
    <t>495.312</t>
  </si>
  <si>
    <t>523.6</t>
  </si>
  <si>
    <t>9093306.0</t>
  </si>
  <si>
    <t>4795890.0</t>
  </si>
  <si>
    <t>4636305.0</t>
  </si>
  <si>
    <t>532.4</t>
  </si>
  <si>
    <t>9118629.0</t>
  </si>
  <si>
    <t>4810625.0</t>
  </si>
  <si>
    <t>4653694.0</t>
  </si>
  <si>
    <t>545.3</t>
  </si>
  <si>
    <t>9136729.0</t>
  </si>
  <si>
    <t>4820610.0</t>
  </si>
  <si>
    <t>4665672.0</t>
  </si>
  <si>
    <t>58205.4</t>
  </si>
  <si>
    <t>2960.71013827065</t>
  </si>
  <si>
    <t>524.9</t>
  </si>
  <si>
    <t>9148811.0</t>
  </si>
  <si>
    <t>4828005.0</t>
  </si>
  <si>
    <t>4674095.0</t>
  </si>
  <si>
    <t>9163419.0</t>
  </si>
  <si>
    <t>4837012.0</t>
  </si>
  <si>
    <t>4684586.0</t>
  </si>
  <si>
    <t>493.1</t>
  </si>
  <si>
    <t>9178455.0</t>
  </si>
  <si>
    <t>4846681.0</t>
  </si>
  <si>
    <t>4695506.0</t>
  </si>
  <si>
    <t>9728944.0</t>
  </si>
  <si>
    <t>503.346</t>
  </si>
  <si>
    <t>22183.0</t>
  </si>
  <si>
    <t>9193271.0</t>
  </si>
  <si>
    <t>4856031.0</t>
  </si>
  <si>
    <t>4706326.0</t>
  </si>
  <si>
    <t>428.5</t>
  </si>
  <si>
    <t>9208472.0</t>
  </si>
  <si>
    <t>4865938.0</t>
  </si>
  <si>
    <t>4717574.0</t>
  </si>
  <si>
    <t>416.7</t>
  </si>
  <si>
    <t>9220087.0</t>
  </si>
  <si>
    <t>4872828.0</t>
  </si>
  <si>
    <t>4725444.0</t>
  </si>
  <si>
    <t>400.6</t>
  </si>
  <si>
    <t>9228150.0</t>
  </si>
  <si>
    <t>4877419.0</t>
  </si>
  <si>
    <t>4730895.0</t>
  </si>
  <si>
    <t>58638.3</t>
  </si>
  <si>
    <t>2982.73028449174</t>
  </si>
  <si>
    <t>396.5</t>
  </si>
  <si>
    <t>9241392.0</t>
  </si>
  <si>
    <t>4886061.0</t>
  </si>
  <si>
    <t>4740309.0</t>
  </si>
  <si>
    <t>9258063.0</t>
  </si>
  <si>
    <t>4897436.0</t>
  </si>
  <si>
    <t>4752361.0</t>
  </si>
  <si>
    <t>9273241.0</t>
  </si>
  <si>
    <t>4907839.0</t>
  </si>
  <si>
    <t>4762961.0</t>
  </si>
  <si>
    <t>9892099.0</t>
  </si>
  <si>
    <t>511.787</t>
  </si>
  <si>
    <t>9289238.0</t>
  </si>
  <si>
    <t>4919009.0</t>
  </si>
  <si>
    <t>4774482.0</t>
  </si>
  <si>
    <t>9305740.0</t>
  </si>
  <si>
    <t>4930108.0</t>
  </si>
  <si>
    <t>4786676.0</t>
  </si>
  <si>
    <t>24179.0</t>
  </si>
  <si>
    <t>9317852.0</t>
  </si>
  <si>
    <t>4937597.0</t>
  </si>
  <si>
    <t>4794895.0</t>
  </si>
  <si>
    <t>18.719</t>
  </si>
  <si>
    <t>9325839.0</t>
  </si>
  <si>
    <t>4942334.0</t>
  </si>
  <si>
    <t>4800333.0</t>
  </si>
  <si>
    <t>58845.4</t>
  </si>
  <si>
    <t>2993.26475499853</t>
  </si>
  <si>
    <t>9340211.0</t>
  </si>
  <si>
    <t>4951638.0</t>
  </si>
  <si>
    <t>4810721.0</t>
  </si>
  <si>
    <t>9356115.0</t>
  </si>
  <si>
    <t>4962342.0</t>
  </si>
  <si>
    <t>4822518.0</t>
  </si>
  <si>
    <t>9371721.0</t>
  </si>
  <si>
    <t>4973073.0</t>
  </si>
  <si>
    <t>4834109.0</t>
  </si>
  <si>
    <t>10076585.0</t>
  </si>
  <si>
    <t>521.331</t>
  </si>
  <si>
    <t>9386533.0</t>
  </si>
  <si>
    <t>4983137.0</t>
  </si>
  <si>
    <t>4845121.0</t>
  </si>
  <si>
    <t>23.144</t>
  </si>
  <si>
    <t>9402396.0</t>
  </si>
  <si>
    <t>4994305.0</t>
  </si>
  <si>
    <t>4857069.0</t>
  </si>
  <si>
    <t>9413547.0</t>
  </si>
  <si>
    <t>5001452.0</t>
  </si>
  <si>
    <t>4864843.0</t>
  </si>
  <si>
    <t>9420877.0</t>
  </si>
  <si>
    <t>5005992.0</t>
  </si>
  <si>
    <t>4869906.0</t>
  </si>
  <si>
    <t>59196.1</t>
  </si>
  <si>
    <t>3011.10366763364</t>
  </si>
  <si>
    <t>9433305.0</t>
  </si>
  <si>
    <t>5014462.0</t>
  </si>
  <si>
    <t>4878971.0</t>
  </si>
  <si>
    <t>9448700.0</t>
  </si>
  <si>
    <t>5025636.0</t>
  </si>
  <si>
    <t>4890227.0</t>
  </si>
  <si>
    <t>9463960.0</t>
  </si>
  <si>
    <t>5036467.0</t>
  </si>
  <si>
    <t>4901541.0</t>
  </si>
  <si>
    <t>10265559.0</t>
  </si>
  <si>
    <t>531.108</t>
  </si>
  <si>
    <t>9479255.0</t>
  </si>
  <si>
    <t>5047539.0</t>
  </si>
  <si>
    <t>4913174.0</t>
  </si>
  <si>
    <t>27392.0</t>
  </si>
  <si>
    <t>9494553.0</t>
  </si>
  <si>
    <t>5058941.0</t>
  </si>
  <si>
    <t>4924505.0</t>
  </si>
  <si>
    <t>9504679.0</t>
  </si>
  <si>
    <t>5065607.0</t>
  </si>
  <si>
    <t>4931469.0</t>
  </si>
  <si>
    <t>9511550.0</t>
  </si>
  <si>
    <t>5069847.0</t>
  </si>
  <si>
    <t>4936381.0</t>
  </si>
  <si>
    <t>59343.8</t>
  </si>
  <si>
    <t>3018.61666277537</t>
  </si>
  <si>
    <t>9518421.0</t>
  </si>
  <si>
    <t>5074087.0</t>
  </si>
  <si>
    <t>4941293.0</t>
  </si>
  <si>
    <t>9527454.0</t>
  </si>
  <si>
    <t>5078608.0</t>
  </si>
  <si>
    <t>4947121.0</t>
  </si>
  <si>
    <t>9541532.0</t>
  </si>
  <si>
    <t>5087963.0</t>
  </si>
  <si>
    <t>4958156.0</t>
  </si>
  <si>
    <t>10473928.0</t>
  </si>
  <si>
    <t>541.889</t>
  </si>
  <si>
    <t>9555169.0</t>
  </si>
  <si>
    <t>5097212.0</t>
  </si>
  <si>
    <t>4968866.0</t>
  </si>
  <si>
    <t>9569926.0</t>
  </si>
  <si>
    <t>5107637.0</t>
  </si>
  <si>
    <t>4980796.0</t>
  </si>
  <si>
    <t>9579458.0</t>
  </si>
  <si>
    <t>5113599.0</t>
  </si>
  <si>
    <t>4988049.0</t>
  </si>
  <si>
    <t>50.561</t>
  </si>
  <si>
    <t>9585012.0</t>
  </si>
  <si>
    <t>5116870.0</t>
  </si>
  <si>
    <t>4992425.0</t>
  </si>
  <si>
    <t>59327.1</t>
  </si>
  <si>
    <t>3017.76719074513</t>
  </si>
  <si>
    <t>9596801.0</t>
  </si>
  <si>
    <t>5124558.0</t>
  </si>
  <si>
    <t>5002025.0</t>
  </si>
  <si>
    <t>9610245.0</t>
  </si>
  <si>
    <t>5133719.0</t>
  </si>
  <si>
    <t>32299.0</t>
  </si>
  <si>
    <t>9624206.0</t>
  </si>
  <si>
    <t>5143527.0</t>
  </si>
  <si>
    <t>5024147.0</t>
  </si>
  <si>
    <t>10702975.0</t>
  </si>
  <si>
    <t>553.739</t>
  </si>
  <si>
    <t>32721.0</t>
  </si>
  <si>
    <t>9637172.0</t>
  </si>
  <si>
    <t>5152843.0</t>
  </si>
  <si>
    <t>5034584.0</t>
  </si>
  <si>
    <t>9650406.0</t>
  </si>
  <si>
    <t>5162148.0</t>
  </si>
  <si>
    <t>5045222.0</t>
  </si>
  <si>
    <t>9659566.0</t>
  </si>
  <si>
    <t>5168062.0</t>
  </si>
  <si>
    <t>5052020.0</t>
  </si>
  <si>
    <t>7.783</t>
  </si>
  <si>
    <t>9665209.0</t>
  </si>
  <si>
    <t>5171468.0</t>
  </si>
  <si>
    <t>5056251.0</t>
  </si>
  <si>
    <t>59497.4</t>
  </si>
  <si>
    <t>3026.42977079007</t>
  </si>
  <si>
    <t>9676899.0</t>
  </si>
  <si>
    <t>5179306.0</t>
  </si>
  <si>
    <t>5065518.0</t>
  </si>
  <si>
    <t>9690308.0</t>
  </si>
  <si>
    <t>5188629.0</t>
  </si>
  <si>
    <t>5076144.0</t>
  </si>
  <si>
    <t>34996.0</t>
  </si>
  <si>
    <t>9703797.0</t>
  </si>
  <si>
    <t>5198259.0</t>
  </si>
  <si>
    <t>5086628.0</t>
  </si>
  <si>
    <t>10950601.0</t>
  </si>
  <si>
    <t>566.55</t>
  </si>
  <si>
    <t>9717092.0</t>
  </si>
  <si>
    <t>5207895.0</t>
  </si>
  <si>
    <t>5096932.0</t>
  </si>
  <si>
    <t>9730455.0</t>
  </si>
  <si>
    <t>5217377.0</t>
  </si>
  <si>
    <t>5107382.0</t>
  </si>
  <si>
    <t>36314.0</t>
  </si>
  <si>
    <t>9739150.0</t>
  </si>
  <si>
    <t>5113739.0</t>
  </si>
  <si>
    <t>9744770.0</t>
  </si>
  <si>
    <t>5226491.0</t>
  </si>
  <si>
    <t>5117809.0</t>
  </si>
  <si>
    <t>59700.9</t>
  </si>
  <si>
    <t>3036.78112157776</t>
  </si>
  <si>
    <t>9755425.0</t>
  </si>
  <si>
    <t>5233731.0</t>
  </si>
  <si>
    <t>5125862.0</t>
  </si>
  <si>
    <t>9767531.0</t>
  </si>
  <si>
    <t>5242450.0</t>
  </si>
  <si>
    <t>5135003.0</t>
  </si>
  <si>
    <t>9778548.0</t>
  </si>
  <si>
    <t>5250401.0</t>
  </si>
  <si>
    <t>5143110.0</t>
  </si>
  <si>
    <t>11221237.0</t>
  </si>
  <si>
    <t>580.552</t>
  </si>
  <si>
    <t>9789397.0</t>
  </si>
  <si>
    <t>5258194.0</t>
  </si>
  <si>
    <t>5151276.0</t>
  </si>
  <si>
    <t>38799.0</t>
  </si>
  <si>
    <t>9800229.0</t>
  </si>
  <si>
    <t>5266224.0</t>
  </si>
  <si>
    <t>5159282.0</t>
  </si>
  <si>
    <t>9806905.0</t>
  </si>
  <si>
    <t>5270799.0</t>
  </si>
  <si>
    <t>5163785.0</t>
  </si>
  <si>
    <t>39073.0</t>
  </si>
  <si>
    <t>9810927.0</t>
  </si>
  <si>
    <t>5273535.0</t>
  </si>
  <si>
    <t>5166488.0</t>
  </si>
  <si>
    <t>3050.77452011189</t>
  </si>
  <si>
    <t>9819017.0</t>
  </si>
  <si>
    <t>5279087.0</t>
  </si>
  <si>
    <t>5172483.0</t>
  </si>
  <si>
    <t>9827984.0</t>
  </si>
  <si>
    <t>5285433.0</t>
  </si>
  <si>
    <t>5179164.0</t>
  </si>
  <si>
    <t>9837452.0</t>
  </si>
  <si>
    <t>5292279.0</t>
  </si>
  <si>
    <t>5186126.0</t>
  </si>
  <si>
    <t>11498588.0</t>
  </si>
  <si>
    <t>594.901</t>
  </si>
  <si>
    <t>9846480.0</t>
  </si>
  <si>
    <t>5298793.0</t>
  </si>
  <si>
    <t>5192766.0</t>
  </si>
  <si>
    <t>39992.0</t>
  </si>
  <si>
    <t>9856663.0</t>
  </si>
  <si>
    <t>5306297.0</t>
  </si>
  <si>
    <t>5200211.0</t>
  </si>
  <si>
    <t>248.178</t>
  </si>
  <si>
    <t>9863879.0</t>
  </si>
  <si>
    <t>5311278.0</t>
  </si>
  <si>
    <t>5204898.0</t>
  </si>
  <si>
    <t>40733.0</t>
  </si>
  <si>
    <t>9868450.0</t>
  </si>
  <si>
    <t>5314426.0</t>
  </si>
  <si>
    <t>5207984.0</t>
  </si>
  <si>
    <t>60918.3</t>
  </si>
  <si>
    <t>3098.70610658483</t>
  </si>
  <si>
    <t>9876490.0</t>
  </si>
  <si>
    <t>5319960.0</t>
  </si>
  <si>
    <t>5213954.0</t>
  </si>
  <si>
    <t>9886543.0</t>
  </si>
  <si>
    <t>5327087.0</t>
  </si>
  <si>
    <t>5221369.0</t>
  </si>
  <si>
    <t>9897046.0</t>
  </si>
  <si>
    <t>5334745.0</t>
  </si>
  <si>
    <t>5228998.0</t>
  </si>
  <si>
    <t>11794095.0</t>
  </si>
  <si>
    <t>610.19</t>
  </si>
  <si>
    <t>42215.0</t>
  </si>
  <si>
    <t>9908235.0</t>
  </si>
  <si>
    <t>5342958.0</t>
  </si>
  <si>
    <t>5237170.0</t>
  </si>
  <si>
    <t>43679.0</t>
  </si>
  <si>
    <t>9921602.0</t>
  </si>
  <si>
    <t>5353349.0</t>
  </si>
  <si>
    <t>5246397.0</t>
  </si>
  <si>
    <t>9931786.0</t>
  </si>
  <si>
    <t>5361038.0</t>
  </si>
  <si>
    <t>5252394.0</t>
  </si>
  <si>
    <t>9939162.0</t>
  </si>
  <si>
    <t>5366765.0</t>
  </si>
  <si>
    <t>5256808.0</t>
  </si>
  <si>
    <t>62517.2</t>
  </si>
  <si>
    <t>3180.03669515704</t>
  </si>
  <si>
    <t>9951188.0</t>
  </si>
  <si>
    <t>5376116.0</t>
  </si>
  <si>
    <t>5264841.0</t>
  </si>
  <si>
    <t>9966870.0</t>
  </si>
  <si>
    <t>5388612.0</t>
  </si>
  <si>
    <t>5275397.0</t>
  </si>
  <si>
    <t>9983732.0</t>
  </si>
  <si>
    <t>5402360.0</t>
  </si>
  <si>
    <t>5286774.0</t>
  </si>
  <si>
    <t>12161318.0</t>
  </si>
  <si>
    <t>629.189</t>
  </si>
  <si>
    <t>10002146.0</t>
  </si>
  <si>
    <t>5418006.0</t>
  </si>
  <si>
    <t>5298861.0</t>
  </si>
  <si>
    <t>10022127.0</t>
  </si>
  <si>
    <t>5435068.0</t>
  </si>
  <si>
    <t>5311887.0</t>
  </si>
  <si>
    <t>5449319.0</t>
  </si>
  <si>
    <t>5321291.0</t>
  </si>
  <si>
    <t>12612.0</t>
  </si>
  <si>
    <t>57116.0</t>
  </si>
  <si>
    <t>10049874.0</t>
  </si>
  <si>
    <t>5458874.0</t>
  </si>
  <si>
    <t>5327628.0</t>
  </si>
  <si>
    <t>64468.7</t>
  </si>
  <si>
    <t>3279.30284288277</t>
  </si>
  <si>
    <t>10067860.0</t>
  </si>
  <si>
    <t>5474507.0</t>
  </si>
  <si>
    <t>5338990.0</t>
  </si>
  <si>
    <t>60220.0</t>
  </si>
  <si>
    <t>10110672.0</t>
  </si>
  <si>
    <t>5353184.0</t>
  </si>
  <si>
    <t>61772.0</t>
  </si>
  <si>
    <t>10171767.0</t>
  </si>
  <si>
    <t>5368241.0</t>
  </si>
  <si>
    <t>12604584.0</t>
  </si>
  <si>
    <t>652.122</t>
  </si>
  <si>
    <t>10233640.0</t>
  </si>
  <si>
    <t>5384003.0</t>
  </si>
  <si>
    <t>10295476.0</t>
  </si>
  <si>
    <t>5401341.0</t>
  </si>
  <si>
    <t>62621.0</t>
  </si>
  <si>
    <t>10341041.0</t>
  </si>
  <si>
    <t>5413050.0</t>
  </si>
  <si>
    <t>62269.0</t>
  </si>
  <si>
    <t>10371528.0</t>
  </si>
  <si>
    <t>5421165.0</t>
  </si>
  <si>
    <t>45951.0</t>
  </si>
  <si>
    <t>67384.4</t>
  </si>
  <si>
    <t>3427.61455537261</t>
  </si>
  <si>
    <t>61917.0</t>
  </si>
  <si>
    <t>10424425.0</t>
  </si>
  <si>
    <t>5434368.0</t>
  </si>
  <si>
    <t>50938.0</t>
  </si>
  <si>
    <t>10484905.0</t>
  </si>
  <si>
    <t>5451352.0</t>
  </si>
  <si>
    <t>60480.0</t>
  </si>
  <si>
    <t>10540816.0</t>
  </si>
  <si>
    <t>5466960.0</t>
  </si>
  <si>
    <t>55911.0</t>
  </si>
  <si>
    <t>13030622.0</t>
  </si>
  <si>
    <t>674.164</t>
  </si>
  <si>
    <t>60863.0</t>
  </si>
  <si>
    <t>10603439.0</t>
  </si>
  <si>
    <t>5485298.0</t>
  </si>
  <si>
    <t>62623.0</t>
  </si>
  <si>
    <t>61024.0</t>
  </si>
  <si>
    <t>10670691.0</t>
  </si>
  <si>
    <t>5506187.0</t>
  </si>
  <si>
    <t>67252.0</t>
  </si>
  <si>
    <t>53602.0</t>
  </si>
  <si>
    <t>10723506.0</t>
  </si>
  <si>
    <t>5521333.0</t>
  </si>
  <si>
    <t>54638.0</t>
  </si>
  <si>
    <t>10758900.0</t>
  </si>
  <si>
    <t>5531778.0</t>
  </si>
  <si>
    <t>71982.9</t>
  </si>
  <si>
    <t>3661.52456322132</t>
  </si>
  <si>
    <t>61508.0</t>
  </si>
  <si>
    <t>10810621.0</t>
  </si>
  <si>
    <t>5546873.0</t>
  </si>
  <si>
    <t>55171.0</t>
  </si>
  <si>
    <t>61670.0</t>
  </si>
  <si>
    <t>10869030.0</t>
  </si>
  <si>
    <t>5566067.0</t>
  </si>
  <si>
    <t>58409.0</t>
  </si>
  <si>
    <t>61831.0</t>
  </si>
  <si>
    <t>10929156.0</t>
  </si>
  <si>
    <t>5586307.0</t>
  </si>
  <si>
    <t>13464569.0</t>
  </si>
  <si>
    <t>696.615</t>
  </si>
  <si>
    <t>10997009.0</t>
  </si>
  <si>
    <t>5608781.0</t>
  </si>
  <si>
    <t>67853.0</t>
  </si>
  <si>
    <t>56224.0</t>
  </si>
  <si>
    <t>62034.0</t>
  </si>
  <si>
    <t>11070386.0</t>
  </si>
  <si>
    <t>5635136.0</t>
  </si>
  <si>
    <t>73377.0</t>
  </si>
  <si>
    <t>57099.0</t>
  </si>
  <si>
    <t>11129705.0</t>
  </si>
  <si>
    <t>5654687.0</t>
  </si>
  <si>
    <t>58028.0</t>
  </si>
  <si>
    <t>20586.0</t>
  </si>
  <si>
    <t>11171271.0</t>
  </si>
  <si>
    <t>5668360.0</t>
  </si>
  <si>
    <t>3962.04945554947</t>
  </si>
  <si>
    <t>11233327.0</t>
  </si>
  <si>
    <t>5689257.0</t>
  </si>
  <si>
    <t>62056.0</t>
  </si>
  <si>
    <t>11302068.0</t>
  </si>
  <si>
    <t>5714109.0</t>
  </si>
  <si>
    <t>68741.0</t>
  </si>
  <si>
    <t>61863.0</t>
  </si>
  <si>
    <t>62242.0</t>
  </si>
  <si>
    <t>11381627.0</t>
  </si>
  <si>
    <t>5741882.0</t>
  </si>
  <si>
    <t>79559.0</t>
  </si>
  <si>
    <t>64639.0</t>
  </si>
  <si>
    <t>13900554.0</t>
  </si>
  <si>
    <t>719.172</t>
  </si>
  <si>
    <t>62284.0</t>
  </si>
  <si>
    <t>11481003.0</t>
  </si>
  <si>
    <t>5778037.0</t>
  </si>
  <si>
    <t>99376.0</t>
  </si>
  <si>
    <t>69142.0</t>
  </si>
  <si>
    <t>11609017.0</t>
  </si>
  <si>
    <t>5828308.0</t>
  </si>
  <si>
    <t>128014.0</t>
  </si>
  <si>
    <t>76947.0</t>
  </si>
  <si>
    <t>61481.0</t>
  </si>
  <si>
    <t>11736326.0</t>
  </si>
  <si>
    <t>5876290.0</t>
  </si>
  <si>
    <t>61080.0</t>
  </si>
  <si>
    <t>11846865.0</t>
  </si>
  <si>
    <t>5919840.0</t>
  </si>
  <si>
    <t>110539.0</t>
  </si>
  <si>
    <t>96513.0</t>
  </si>
  <si>
    <t>84469.5</t>
  </si>
  <si>
    <t>4296.67530890008</t>
  </si>
  <si>
    <t>11974813.0</t>
  </si>
  <si>
    <t>5974029.0</t>
  </si>
  <si>
    <t>127948.0</t>
  </si>
  <si>
    <t>105927.0</t>
  </si>
  <si>
    <t>12125452.0</t>
  </si>
  <si>
    <t>6041736.0</t>
  </si>
  <si>
    <t>12276387.0</t>
  </si>
  <si>
    <t>6110702.0</t>
  </si>
  <si>
    <t>150935.0</t>
  </si>
  <si>
    <t>127823.0</t>
  </si>
  <si>
    <t>14316876.0</t>
  </si>
  <si>
    <t>740.711</t>
  </si>
  <si>
    <t>59475.0</t>
  </si>
  <si>
    <t>12402879.0</t>
  </si>
  <si>
    <t>6171382.0</t>
  </si>
  <si>
    <t>126492.0</t>
  </si>
  <si>
    <t>131697.0</t>
  </si>
  <si>
    <t>12522686.0</t>
  </si>
  <si>
    <t>6230292.0</t>
  </si>
  <si>
    <t>12611562.0</t>
  </si>
  <si>
    <t>6269486.0</t>
  </si>
  <si>
    <t>88876.0</t>
  </si>
  <si>
    <t>125034.0</t>
  </si>
  <si>
    <t>12676731.0</t>
  </si>
  <si>
    <t>6297622.0</t>
  </si>
  <si>
    <t>118552.0</t>
  </si>
  <si>
    <t>90842.2</t>
  </si>
  <si>
    <t>4620.83281830912</t>
  </si>
  <si>
    <t>12756911.0</t>
  </si>
  <si>
    <t>6334232.0</t>
  </si>
  <si>
    <t>111728.0</t>
  </si>
  <si>
    <t>12835332.0</t>
  </si>
  <si>
    <t>6370311.0</t>
  </si>
  <si>
    <t>78421.0</t>
  </si>
  <si>
    <t>101411.0</t>
  </si>
  <si>
    <t>53607.0</t>
  </si>
  <si>
    <t>12917830.0</t>
  </si>
  <si>
    <t>6407432.0</t>
  </si>
  <si>
    <t>91635.0</t>
  </si>
  <si>
    <t>14685278.0</t>
  </si>
  <si>
    <t>759.771</t>
  </si>
  <si>
    <t>13000444.0</t>
  </si>
  <si>
    <t>6444942.0</t>
  </si>
  <si>
    <t>85366.0</t>
  </si>
  <si>
    <t>13090373.0</t>
  </si>
  <si>
    <t>6485590.0</t>
  </si>
  <si>
    <t>89929.0</t>
  </si>
  <si>
    <t>13161544.0</t>
  </si>
  <si>
    <t>6514882.0</t>
  </si>
  <si>
    <t>13218245.0</t>
  </si>
  <si>
    <t>6537790.0</t>
  </si>
  <si>
    <t>96606.5</t>
  </si>
  <si>
    <t>4914.04309519123</t>
  </si>
  <si>
    <t>13288145.0</t>
  </si>
  <si>
    <t>6567685.0</t>
  </si>
  <si>
    <t>69900.0</t>
  </si>
  <si>
    <t>46562.0</t>
  </si>
  <si>
    <t>13356019.0</t>
  </si>
  <si>
    <t>6599913.0</t>
  </si>
  <si>
    <t>67874.0</t>
  </si>
  <si>
    <t>13427624.0</t>
  </si>
  <si>
    <t>6635240.0</t>
  </si>
  <si>
    <t>14994222.0</t>
  </si>
  <si>
    <t>775.755</t>
  </si>
  <si>
    <t>13509775.0</t>
  </si>
  <si>
    <t>6680914.0</t>
  </si>
  <si>
    <t>13607486.0</t>
  </si>
  <si>
    <t>6737499.0</t>
  </si>
  <si>
    <t>97711.0</t>
  </si>
  <si>
    <t>73873.0</t>
  </si>
  <si>
    <t>42907.0</t>
  </si>
  <si>
    <t>13700291.0</t>
  </si>
  <si>
    <t>6792733.0</t>
  </si>
  <si>
    <t>76964.0</t>
  </si>
  <si>
    <t>13780918.0</t>
  </si>
  <si>
    <t>6843419.0</t>
  </si>
  <si>
    <t>80627.0</t>
  </si>
  <si>
    <t>80382.0</t>
  </si>
  <si>
    <t>100492.6</t>
  </si>
  <si>
    <t>5111.71574529471</t>
  </si>
  <si>
    <t>13871760.0</t>
  </si>
  <si>
    <t>6897669.0</t>
  </si>
  <si>
    <t>90842.0</t>
  </si>
  <si>
    <t>83374.0</t>
  </si>
  <si>
    <t>13970171.0</t>
  </si>
  <si>
    <t>6958736.0</t>
  </si>
  <si>
    <t>98411.0</t>
  </si>
  <si>
    <t>14054680.0</t>
  </si>
  <si>
    <t>7017755.0</t>
  </si>
  <si>
    <t>84509.0</t>
  </si>
  <si>
    <t>15273082.0</t>
  </si>
  <si>
    <t>790.182</t>
  </si>
  <si>
    <t>14143558.0</t>
  </si>
  <si>
    <t>7068708.0</t>
  </si>
  <si>
    <t>90540.0</t>
  </si>
  <si>
    <t>14234034.0</t>
  </si>
  <si>
    <t>7117567.0</t>
  </si>
  <si>
    <t>90476.0</t>
  </si>
  <si>
    <t>14313204.0</t>
  </si>
  <si>
    <t>7156384.0</t>
  </si>
  <si>
    <t>79170.0</t>
  </si>
  <si>
    <t>87559.0</t>
  </si>
  <si>
    <t>14370933.0</t>
  </si>
  <si>
    <t>7185670.0</t>
  </si>
  <si>
    <t>57729.0</t>
  </si>
  <si>
    <t>103420.5</t>
  </si>
  <si>
    <t>5260.64803016592</t>
  </si>
  <si>
    <t>38446.0</t>
  </si>
  <si>
    <t>14436023.0</t>
  </si>
  <si>
    <t>7217733.0</t>
  </si>
  <si>
    <t>65090.0</t>
  </si>
  <si>
    <t>80609.0</t>
  </si>
  <si>
    <t>38098.0</t>
  </si>
  <si>
    <t>14502562.0</t>
  </si>
  <si>
    <t>7250727.0</t>
  </si>
  <si>
    <t>14568733.0</t>
  </si>
  <si>
    <t>7282874.0</t>
  </si>
  <si>
    <t>66171.0</t>
  </si>
  <si>
    <t>73436.0</t>
  </si>
  <si>
    <t>15534900.0</t>
  </si>
  <si>
    <t>803.728</t>
  </si>
  <si>
    <t>14633906.0</t>
  </si>
  <si>
    <t>7314379.0</t>
  </si>
  <si>
    <t>65173.0</t>
  </si>
  <si>
    <t>14704474.0</t>
  </si>
  <si>
    <t>7346689.0</t>
  </si>
  <si>
    <t>70568.0</t>
  </si>
  <si>
    <t>14766479.0</t>
  </si>
  <si>
    <t>7373064.0</t>
  </si>
  <si>
    <t>14813465.0</t>
  </si>
  <si>
    <t>7393228.0</t>
  </si>
  <si>
    <t>105301.8</t>
  </si>
  <si>
    <t>5356.34334336931</t>
  </si>
  <si>
    <t>14868793.0</t>
  </si>
  <si>
    <t>7415357.0</t>
  </si>
  <si>
    <t>14910355.0</t>
  </si>
  <si>
    <t>7431916.0</t>
  </si>
  <si>
    <t>14935192.0</t>
  </si>
  <si>
    <t>7443783.0</t>
  </si>
  <si>
    <t>24837.0</t>
  </si>
  <si>
    <t>52351.0</t>
  </si>
  <si>
    <t>15725301.0</t>
  </si>
  <si>
    <t>813.579</t>
  </si>
  <si>
    <t>14980192.0</t>
  </si>
  <si>
    <t>7463963.0</t>
  </si>
  <si>
    <t>49469.0</t>
  </si>
  <si>
    <t>15035366.0</t>
  </si>
  <si>
    <t>7488507.0</t>
  </si>
  <si>
    <t>15079161.0</t>
  </si>
  <si>
    <t>7507203.0</t>
  </si>
  <si>
    <t>44669.0</t>
  </si>
  <si>
    <t>15111895.0</t>
  </si>
  <si>
    <t>7522127.0</t>
  </si>
  <si>
    <t>106471.5</t>
  </si>
  <si>
    <t>5415.84199209839</t>
  </si>
  <si>
    <t>15157189.0</t>
  </si>
  <si>
    <t>7541662.0</t>
  </si>
  <si>
    <t>45294.0</t>
  </si>
  <si>
    <t>15197332.0</t>
  </si>
  <si>
    <t>7559544.0</t>
  </si>
  <si>
    <t>15231255.0</t>
  </si>
  <si>
    <t>7575337.0</t>
  </si>
  <si>
    <t>33923.0</t>
  </si>
  <si>
    <t>15975124.0</t>
  </si>
  <si>
    <t>826.504</t>
  </si>
  <si>
    <t>15270021.0</t>
  </si>
  <si>
    <t>7593882.0</t>
  </si>
  <si>
    <t>36027.0</t>
  </si>
  <si>
    <t>15315420.0</t>
  </si>
  <si>
    <t>7612830.0</t>
  </si>
  <si>
    <t>40008.0</t>
  </si>
  <si>
    <t>15353937.0</t>
  </si>
  <si>
    <t>7628548.0</t>
  </si>
  <si>
    <t>36704.0</t>
  </si>
  <si>
    <t>15380319.0</t>
  </si>
  <si>
    <t>7640006.0</t>
  </si>
  <si>
    <t>107196.6</t>
  </si>
  <si>
    <t>5452.72535551931</t>
  </si>
  <si>
    <t>15413022.0</t>
  </si>
  <si>
    <t>7653570.0</t>
  </si>
  <si>
    <t>15448199.0</t>
  </si>
  <si>
    <t>7667484.0</t>
  </si>
  <si>
    <t>35177.0</t>
  </si>
  <si>
    <t>15482791.0</t>
  </si>
  <si>
    <t>7680716.0</t>
  </si>
  <si>
    <t>35934.0</t>
  </si>
  <si>
    <t>16241519.0</t>
  </si>
  <si>
    <t>840.286</t>
  </si>
  <si>
    <t>15515416.0</t>
  </si>
  <si>
    <t>7693689.0</t>
  </si>
  <si>
    <t>35056.0</t>
  </si>
  <si>
    <t>37098.0</t>
  </si>
  <si>
    <t>15551604.0</t>
  </si>
  <si>
    <t>7708072.0</t>
  </si>
  <si>
    <t>15579924.0</t>
  </si>
  <si>
    <t>7718704.0</t>
  </si>
  <si>
    <t>15600803.0</t>
  </si>
  <si>
    <t>7726940.0</t>
  </si>
  <si>
    <t>107642.1</t>
  </si>
  <si>
    <t>5475.38642075723</t>
  </si>
  <si>
    <t>15630621.0</t>
  </si>
  <si>
    <t>7738599.0</t>
  </si>
  <si>
    <t>29818.0</t>
  </si>
  <si>
    <t>15658705.0</t>
  </si>
  <si>
    <t>7749556.0</t>
  </si>
  <si>
    <t>15683688.0</t>
  </si>
  <si>
    <t>7758645.0</t>
  </si>
  <si>
    <t>28700.0</t>
  </si>
  <si>
    <t>16460928.0</t>
  </si>
  <si>
    <t>851.638</t>
  </si>
  <si>
    <t>15705974.0</t>
  </si>
  <si>
    <t>7768209.0</t>
  </si>
  <si>
    <t>15719411.0</t>
  </si>
  <si>
    <t>15720896.0</t>
  </si>
  <si>
    <t>7775049.0</t>
  </si>
  <si>
    <t>15724114.0</t>
  </si>
  <si>
    <t>7776873.0</t>
  </si>
  <si>
    <t>108087.8</t>
  </si>
  <si>
    <t>5498.05765931289</t>
  </si>
  <si>
    <t>32621.0</t>
  </si>
  <si>
    <t>15745511.0</t>
  </si>
  <si>
    <t>7786593.0</t>
  </si>
  <si>
    <t>32941.0</t>
  </si>
  <si>
    <t>15771186.0</t>
  </si>
  <si>
    <t>7796985.0</t>
  </si>
  <si>
    <t>33260.0</t>
  </si>
  <si>
    <t>15796781.0</t>
  </si>
  <si>
    <t>7806308.0</t>
  </si>
  <si>
    <t>16695984.0</t>
  </si>
  <si>
    <t>863.799</t>
  </si>
  <si>
    <t>15816487.0</t>
  </si>
  <si>
    <t>7813589.0</t>
  </si>
  <si>
    <t>15824909.0</t>
  </si>
  <si>
    <t>7817215.0</t>
  </si>
  <si>
    <t>15825626.0</t>
  </si>
  <si>
    <t>7817575.0</t>
  </si>
  <si>
    <t>20.448</t>
  </si>
  <si>
    <t>43444.0</t>
  </si>
  <si>
    <t>15830772.0</t>
  </si>
  <si>
    <t>7819624.0</t>
  </si>
  <si>
    <t>108188.3</t>
  </si>
  <si>
    <t>5503.16975147094</t>
  </si>
  <si>
    <t>15856687.0</t>
  </si>
  <si>
    <t>7829246.0</t>
  </si>
  <si>
    <t>15887687.0</t>
  </si>
  <si>
    <t>7839365.0</t>
  </si>
  <si>
    <t>15920447.0</t>
  </si>
  <si>
    <t>7848712.0</t>
  </si>
  <si>
    <t>17092156.0</t>
  </si>
  <si>
    <t>884.295</t>
  </si>
  <si>
    <t>56596.0</t>
  </si>
  <si>
    <t>15950969.0</t>
  </si>
  <si>
    <t>7857473.0</t>
  </si>
  <si>
    <t>56625.0</t>
  </si>
  <si>
    <t>15983827.0</t>
  </si>
  <si>
    <t>7866153.0</t>
  </si>
  <si>
    <t>56654.0</t>
  </si>
  <si>
    <t>16024810.0</t>
  </si>
  <si>
    <t>7876009.0</t>
  </si>
  <si>
    <t>16039660.0</t>
  </si>
  <si>
    <t>7879354.0</t>
  </si>
  <si>
    <t>108093.1</t>
  </si>
  <si>
    <t>5498.32725223266</t>
  </si>
  <si>
    <t>176.405</t>
  </si>
  <si>
    <t>56711.0</t>
  </si>
  <si>
    <t>16065053.0</t>
  </si>
  <si>
    <t>7886538.0</t>
  </si>
  <si>
    <t>178.44</t>
  </si>
  <si>
    <t>56740.0</t>
  </si>
  <si>
    <t>16090958.0</t>
  </si>
  <si>
    <t>7893950.0</t>
  </si>
  <si>
    <t>25905.0</t>
  </si>
  <si>
    <t>56769.0</t>
  </si>
  <si>
    <t>16115653.0</t>
  </si>
  <si>
    <t>7900632.0</t>
  </si>
  <si>
    <t>17489741.0</t>
  </si>
  <si>
    <t>904.865</t>
  </si>
  <si>
    <t>56798.0</t>
  </si>
  <si>
    <t>16136632.0</t>
  </si>
  <si>
    <t>7906499.0</t>
  </si>
  <si>
    <t>58457.0</t>
  </si>
  <si>
    <t>16161475.0</t>
  </si>
  <si>
    <t>7912048.0</t>
  </si>
  <si>
    <t>25378.0</t>
  </si>
  <si>
    <t>16178998.0</t>
  </si>
  <si>
    <t>7914731.0</t>
  </si>
  <si>
    <t>16188698.0</t>
  </si>
  <si>
    <t>7916347.0</t>
  </si>
  <si>
    <t>108012.5</t>
  </si>
  <si>
    <t>5494.2274051885</t>
  </si>
  <si>
    <t>16205661.0</t>
  </si>
  <si>
    <t>7921134.0</t>
  </si>
  <si>
    <t>16222341.0</t>
  </si>
  <si>
    <t>7926434.0</t>
  </si>
  <si>
    <t>66753.0</t>
  </si>
  <si>
    <t>16239058.0</t>
  </si>
  <si>
    <t>7931630.0</t>
  </si>
  <si>
    <t>17968626.0</t>
  </si>
  <si>
    <t>929.641</t>
  </si>
  <si>
    <t>68412.0</t>
  </si>
  <si>
    <t>16254595.0</t>
  </si>
  <si>
    <t>7936434.0</t>
  </si>
  <si>
    <t>16271662.0</t>
  </si>
  <si>
    <t>7940321.0</t>
  </si>
  <si>
    <t>71974.0</t>
  </si>
  <si>
    <t>16288370.0</t>
  </si>
  <si>
    <t>7942418.0</t>
  </si>
  <si>
    <t>360.492</t>
  </si>
  <si>
    <t>73755.0</t>
  </si>
  <si>
    <t>16292476.0</t>
  </si>
  <si>
    <t>7943875.0</t>
  </si>
  <si>
    <t>108200.5</t>
  </si>
  <si>
    <t>5503.79032385231</t>
  </si>
  <si>
    <t>75536.0</t>
  </si>
  <si>
    <t>16305409.0</t>
  </si>
  <si>
    <t>7946682.0</t>
  </si>
  <si>
    <t>77317.0</t>
  </si>
  <si>
    <t>16322725.0</t>
  </si>
  <si>
    <t>7951432.0</t>
  </si>
  <si>
    <t>79098.0</t>
  </si>
  <si>
    <t>16341598.0</t>
  </si>
  <si>
    <t>7956592.0</t>
  </si>
  <si>
    <t>18534775.0</t>
  </si>
  <si>
    <t>958.932</t>
  </si>
  <si>
    <t>80878.0</t>
  </si>
  <si>
    <t>16361802.0</t>
  </si>
  <si>
    <t>7961586.0</t>
  </si>
  <si>
    <t>16384935.0</t>
  </si>
  <si>
    <t>7967059.0</t>
  </si>
  <si>
    <t>82856.0</t>
  </si>
  <si>
    <t>16404068.0</t>
  </si>
  <si>
    <t>7970868.0</t>
  </si>
  <si>
    <t>16415359.0</t>
  </si>
  <si>
    <t>7973089.0</t>
  </si>
  <si>
    <t>108992.3</t>
  </si>
  <si>
    <t>5544.06648873534</t>
  </si>
  <si>
    <t>84834.0</t>
  </si>
  <si>
    <t>16432047.0</t>
  </si>
  <si>
    <t>7977592.0</t>
  </si>
  <si>
    <t>16449116.0</t>
  </si>
  <si>
    <t>7982198.0</t>
  </si>
  <si>
    <t>86812.0</t>
  </si>
  <si>
    <t>16465301.0</t>
  </si>
  <si>
    <t>7986889.0</t>
  </si>
  <si>
    <t>19149378.0</t>
  </si>
  <si>
    <t>990.73</t>
  </si>
  <si>
    <t>87800.0</t>
  </si>
  <si>
    <t>16479884.0</t>
  </si>
  <si>
    <t>7991323.0</t>
  </si>
  <si>
    <t>16496535.0</t>
  </si>
  <si>
    <t>7996163.0</t>
  </si>
  <si>
    <t>16509541.0</t>
  </si>
  <si>
    <t>7999397.0</t>
  </si>
  <si>
    <t>16516932.0</t>
  </si>
  <si>
    <t>8001228.0</t>
  </si>
  <si>
    <t>110574.9</t>
  </si>
  <si>
    <t>5624.56795191276</t>
  </si>
  <si>
    <t>648.6</t>
  </si>
  <si>
    <t>16527803.0</t>
  </si>
  <si>
    <t>8004856.0</t>
  </si>
  <si>
    <t>78480.0</t>
  </si>
  <si>
    <t>16539272.0</t>
  </si>
  <si>
    <t>8008760.0</t>
  </si>
  <si>
    <t>16550114.0</t>
  </si>
  <si>
    <t>8012440.0</t>
  </si>
  <si>
    <t>19672639.0</t>
  </si>
  <si>
    <t>1017.802</t>
  </si>
  <si>
    <t>16560705.0</t>
  </si>
  <si>
    <t>8015944.0</t>
  </si>
  <si>
    <t>0.3441</t>
  </si>
  <si>
    <t>16572070.0</t>
  </si>
  <si>
    <t>8019748.0</t>
  </si>
  <si>
    <t>16580212.0</t>
  </si>
  <si>
    <t>8022041.0</t>
  </si>
  <si>
    <t>16585057.0</t>
  </si>
  <si>
    <t>8023581.0</t>
  </si>
  <si>
    <t>112705.1</t>
  </si>
  <si>
    <t>5732.92395902798</t>
  </si>
  <si>
    <t>16591748.0</t>
  </si>
  <si>
    <t>8025764.0</t>
  </si>
  <si>
    <t>16599286.0</t>
  </si>
  <si>
    <t>8028480.0</t>
  </si>
  <si>
    <t>61700.0</t>
  </si>
  <si>
    <t>16606721.0</t>
  </si>
  <si>
    <t>8031284.0</t>
  </si>
  <si>
    <t>20089314.0</t>
  </si>
  <si>
    <t>1039.359</t>
  </si>
  <si>
    <t>59525.0</t>
  </si>
  <si>
    <t>16614395.0</t>
  </si>
  <si>
    <t>8034384.0</t>
  </si>
  <si>
    <t>58101.0</t>
  </si>
  <si>
    <t>16622974.0</t>
  </si>
  <si>
    <t>8037982.0</t>
  </si>
  <si>
    <t>56677.0</t>
  </si>
  <si>
    <t>16630029.0</t>
  </si>
  <si>
    <t>8041055.0</t>
  </si>
  <si>
    <t>55253.0</t>
  </si>
  <si>
    <t>16633918.0</t>
  </si>
  <si>
    <t>8042658.0</t>
  </si>
  <si>
    <t>114752.9</t>
  </si>
  <si>
    <t>5837.08855923949</t>
  </si>
  <si>
    <t>16639982.0</t>
  </si>
  <si>
    <t>8045132.0</t>
  </si>
  <si>
    <t>16646327.0</t>
  </si>
  <si>
    <t>8047825.0</t>
  </si>
  <si>
    <t>16652457.0</t>
  </si>
  <si>
    <t>8050324.0</t>
  </si>
  <si>
    <t>20436219.0</t>
  </si>
  <si>
    <t>1057.307</t>
  </si>
  <si>
    <t>16658651.0</t>
  </si>
  <si>
    <t>8052763.0</t>
  </si>
  <si>
    <t>48483.0</t>
  </si>
  <si>
    <t>16665233.0</t>
  </si>
  <si>
    <t>8055499.0</t>
  </si>
  <si>
    <t>16670100.0</t>
  </si>
  <si>
    <t>46334.0</t>
  </si>
  <si>
    <t>16673252.0</t>
  </si>
  <si>
    <t>8058856.0</t>
  </si>
  <si>
    <t>116020.1</t>
  </si>
  <si>
    <t>5901.5467003607</t>
  </si>
  <si>
    <t>16677784.0</t>
  </si>
  <si>
    <t>8060825.0</t>
  </si>
  <si>
    <t>16682309.0</t>
  </si>
  <si>
    <t>8062797.0</t>
  </si>
  <si>
    <t>16686341.0</t>
  </si>
  <si>
    <t>8064452.0</t>
  </si>
  <si>
    <t>20730467.0</t>
  </si>
  <si>
    <t>1072.53</t>
  </si>
  <si>
    <t>16690807.0</t>
  </si>
  <si>
    <t>8066252.0</t>
  </si>
  <si>
    <t>46845.0</t>
  </si>
  <si>
    <t>16695626.0</t>
  </si>
  <si>
    <t>8068154.0</t>
  </si>
  <si>
    <t>16699247.0</t>
  </si>
  <si>
    <t>8069526.0</t>
  </si>
  <si>
    <t>56463.0</t>
  </si>
  <si>
    <t>16701125.0</t>
  </si>
  <si>
    <t>8070200.0</t>
  </si>
  <si>
    <t>116741.9</t>
  </si>
  <si>
    <t>5938.26220403911</t>
  </si>
  <si>
    <t>16704114.0</t>
  </si>
  <si>
    <t>8071346.0</t>
  </si>
  <si>
    <t>66082.0</t>
  </si>
  <si>
    <t>16707166.0</t>
  </si>
  <si>
    <t>8072538.0</t>
  </si>
  <si>
    <t>16709785.0</t>
  </si>
  <si>
    <t>8073606.0</t>
  </si>
  <si>
    <t>21260367.0</t>
  </si>
  <si>
    <t>1099.946</t>
  </si>
  <si>
    <t>75700.0</t>
  </si>
  <si>
    <t>16712425.0</t>
  </si>
  <si>
    <t>8074690.0</t>
  </si>
  <si>
    <t>16715398.0</t>
  </si>
  <si>
    <t>8075824.0</t>
  </si>
  <si>
    <t>16717558.0</t>
  </si>
  <si>
    <t>8076640.0</t>
  </si>
  <si>
    <t>16718766.0</t>
  </si>
  <si>
    <t>8077059.0</t>
  </si>
  <si>
    <t>117319.7</t>
  </si>
  <si>
    <t>5967.65291895376</t>
  </si>
  <si>
    <t>16719974.0</t>
  </si>
  <si>
    <t>8077478.0</t>
  </si>
  <si>
    <t>16721182.0</t>
  </si>
  <si>
    <t>8077897.0</t>
  </si>
  <si>
    <t>16722390.0</t>
  </si>
  <si>
    <t>8078316.0</t>
  </si>
  <si>
    <t>16723598.0</t>
  </si>
  <si>
    <t>8078735.0</t>
  </si>
  <si>
    <t>16724806.0</t>
  </si>
  <si>
    <t>8079154.0</t>
  </si>
  <si>
    <t>16726014.0</t>
  </si>
  <si>
    <t>8079573.0</t>
  </si>
  <si>
    <t>16727222.0</t>
  </si>
  <si>
    <t>8079992.0</t>
  </si>
  <si>
    <t>117541.1</t>
  </si>
  <si>
    <t>5978.91478167806</t>
  </si>
  <si>
    <t>16728430.0</t>
  </si>
  <si>
    <t>8080411.0</t>
  </si>
  <si>
    <t>16729638.0</t>
  </si>
  <si>
    <t>8080830.0</t>
  </si>
  <si>
    <t>16730846.0</t>
  </si>
  <si>
    <t>8081249.0</t>
  </si>
  <si>
    <t>16732054.0</t>
  </si>
  <si>
    <t>8081668.0</t>
  </si>
  <si>
    <t>16733262.0</t>
  </si>
  <si>
    <t>8082087.0</t>
  </si>
  <si>
    <t>16734470.0</t>
  </si>
  <si>
    <t>8082506.0</t>
  </si>
  <si>
    <t>21.771</t>
  </si>
  <si>
    <t>16735678.0</t>
  </si>
  <si>
    <t>8082925.0</t>
  </si>
  <si>
    <t>117820.1</t>
  </si>
  <si>
    <t>5993.10655990787</t>
  </si>
  <si>
    <t>16736886.0</t>
  </si>
  <si>
    <t>8083344.0</t>
  </si>
  <si>
    <t>16738094.0</t>
  </si>
  <si>
    <t>8083763.0</t>
  </si>
  <si>
    <t>16739302.0</t>
  </si>
  <si>
    <t>8084182.0</t>
  </si>
  <si>
    <t>16740510.0</t>
  </si>
  <si>
    <t>8084601.0</t>
  </si>
  <si>
    <t>16741718.0</t>
  </si>
  <si>
    <t>8085020.0</t>
  </si>
  <si>
    <t>16742926.0</t>
  </si>
  <si>
    <t>8085439.0</t>
  </si>
  <si>
    <t>16744134.0</t>
  </si>
  <si>
    <t>8085858.0</t>
  </si>
  <si>
    <t>118374.5</t>
  </si>
  <si>
    <t>6021.3069966484</t>
  </si>
  <si>
    <t>16745342.0</t>
  </si>
  <si>
    <t>8086277.0</t>
  </si>
  <si>
    <t>16746550.0</t>
  </si>
  <si>
    <t>8086696.0</t>
  </si>
  <si>
    <t>16747758.0</t>
  </si>
  <si>
    <t>8087115.0</t>
  </si>
  <si>
    <t>16748966.0</t>
  </si>
  <si>
    <t>8087534.0</t>
  </si>
  <si>
    <t>16750174.0</t>
  </si>
  <si>
    <t>8087953.0</t>
  </si>
  <si>
    <t>16751382.0</t>
  </si>
  <si>
    <t>8088372.0</t>
  </si>
  <si>
    <t>124.928</t>
  </si>
  <si>
    <t>16752590.0</t>
  </si>
  <si>
    <t>8088791.0</t>
  </si>
  <si>
    <t>118493.7</t>
  </si>
  <si>
    <t>6027.37029401397</t>
  </si>
  <si>
    <t>16753798.0</t>
  </si>
  <si>
    <t>8089210.0</t>
  </si>
  <si>
    <t>85.22</t>
  </si>
  <si>
    <t>16755006.0</t>
  </si>
  <si>
    <t>8089629.0</t>
  </si>
  <si>
    <t>16756214.0</t>
  </si>
  <si>
    <t>8090048.0</t>
  </si>
  <si>
    <t>16757422.0</t>
  </si>
  <si>
    <t>8090467.0</t>
  </si>
  <si>
    <t>16758630.0</t>
  </si>
  <si>
    <t>8090886.0</t>
  </si>
  <si>
    <t>16759838.0</t>
  </si>
  <si>
    <t>8091305.0</t>
  </si>
  <si>
    <t>16761046.0</t>
  </si>
  <si>
    <t>8091724.0</t>
  </si>
  <si>
    <t>118647.9</t>
  </si>
  <si>
    <t>6035.21392198184</t>
  </si>
  <si>
    <t>16762254.0</t>
  </si>
  <si>
    <t>8092143.0</t>
  </si>
  <si>
    <t>16763462.0</t>
  </si>
  <si>
    <t>8092562.0</t>
  </si>
  <si>
    <t>16764670.0</t>
  </si>
  <si>
    <t>8092981.0</t>
  </si>
  <si>
    <t>16765878.0</t>
  </si>
  <si>
    <t>8093400.0</t>
  </si>
  <si>
    <t>16767086.0</t>
  </si>
  <si>
    <t>8093819.0</t>
  </si>
  <si>
    <t>16768294.0</t>
  </si>
  <si>
    <t>8094238.0</t>
  </si>
  <si>
    <t>16769502.0</t>
  </si>
  <si>
    <t>8094657.0</t>
  </si>
  <si>
    <t>118544.5</t>
  </si>
  <si>
    <t>6029.95431671675</t>
  </si>
  <si>
    <t>16770710.0</t>
  </si>
  <si>
    <t>8095076.0</t>
  </si>
  <si>
    <t>77.622</t>
  </si>
  <si>
    <t>16771918.0</t>
  </si>
  <si>
    <t>8095495.0</t>
  </si>
  <si>
    <t>16773126.0</t>
  </si>
  <si>
    <t>8095914.0</t>
  </si>
  <si>
    <t>16774334.0</t>
  </si>
  <si>
    <t>8096333.0</t>
  </si>
  <si>
    <t>16775542.0</t>
  </si>
  <si>
    <t>8096752.0</t>
  </si>
  <si>
    <t>16776750.0</t>
  </si>
  <si>
    <t>8097171.0</t>
  </si>
  <si>
    <t>16777958.0</t>
  </si>
  <si>
    <t>8097590.0</t>
  </si>
  <si>
    <t>118657.9</t>
  </si>
  <si>
    <t>6035.72258786822</t>
  </si>
  <si>
    <t>16779166.0</t>
  </si>
  <si>
    <t>8098009.0</t>
  </si>
  <si>
    <t>16780374.0</t>
  </si>
  <si>
    <t>8098428.0</t>
  </si>
  <si>
    <t>16781582.0</t>
  </si>
  <si>
    <t>8098847.0</t>
  </si>
  <si>
    <t>16782790.0</t>
  </si>
  <si>
    <t>8099266.0</t>
  </si>
  <si>
    <t>16783998.0</t>
  </si>
  <si>
    <t>8099685.0</t>
  </si>
  <si>
    <t>16785206.0</t>
  </si>
  <si>
    <t>8100104.0</t>
  </si>
  <si>
    <t>16786414.0</t>
  </si>
  <si>
    <t>8100523.0</t>
  </si>
  <si>
    <t>118443.1</t>
  </si>
  <si>
    <t>6024.79644462892</t>
  </si>
  <si>
    <t>16787622.0</t>
  </si>
  <si>
    <t>8100942.0</t>
  </si>
  <si>
    <t>16788830.0</t>
  </si>
  <si>
    <t>8101361.0</t>
  </si>
  <si>
    <t>16790038.0</t>
  </si>
  <si>
    <t>8101780.0</t>
  </si>
  <si>
    <t>16791246.0</t>
  </si>
  <si>
    <t>8102199.0</t>
  </si>
  <si>
    <t>16792454.0</t>
  </si>
  <si>
    <t>8102618.0</t>
  </si>
  <si>
    <t>16793662.0</t>
  </si>
  <si>
    <t>8103037.0</t>
  </si>
  <si>
    <t>16794870.0</t>
  </si>
  <si>
    <t>8103456.0</t>
  </si>
  <si>
    <t>118553.5</t>
  </si>
  <si>
    <t>6030.41211601448</t>
  </si>
  <si>
    <t>16796078.0</t>
  </si>
  <si>
    <t>8103875.0</t>
  </si>
  <si>
    <t>47.815</t>
  </si>
  <si>
    <t>16797286.0</t>
  </si>
  <si>
    <t>8104294.0</t>
  </si>
  <si>
    <t>16798494.0</t>
  </si>
  <si>
    <t>8104713.0</t>
  </si>
  <si>
    <t>16799702.0</t>
  </si>
  <si>
    <t>8105132.0</t>
  </si>
  <si>
    <t>40.235</t>
  </si>
  <si>
    <t>16800910.0</t>
  </si>
  <si>
    <t>8105551.0</t>
  </si>
  <si>
    <t>16802118.0</t>
  </si>
  <si>
    <t>8105970.0</t>
  </si>
  <si>
    <t>16803326.0</t>
  </si>
  <si>
    <t>8106389.0</t>
  </si>
  <si>
    <t>118498.1</t>
  </si>
  <si>
    <t>6027.59410700397</t>
  </si>
  <si>
    <t>16804534.0</t>
  </si>
  <si>
    <t>8106808.0</t>
  </si>
  <si>
    <t>16805742.0</t>
  </si>
  <si>
    <t>8107227.0</t>
  </si>
  <si>
    <t>16806950.0</t>
  </si>
  <si>
    <t>8107646.0</t>
  </si>
  <si>
    <t>16808158.0</t>
  </si>
  <si>
    <t>8108065.0</t>
  </si>
  <si>
    <t>16809366.0</t>
  </si>
  <si>
    <t>8108484.0</t>
  </si>
  <si>
    <t>16810574.0</t>
  </si>
  <si>
    <t>8108903.0</t>
  </si>
  <si>
    <t>16811782.0</t>
  </si>
  <si>
    <t>8109322.0</t>
  </si>
  <si>
    <t>118184.3</t>
  </si>
  <si>
    <t>6011.63217148958</t>
  </si>
  <si>
    <t>16812990.0</t>
  </si>
  <si>
    <t>8109741.0</t>
  </si>
  <si>
    <t>16814198.0</t>
  </si>
  <si>
    <t>8110160.0</t>
  </si>
  <si>
    <t>16815406.0</t>
  </si>
  <si>
    <t>8110579.0</t>
  </si>
  <si>
    <t>16816614.0</t>
  </si>
  <si>
    <t>8110998.0</t>
  </si>
  <si>
    <t>16817822.0</t>
  </si>
  <si>
    <t>8111417.0</t>
  </si>
  <si>
    <t>16819030.0</t>
  </si>
  <si>
    <t>8111836.0</t>
  </si>
  <si>
    <t>16820238.0</t>
  </si>
  <si>
    <t>8112255.0</t>
  </si>
  <si>
    <t>118075.3</t>
  </si>
  <si>
    <t>6006.08771332811</t>
  </si>
  <si>
    <t>16821446.0</t>
  </si>
  <si>
    <t>8112674.0</t>
  </si>
  <si>
    <t>28.129</t>
  </si>
  <si>
    <t>16822654.0</t>
  </si>
  <si>
    <t>8113093.0</t>
  </si>
  <si>
    <t>16823862.0</t>
  </si>
  <si>
    <t>8113512.0</t>
  </si>
  <si>
    <t>16825070.0</t>
  </si>
  <si>
    <t>8113931.0</t>
  </si>
  <si>
    <t>16826278.0</t>
  </si>
  <si>
    <t>8114350.0</t>
  </si>
  <si>
    <t>16827486.0</t>
  </si>
  <si>
    <t>8114769.0</t>
  </si>
  <si>
    <t>117711.7</t>
  </si>
  <si>
    <t>5987.59262169958</t>
  </si>
  <si>
    <t>117258.5</t>
  </si>
  <si>
    <t>5964.53988372915</t>
  </si>
  <si>
    <t>33.928</t>
  </si>
  <si>
    <t>31.079</t>
  </si>
  <si>
    <t>116877.1</t>
  </si>
  <si>
    <t>-7.92</t>
  </si>
  <si>
    <t>5945.13936682288</t>
  </si>
  <si>
    <t>36.319</t>
  </si>
  <si>
    <t>116965.3</t>
  </si>
  <si>
    <t>5949.62579994069</t>
  </si>
  <si>
    <t>116956.3</t>
  </si>
  <si>
    <t>5949.16800064295</t>
  </si>
  <si>
    <t>74.672</t>
  </si>
  <si>
    <t>116717.3</t>
  </si>
  <si>
    <t>5937.01088595863</t>
  </si>
  <si>
    <t>117032.5</t>
  </si>
  <si>
    <t>5953.04403469712</t>
  </si>
  <si>
    <t>201.94</t>
  </si>
  <si>
    <t>117554.3</t>
  </si>
  <si>
    <t>5979.58622064807</t>
  </si>
  <si>
    <t>117911.1</t>
  </si>
  <si>
    <t>5997.73541947387</t>
  </si>
  <si>
    <t>118305.5</t>
  </si>
  <si>
    <t>6017.79720203243</t>
  </si>
  <si>
    <t>118936.9</t>
  </si>
  <si>
    <t>6049.91436609803</t>
  </si>
  <si>
    <t>119549.5</t>
  </si>
  <si>
    <t>6081.07523829725</t>
  </si>
  <si>
    <t>119788.7</t>
  </si>
  <si>
    <t>6093.2425262993</t>
  </si>
  <si>
    <t>119870.1</t>
  </si>
  <si>
    <t>6097.38306661438</t>
  </si>
  <si>
    <t>119885.1</t>
  </si>
  <si>
    <t>6098.14606544394</t>
  </si>
  <si>
    <t>120033.7</t>
  </si>
  <si>
    <t>6105.70484051544</t>
  </si>
  <si>
    <t>120309.5</t>
  </si>
  <si>
    <t>6119.73384566161</t>
  </si>
  <si>
    <t>120080.1</t>
  </si>
  <si>
    <t>6108.06505022821</t>
  </si>
  <si>
    <t>55.089</t>
  </si>
  <si>
    <t>119830.3</t>
  </si>
  <si>
    <t>6095.35857638661</t>
  </si>
  <si>
    <t>119569.9</t>
  </si>
  <si>
    <t>6082.11291670545</t>
  </si>
  <si>
    <t>45.831</t>
  </si>
  <si>
    <t>118990.7</t>
  </si>
  <si>
    <t>6052.65098856672</t>
  </si>
  <si>
    <t>40.286</t>
  </si>
  <si>
    <t>34.386</t>
  </si>
  <si>
    <t>8185732.0</t>
  </si>
  <si>
    <t>RUS</t>
  </si>
  <si>
    <t>Russia</t>
  </si>
  <si>
    <t>-5538.0</t>
  </si>
  <si>
    <t>-38.2687668705972</t>
  </si>
  <si>
    <t>-1789.1</t>
  </si>
  <si>
    <t>-12.3630644290692</t>
  </si>
  <si>
    <t>55688.0</t>
  </si>
  <si>
    <t>59960.0</t>
  </si>
  <si>
    <t>63191.0</t>
  </si>
  <si>
    <t>70601.0</t>
  </si>
  <si>
    <t>1796.6</t>
  </si>
  <si>
    <t>1438.9</t>
  </si>
  <si>
    <t>94852.0</t>
  </si>
  <si>
    <t>104883.0</t>
  </si>
  <si>
    <t>976.7</t>
  </si>
  <si>
    <t>1016.3</t>
  </si>
  <si>
    <t>116061.0</t>
  </si>
  <si>
    <t>673.5</t>
  </si>
  <si>
    <t>122854.0</t>
  </si>
  <si>
    <t>133101.0</t>
  </si>
  <si>
    <t>143519.0</t>
  </si>
  <si>
    <t>336.9</t>
  </si>
  <si>
    <t>156016.0</t>
  </si>
  <si>
    <t>294.1</t>
  </si>
  <si>
    <t>163529.0</t>
  </si>
  <si>
    <t>165772.0</t>
  </si>
  <si>
    <t>185918.0</t>
  </si>
  <si>
    <t>192824.0</t>
  </si>
  <si>
    <t>223509.0</t>
  </si>
  <si>
    <t>243377.0</t>
  </si>
  <si>
    <t>263888.0</t>
  </si>
  <si>
    <t>343523.0</t>
  </si>
  <si>
    <t>406500.0</t>
  </si>
  <si>
    <t>30525.0</t>
  </si>
  <si>
    <t>-2714.8</t>
  </si>
  <si>
    <t>-18.7598498194831</t>
  </si>
  <si>
    <t>536000.0</t>
  </si>
  <si>
    <t>129500.0</t>
  </si>
  <si>
    <t>48393.0</t>
  </si>
  <si>
    <t>575103.0</t>
  </si>
  <si>
    <t>50228.0</t>
  </si>
  <si>
    <t>639606.0</t>
  </si>
  <si>
    <t>56604.0</t>
  </si>
  <si>
    <t>697004.0</t>
  </si>
  <si>
    <t>758401.0</t>
  </si>
  <si>
    <t>59268.0</t>
  </si>
  <si>
    <t>795523.0</t>
  </si>
  <si>
    <t>910221.0</t>
  </si>
  <si>
    <t>114698.0</t>
  </si>
  <si>
    <t>71960.0</t>
  </si>
  <si>
    <t>1004719.0</t>
  </si>
  <si>
    <t>1092811.0</t>
  </si>
  <si>
    <t>88092.0</t>
  </si>
  <si>
    <t>73958.0</t>
  </si>
  <si>
    <t>1184442.0</t>
  </si>
  <si>
    <t>91631.0</t>
  </si>
  <si>
    <t>1278747.0</t>
  </si>
  <si>
    <t>83106.0</t>
  </si>
  <si>
    <t>1359993.0</t>
  </si>
  <si>
    <t>85942.0</t>
  </si>
  <si>
    <t>1426014.0</t>
  </si>
  <si>
    <t>9.828</t>
  </si>
  <si>
    <t>90070.0</t>
  </si>
  <si>
    <t>1517992.0</t>
  </si>
  <si>
    <t>91978.0</t>
  </si>
  <si>
    <t>86824.0</t>
  </si>
  <si>
    <t>1613413.0</t>
  </si>
  <si>
    <t>95421.0</t>
  </si>
  <si>
    <t>1718019.0</t>
  </si>
  <si>
    <t>104606.0</t>
  </si>
  <si>
    <t>89315.0</t>
  </si>
  <si>
    <t>1831892.0</t>
  </si>
  <si>
    <t>113873.0</t>
  </si>
  <si>
    <t>1949813.0</t>
  </si>
  <si>
    <t>117921.0</t>
  </si>
  <si>
    <t>95867.0</t>
  </si>
  <si>
    <t>2053319.0</t>
  </si>
  <si>
    <t>99047.0</t>
  </si>
  <si>
    <t>2142604.0</t>
  </si>
  <si>
    <t>89285.0</t>
  </si>
  <si>
    <t>102370.0</t>
  </si>
  <si>
    <t>2252539.0</t>
  </si>
  <si>
    <t>109935.0</t>
  </si>
  <si>
    <t>15.524</t>
  </si>
  <si>
    <t>104935.0</t>
  </si>
  <si>
    <t>2401616.0</t>
  </si>
  <si>
    <t>16.551</t>
  </si>
  <si>
    <t>112600.0</t>
  </si>
  <si>
    <t>2552000.0</t>
  </si>
  <si>
    <t>119140.0</t>
  </si>
  <si>
    <t>2721500.0</t>
  </si>
  <si>
    <t>169500.0</t>
  </si>
  <si>
    <t>18.756</t>
  </si>
  <si>
    <t>2877699.0</t>
  </si>
  <si>
    <t>156199.0</t>
  </si>
  <si>
    <t>19.832</t>
  </si>
  <si>
    <t>132555.0</t>
  </si>
  <si>
    <t>3019434.0</t>
  </si>
  <si>
    <t>141735.0</t>
  </si>
  <si>
    <t>20.809</t>
  </si>
  <si>
    <t>138016.0</t>
  </si>
  <si>
    <t>3139258.0</t>
  </si>
  <si>
    <t>3303717.0</t>
  </si>
  <si>
    <t>164459.0</t>
  </si>
  <si>
    <t>150168.0</t>
  </si>
  <si>
    <t>3498308.0</t>
  </si>
  <si>
    <t>194591.0</t>
  </si>
  <si>
    <t>156670.0</t>
  </si>
  <si>
    <t>3723807.0</t>
  </si>
  <si>
    <t>25.663</t>
  </si>
  <si>
    <t>167401.0</t>
  </si>
  <si>
    <t>2597.6</t>
  </si>
  <si>
    <t>17.9499727018894</t>
  </si>
  <si>
    <t>3945518.0</t>
  </si>
  <si>
    <t>221711.0</t>
  </si>
  <si>
    <t>27.191</t>
  </si>
  <si>
    <t>174860.0</t>
  </si>
  <si>
    <t>4099999.0</t>
  </si>
  <si>
    <t>28.256</t>
  </si>
  <si>
    <t>174614.0</t>
  </si>
  <si>
    <t>4303243.0</t>
  </si>
  <si>
    <t>203244.0</t>
  </si>
  <si>
    <t>29.657</t>
  </si>
  <si>
    <t>183401.0</t>
  </si>
  <si>
    <t>4460357.0</t>
  </si>
  <si>
    <t>157114.0</t>
  </si>
  <si>
    <t>30.739</t>
  </si>
  <si>
    <t>188728.0</t>
  </si>
  <si>
    <t>4633731.0</t>
  </si>
  <si>
    <t>190002.0</t>
  </si>
  <si>
    <t>4803192.0</t>
  </si>
  <si>
    <t>169461.0</t>
  </si>
  <si>
    <t>33.102</t>
  </si>
  <si>
    <t>186412.0</t>
  </si>
  <si>
    <t>4987468.0</t>
  </si>
  <si>
    <t>34.372</t>
  </si>
  <si>
    <t>180523.0</t>
  </si>
  <si>
    <t>5221964.0</t>
  </si>
  <si>
    <t>234496.0</t>
  </si>
  <si>
    <t>182349.0</t>
  </si>
  <si>
    <t>5448463.0</t>
  </si>
  <si>
    <t>226499.0</t>
  </si>
  <si>
    <t>37.549</t>
  </si>
  <si>
    <t>192638.0</t>
  </si>
  <si>
    <t>5636763.0</t>
  </si>
  <si>
    <t>188300.0</t>
  </si>
  <si>
    <t>38.847</t>
  </si>
  <si>
    <t>190503.0</t>
  </si>
  <si>
    <t>5805404.0</t>
  </si>
  <si>
    <t>40.009</t>
  </si>
  <si>
    <t>192150.0</t>
  </si>
  <si>
    <t>5982558.0</t>
  </si>
  <si>
    <t>177154.0</t>
  </si>
  <si>
    <t>192690.0</t>
  </si>
  <si>
    <t>6188102.0</t>
  </si>
  <si>
    <t>205544.0</t>
  </si>
  <si>
    <t>42.646</t>
  </si>
  <si>
    <t>197844.0</t>
  </si>
  <si>
    <t>6413948.0</t>
  </si>
  <si>
    <t>225846.0</t>
  </si>
  <si>
    <t>203783.0</t>
  </si>
  <si>
    <t>6656340.0</t>
  </si>
  <si>
    <t>242392.0</t>
  </si>
  <si>
    <t>45.873</t>
  </si>
  <si>
    <t>204911.0</t>
  </si>
  <si>
    <t>6916088.0</t>
  </si>
  <si>
    <t>259748.0</t>
  </si>
  <si>
    <t>47.663</t>
  </si>
  <si>
    <t>209661.0</t>
  </si>
  <si>
    <t>230926.0</t>
  </si>
  <si>
    <t>215750.0</t>
  </si>
  <si>
    <t>7352316.0</t>
  </si>
  <si>
    <t>205302.0</t>
  </si>
  <si>
    <t>220987.0</t>
  </si>
  <si>
    <t>7578029.0</t>
  </si>
  <si>
    <t>225713.0</t>
  </si>
  <si>
    <t>52.225</t>
  </si>
  <si>
    <t>227924.0</t>
  </si>
  <si>
    <t>7840880.0</t>
  </si>
  <si>
    <t>262851.0</t>
  </si>
  <si>
    <t>54.037</t>
  </si>
  <si>
    <t>236111.0</t>
  </si>
  <si>
    <t>8126626.0</t>
  </si>
  <si>
    <t>285746.0</t>
  </si>
  <si>
    <t>56.006</t>
  </si>
  <si>
    <t>8402747.0</t>
  </si>
  <si>
    <t>276121.0</t>
  </si>
  <si>
    <t>57.909</t>
  </si>
  <si>
    <t>249487.0</t>
  </si>
  <si>
    <t>8685305.0</t>
  </si>
  <si>
    <t>282558.0</t>
  </si>
  <si>
    <t>59.856</t>
  </si>
  <si>
    <t>8945384.0</t>
  </si>
  <si>
    <t>260079.0</t>
  </si>
  <si>
    <t>61.649</t>
  </si>
  <si>
    <t>256910.0</t>
  </si>
  <si>
    <t>9160590.0</t>
  </si>
  <si>
    <t>215206.0</t>
  </si>
  <si>
    <t>63.132</t>
  </si>
  <si>
    <t>258325.0</t>
  </si>
  <si>
    <t>9415992.0</t>
  </si>
  <si>
    <t>255402.0</t>
  </si>
  <si>
    <t>64.892</t>
  </si>
  <si>
    <t>9701280.0</t>
  </si>
  <si>
    <t>66.858</t>
  </si>
  <si>
    <t>265771.0</t>
  </si>
  <si>
    <t>10000061.0</t>
  </si>
  <si>
    <t>298781.0</t>
  </si>
  <si>
    <t>68.917</t>
  </si>
  <si>
    <t>10316200.0</t>
  </si>
  <si>
    <t>273350.0</t>
  </si>
  <si>
    <t>10643124.0</t>
  </si>
  <si>
    <t>326924.0</t>
  </si>
  <si>
    <t>10923108.0</t>
  </si>
  <si>
    <t>279984.0</t>
  </si>
  <si>
    <t>282532.0</t>
  </si>
  <si>
    <t>25474.7</t>
  </si>
  <si>
    <t>176.035636583316</t>
  </si>
  <si>
    <t>11151622.0</t>
  </si>
  <si>
    <t>228514.0</t>
  </si>
  <si>
    <t>76.853</t>
  </si>
  <si>
    <t>11426045.0</t>
  </si>
  <si>
    <t>274423.0</t>
  </si>
  <si>
    <t>78.745</t>
  </si>
  <si>
    <t>287150.0</t>
  </si>
  <si>
    <t>11733051.0</t>
  </si>
  <si>
    <t>307006.0</t>
  </si>
  <si>
    <t>290253.0</t>
  </si>
  <si>
    <t>12053663.0</t>
  </si>
  <si>
    <t>320612.0</t>
  </si>
  <si>
    <t>293372.0</t>
  </si>
  <si>
    <t>12388968.0</t>
  </si>
  <si>
    <t>335305.0</t>
  </si>
  <si>
    <t>85.381</t>
  </si>
  <si>
    <t>296110.0</t>
  </si>
  <si>
    <t>12721549.0</t>
  </si>
  <si>
    <t>332581.0</t>
  </si>
  <si>
    <t>87.673</t>
  </si>
  <si>
    <t>296918.0</t>
  </si>
  <si>
    <t>13016023.0</t>
  </si>
  <si>
    <t>294474.0</t>
  </si>
  <si>
    <t>89.702</t>
  </si>
  <si>
    <t>298988.0</t>
  </si>
  <si>
    <t>13254678.0</t>
  </si>
  <si>
    <t>238655.0</t>
  </si>
  <si>
    <t>91.347</t>
  </si>
  <si>
    <t>300437.0</t>
  </si>
  <si>
    <t>13545303.0</t>
  </si>
  <si>
    <t>290625.0</t>
  </si>
  <si>
    <t>93.35</t>
  </si>
  <si>
    <t>302751.0</t>
  </si>
  <si>
    <t>13875097.0</t>
  </si>
  <si>
    <t>329794.0</t>
  </si>
  <si>
    <t>95.623</t>
  </si>
  <si>
    <t>306007.0</t>
  </si>
  <si>
    <t>14218674.0</t>
  </si>
  <si>
    <t>343577.0</t>
  </si>
  <si>
    <t>309287.0</t>
  </si>
  <si>
    <t>14574117.0</t>
  </si>
  <si>
    <t>355443.0</t>
  </si>
  <si>
    <t>312164.0</t>
  </si>
  <si>
    <t>14880172.0</t>
  </si>
  <si>
    <t>306055.0</t>
  </si>
  <si>
    <t>102.549</t>
  </si>
  <si>
    <t>308375.0</t>
  </si>
  <si>
    <t>15161152.0</t>
  </si>
  <si>
    <t>104.486</t>
  </si>
  <si>
    <t>306447.0</t>
  </si>
  <si>
    <t>15395417.0</t>
  </si>
  <si>
    <t>234265.0</t>
  </si>
  <si>
    <t>305820.0</t>
  </si>
  <si>
    <t>15679724.0</t>
  </si>
  <si>
    <t>284307.0</t>
  </si>
  <si>
    <t>108.059</t>
  </si>
  <si>
    <t>304917.0</t>
  </si>
  <si>
    <t>15991697.0</t>
  </si>
  <si>
    <t>311973.0</t>
  </si>
  <si>
    <t>110.209</t>
  </si>
  <si>
    <t>302371.0</t>
  </si>
  <si>
    <t>16321964.0</t>
  </si>
  <si>
    <t>330267.0</t>
  </si>
  <si>
    <t>112.486</t>
  </si>
  <si>
    <t>300470.0</t>
  </si>
  <si>
    <t>16661287.0</t>
  </si>
  <si>
    <t>339323.0</t>
  </si>
  <si>
    <t>114.824</t>
  </si>
  <si>
    <t>298167.0</t>
  </si>
  <si>
    <t>16998453.0</t>
  </si>
  <si>
    <t>337166.0</t>
  </si>
  <si>
    <t>302612.0</t>
  </si>
  <si>
    <t>17289691.0</t>
  </si>
  <si>
    <t>304077.0</t>
  </si>
  <si>
    <t>17522752.0</t>
  </si>
  <si>
    <t>233061.0</t>
  </si>
  <si>
    <t>120.761</t>
  </si>
  <si>
    <t>303905.0</t>
  </si>
  <si>
    <t>17803955.0</t>
  </si>
  <si>
    <t>122.699</t>
  </si>
  <si>
    <t>303462.0</t>
  </si>
  <si>
    <t>18115830.0</t>
  </si>
  <si>
    <t>311875.0</t>
  </si>
  <si>
    <t>124.848</t>
  </si>
  <si>
    <t>303448.0</t>
  </si>
  <si>
    <t>18402719.0</t>
  </si>
  <si>
    <t>286889.0</t>
  </si>
  <si>
    <t>126.825</t>
  </si>
  <si>
    <t>297251.0</t>
  </si>
  <si>
    <t>18707946.0</t>
  </si>
  <si>
    <t>305227.0</t>
  </si>
  <si>
    <t>128.929</t>
  </si>
  <si>
    <t>292380.0</t>
  </si>
  <si>
    <t>19044954.0</t>
  </si>
  <si>
    <t>337008.0</t>
  </si>
  <si>
    <t>131.251</t>
  </si>
  <si>
    <t>292357.0</t>
  </si>
  <si>
    <t>19334442.0</t>
  </si>
  <si>
    <t>289488.0</t>
  </si>
  <si>
    <t>133.247</t>
  </si>
  <si>
    <t>292107.0</t>
  </si>
  <si>
    <t>19562440.0</t>
  </si>
  <si>
    <t>227998.0</t>
  </si>
  <si>
    <t>134.818</t>
  </si>
  <si>
    <t>291384.0</t>
  </si>
  <si>
    <t>19852167.0</t>
  </si>
  <si>
    <t>289727.0</t>
  </si>
  <si>
    <t>292602.0</t>
  </si>
  <si>
    <t>49970.3</t>
  </si>
  <si>
    <t>345.305482331853</t>
  </si>
  <si>
    <t>20168904.0</t>
  </si>
  <si>
    <t>316737.0</t>
  </si>
  <si>
    <t>138.997</t>
  </si>
  <si>
    <t>293296.0</t>
  </si>
  <si>
    <t>20451110.0</t>
  </si>
  <si>
    <t>282206.0</t>
  </si>
  <si>
    <t>140.942</t>
  </si>
  <si>
    <t>20752406.0</t>
  </si>
  <si>
    <t>301296.0</t>
  </si>
  <si>
    <t>143.019</t>
  </si>
  <si>
    <t>292066.0</t>
  </si>
  <si>
    <t>285564.0</t>
  </si>
  <si>
    <t>21335394.0</t>
  </si>
  <si>
    <t>147.036</t>
  </si>
  <si>
    <t>285850.0</t>
  </si>
  <si>
    <t>21537771.0</t>
  </si>
  <si>
    <t>202377.0</t>
  </si>
  <si>
    <t>148.431</t>
  </si>
  <si>
    <t>282190.0</t>
  </si>
  <si>
    <t>21790705.0</t>
  </si>
  <si>
    <t>252934.0</t>
  </si>
  <si>
    <t>150.174</t>
  </si>
  <si>
    <t>276934.0</t>
  </si>
  <si>
    <t>22079294.0</t>
  </si>
  <si>
    <t>288589.0</t>
  </si>
  <si>
    <t>152.163</t>
  </si>
  <si>
    <t>272913.0</t>
  </si>
  <si>
    <t>22388195.0</t>
  </si>
  <si>
    <t>308901.0</t>
  </si>
  <si>
    <t>276726.0</t>
  </si>
  <si>
    <t>22708416.0</t>
  </si>
  <si>
    <t>156.499</t>
  </si>
  <si>
    <t>279430.0</t>
  </si>
  <si>
    <t>23031056.0</t>
  </si>
  <si>
    <t>322640.0</t>
  </si>
  <si>
    <t>158.722</t>
  </si>
  <si>
    <t>283879.0</t>
  </si>
  <si>
    <t>23292630.0</t>
  </si>
  <si>
    <t>261574.0</t>
  </si>
  <si>
    <t>160.525</t>
  </si>
  <si>
    <t>23495752.0</t>
  </si>
  <si>
    <t>203122.0</t>
  </si>
  <si>
    <t>161.925</t>
  </si>
  <si>
    <t>279712.0</t>
  </si>
  <si>
    <t>23754645.0</t>
  </si>
  <si>
    <t>163.709</t>
  </si>
  <si>
    <t>280563.0</t>
  </si>
  <si>
    <t>24053516.0</t>
  </si>
  <si>
    <t>298871.0</t>
  </si>
  <si>
    <t>165.769</t>
  </si>
  <si>
    <t>282032.0</t>
  </si>
  <si>
    <t>24364568.0</t>
  </si>
  <si>
    <t>311052.0</t>
  </si>
  <si>
    <t>167.913</t>
  </si>
  <si>
    <t>282339.0</t>
  </si>
  <si>
    <t>24676930.0</t>
  </si>
  <si>
    <t>312362.0</t>
  </si>
  <si>
    <t>170.065</t>
  </si>
  <si>
    <t>24991740.0</t>
  </si>
  <si>
    <t>314810.0</t>
  </si>
  <si>
    <t>172.235</t>
  </si>
  <si>
    <t>25251614.0</t>
  </si>
  <si>
    <t>259874.0</t>
  </si>
  <si>
    <t>174.026</t>
  </si>
  <si>
    <t>279855.0</t>
  </si>
  <si>
    <t>25449167.0</t>
  </si>
  <si>
    <t>175.387</t>
  </si>
  <si>
    <t>279059.0</t>
  </si>
  <si>
    <t>25704372.0</t>
  </si>
  <si>
    <t>255205.0</t>
  </si>
  <si>
    <t>177.146</t>
  </si>
  <si>
    <t>26000908.0</t>
  </si>
  <si>
    <t>278199.0</t>
  </si>
  <si>
    <t>26300652.0</t>
  </si>
  <si>
    <t>299744.0</t>
  </si>
  <si>
    <t>181.255</t>
  </si>
  <si>
    <t>276583.0</t>
  </si>
  <si>
    <t>26610623.0</t>
  </si>
  <si>
    <t>309971.0</t>
  </si>
  <si>
    <t>183.392</t>
  </si>
  <si>
    <t>276242.0</t>
  </si>
  <si>
    <t>26902291.0</t>
  </si>
  <si>
    <t>291668.0</t>
  </si>
  <si>
    <t>185.402</t>
  </si>
  <si>
    <t>272936.0</t>
  </si>
  <si>
    <t>27141966.0</t>
  </si>
  <si>
    <t>239675.0</t>
  </si>
  <si>
    <t>187.053</t>
  </si>
  <si>
    <t>27327570.0</t>
  </si>
  <si>
    <t>188.333</t>
  </si>
  <si>
    <t>268343.0</t>
  </si>
  <si>
    <t>27569646.0</t>
  </si>
  <si>
    <t>242076.0</t>
  </si>
  <si>
    <t>190.001</t>
  </si>
  <si>
    <t>266468.0</t>
  </si>
  <si>
    <t>27857850.0</t>
  </si>
  <si>
    <t>288204.0</t>
  </si>
  <si>
    <t>191.987</t>
  </si>
  <si>
    <t>265277.0</t>
  </si>
  <si>
    <t>28161461.0</t>
  </si>
  <si>
    <t>303611.0</t>
  </si>
  <si>
    <t>194.079</t>
  </si>
  <si>
    <t>28478012.0</t>
  </si>
  <si>
    <t>316551.0</t>
  </si>
  <si>
    <t>196.261</t>
  </si>
  <si>
    <t>83254.3</t>
  </si>
  <si>
    <t>575.305055557017</t>
  </si>
  <si>
    <t>28793260.0</t>
  </si>
  <si>
    <t>198.434</t>
  </si>
  <si>
    <t>270138.0</t>
  </si>
  <si>
    <t>29029900.0</t>
  </si>
  <si>
    <t>200.064</t>
  </si>
  <si>
    <t>269705.0</t>
  </si>
  <si>
    <t>29201862.0</t>
  </si>
  <si>
    <t>201.25</t>
  </si>
  <si>
    <t>267756.0</t>
  </si>
  <si>
    <t>29433890.0</t>
  </si>
  <si>
    <t>232028.0</t>
  </si>
  <si>
    <t>202.849</t>
  </si>
  <si>
    <t>266321.0</t>
  </si>
  <si>
    <t>29716907.0</t>
  </si>
  <si>
    <t>283017.0</t>
  </si>
  <si>
    <t>204.799</t>
  </si>
  <si>
    <t>265580.0</t>
  </si>
  <si>
    <t>30038123.0</t>
  </si>
  <si>
    <t>321216.0</t>
  </si>
  <si>
    <t>207.013</t>
  </si>
  <si>
    <t>30341344.0</t>
  </si>
  <si>
    <t>303221.0</t>
  </si>
  <si>
    <t>209.102</t>
  </si>
  <si>
    <t>266190.0</t>
  </si>
  <si>
    <t>30640020.0</t>
  </si>
  <si>
    <t>211.161</t>
  </si>
  <si>
    <t>263823.0</t>
  </si>
  <si>
    <t>30886160.0</t>
  </si>
  <si>
    <t>246140.0</t>
  </si>
  <si>
    <t>212.857</t>
  </si>
  <si>
    <t>265180.0</t>
  </si>
  <si>
    <t>31063187.0</t>
  </si>
  <si>
    <t>177027.0</t>
  </si>
  <si>
    <t>214.077</t>
  </si>
  <si>
    <t>31307764.0</t>
  </si>
  <si>
    <t>244577.0</t>
  </si>
  <si>
    <t>215.763</t>
  </si>
  <si>
    <t>267696.0</t>
  </si>
  <si>
    <t>31598302.0</t>
  </si>
  <si>
    <t>290538.0</t>
  </si>
  <si>
    <t>217.765</t>
  </si>
  <si>
    <t>268771.0</t>
  </si>
  <si>
    <t>31903055.0</t>
  </si>
  <si>
    <t>304753.0</t>
  </si>
  <si>
    <t>219.865</t>
  </si>
  <si>
    <t>266419.0</t>
  </si>
  <si>
    <t>32221546.0</t>
  </si>
  <si>
    <t>318491.0</t>
  </si>
  <si>
    <t>268600.0</t>
  </si>
  <si>
    <t>32533818.0</t>
  </si>
  <si>
    <t>312272.0</t>
  </si>
  <si>
    <t>224.212</t>
  </si>
  <si>
    <t>270543.0</t>
  </si>
  <si>
    <t>32784478.0</t>
  </si>
  <si>
    <t>250660.0</t>
  </si>
  <si>
    <t>271188.0</t>
  </si>
  <si>
    <t>32968759.0</t>
  </si>
  <si>
    <t>184281.0</t>
  </si>
  <si>
    <t>272225.0</t>
  </si>
  <si>
    <t>33217468.0</t>
  </si>
  <si>
    <t>248709.0</t>
  </si>
  <si>
    <t>228.924</t>
  </si>
  <si>
    <t>272815.0</t>
  </si>
  <si>
    <t>33509273.0</t>
  </si>
  <si>
    <t>291805.0</t>
  </si>
  <si>
    <t>230.935</t>
  </si>
  <si>
    <t>272996.0</t>
  </si>
  <si>
    <t>33814105.0</t>
  </si>
  <si>
    <t>304832.0</t>
  </si>
  <si>
    <t>233.036</t>
  </si>
  <si>
    <t>273007.0</t>
  </si>
  <si>
    <t>272755.0</t>
  </si>
  <si>
    <t>34447560.0</t>
  </si>
  <si>
    <t>237.401</t>
  </si>
  <si>
    <t>273392.0</t>
  </si>
  <si>
    <t>34695406.0</t>
  </si>
  <si>
    <t>247846.0</t>
  </si>
  <si>
    <t>239.109</t>
  </si>
  <si>
    <t>272990.0</t>
  </si>
  <si>
    <t>34883220.0</t>
  </si>
  <si>
    <t>187814.0</t>
  </si>
  <si>
    <t>240.404</t>
  </si>
  <si>
    <t>273494.0</t>
  </si>
  <si>
    <t>35128661.0</t>
  </si>
  <si>
    <t>245441.0</t>
  </si>
  <si>
    <t>242.095</t>
  </si>
  <si>
    <t>273028.0</t>
  </si>
  <si>
    <t>35423783.0</t>
  </si>
  <si>
    <t>295122.0</t>
  </si>
  <si>
    <t>244.129</t>
  </si>
  <si>
    <t>273501.0</t>
  </si>
  <si>
    <t>35751747.0</t>
  </si>
  <si>
    <t>327964.0</t>
  </si>
  <si>
    <t>246.389</t>
  </si>
  <si>
    <t>276806.0</t>
  </si>
  <si>
    <t>36086182.0</t>
  </si>
  <si>
    <t>334435.0</t>
  </si>
  <si>
    <t>248.694</t>
  </si>
  <si>
    <t>279336.0</t>
  </si>
  <si>
    <t>36426850.0</t>
  </si>
  <si>
    <t>340668.0</t>
  </si>
  <si>
    <t>251.042</t>
  </si>
  <si>
    <t>282756.0</t>
  </si>
  <si>
    <t>36696382.0</t>
  </si>
  <si>
    <t>269532.0</t>
  </si>
  <si>
    <t>252.899</t>
  </si>
  <si>
    <t>285854.0</t>
  </si>
  <si>
    <t>36901215.0</t>
  </si>
  <si>
    <t>204833.0</t>
  </si>
  <si>
    <t>254.311</t>
  </si>
  <si>
    <t>288285.0</t>
  </si>
  <si>
    <t>103778.1</t>
  </si>
  <si>
    <t>717.12891209345</t>
  </si>
  <si>
    <t>37176827.0</t>
  </si>
  <si>
    <t>275612.0</t>
  </si>
  <si>
    <t>292595.0</t>
  </si>
  <si>
    <t>37484146.0</t>
  </si>
  <si>
    <t>307319.0</t>
  </si>
  <si>
    <t>258.328</t>
  </si>
  <si>
    <t>294338.0</t>
  </si>
  <si>
    <t>37818366.0</t>
  </si>
  <si>
    <t>334220.0</t>
  </si>
  <si>
    <t>260.632</t>
  </si>
  <si>
    <t>295231.0</t>
  </si>
  <si>
    <t>38154556.0</t>
  </si>
  <si>
    <t>336190.0</t>
  </si>
  <si>
    <t>262.949</t>
  </si>
  <si>
    <t>295482.0</t>
  </si>
  <si>
    <t>38488127.0</t>
  </si>
  <si>
    <t>333571.0</t>
  </si>
  <si>
    <t>265.247</t>
  </si>
  <si>
    <t>294468.0</t>
  </si>
  <si>
    <t>38758184.0</t>
  </si>
  <si>
    <t>270057.0</t>
  </si>
  <si>
    <t>267.109</t>
  </si>
  <si>
    <t>294543.0</t>
  </si>
  <si>
    <t>38960761.0</t>
  </si>
  <si>
    <t>202577.0</t>
  </si>
  <si>
    <t>268.505</t>
  </si>
  <si>
    <t>294221.0</t>
  </si>
  <si>
    <t>39289176.0</t>
  </si>
  <si>
    <t>328415.0</t>
  </si>
  <si>
    <t>270.768</t>
  </si>
  <si>
    <t>301764.0</t>
  </si>
  <si>
    <t>39575311.0</t>
  </si>
  <si>
    <t>286135.0</t>
  </si>
  <si>
    <t>272.74</t>
  </si>
  <si>
    <t>298738.0</t>
  </si>
  <si>
    <t>39912526.0</t>
  </si>
  <si>
    <t>337215.0</t>
  </si>
  <si>
    <t>275.064</t>
  </si>
  <si>
    <t>299166.0</t>
  </si>
  <si>
    <t>40268897.0</t>
  </si>
  <si>
    <t>356371.0</t>
  </si>
  <si>
    <t>277.52</t>
  </si>
  <si>
    <t>302049.0</t>
  </si>
  <si>
    <t>40624075.0</t>
  </si>
  <si>
    <t>305135.0</t>
  </si>
  <si>
    <t>40903551.0</t>
  </si>
  <si>
    <t>279476.0</t>
  </si>
  <si>
    <t>281.894</t>
  </si>
  <si>
    <t>41122307.0</t>
  </si>
  <si>
    <t>283.401</t>
  </si>
  <si>
    <t>308792.0</t>
  </si>
  <si>
    <t>41424006.0</t>
  </si>
  <si>
    <t>301699.0</t>
  </si>
  <si>
    <t>285.48</t>
  </si>
  <si>
    <t>304976.0</t>
  </si>
  <si>
    <t>41748928.0</t>
  </si>
  <si>
    <t>324922.0</t>
  </si>
  <si>
    <t>310517.0</t>
  </si>
  <si>
    <t>42095246.0</t>
  </si>
  <si>
    <t>346318.0</t>
  </si>
  <si>
    <t>290.106</t>
  </si>
  <si>
    <t>311817.0</t>
  </si>
  <si>
    <t>42457169.0</t>
  </si>
  <si>
    <t>361923.0</t>
  </si>
  <si>
    <t>292.601</t>
  </si>
  <si>
    <t>312610.0</t>
  </si>
  <si>
    <t>42821891.0</t>
  </si>
  <si>
    <t>364722.0</t>
  </si>
  <si>
    <t>295.114</t>
  </si>
  <si>
    <t>313974.0</t>
  </si>
  <si>
    <t>43103912.0</t>
  </si>
  <si>
    <t>282021.0</t>
  </si>
  <si>
    <t>297.058</t>
  </si>
  <si>
    <t>314337.0</t>
  </si>
  <si>
    <t>43341534.0</t>
  </si>
  <si>
    <t>237622.0</t>
  </si>
  <si>
    <t>317032.0</t>
  </si>
  <si>
    <t>43632541.0</t>
  </si>
  <si>
    <t>291007.0</t>
  </si>
  <si>
    <t>300.701</t>
  </si>
  <si>
    <t>315505.0</t>
  </si>
  <si>
    <t>43990409.0</t>
  </si>
  <si>
    <t>357868.0</t>
  </si>
  <si>
    <t>303.167</t>
  </si>
  <si>
    <t>320212.0</t>
  </si>
  <si>
    <t>44364566.0</t>
  </si>
  <si>
    <t>374157.0</t>
  </si>
  <si>
    <t>305.746</t>
  </si>
  <si>
    <t>324189.0</t>
  </si>
  <si>
    <t>44755362.0</t>
  </si>
  <si>
    <t>390796.0</t>
  </si>
  <si>
    <t>308.439</t>
  </si>
  <si>
    <t>45134435.0</t>
  </si>
  <si>
    <t>379073.0</t>
  </si>
  <si>
    <t>311.052</t>
  </si>
  <si>
    <t>330363.0</t>
  </si>
  <si>
    <t>45442774.0</t>
  </si>
  <si>
    <t>308339.0</t>
  </si>
  <si>
    <t>313.177</t>
  </si>
  <si>
    <t>45698673.0</t>
  </si>
  <si>
    <t>255899.0</t>
  </si>
  <si>
    <t>314.94</t>
  </si>
  <si>
    <t>336734.0</t>
  </si>
  <si>
    <t>46037660.0</t>
  </si>
  <si>
    <t>317.276</t>
  </si>
  <si>
    <t>343588.0</t>
  </si>
  <si>
    <t>46421834.0</t>
  </si>
  <si>
    <t>319.924</t>
  </si>
  <si>
    <t>347346.0</t>
  </si>
  <si>
    <t>130525.3</t>
  </si>
  <si>
    <t>901.957796391254</t>
  </si>
  <si>
    <t>46823879.0</t>
  </si>
  <si>
    <t>402045.0</t>
  </si>
  <si>
    <t>322.695</t>
  </si>
  <si>
    <t>351330.0</t>
  </si>
  <si>
    <t>356928.0</t>
  </si>
  <si>
    <t>47683832.0</t>
  </si>
  <si>
    <t>328.621</t>
  </si>
  <si>
    <t>364200.0</t>
  </si>
  <si>
    <t>48042343.0</t>
  </si>
  <si>
    <t>358511.0</t>
  </si>
  <si>
    <t>331.092</t>
  </si>
  <si>
    <t>371367.0</t>
  </si>
  <si>
    <t>48337992.0</t>
  </si>
  <si>
    <t>295649.0</t>
  </si>
  <si>
    <t>333.129</t>
  </si>
  <si>
    <t>377046.0</t>
  </si>
  <si>
    <t>48709857.0</t>
  </si>
  <si>
    <t>371865.0</t>
  </si>
  <si>
    <t>335.692</t>
  </si>
  <si>
    <t>381742.0</t>
  </si>
  <si>
    <t>49148954.0</t>
  </si>
  <si>
    <t>439097.0</t>
  </si>
  <si>
    <t>338.718</t>
  </si>
  <si>
    <t>49656873.0</t>
  </si>
  <si>
    <t>507919.0</t>
  </si>
  <si>
    <t>342.219</t>
  </si>
  <si>
    <t>404713.0</t>
  </si>
  <si>
    <t>50305243.0</t>
  </si>
  <si>
    <t>648370.0</t>
  </si>
  <si>
    <t>346.687</t>
  </si>
  <si>
    <t>435912.0</t>
  </si>
  <si>
    <t>50781349.0</t>
  </si>
  <si>
    <t>476106.0</t>
  </si>
  <si>
    <t>349.968</t>
  </si>
  <si>
    <t>442502.0</t>
  </si>
  <si>
    <t>51191309.0</t>
  </si>
  <si>
    <t>409960.0</t>
  </si>
  <si>
    <t>352.794</t>
  </si>
  <si>
    <t>449852.0</t>
  </si>
  <si>
    <t>51364269.0</t>
  </si>
  <si>
    <t>172960.0</t>
  </si>
  <si>
    <t>353.985</t>
  </si>
  <si>
    <t>432325.0</t>
  </si>
  <si>
    <t>51801245.0</t>
  </si>
  <si>
    <t>436976.0</t>
  </si>
  <si>
    <t>356.997</t>
  </si>
  <si>
    <t>441627.0</t>
  </si>
  <si>
    <t>52279734.0</t>
  </si>
  <si>
    <t>478489.0</t>
  </si>
  <si>
    <t>360.295</t>
  </si>
  <si>
    <t>447254.0</t>
  </si>
  <si>
    <t>52782097.0</t>
  </si>
  <si>
    <t>502363.0</t>
  </si>
  <si>
    <t>363.757</t>
  </si>
  <si>
    <t>53305957.0</t>
  </si>
  <si>
    <t>523860.0</t>
  </si>
  <si>
    <t>367.367</t>
  </si>
  <si>
    <t>428673.0</t>
  </si>
  <si>
    <t>53850509.0</t>
  </si>
  <si>
    <t>371.12</t>
  </si>
  <si>
    <t>438451.0</t>
  </si>
  <si>
    <t>54300208.0</t>
  </si>
  <si>
    <t>374.219</t>
  </si>
  <si>
    <t>444128.0</t>
  </si>
  <si>
    <t>54675096.0</t>
  </si>
  <si>
    <t>374888.0</t>
  </si>
  <si>
    <t>376.803</t>
  </si>
  <si>
    <t>472975.0</t>
  </si>
  <si>
    <t>55171784.0</t>
  </si>
  <si>
    <t>496688.0</t>
  </si>
  <si>
    <t>380.226</t>
  </si>
  <si>
    <t>481506.0</t>
  </si>
  <si>
    <t>55683929.0</t>
  </si>
  <si>
    <t>512145.0</t>
  </si>
  <si>
    <t>383.755</t>
  </si>
  <si>
    <t>486314.0</t>
  </si>
  <si>
    <t>56230544.0</t>
  </si>
  <si>
    <t>546615.0</t>
  </si>
  <si>
    <t>387.522</t>
  </si>
  <si>
    <t>492635.0</t>
  </si>
  <si>
    <t>56794639.0</t>
  </si>
  <si>
    <t>564095.0</t>
  </si>
  <si>
    <t>391.41</t>
  </si>
  <si>
    <t>498383.0</t>
  </si>
  <si>
    <t>57344952.0</t>
  </si>
  <si>
    <t>550313.0</t>
  </si>
  <si>
    <t>395.202</t>
  </si>
  <si>
    <t>57821260.0</t>
  </si>
  <si>
    <t>398.485</t>
  </si>
  <si>
    <t>503007.0</t>
  </si>
  <si>
    <t>58223852.0</t>
  </si>
  <si>
    <t>402592.0</t>
  </si>
  <si>
    <t>401.259</t>
  </si>
  <si>
    <t>506965.0</t>
  </si>
  <si>
    <t>58730811.0</t>
  </si>
  <si>
    <t>506959.0</t>
  </si>
  <si>
    <t>404.753</t>
  </si>
  <si>
    <t>508432.0</t>
  </si>
  <si>
    <t>59284119.0</t>
  </si>
  <si>
    <t>553308.0</t>
  </si>
  <si>
    <t>408.566</t>
  </si>
  <si>
    <t>514313.0</t>
  </si>
  <si>
    <t>59866561.0</t>
  </si>
  <si>
    <t>582442.0</t>
  </si>
  <si>
    <t>412.58</t>
  </si>
  <si>
    <t>519431.0</t>
  </si>
  <si>
    <t>60441811.0</t>
  </si>
  <si>
    <t>575250.0</t>
  </si>
  <si>
    <t>416.545</t>
  </si>
  <si>
    <t>521025.0</t>
  </si>
  <si>
    <t>61029746.0</t>
  </si>
  <si>
    <t>587935.0</t>
  </si>
  <si>
    <t>420.597</t>
  </si>
  <si>
    <t>526399.0</t>
  </si>
  <si>
    <t>199655.1</t>
  </si>
  <si>
    <t>1379.65952987103</t>
  </si>
  <si>
    <t>61541970.0</t>
  </si>
  <si>
    <t>512224.0</t>
  </si>
  <si>
    <t>424.127</t>
  </si>
  <si>
    <t>531530.0</t>
  </si>
  <si>
    <t>61954566.0</t>
  </si>
  <si>
    <t>412596.0</t>
  </si>
  <si>
    <t>426.97</t>
  </si>
  <si>
    <t>532959.0</t>
  </si>
  <si>
    <t>62446013.0</t>
  </si>
  <si>
    <t>491447.0</t>
  </si>
  <si>
    <t>430.357</t>
  </si>
  <si>
    <t>530743.0</t>
  </si>
  <si>
    <t>63016994.0</t>
  </si>
  <si>
    <t>570981.0</t>
  </si>
  <si>
    <t>434.292</t>
  </si>
  <si>
    <t>63541298.0</t>
  </si>
  <si>
    <t>524304.0</t>
  </si>
  <si>
    <t>437.906</t>
  </si>
  <si>
    <t>524962.0</t>
  </si>
  <si>
    <t>64092161.0</t>
  </si>
  <si>
    <t>550863.0</t>
  </si>
  <si>
    <t>441.702</t>
  </si>
  <si>
    <t>521479.0</t>
  </si>
  <si>
    <t>64682511.0</t>
  </si>
  <si>
    <t>590350.0</t>
  </si>
  <si>
    <t>445.77</t>
  </si>
  <si>
    <t>521824.0</t>
  </si>
  <si>
    <t>65209357.0</t>
  </si>
  <si>
    <t>526846.0</t>
  </si>
  <si>
    <t>449.401</t>
  </si>
  <si>
    <t>523912.0</t>
  </si>
  <si>
    <t>65606582.0</t>
  </si>
  <si>
    <t>397225.0</t>
  </si>
  <si>
    <t>452.139</t>
  </si>
  <si>
    <t>521717.0</t>
  </si>
  <si>
    <t>66118696.0</t>
  </si>
  <si>
    <t>512114.0</t>
  </si>
  <si>
    <t>455.668</t>
  </si>
  <si>
    <t>524669.0</t>
  </si>
  <si>
    <t>66710463.0</t>
  </si>
  <si>
    <t>591767.0</t>
  </si>
  <si>
    <t>459.746</t>
  </si>
  <si>
    <t>527638.0</t>
  </si>
  <si>
    <t>67347351.0</t>
  </si>
  <si>
    <t>636888.0</t>
  </si>
  <si>
    <t>464.136</t>
  </si>
  <si>
    <t>543722.0</t>
  </si>
  <si>
    <t>67949154.0</t>
  </si>
  <si>
    <t>601803.0</t>
  </si>
  <si>
    <t>468.283</t>
  </si>
  <si>
    <t>550999.0</t>
  </si>
  <si>
    <t>68577003.0</t>
  </si>
  <si>
    <t>627849.0</t>
  </si>
  <si>
    <t>472.61</t>
  </si>
  <si>
    <t>556356.0</t>
  </si>
  <si>
    <t>69111898.0</t>
  </si>
  <si>
    <t>534895.0</t>
  </si>
  <si>
    <t>476.296</t>
  </si>
  <si>
    <t>557506.0</t>
  </si>
  <si>
    <t>69550659.0</t>
  </si>
  <si>
    <t>438761.0</t>
  </si>
  <si>
    <t>479.32</t>
  </si>
  <si>
    <t>563440.0</t>
  </si>
  <si>
    <t>70075886.0</t>
  </si>
  <si>
    <t>525227.0</t>
  </si>
  <si>
    <t>482.94</t>
  </si>
  <si>
    <t>565313.0</t>
  </si>
  <si>
    <t>70653231.0</t>
  </si>
  <si>
    <t>577345.0</t>
  </si>
  <si>
    <t>486.919</t>
  </si>
  <si>
    <t>563253.0</t>
  </si>
  <si>
    <t>71249997.0</t>
  </si>
  <si>
    <t>491.031</t>
  </si>
  <si>
    <t>557521.0</t>
  </si>
  <si>
    <t>71838293.0</t>
  </si>
  <si>
    <t>588296.0</t>
  </si>
  <si>
    <t>495.086</t>
  </si>
  <si>
    <t>555591.0</t>
  </si>
  <si>
    <t>72429063.0</t>
  </si>
  <si>
    <t>590770.0</t>
  </si>
  <si>
    <t>550294.0</t>
  </si>
  <si>
    <t>72949596.0</t>
  </si>
  <si>
    <t>520533.0</t>
  </si>
  <si>
    <t>502.744</t>
  </si>
  <si>
    <t>548243.0</t>
  </si>
  <si>
    <t>73312313.0</t>
  </si>
  <si>
    <t>362717.0</t>
  </si>
  <si>
    <t>505.244</t>
  </si>
  <si>
    <t>537379.0</t>
  </si>
  <si>
    <t>73765150.0</t>
  </si>
  <si>
    <t>452837.0</t>
  </si>
  <si>
    <t>508.365</t>
  </si>
  <si>
    <t>527038.0</t>
  </si>
  <si>
    <t>74270930.0</t>
  </si>
  <si>
    <t>505780.0</t>
  </si>
  <si>
    <t>511.851</t>
  </si>
  <si>
    <t>516814.0</t>
  </si>
  <si>
    <t>74814909.0</t>
  </si>
  <si>
    <t>543979.0</t>
  </si>
  <si>
    <t>515.6</t>
  </si>
  <si>
    <t>509273.0</t>
  </si>
  <si>
    <t>75402616.0</t>
  </si>
  <si>
    <t>587707.0</t>
  </si>
  <si>
    <t>519.65</t>
  </si>
  <si>
    <t>75948006.0</t>
  </si>
  <si>
    <t>545390.0</t>
  </si>
  <si>
    <t>523.408</t>
  </si>
  <si>
    <t>502706.0</t>
  </si>
  <si>
    <t>76422849.0</t>
  </si>
  <si>
    <t>474843.0</t>
  </si>
  <si>
    <t>526.681</t>
  </si>
  <si>
    <t>496179.0</t>
  </si>
  <si>
    <t>76755901.0</t>
  </si>
  <si>
    <t>333052.0</t>
  </si>
  <si>
    <t>528.976</t>
  </si>
  <si>
    <t>491941.0</t>
  </si>
  <si>
    <t>288873.8</t>
  </si>
  <si>
    <t>1996.17986768211</t>
  </si>
  <si>
    <t>77200071.0</t>
  </si>
  <si>
    <t>444170.0</t>
  </si>
  <si>
    <t>532.037</t>
  </si>
  <si>
    <t>78227415.0</t>
  </si>
  <si>
    <t>539.117</t>
  </si>
  <si>
    <t>487501.0</t>
  </si>
  <si>
    <t>78777839.0</t>
  </si>
  <si>
    <t>542.911</t>
  </si>
  <si>
    <t>482175.0</t>
  </si>
  <si>
    <t>79323100.0</t>
  </si>
  <si>
    <t>545261.0</t>
  </si>
  <si>
    <t>546.668</t>
  </si>
  <si>
    <t>482156.0</t>
  </si>
  <si>
    <t>79771767.0</t>
  </si>
  <si>
    <t>448667.0</t>
  </si>
  <si>
    <t>549.761</t>
  </si>
  <si>
    <t>80095220.0</t>
  </si>
  <si>
    <t>323453.0</t>
  </si>
  <si>
    <t>551.99</t>
  </si>
  <si>
    <t>477046.0</t>
  </si>
  <si>
    <t>80522238.0</t>
  </si>
  <si>
    <t>427018.0</t>
  </si>
  <si>
    <t>554.933</t>
  </si>
  <si>
    <t>474595.0</t>
  </si>
  <si>
    <t>81021364.0</t>
  </si>
  <si>
    <t>499126.0</t>
  </si>
  <si>
    <t>558.372</t>
  </si>
  <si>
    <t>472517.0</t>
  </si>
  <si>
    <t>81564365.0</t>
  </si>
  <si>
    <t>543001.0</t>
  </si>
  <si>
    <t>562.115</t>
  </si>
  <si>
    <t>476707.0</t>
  </si>
  <si>
    <t>82104039.0</t>
  </si>
  <si>
    <t>539674.0</t>
  </si>
  <si>
    <t>565.834</t>
  </si>
  <si>
    <t>475171.0</t>
  </si>
  <si>
    <t>82639392.0</t>
  </si>
  <si>
    <t>535353.0</t>
  </si>
  <si>
    <t>569.523</t>
  </si>
  <si>
    <t>473756.0</t>
  </si>
  <si>
    <t>83102948.0</t>
  </si>
  <si>
    <t>463556.0</t>
  </si>
  <si>
    <t>572.718</t>
  </si>
  <si>
    <t>475883.0</t>
  </si>
  <si>
    <t>484264.0</t>
  </si>
  <si>
    <t>83867186.0</t>
  </si>
  <si>
    <t>577.985</t>
  </si>
  <si>
    <t>477850.0</t>
  </si>
  <si>
    <t>28500.0</t>
  </si>
  <si>
    <t>84364808.0</t>
  </si>
  <si>
    <t>497622.0</t>
  </si>
  <si>
    <t>581.414</t>
  </si>
  <si>
    <t>477635.0</t>
  </si>
  <si>
    <t>84904111.0</t>
  </si>
  <si>
    <t>539303.0</t>
  </si>
  <si>
    <t>585.131</t>
  </si>
  <si>
    <t>477107.0</t>
  </si>
  <si>
    <t>85431430.0</t>
  </si>
  <si>
    <t>588.765</t>
  </si>
  <si>
    <t>475342.0</t>
  </si>
  <si>
    <t>85954527.0</t>
  </si>
  <si>
    <t>523097.0</t>
  </si>
  <si>
    <t>592.37</t>
  </si>
  <si>
    <t>473591.0</t>
  </si>
  <si>
    <t>86391683.0</t>
  </si>
  <si>
    <t>437156.0</t>
  </si>
  <si>
    <t>595.383</t>
  </si>
  <si>
    <t>86704613.0</t>
  </si>
  <si>
    <t>312930.0</t>
  </si>
  <si>
    <t>597.539</t>
  </si>
  <si>
    <t>87098058.0</t>
  </si>
  <si>
    <t>393445.0</t>
  </si>
  <si>
    <t>600.251</t>
  </si>
  <si>
    <t>461553.0</t>
  </si>
  <si>
    <t>87578209.0</t>
  </si>
  <si>
    <t>480151.0</t>
  </si>
  <si>
    <t>603.56</t>
  </si>
  <si>
    <t>459057.0</t>
  </si>
  <si>
    <t>88094380.0</t>
  </si>
  <si>
    <t>516171.0</t>
  </si>
  <si>
    <t>607.117</t>
  </si>
  <si>
    <t>455753.0</t>
  </si>
  <si>
    <t>88605533.0</t>
  </si>
  <si>
    <t>511153.0</t>
  </si>
  <si>
    <t>610.64</t>
  </si>
  <si>
    <t>453443.0</t>
  </si>
  <si>
    <t>89099604.0</t>
  </si>
  <si>
    <t>494071.0</t>
  </si>
  <si>
    <t>614.045</t>
  </si>
  <si>
    <t>449297.0</t>
  </si>
  <si>
    <t>89516176.0</t>
  </si>
  <si>
    <t>416572.0</t>
  </si>
  <si>
    <t>616.916</t>
  </si>
  <si>
    <t>446356.0</t>
  </si>
  <si>
    <t>49531.0</t>
  </si>
  <si>
    <t>89808866.0</t>
  </si>
  <si>
    <t>292690.0</t>
  </si>
  <si>
    <t>618.933</t>
  </si>
  <si>
    <t>443465.0</t>
  </si>
  <si>
    <t>58765.0</t>
  </si>
  <si>
    <t>90203874.0</t>
  </si>
  <si>
    <t>395008.0</t>
  </si>
  <si>
    <t>621.655</t>
  </si>
  <si>
    <t>443688.0</t>
  </si>
  <si>
    <t>90648889.0</t>
  </si>
  <si>
    <t>445015.0</t>
  </si>
  <si>
    <t>624.722</t>
  </si>
  <si>
    <t>438669.0</t>
  </si>
  <si>
    <t>91123132.0</t>
  </si>
  <si>
    <t>474243.0</t>
  </si>
  <si>
    <t>627.99</t>
  </si>
  <si>
    <t>432679.0</t>
  </si>
  <si>
    <t>372783.7</t>
  </si>
  <si>
    <t>2576.01525974335</t>
  </si>
  <si>
    <t>91509133.0</t>
  </si>
  <si>
    <t>386001.0</t>
  </si>
  <si>
    <t>630.651</t>
  </si>
  <si>
    <t>414800.0</t>
  </si>
  <si>
    <t>368709.0</t>
  </si>
  <si>
    <t>91852003.0</t>
  </si>
  <si>
    <t>633.014</t>
  </si>
  <si>
    <t>333690.0</t>
  </si>
  <si>
    <t>60883.0</t>
  </si>
  <si>
    <t>92069794.0</t>
  </si>
  <si>
    <t>217791.0</t>
  </si>
  <si>
    <t>634.514</t>
  </si>
  <si>
    <t>322990.0</t>
  </si>
  <si>
    <t>92338414.0</t>
  </si>
  <si>
    <t>636.366</t>
  </si>
  <si>
    <t>304934.0</t>
  </si>
  <si>
    <t>92638479.0</t>
  </si>
  <si>
    <t>300065.0</t>
  </si>
  <si>
    <t>638.434</t>
  </si>
  <si>
    <t>284227.0</t>
  </si>
  <si>
    <t>39532.0</t>
  </si>
  <si>
    <t>92968891.0</t>
  </si>
  <si>
    <t>330412.0</t>
  </si>
  <si>
    <t>640.711</t>
  </si>
  <si>
    <t>263680.0</t>
  </si>
  <si>
    <t>93237559.0</t>
  </si>
  <si>
    <t>268668.0</t>
  </si>
  <si>
    <t>642.562</t>
  </si>
  <si>
    <t>246918.0</t>
  </si>
  <si>
    <t>93579964.0</t>
  </si>
  <si>
    <t>342405.0</t>
  </si>
  <si>
    <t>644.922</t>
  </si>
  <si>
    <t>271342.0</t>
  </si>
  <si>
    <t>93963616.0</t>
  </si>
  <si>
    <t>383652.0</t>
  </si>
  <si>
    <t>647.566</t>
  </si>
  <si>
    <t>301659.0</t>
  </si>
  <si>
    <t>94289973.0</t>
  </si>
  <si>
    <t>326357.0</t>
  </si>
  <si>
    <t>649.815</t>
  </si>
  <si>
    <t>94631354.0</t>
  </si>
  <si>
    <t>341381.0</t>
  </si>
  <si>
    <t>652.168</t>
  </si>
  <si>
    <t>327563.0</t>
  </si>
  <si>
    <t>95096382.0</t>
  </si>
  <si>
    <t>655.373</t>
  </si>
  <si>
    <t>351129.0</t>
  </si>
  <si>
    <t>95627406.0</t>
  </si>
  <si>
    <t>531024.0</t>
  </si>
  <si>
    <t>659.032</t>
  </si>
  <si>
    <t>96211226.0</t>
  </si>
  <si>
    <t>583820.0</t>
  </si>
  <si>
    <t>663.056</t>
  </si>
  <si>
    <t>424810.0</t>
  </si>
  <si>
    <t>38284.0</t>
  </si>
  <si>
    <t>96690043.0</t>
  </si>
  <si>
    <t>666.356</t>
  </si>
  <si>
    <t>444297.0</t>
  </si>
  <si>
    <t>97063166.0</t>
  </si>
  <si>
    <t>373123.0</t>
  </si>
  <si>
    <t>668.927</t>
  </si>
  <si>
    <t>442793.0</t>
  </si>
  <si>
    <t>45391.0</t>
  </si>
  <si>
    <t>97321075.0</t>
  </si>
  <si>
    <t>257909.0</t>
  </si>
  <si>
    <t>670.705</t>
  </si>
  <si>
    <t>433015.0</t>
  </si>
  <si>
    <t>68436.0</t>
  </si>
  <si>
    <t>52194.0</t>
  </si>
  <si>
    <t>97641786.0</t>
  </si>
  <si>
    <t>320711.0</t>
  </si>
  <si>
    <t>672.915</t>
  </si>
  <si>
    <t>430062.0</t>
  </si>
  <si>
    <t>78487.0</t>
  </si>
  <si>
    <t>98052319.0</t>
  </si>
  <si>
    <t>410533.0</t>
  </si>
  <si>
    <t>675.744</t>
  </si>
  <si>
    <t>422277.0</t>
  </si>
  <si>
    <t>88538.0</t>
  </si>
  <si>
    <t>98509055.0</t>
  </si>
  <si>
    <t>456736.0</t>
  </si>
  <si>
    <t>678.892</t>
  </si>
  <si>
    <t>98945575.0</t>
  </si>
  <si>
    <t>436520.0</t>
  </si>
  <si>
    <t>681.9</t>
  </si>
  <si>
    <t>390621.0</t>
  </si>
  <si>
    <t>99386781.0</t>
  </si>
  <si>
    <t>441206.0</t>
  </si>
  <si>
    <t>684.941</t>
  </si>
  <si>
    <t>385248.0</t>
  </si>
  <si>
    <t>99722017.0</t>
  </si>
  <si>
    <t>335236.0</t>
  </si>
  <si>
    <t>687.251</t>
  </si>
  <si>
    <t>379836.0</t>
  </si>
  <si>
    <t>100014384.0</t>
  </si>
  <si>
    <t>292367.0</t>
  </si>
  <si>
    <t>689.266</t>
  </si>
  <si>
    <t>384758.0</t>
  </si>
  <si>
    <t>100356399.0</t>
  </si>
  <si>
    <t>342015.0</t>
  </si>
  <si>
    <t>691.623</t>
  </si>
  <si>
    <t>387802.0</t>
  </si>
  <si>
    <t>100753479.0</t>
  </si>
  <si>
    <t>694.36</t>
  </si>
  <si>
    <t>385880.0</t>
  </si>
  <si>
    <t>101164751.0</t>
  </si>
  <si>
    <t>411272.0</t>
  </si>
  <si>
    <t>379385.0</t>
  </si>
  <si>
    <t>101588248.0</t>
  </si>
  <si>
    <t>423497.0</t>
  </si>
  <si>
    <t>700.112</t>
  </si>
  <si>
    <t>377525.0</t>
  </si>
  <si>
    <t>102002995.0</t>
  </si>
  <si>
    <t>414747.0</t>
  </si>
  <si>
    <t>702.971</t>
  </si>
  <si>
    <t>373745.0</t>
  </si>
  <si>
    <t>102336060.0</t>
  </si>
  <si>
    <t>333065.0</t>
  </si>
  <si>
    <t>705.266</t>
  </si>
  <si>
    <t>373435.0</t>
  </si>
  <si>
    <t>431387.8</t>
  </si>
  <si>
    <t>2980.98215041889</t>
  </si>
  <si>
    <t>102537361.0</t>
  </si>
  <si>
    <t>201301.0</t>
  </si>
  <si>
    <t>706.653</t>
  </si>
  <si>
    <t>360425.0</t>
  </si>
  <si>
    <t>102824417.0</t>
  </si>
  <si>
    <t>287056.0</t>
  </si>
  <si>
    <t>708.632</t>
  </si>
  <si>
    <t>103207138.0</t>
  </si>
  <si>
    <t>382721.0</t>
  </si>
  <si>
    <t>711.269</t>
  </si>
  <si>
    <t>350523.0</t>
  </si>
  <si>
    <t>103665675.0</t>
  </si>
  <si>
    <t>458537.0</t>
  </si>
  <si>
    <t>714.429</t>
  </si>
  <si>
    <t>357275.0</t>
  </si>
  <si>
    <t>350450.0</t>
  </si>
  <si>
    <t>344874.0</t>
  </si>
  <si>
    <t>104792837.0</t>
  </si>
  <si>
    <t>722.197</t>
  </si>
  <si>
    <t>362862.0</t>
  </si>
  <si>
    <t>362505.0</t>
  </si>
  <si>
    <t>105646510.0</t>
  </si>
  <si>
    <t>728.081</t>
  </si>
  <si>
    <t>348482.0</t>
  </si>
  <si>
    <t>106045987.0</t>
  </si>
  <si>
    <t>399477.0</t>
  </si>
  <si>
    <t>730.834</t>
  </si>
  <si>
    <t>340045.0</t>
  </si>
  <si>
    <t>341481.0</t>
  </si>
  <si>
    <t>106817543.0</t>
  </si>
  <si>
    <t>736.151</t>
  </si>
  <si>
    <t>342918.0</t>
  </si>
  <si>
    <t>107117478.0</t>
  </si>
  <si>
    <t>299935.0</t>
  </si>
  <si>
    <t>738.218</t>
  </si>
  <si>
    <t>107321966.0</t>
  </si>
  <si>
    <t>204488.0</t>
  </si>
  <si>
    <t>739.627</t>
  </si>
  <si>
    <t>320653.0</t>
  </si>
  <si>
    <t>107599537.0</t>
  </si>
  <si>
    <t>741.54</t>
  </si>
  <si>
    <t>319655.0</t>
  </si>
  <si>
    <t>107962703.0</t>
  </si>
  <si>
    <t>363166.0</t>
  </si>
  <si>
    <t>744.043</t>
  </si>
  <si>
    <t>108337266.0</t>
  </si>
  <si>
    <t>374563.0</t>
  </si>
  <si>
    <t>746.624</t>
  </si>
  <si>
    <t>327326.0</t>
  </si>
  <si>
    <t>108702691.0</t>
  </si>
  <si>
    <t>365425.0</t>
  </si>
  <si>
    <t>749.143</t>
  </si>
  <si>
    <t>324418.0</t>
  </si>
  <si>
    <t>109071517.0</t>
  </si>
  <si>
    <t>368826.0</t>
  </si>
  <si>
    <t>751.685</t>
  </si>
  <si>
    <t>321996.0</t>
  </si>
  <si>
    <t>109412943.0</t>
  </si>
  <si>
    <t>341426.0</t>
  </si>
  <si>
    <t>754.038</t>
  </si>
  <si>
    <t>327924.0</t>
  </si>
  <si>
    <t>109638248.0</t>
  </si>
  <si>
    <t>225305.0</t>
  </si>
  <si>
    <t>755.59</t>
  </si>
  <si>
    <t>330897.0</t>
  </si>
  <si>
    <t>109840880.0</t>
  </si>
  <si>
    <t>202632.0</t>
  </si>
  <si>
    <t>756.987</t>
  </si>
  <si>
    <t>320192.0</t>
  </si>
  <si>
    <t>110003684.0</t>
  </si>
  <si>
    <t>162804.0</t>
  </si>
  <si>
    <t>758.109</t>
  </si>
  <si>
    <t>110269212.0</t>
  </si>
  <si>
    <t>759.939</t>
  </si>
  <si>
    <t>275992.0</t>
  </si>
  <si>
    <t>110633905.0</t>
  </si>
  <si>
    <t>364693.0</t>
  </si>
  <si>
    <t>762.452</t>
  </si>
  <si>
    <t>275888.0</t>
  </si>
  <si>
    <t>111031516.0</t>
  </si>
  <si>
    <t>397611.0</t>
  </si>
  <si>
    <t>765.192</t>
  </si>
  <si>
    <t>280000.0</t>
  </si>
  <si>
    <t>111345909.0</t>
  </si>
  <si>
    <t>767.359</t>
  </si>
  <si>
    <t>276138.0</t>
  </si>
  <si>
    <t>460700.7</t>
  </si>
  <si>
    <t>3183.54057158197</t>
  </si>
  <si>
    <t>111549429.0</t>
  </si>
  <si>
    <t>203520.0</t>
  </si>
  <si>
    <t>768.762</t>
  </si>
  <si>
    <t>273026.0</t>
  </si>
  <si>
    <t>111834548.0</t>
  </si>
  <si>
    <t>285119.0</t>
  </si>
  <si>
    <t>770.727</t>
  </si>
  <si>
    <t>284810.0</t>
  </si>
  <si>
    <t>5249831.0</t>
  </si>
  <si>
    <t>4158334.0</t>
  </si>
  <si>
    <t>1091497.0</t>
  </si>
  <si>
    <t>112178475.0</t>
  </si>
  <si>
    <t>343927.0</t>
  </si>
  <si>
    <t>773.097</t>
  </si>
  <si>
    <t>310684.0</t>
  </si>
  <si>
    <t>5489342.0</t>
  </si>
  <si>
    <t>4287423.0</t>
  </si>
  <si>
    <t>1201919.0</t>
  </si>
  <si>
    <t>239511.0</t>
  </si>
  <si>
    <t>110106.0</t>
  </si>
  <si>
    <t>74840.0</t>
  </si>
  <si>
    <t>112540771.0</t>
  </si>
  <si>
    <t>775.594</t>
  </si>
  <si>
    <t>324508.0</t>
  </si>
  <si>
    <t>6010744.0</t>
  </si>
  <si>
    <t>4701175.0</t>
  </si>
  <si>
    <t>1309569.0</t>
  </si>
  <si>
    <t>521402.0</t>
  </si>
  <si>
    <t>171943.0</t>
  </si>
  <si>
    <t>112926024.0</t>
  </si>
  <si>
    <t>385253.0</t>
  </si>
  <si>
    <t>778.249</t>
  </si>
  <si>
    <t>327446.0</t>
  </si>
  <si>
    <t>6301854.0</t>
  </si>
  <si>
    <t>4908178.0</t>
  </si>
  <si>
    <t>1393676.0</t>
  </si>
  <si>
    <t>291110.0</t>
  </si>
  <si>
    <t>200882.0</t>
  </si>
  <si>
    <t>144720.0</t>
  </si>
  <si>
    <t>113280229.0</t>
  </si>
  <si>
    <t>354205.0</t>
  </si>
  <si>
    <t>780.69</t>
  </si>
  <si>
    <t>321245.0</t>
  </si>
  <si>
    <t>6583873.0</t>
  </si>
  <si>
    <t>5082127.0</t>
  </si>
  <si>
    <t>1501746.0</t>
  </si>
  <si>
    <t>228522.0</t>
  </si>
  <si>
    <t>113562188.0</t>
  </si>
  <si>
    <t>281959.0</t>
  </si>
  <si>
    <t>782.633</t>
  </si>
  <si>
    <t>316611.0</t>
  </si>
  <si>
    <t>6655487.0</t>
  </si>
  <si>
    <t>5128138.0</t>
  </si>
  <si>
    <t>1527349.0</t>
  </si>
  <si>
    <t>71614.0</t>
  </si>
  <si>
    <t>320328.0</t>
  </si>
  <si>
    <t>6669466.0</t>
  </si>
  <si>
    <t>5136605.0</t>
  </si>
  <si>
    <t>1532861.0</t>
  </si>
  <si>
    <t>215453.0</t>
  </si>
  <si>
    <t>312389.0</t>
  </si>
  <si>
    <t>6694349.0</t>
  </si>
  <si>
    <t>5149589.0</t>
  </si>
  <si>
    <t>1544760.0</t>
  </si>
  <si>
    <t>206360.0</t>
  </si>
  <si>
    <t>296048.0</t>
  </si>
  <si>
    <t>7048129.0</t>
  </si>
  <si>
    <t>5272651.0</t>
  </si>
  <si>
    <t>1775478.0</t>
  </si>
  <si>
    <t>353780.0</t>
  </si>
  <si>
    <t>222684.0</t>
  </si>
  <si>
    <t>140747.0</t>
  </si>
  <si>
    <t>114480349.0</t>
  </si>
  <si>
    <t>788.961</t>
  </si>
  <si>
    <t>277083.0</t>
  </si>
  <si>
    <t>7273933.0</t>
  </si>
  <si>
    <t>5366009.0</t>
  </si>
  <si>
    <t>1907924.0</t>
  </si>
  <si>
    <t>225804.0</t>
  </si>
  <si>
    <t>180456.0</t>
  </si>
  <si>
    <t>94976.0</t>
  </si>
  <si>
    <t>271671.0</t>
  </si>
  <si>
    <t>151823.0</t>
  </si>
  <si>
    <t>65722.0</t>
  </si>
  <si>
    <t>270695.0</t>
  </si>
  <si>
    <t>115522470.0</t>
  </si>
  <si>
    <t>796.142</t>
  </si>
  <si>
    <t>280040.0</t>
  </si>
  <si>
    <t>127212.0</t>
  </si>
  <si>
    <t>34935.0</t>
  </si>
  <si>
    <t>290175.0</t>
  </si>
  <si>
    <t>138169.0</t>
  </si>
  <si>
    <t>300310.0</t>
  </si>
  <si>
    <t>147569.0</t>
  </si>
  <si>
    <t>310445.0</t>
  </si>
  <si>
    <t>7818009.0</t>
  </si>
  <si>
    <t>5379359.0</t>
  </si>
  <si>
    <t>2438650.0</t>
  </si>
  <si>
    <t>109983.0</t>
  </si>
  <si>
    <t>116724405.0</t>
  </si>
  <si>
    <t>804.426</t>
  </si>
  <si>
    <t>320579.0</t>
  </si>
  <si>
    <t>7909438.0</t>
  </si>
  <si>
    <t>5431048.0</t>
  </si>
  <si>
    <t>2478390.0</t>
  </si>
  <si>
    <t>90786.0</t>
  </si>
  <si>
    <t>318457.0</t>
  </si>
  <si>
    <t>8185944.0</t>
  </si>
  <si>
    <t>5544777.0</t>
  </si>
  <si>
    <t>2641167.0</t>
  </si>
  <si>
    <t>276506.0</t>
  </si>
  <si>
    <t>316334.0</t>
  </si>
  <si>
    <t>8306498.0</t>
  </si>
  <si>
    <t>5595893.0</t>
  </si>
  <si>
    <t>2710605.0</t>
  </si>
  <si>
    <t>121601.0</t>
  </si>
  <si>
    <t>117721946.0</t>
  </si>
  <si>
    <t>811.301</t>
  </si>
  <si>
    <t>314211.0</t>
  </si>
  <si>
    <t>8362575.0</t>
  </si>
  <si>
    <t>5611139.0</t>
  </si>
  <si>
    <t>2751436.0</t>
  </si>
  <si>
    <t>56077.0</t>
  </si>
  <si>
    <t>116658.0</t>
  </si>
  <si>
    <t>117905744.0</t>
  </si>
  <si>
    <t>183798.0</t>
  </si>
  <si>
    <t>812.567</t>
  </si>
  <si>
    <t>297541.0</t>
  </si>
  <si>
    <t>153021.0</t>
  </si>
  <si>
    <t>297480.0</t>
  </si>
  <si>
    <t>118505850.0</t>
  </si>
  <si>
    <t>816.703</t>
  </si>
  <si>
    <t>297418.0</t>
  </si>
  <si>
    <t>225747.0</t>
  </si>
  <si>
    <t>118843545.0</t>
  </si>
  <si>
    <t>337695.0</t>
  </si>
  <si>
    <t>819.03</t>
  </si>
  <si>
    <t>262004.0</t>
  </si>
  <si>
    <t>113979.0</t>
  </si>
  <si>
    <t>119185000.0</t>
  </si>
  <si>
    <t>341455.0</t>
  </si>
  <si>
    <t>821.383</t>
  </si>
  <si>
    <t>304012.0</t>
  </si>
  <si>
    <t>271820.0</t>
  </si>
  <si>
    <t>119795.0</t>
  </si>
  <si>
    <t>119526365.0</t>
  </si>
  <si>
    <t>341365.0</t>
  </si>
  <si>
    <t>823.736</t>
  </si>
  <si>
    <t>305276.0</t>
  </si>
  <si>
    <t>303915.0</t>
  </si>
  <si>
    <t>134556.0</t>
  </si>
  <si>
    <t>119794094.0</t>
  </si>
  <si>
    <t>825.581</t>
  </si>
  <si>
    <t>296021.0</t>
  </si>
  <si>
    <t>345222.0</t>
  </si>
  <si>
    <t>154441.0</t>
  </si>
  <si>
    <t>119982827.0</t>
  </si>
  <si>
    <t>826.882</t>
  </si>
  <si>
    <t>296726.0</t>
  </si>
  <si>
    <t>11124350.0</t>
  </si>
  <si>
    <t>6846664.0</t>
  </si>
  <si>
    <t>4277686.0</t>
  </si>
  <si>
    <t>120266950.0</t>
  </si>
  <si>
    <t>284123.0</t>
  </si>
  <si>
    <t>828.84</t>
  </si>
  <si>
    <t>294450.0</t>
  </si>
  <si>
    <t>11183108.0</t>
  </si>
  <si>
    <t>6886259.0</t>
  </si>
  <si>
    <t>58758.0</t>
  </si>
  <si>
    <t>304298.0</t>
  </si>
  <si>
    <t>138034.0</t>
  </si>
  <si>
    <t>120610353.0</t>
  </si>
  <si>
    <t>343403.0</t>
  </si>
  <si>
    <t>831.206</t>
  </si>
  <si>
    <t>300643.0</t>
  </si>
  <si>
    <t>11373572.0</t>
  </si>
  <si>
    <t>7004336.0</t>
  </si>
  <si>
    <t>190464.0</t>
  </si>
  <si>
    <t>132839.0</t>
  </si>
  <si>
    <t>484227.7</t>
  </si>
  <si>
    <t>3346.11718374603</t>
  </si>
  <si>
    <t>120969620.0</t>
  </si>
  <si>
    <t>359267.0</t>
  </si>
  <si>
    <t>833.682</t>
  </si>
  <si>
    <t>303725.0</t>
  </si>
  <si>
    <t>11642295.0</t>
  </si>
  <si>
    <t>7159411.0</t>
  </si>
  <si>
    <t>4482884.0</t>
  </si>
  <si>
    <t>268723.0</t>
  </si>
  <si>
    <t>271262.0</t>
  </si>
  <si>
    <t>121311857.0</t>
  </si>
  <si>
    <t>342237.0</t>
  </si>
  <si>
    <t>836.041</t>
  </si>
  <si>
    <t>303837.0</t>
  </si>
  <si>
    <t>11779295.0</t>
  </si>
  <si>
    <t>7247479.0</t>
  </si>
  <si>
    <t>4531816.0</t>
  </si>
  <si>
    <t>241516.0</t>
  </si>
  <si>
    <t>123448.0</t>
  </si>
  <si>
    <t>121677090.0</t>
  </si>
  <si>
    <t>365233.0</t>
  </si>
  <si>
    <t>838.558</t>
  </si>
  <si>
    <t>307246.0</t>
  </si>
  <si>
    <t>12038859.0</t>
  </si>
  <si>
    <t>7445035.0</t>
  </si>
  <si>
    <t>4593824.0</t>
  </si>
  <si>
    <t>259564.0</t>
  </si>
  <si>
    <t>229279.0</t>
  </si>
  <si>
    <t>129607.0</t>
  </si>
  <si>
    <t>121926523.0</t>
  </si>
  <si>
    <t>249433.0</t>
  </si>
  <si>
    <t>840.277</t>
  </si>
  <si>
    <t>304633.0</t>
  </si>
  <si>
    <t>12120810.0</t>
  </si>
  <si>
    <t>7505764.0</t>
  </si>
  <si>
    <t>4615046.0</t>
  </si>
  <si>
    <t>191669.0</t>
  </si>
  <si>
    <t>122121041.0</t>
  </si>
  <si>
    <t>194518.0</t>
  </si>
  <si>
    <t>841.618</t>
  </si>
  <si>
    <t>12215342.0</t>
  </si>
  <si>
    <t>7576640.0</t>
  </si>
  <si>
    <t>4638702.0</t>
  </si>
  <si>
    <t>94532.0</t>
  </si>
  <si>
    <t>122370724.0</t>
  </si>
  <si>
    <t>249683.0</t>
  </si>
  <si>
    <t>843.338</t>
  </si>
  <si>
    <t>300539.0</t>
  </si>
  <si>
    <t>12474954.0</t>
  </si>
  <si>
    <t>7753876.0</t>
  </si>
  <si>
    <t>4721078.0</t>
  </si>
  <si>
    <t>259612.0</t>
  </si>
  <si>
    <t>184549.0</t>
  </si>
  <si>
    <t>123945.0</t>
  </si>
  <si>
    <t>122693829.0</t>
  </si>
  <si>
    <t>323105.0</t>
  </si>
  <si>
    <t>845.565</t>
  </si>
  <si>
    <t>13047800.0</t>
  </si>
  <si>
    <t>7908918.0</t>
  </si>
  <si>
    <t>5138882.0</t>
  </si>
  <si>
    <t>572846.0</t>
  </si>
  <si>
    <t>239175.0</t>
  </si>
  <si>
    <t>129226.0</t>
  </si>
  <si>
    <t>123034356.0</t>
  </si>
  <si>
    <t>847.912</t>
  </si>
  <si>
    <t>294962.0</t>
  </si>
  <si>
    <t>13354502.0</t>
  </si>
  <si>
    <t>8146598.0</t>
  </si>
  <si>
    <t>5207904.0</t>
  </si>
  <si>
    <t>306702.0</t>
  </si>
  <si>
    <t>244601.0</t>
  </si>
  <si>
    <t>123379201.0</t>
  </si>
  <si>
    <t>344845.0</t>
  </si>
  <si>
    <t>850.288</t>
  </si>
  <si>
    <t>13628879.0</t>
  </si>
  <si>
    <t>8333331.0</t>
  </si>
  <si>
    <t>5295548.0</t>
  </si>
  <si>
    <t>274377.0</t>
  </si>
  <si>
    <t>264226.0</t>
  </si>
  <si>
    <t>155122.0</t>
  </si>
  <si>
    <t>123726856.0</t>
  </si>
  <si>
    <t>347655.0</t>
  </si>
  <si>
    <t>852.684</t>
  </si>
  <si>
    <t>292824.0</t>
  </si>
  <si>
    <t>13977397.0</t>
  </si>
  <si>
    <t>8575951.0</t>
  </si>
  <si>
    <t>5401446.0</t>
  </si>
  <si>
    <t>348518.0</t>
  </si>
  <si>
    <t>123999037.0</t>
  </si>
  <si>
    <t>272181.0</t>
  </si>
  <si>
    <t>854.56</t>
  </si>
  <si>
    <t>296073.0</t>
  </si>
  <si>
    <t>14108341.0</t>
  </si>
  <si>
    <t>8692848.0</t>
  </si>
  <si>
    <t>5415493.0</t>
  </si>
  <si>
    <t>130944.0</t>
  </si>
  <si>
    <t>169583.0</t>
  </si>
  <si>
    <t>124192412.0</t>
  </si>
  <si>
    <t>855.893</t>
  </si>
  <si>
    <t>295910.0</t>
  </si>
  <si>
    <t>14269543.0</t>
  </si>
  <si>
    <t>8808044.0</t>
  </si>
  <si>
    <t>5461499.0</t>
  </si>
  <si>
    <t>293457.0</t>
  </si>
  <si>
    <t>175915.0</t>
  </si>
  <si>
    <t>124447762.0</t>
  </si>
  <si>
    <t>255350.0</t>
  </si>
  <si>
    <t>857.653</t>
  </si>
  <si>
    <t>296720.0</t>
  </si>
  <si>
    <t>14583881.0</t>
  </si>
  <si>
    <t>9037705.0</t>
  </si>
  <si>
    <t>5546176.0</t>
  </si>
  <si>
    <t>314338.0</t>
  </si>
  <si>
    <t>301275.0</t>
  </si>
  <si>
    <t>183404.0</t>
  </si>
  <si>
    <t>299387.0</t>
  </si>
  <si>
    <t>14967802.0</t>
  </si>
  <si>
    <t>9343939.0</t>
  </si>
  <si>
    <t>5623863.0</t>
  </si>
  <si>
    <t>383921.0</t>
  </si>
  <si>
    <t>274286.0</t>
  </si>
  <si>
    <t>205003.0</t>
  </si>
  <si>
    <t>125131312.0</t>
  </si>
  <si>
    <t>862.363</t>
  </si>
  <si>
    <t>299565.0</t>
  </si>
  <si>
    <t>15164099.0</t>
  </si>
  <si>
    <t>9473241.0</t>
  </si>
  <si>
    <t>5690858.0</t>
  </si>
  <si>
    <t>196297.0</t>
  </si>
  <si>
    <t>258514.0</t>
  </si>
  <si>
    <t>15469617.0</t>
  </si>
  <si>
    <t>9731470.0</t>
  </si>
  <si>
    <t>5738147.0</t>
  </si>
  <si>
    <t>305518.0</t>
  </si>
  <si>
    <t>262963.0</t>
  </si>
  <si>
    <t>199734.0</t>
  </si>
  <si>
    <t>291745.0</t>
  </si>
  <si>
    <t>15700803.0</t>
  </si>
  <si>
    <t>9918665.0</t>
  </si>
  <si>
    <t>5782138.0</t>
  </si>
  <si>
    <t>231186.0</t>
  </si>
  <si>
    <t>246201.0</t>
  </si>
  <si>
    <t>191816.0</t>
  </si>
  <si>
    <t>126087949.0</t>
  </si>
  <si>
    <t>868.956</t>
  </si>
  <si>
    <t>298416.0</t>
  </si>
  <si>
    <t>16167151.0</t>
  </si>
  <si>
    <t>10019885.0</t>
  </si>
  <si>
    <t>6147266.0</t>
  </si>
  <si>
    <t>466348.0</t>
  </si>
  <si>
    <t>294116.0</t>
  </si>
  <si>
    <t>189577.0</t>
  </si>
  <si>
    <t>126272439.0</t>
  </si>
  <si>
    <t>870.228</t>
  </si>
  <si>
    <t>297147.0</t>
  </si>
  <si>
    <t>16237319.0</t>
  </si>
  <si>
    <t>10077017.0</t>
  </si>
  <si>
    <t>6160302.0</t>
  </si>
  <si>
    <t>70168.0</t>
  </si>
  <si>
    <t>281111.0</t>
  </si>
  <si>
    <t>181282.0</t>
  </si>
  <si>
    <t>126528401.0</t>
  </si>
  <si>
    <t>871.992</t>
  </si>
  <si>
    <t>297234.0</t>
  </si>
  <si>
    <t>16567842.0</t>
  </si>
  <si>
    <t>10341593.0</t>
  </si>
  <si>
    <t>6226249.0</t>
  </si>
  <si>
    <t>330523.0</t>
  </si>
  <si>
    <t>283423.0</t>
  </si>
  <si>
    <t>186270.0</t>
  </si>
  <si>
    <t>126842631.0</t>
  </si>
  <si>
    <t>874.157</t>
  </si>
  <si>
    <t>293299.0</t>
  </si>
  <si>
    <t>16821267.0</t>
  </si>
  <si>
    <t>10520393.0</t>
  </si>
  <si>
    <t>6300874.0</t>
  </si>
  <si>
    <t>253425.0</t>
  </si>
  <si>
    <t>264781.0</t>
  </si>
  <si>
    <t>168065.0</t>
  </si>
  <si>
    <t>127175519.0</t>
  </si>
  <si>
    <t>332888.0</t>
  </si>
  <si>
    <t>876.451</t>
  </si>
  <si>
    <t>17218313.0</t>
  </si>
  <si>
    <t>10787419.0</t>
  </si>
  <si>
    <t>6430894.0</t>
  </si>
  <si>
    <t>397046.0</t>
  </si>
  <si>
    <t>293459.0</t>
  </si>
  <si>
    <t>187740.0</t>
  </si>
  <si>
    <t>127511885.0</t>
  </si>
  <si>
    <t>336366.0</t>
  </si>
  <si>
    <t>878.77</t>
  </si>
  <si>
    <t>17535826.0</t>
  </si>
  <si>
    <t>10997801.0</t>
  </si>
  <si>
    <t>6538025.0</t>
  </si>
  <si>
    <t>317513.0</t>
  </si>
  <si>
    <t>295173.0</t>
  </si>
  <si>
    <t>180904.0</t>
  </si>
  <si>
    <t>127836764.0</t>
  </si>
  <si>
    <t>324879.0</t>
  </si>
  <si>
    <t>881.009</t>
  </si>
  <si>
    <t>295385.0</t>
  </si>
  <si>
    <t>18080498.0</t>
  </si>
  <si>
    <t>11312625.0</t>
  </si>
  <si>
    <t>6767873.0</t>
  </si>
  <si>
    <t>544672.0</t>
  </si>
  <si>
    <t>339956.0</t>
  </si>
  <si>
    <t>199137.0</t>
  </si>
  <si>
    <t>128099200.0</t>
  </si>
  <si>
    <t>262436.0</t>
  </si>
  <si>
    <t>882.817</t>
  </si>
  <si>
    <t>287322.0</t>
  </si>
  <si>
    <t>18152707.0</t>
  </si>
  <si>
    <t>11362893.0</t>
  </si>
  <si>
    <t>6789814.0</t>
  </si>
  <si>
    <t>72209.0</t>
  </si>
  <si>
    <t>283651.0</t>
  </si>
  <si>
    <t>128278996.0</t>
  </si>
  <si>
    <t>179796.0</t>
  </si>
  <si>
    <t>884.056</t>
  </si>
  <si>
    <t>286651.0</t>
  </si>
  <si>
    <t>18315316.0</t>
  </si>
  <si>
    <t>11445394.0</t>
  </si>
  <si>
    <t>6869922.0</t>
  </si>
  <si>
    <t>162609.0</t>
  </si>
  <si>
    <t>195482.0</t>
  </si>
  <si>
    <t>128530745.0</t>
  </si>
  <si>
    <t>251749.0</t>
  </si>
  <si>
    <t>885.791</t>
  </si>
  <si>
    <t>286049.0</t>
  </si>
  <si>
    <t>18557064.0</t>
  </si>
  <si>
    <t>11599037.0</t>
  </si>
  <si>
    <t>6958027.0</t>
  </si>
  <si>
    <t>241748.0</t>
  </si>
  <si>
    <t>284175.0</t>
  </si>
  <si>
    <t>179635.0</t>
  </si>
  <si>
    <t>128854506.0</t>
  </si>
  <si>
    <t>323761.0</t>
  </si>
  <si>
    <t>888.022</t>
  </si>
  <si>
    <t>287411.0</t>
  </si>
  <si>
    <t>19043771.0</t>
  </si>
  <si>
    <t>11913555.0</t>
  </si>
  <si>
    <t>7130216.0</t>
  </si>
  <si>
    <t>486707.0</t>
  </si>
  <si>
    <t>317501.0</t>
  </si>
  <si>
    <t>199023.0</t>
  </si>
  <si>
    <t>129182804.0</t>
  </si>
  <si>
    <t>328298.0</t>
  </si>
  <si>
    <t>890.285</t>
  </si>
  <si>
    <t>286755.0</t>
  </si>
  <si>
    <t>19523861.0</t>
  </si>
  <si>
    <t>12152170.0</t>
  </si>
  <si>
    <t>7371691.0</t>
  </si>
  <si>
    <t>480090.0</t>
  </si>
  <si>
    <t>329364.0</t>
  </si>
  <si>
    <t>194964.0</t>
  </si>
  <si>
    <t>19834392.0</t>
  </si>
  <si>
    <t>12299770.0</t>
  </si>
  <si>
    <t>7534622.0</t>
  </si>
  <si>
    <t>310531.0</t>
  </si>
  <si>
    <t>328367.0</t>
  </si>
  <si>
    <t>185996.0</t>
  </si>
  <si>
    <t>502485.7</t>
  </si>
  <si>
    <t>3472.28387668993</t>
  </si>
  <si>
    <t>129849233.0</t>
  </si>
  <si>
    <t>894.878</t>
  </si>
  <si>
    <t>287496.0</t>
  </si>
  <si>
    <t>19934399.0</t>
  </si>
  <si>
    <t>12377978.0</t>
  </si>
  <si>
    <t>7556421.0</t>
  </si>
  <si>
    <t>100007.0</t>
  </si>
  <si>
    <t>264843.0</t>
  </si>
  <si>
    <t>130085342.0</t>
  </si>
  <si>
    <t>236109.0</t>
  </si>
  <si>
    <t>896.505</t>
  </si>
  <si>
    <t>283735.0</t>
  </si>
  <si>
    <t>20070743.0</t>
  </si>
  <si>
    <t>12431003.0</t>
  </si>
  <si>
    <t>7639740.0</t>
  </si>
  <si>
    <t>136344.0</t>
  </si>
  <si>
    <t>274005.0</t>
  </si>
  <si>
    <t>152587.0</t>
  </si>
  <si>
    <t>130238734.0</t>
  </si>
  <si>
    <t>897.562</t>
  </si>
  <si>
    <t>279963.0</t>
  </si>
  <si>
    <t>20110554.0</t>
  </si>
  <si>
    <t>12449156.0</t>
  </si>
  <si>
    <t>7661398.0</t>
  </si>
  <si>
    <t>39811.0</t>
  </si>
  <si>
    <t>256463.0</t>
  </si>
  <si>
    <t>143395.0</t>
  </si>
  <si>
    <t>130413043.0</t>
  </si>
  <si>
    <t>898.763</t>
  </si>
  <si>
    <t>20168443.0</t>
  </si>
  <si>
    <t>12478994.0</t>
  </si>
  <si>
    <t>7689449.0</t>
  </si>
  <si>
    <t>57889.0</t>
  </si>
  <si>
    <t>230197.0</t>
  </si>
  <si>
    <t>125708.0</t>
  </si>
  <si>
    <t>130634478.0</t>
  </si>
  <si>
    <t>221435.0</t>
  </si>
  <si>
    <t>900.289</t>
  </si>
  <si>
    <t>20720147.0</t>
  </si>
  <si>
    <t>12704207.0</t>
  </si>
  <si>
    <t>8015940.0</t>
  </si>
  <si>
    <t>551704.0</t>
  </si>
  <si>
    <t>112950.0</t>
  </si>
  <si>
    <t>130898630.0</t>
  </si>
  <si>
    <t>264152.0</t>
  </si>
  <si>
    <t>902.11</t>
  </si>
  <si>
    <t>245118.0</t>
  </si>
  <si>
    <t>12893563.0</t>
  </si>
  <si>
    <t>8284150.0</t>
  </si>
  <si>
    <t>457566.0</t>
  </si>
  <si>
    <t>105913.0</t>
  </si>
  <si>
    <t>131176559.0</t>
  </si>
  <si>
    <t>277929.0</t>
  </si>
  <si>
    <t>904.025</t>
  </si>
  <si>
    <t>237220.0</t>
  </si>
  <si>
    <t>21296747.0</t>
  </si>
  <si>
    <t>12940465.0</t>
  </si>
  <si>
    <t>8356282.0</t>
  </si>
  <si>
    <t>119034.0</t>
  </si>
  <si>
    <t>208908.0</t>
  </si>
  <si>
    <t>91528.0</t>
  </si>
  <si>
    <t>131472718.0</t>
  </si>
  <si>
    <t>296159.0</t>
  </si>
  <si>
    <t>906.066</t>
  </si>
  <si>
    <t>231926.0</t>
  </si>
  <si>
    <t>21597074.0</t>
  </si>
  <si>
    <t>13056228.0</t>
  </si>
  <si>
    <t>8540846.0</t>
  </si>
  <si>
    <t>300327.0</t>
  </si>
  <si>
    <t>237525.0</t>
  </si>
  <si>
    <t>96893.0</t>
  </si>
  <si>
    <t>131731000.0</t>
  </si>
  <si>
    <t>258282.0</t>
  </si>
  <si>
    <t>907.846</t>
  </si>
  <si>
    <t>235094.0</t>
  </si>
  <si>
    <t>231551.0</t>
  </si>
  <si>
    <t>131924338.0</t>
  </si>
  <si>
    <t>193338.0</t>
  </si>
  <si>
    <t>909.179</t>
  </si>
  <si>
    <t>240801.0</t>
  </si>
  <si>
    <t>21786131.0</t>
  </si>
  <si>
    <t>13165465.0</t>
  </si>
  <si>
    <t>8620666.0</t>
  </si>
  <si>
    <t>239368.0</t>
  </si>
  <si>
    <t>102330.0</t>
  </si>
  <si>
    <t>132134470.0</t>
  </si>
  <si>
    <t>210132.0</t>
  </si>
  <si>
    <t>910.627</t>
  </si>
  <si>
    <t>245918.0</t>
  </si>
  <si>
    <t>21844382.0</t>
  </si>
  <si>
    <t>13205698.0</t>
  </si>
  <si>
    <t>8638684.0</t>
  </si>
  <si>
    <t>239420.0</t>
  </si>
  <si>
    <t>103815.0</t>
  </si>
  <si>
    <t>132405083.0</t>
  </si>
  <si>
    <t>270613.0</t>
  </si>
  <si>
    <t>912.492</t>
  </si>
  <si>
    <t>252944.0</t>
  </si>
  <si>
    <t>22575945.0</t>
  </si>
  <si>
    <t>13566658.0</t>
  </si>
  <si>
    <t>9009287.0</t>
  </si>
  <si>
    <t>731563.0</t>
  </si>
  <si>
    <t>265114.0</t>
  </si>
  <si>
    <t>132774924.0</t>
  </si>
  <si>
    <t>369841.0</t>
  </si>
  <si>
    <t>915.041</t>
  </si>
  <si>
    <t>268042.0</t>
  </si>
  <si>
    <t>22782931.0</t>
  </si>
  <si>
    <t>13653498.0</t>
  </si>
  <si>
    <t>9129433.0</t>
  </si>
  <si>
    <t>206986.0</t>
  </si>
  <si>
    <t>229317.0</t>
  </si>
  <si>
    <t>133136581.0</t>
  </si>
  <si>
    <t>361657.0</t>
  </si>
  <si>
    <t>917.533</t>
  </si>
  <si>
    <t>280003.0</t>
  </si>
  <si>
    <t>23292045.0</t>
  </si>
  <si>
    <t>13856566.0</t>
  </si>
  <si>
    <t>9435479.0</t>
  </si>
  <si>
    <t>509114.0</t>
  </si>
  <si>
    <t>133510681.0</t>
  </si>
  <si>
    <t>374100.0</t>
  </si>
  <si>
    <t>920.111</t>
  </si>
  <si>
    <t>23858201.0</t>
  </si>
  <si>
    <t>14265642.0</t>
  </si>
  <si>
    <t>9592559.0</t>
  </si>
  <si>
    <t>566156.0</t>
  </si>
  <si>
    <t>323018.0</t>
  </si>
  <si>
    <t>172773.0</t>
  </si>
  <si>
    <t>133819142.0</t>
  </si>
  <si>
    <t>308461.0</t>
  </si>
  <si>
    <t>922.237</t>
  </si>
  <si>
    <t>23970334.0</t>
  </si>
  <si>
    <t>14313416.0</t>
  </si>
  <si>
    <t>9656918.0</t>
  </si>
  <si>
    <t>325533.0</t>
  </si>
  <si>
    <t>171796.0</t>
  </si>
  <si>
    <t>134032276.0</t>
  </si>
  <si>
    <t>213134.0</t>
  </si>
  <si>
    <t>923.706</t>
  </si>
  <si>
    <t>24087535.0</t>
  </si>
  <si>
    <t>14361832.0</t>
  </si>
  <si>
    <t>9725703.0</t>
  </si>
  <si>
    <t>117201.0</t>
  </si>
  <si>
    <t>328772.0</t>
  </si>
  <si>
    <t>134308856.0</t>
  </si>
  <si>
    <t>276580.0</t>
  </si>
  <si>
    <t>925.612</t>
  </si>
  <si>
    <t>310627.0</t>
  </si>
  <si>
    <t>24519227.0</t>
  </si>
  <si>
    <t>14592957.0</t>
  </si>
  <si>
    <t>9926270.0</t>
  </si>
  <si>
    <t>382121.0</t>
  </si>
  <si>
    <t>198180.0</t>
  </si>
  <si>
    <t>134646018.0</t>
  </si>
  <si>
    <t>337162.0</t>
  </si>
  <si>
    <t>927.936</t>
  </si>
  <si>
    <t>320134.0</t>
  </si>
  <si>
    <t>24862902.0</t>
  </si>
  <si>
    <t>14718070.0</t>
  </si>
  <si>
    <t>10144832.0</t>
  </si>
  <si>
    <t>343675.0</t>
  </si>
  <si>
    <t>326708.0</t>
  </si>
  <si>
    <t>164487.0</t>
  </si>
  <si>
    <t>135005007.0</t>
  </si>
  <si>
    <t>930.41</t>
  </si>
  <si>
    <t>318583.0</t>
  </si>
  <si>
    <t>25166959.0</t>
  </si>
  <si>
    <t>14888987.0</t>
  </si>
  <si>
    <t>10277972.0</t>
  </si>
  <si>
    <t>304057.0</t>
  </si>
  <si>
    <t>340575.0</t>
  </si>
  <si>
    <t>135339887.0</t>
  </si>
  <si>
    <t>334880.0</t>
  </si>
  <si>
    <t>932.718</t>
  </si>
  <si>
    <t>314758.0</t>
  </si>
  <si>
    <t>25468057.0</t>
  </si>
  <si>
    <t>15031015.0</t>
  </si>
  <si>
    <t>10437042.0</t>
  </si>
  <si>
    <t>301098.0</t>
  </si>
  <si>
    <t>310859.0</t>
  </si>
  <si>
    <t>167778.0</t>
  </si>
  <si>
    <t>135700157.0</t>
  </si>
  <si>
    <t>360270.0</t>
  </si>
  <si>
    <t>935.2</t>
  </si>
  <si>
    <t>312782.0</t>
  </si>
  <si>
    <t>26419720.0</t>
  </si>
  <si>
    <t>15325919.0</t>
  </si>
  <si>
    <t>11093801.0</t>
  </si>
  <si>
    <t>951663.0</t>
  </si>
  <si>
    <t>365931.0</t>
  </si>
  <si>
    <t>135989328.0</t>
  </si>
  <si>
    <t>289171.0</t>
  </si>
  <si>
    <t>937.193</t>
  </si>
  <si>
    <t>310027.0</t>
  </si>
  <si>
    <t>26472510.0</t>
  </si>
  <si>
    <t>15360666.0</t>
  </si>
  <si>
    <t>11111844.0</t>
  </si>
  <si>
    <t>52790.0</t>
  </si>
  <si>
    <t>357454.0</t>
  </si>
  <si>
    <t>136195853.0</t>
  </si>
  <si>
    <t>206525.0</t>
  </si>
  <si>
    <t>938.617</t>
  </si>
  <si>
    <t>309082.0</t>
  </si>
  <si>
    <t>26802324.0</t>
  </si>
  <si>
    <t>15610238.0</t>
  </si>
  <si>
    <t>11192086.0</t>
  </si>
  <si>
    <t>329814.0</t>
  </si>
  <si>
    <t>387827.0</t>
  </si>
  <si>
    <t>178344.0</t>
  </si>
  <si>
    <t>136467759.0</t>
  </si>
  <si>
    <t>271906.0</t>
  </si>
  <si>
    <t>940.49</t>
  </si>
  <si>
    <t>308415.0</t>
  </si>
  <si>
    <t>27026797.0</t>
  </si>
  <si>
    <t>15768938.0</t>
  </si>
  <si>
    <t>11257859.0</t>
  </si>
  <si>
    <t>224473.0</t>
  </si>
  <si>
    <t>167997.0</t>
  </si>
  <si>
    <t>136806625.0</t>
  </si>
  <si>
    <t>338866.0</t>
  </si>
  <si>
    <t>942.826</t>
  </si>
  <si>
    <t>308658.0</t>
  </si>
  <si>
    <t>27611859.0</t>
  </si>
  <si>
    <t>16159658.0</t>
  </si>
  <si>
    <t>11452201.0</t>
  </si>
  <si>
    <t>585062.0</t>
  </si>
  <si>
    <t>392708.0</t>
  </si>
  <si>
    <t>205941.0</t>
  </si>
  <si>
    <t>137180661.0</t>
  </si>
  <si>
    <t>374036.0</t>
  </si>
  <si>
    <t>945.404</t>
  </si>
  <si>
    <t>310808.0</t>
  </si>
  <si>
    <t>27739956.0</t>
  </si>
  <si>
    <t>16225813.0</t>
  </si>
  <si>
    <t>11514143.0</t>
  </si>
  <si>
    <t>128097.0</t>
  </si>
  <si>
    <t>367571.0</t>
  </si>
  <si>
    <t>190975.0</t>
  </si>
  <si>
    <t>137550443.0</t>
  </si>
  <si>
    <t>369782.0</t>
  </si>
  <si>
    <t>947.952</t>
  </si>
  <si>
    <t>315794.0</t>
  </si>
  <si>
    <t>28112894.0</t>
  </si>
  <si>
    <t>16331436.0</t>
  </si>
  <si>
    <t>11781458.0</t>
  </si>
  <si>
    <t>372938.0</t>
  </si>
  <si>
    <t>377834.0</t>
  </si>
  <si>
    <t>137933200.0</t>
  </si>
  <si>
    <t>382757.0</t>
  </si>
  <si>
    <t>950.59</t>
  </si>
  <si>
    <t>319006.0</t>
  </si>
  <si>
    <t>28365082.0</t>
  </si>
  <si>
    <t>16470154.0</t>
  </si>
  <si>
    <t>11894928.0</t>
  </si>
  <si>
    <t>277909.0</t>
  </si>
  <si>
    <t>138276716.0</t>
  </si>
  <si>
    <t>343516.0</t>
  </si>
  <si>
    <t>952.957</t>
  </si>
  <si>
    <t>326770.0</t>
  </si>
  <si>
    <t>28449552.0</t>
  </si>
  <si>
    <t>16528341.0</t>
  </si>
  <si>
    <t>11921211.0</t>
  </si>
  <si>
    <t>282435.0</t>
  </si>
  <si>
    <t>166811.0</t>
  </si>
  <si>
    <t>138547723.0</t>
  </si>
  <si>
    <t>271007.0</t>
  </si>
  <si>
    <t>954.825</t>
  </si>
  <si>
    <t>335981.0</t>
  </si>
  <si>
    <t>28501637.0</t>
  </si>
  <si>
    <t>16576370.0</t>
  </si>
  <si>
    <t>11925267.0</t>
  </si>
  <si>
    <t>138019.0</t>
  </si>
  <si>
    <t>525727.5</t>
  </si>
  <si>
    <t>3632.88969573165</t>
  </si>
  <si>
    <t>138853290.0</t>
  </si>
  <si>
    <t>956.931</t>
  </si>
  <si>
    <t>340790.0</t>
  </si>
  <si>
    <t>29325191.0</t>
  </si>
  <si>
    <t>16708973.0</t>
  </si>
  <si>
    <t>12616218.0</t>
  </si>
  <si>
    <t>823554.0</t>
  </si>
  <si>
    <t>328342.0</t>
  </si>
  <si>
    <t>134291.0</t>
  </si>
  <si>
    <t>139204626.0</t>
  </si>
  <si>
    <t>351336.0</t>
  </si>
  <si>
    <t>959.352</t>
  </si>
  <si>
    <t>342572.0</t>
  </si>
  <si>
    <t>29792970.0</t>
  </si>
  <si>
    <t>16995885.0</t>
  </si>
  <si>
    <t>12797085.0</t>
  </si>
  <si>
    <t>467779.0</t>
  </si>
  <si>
    <t>311587.0</t>
  </si>
  <si>
    <t>139597578.0</t>
  </si>
  <si>
    <t>392952.0</t>
  </si>
  <si>
    <t>962.06</t>
  </si>
  <si>
    <t>345274.0</t>
  </si>
  <si>
    <t>30001530.0</t>
  </si>
  <si>
    <t>17136365.0</t>
  </si>
  <si>
    <t>12865165.0</t>
  </si>
  <si>
    <t>208560.0</t>
  </si>
  <si>
    <t>323082.0</t>
  </si>
  <si>
    <t>130079.0</t>
  </si>
  <si>
    <t>139978926.0</t>
  </si>
  <si>
    <t>381348.0</t>
  </si>
  <si>
    <t>964.688</t>
  </si>
  <si>
    <t>346926.0</t>
  </si>
  <si>
    <t>30501660.0</t>
  </si>
  <si>
    <t>17426711.0</t>
  </si>
  <si>
    <t>13074949.0</t>
  </si>
  <si>
    <t>500130.0</t>
  </si>
  <si>
    <t>341252.0</t>
  </si>
  <si>
    <t>156468.0</t>
  </si>
  <si>
    <t>140462025.0</t>
  </si>
  <si>
    <t>483099.0</t>
  </si>
  <si>
    <t>968.018</t>
  </si>
  <si>
    <t>30606544.0</t>
  </si>
  <si>
    <t>17490525.0</t>
  </si>
  <si>
    <t>13116019.0</t>
  </si>
  <si>
    <t>320209.0</t>
  </si>
  <si>
    <t>145767.0</t>
  </si>
  <si>
    <t>140650440.0</t>
  </si>
  <si>
    <t>188415.0</t>
  </si>
  <si>
    <t>969.316</t>
  </si>
  <si>
    <t>339103.0</t>
  </si>
  <si>
    <t>30708050.0</t>
  </si>
  <si>
    <t>17556908.0</t>
  </si>
  <si>
    <t>13151142.0</t>
  </si>
  <si>
    <t>101506.0</t>
  </si>
  <si>
    <t>322643.0</t>
  </si>
  <si>
    <t>146938.0</t>
  </si>
  <si>
    <t>140875265.0</t>
  </si>
  <si>
    <t>224825.0</t>
  </si>
  <si>
    <t>970.866</t>
  </si>
  <si>
    <t>332506.0</t>
  </si>
  <si>
    <t>31050172.0</t>
  </si>
  <si>
    <t>17673241.0</t>
  </si>
  <si>
    <t>13376931.0</t>
  </si>
  <si>
    <t>342122.0</t>
  </si>
  <si>
    <t>364076.0</t>
  </si>
  <si>
    <t>141180404.0</t>
  </si>
  <si>
    <t>305139.0</t>
  </si>
  <si>
    <t>972.968</t>
  </si>
  <si>
    <t>332445.0</t>
  </si>
  <si>
    <t>31295788.0</t>
  </si>
  <si>
    <t>17782159.0</t>
  </si>
  <si>
    <t>13513629.0</t>
  </si>
  <si>
    <t>245616.0</t>
  </si>
  <si>
    <t>281514.0</t>
  </si>
  <si>
    <t>153312.0</t>
  </si>
  <si>
    <t>141549136.0</t>
  </si>
  <si>
    <t>368732.0</t>
  </si>
  <si>
    <t>975.51</t>
  </si>
  <si>
    <t>334930.0</t>
  </si>
  <si>
    <t>31605719.0</t>
  </si>
  <si>
    <t>17954601.0</t>
  </si>
  <si>
    <t>13651118.0</t>
  </si>
  <si>
    <t>258964.0</t>
  </si>
  <si>
    <t>136959.0</t>
  </si>
  <si>
    <t>141949258.0</t>
  </si>
  <si>
    <t>400122.0</t>
  </si>
  <si>
    <t>978.267</t>
  </si>
  <si>
    <t>335954.0</t>
  </si>
  <si>
    <t>31953145.0</t>
  </si>
  <si>
    <t>18119483.0</t>
  </si>
  <si>
    <t>13833662.0</t>
  </si>
  <si>
    <t>347426.0</t>
  </si>
  <si>
    <t>142356323.0</t>
  </si>
  <si>
    <t>407065.0</t>
  </si>
  <si>
    <t>981.073</t>
  </si>
  <si>
    <t>339628.0</t>
  </si>
  <si>
    <t>32267143.0</t>
  </si>
  <si>
    <t>18274820.0</t>
  </si>
  <si>
    <t>13992323.0</t>
  </si>
  <si>
    <t>313998.0</t>
  </si>
  <si>
    <t>252212.0</t>
  </si>
  <si>
    <t>121158.0</t>
  </si>
  <si>
    <t>142777182.0</t>
  </si>
  <si>
    <t>983.973</t>
  </si>
  <si>
    <t>330737.0</t>
  </si>
  <si>
    <t>32734213.0</t>
  </si>
  <si>
    <t>18462055.0</t>
  </si>
  <si>
    <t>14272158.0</t>
  </si>
  <si>
    <t>467070.0</t>
  </si>
  <si>
    <t>303953.0</t>
  </si>
  <si>
    <t>138790.0</t>
  </si>
  <si>
    <t>143102920.0</t>
  </si>
  <si>
    <t>325738.0</t>
  </si>
  <si>
    <t>986.218</t>
  </si>
  <si>
    <t>350354.0</t>
  </si>
  <si>
    <t>32831196.0</t>
  </si>
  <si>
    <t>18514644.0</t>
  </si>
  <si>
    <t>14316552.0</t>
  </si>
  <si>
    <t>96983.0</t>
  </si>
  <si>
    <t>303307.0</t>
  </si>
  <si>
    <t>136819.0</t>
  </si>
  <si>
    <t>143356426.0</t>
  </si>
  <si>
    <t>987.965</t>
  </si>
  <si>
    <t>354452.0</t>
  </si>
  <si>
    <t>32865706.0</t>
  </si>
  <si>
    <t>18533629.0</t>
  </si>
  <si>
    <t>14332077.0</t>
  </si>
  <si>
    <t>34510.0</t>
  </si>
  <si>
    <t>259362.0</t>
  </si>
  <si>
    <t>122913.0</t>
  </si>
  <si>
    <t>143625828.0</t>
  </si>
  <si>
    <t>269402.0</t>
  </si>
  <si>
    <t>989.822</t>
  </si>
  <si>
    <t>349346.0</t>
  </si>
  <si>
    <t>32907158.0</t>
  </si>
  <si>
    <t>18550270.0</t>
  </si>
  <si>
    <t>14356888.0</t>
  </si>
  <si>
    <t>230196.0</t>
  </si>
  <si>
    <t>109730.0</t>
  </si>
  <si>
    <t>143977682.0</t>
  </si>
  <si>
    <t>351854.0</t>
  </si>
  <si>
    <t>992.246</t>
  </si>
  <si>
    <t>346935.0</t>
  </si>
  <si>
    <t>33220101.0</t>
  </si>
  <si>
    <t>18712820.0</t>
  </si>
  <si>
    <t>14507281.0</t>
  </si>
  <si>
    <t>312943.0</t>
  </si>
  <si>
    <t>230626.0</t>
  </si>
  <si>
    <t>108317.0</t>
  </si>
  <si>
    <t>144422331.0</t>
  </si>
  <si>
    <t>444649.0</t>
  </si>
  <si>
    <t>995.311</t>
  </si>
  <si>
    <t>353296.0</t>
  </si>
  <si>
    <t>33923089.0</t>
  </si>
  <si>
    <t>19213483.0</t>
  </si>
  <si>
    <t>14709606.0</t>
  </si>
  <si>
    <t>702988.0</t>
  </si>
  <si>
    <t>144895670.0</t>
  </si>
  <si>
    <t>473339.0</t>
  </si>
  <si>
    <t>998.573</t>
  </si>
  <si>
    <t>362764.0</t>
  </si>
  <si>
    <t>34337450.0</t>
  </si>
  <si>
    <t>19436102.0</t>
  </si>
  <si>
    <t>14901348.0</t>
  </si>
  <si>
    <t>414361.0</t>
  </si>
  <si>
    <t>295758.0</t>
  </si>
  <si>
    <t>165897.0</t>
  </si>
  <si>
    <t>145367102.0</t>
  </si>
  <si>
    <t>471432.0</t>
  </si>
  <si>
    <t>1001.822</t>
  </si>
  <si>
    <t>34768902.0</t>
  </si>
  <si>
    <t>19558487.0</t>
  </si>
  <si>
    <t>15210415.0</t>
  </si>
  <si>
    <t>431452.0</t>
  </si>
  <si>
    <t>290670.0</t>
  </si>
  <si>
    <t>156633.0</t>
  </si>
  <si>
    <t>145751046.0</t>
  </si>
  <si>
    <t>383944.0</t>
  </si>
  <si>
    <t>1004.468</t>
  </si>
  <si>
    <t>34901304.0</t>
  </si>
  <si>
    <t>19657314.0</t>
  </si>
  <si>
    <t>15243990.0</t>
  </si>
  <si>
    <t>132402.0</t>
  </si>
  <si>
    <t>295730.0</t>
  </si>
  <si>
    <t>163239.0</t>
  </si>
  <si>
    <t>146025652.0</t>
  </si>
  <si>
    <t>274606.0</t>
  </si>
  <si>
    <t>1006.36</t>
  </si>
  <si>
    <t>381318.0</t>
  </si>
  <si>
    <t>35237844.0</t>
  </si>
  <si>
    <t>19861002.0</t>
  </si>
  <si>
    <t>15376842.0</t>
  </si>
  <si>
    <t>336540.0</t>
  </si>
  <si>
    <t>338877.0</t>
  </si>
  <si>
    <t>189625.0</t>
  </si>
  <si>
    <t>146462538.0</t>
  </si>
  <si>
    <t>436886.0</t>
  </si>
  <si>
    <t>1009.371</t>
  </si>
  <si>
    <t>405244.0</t>
  </si>
  <si>
    <t>35983165.0</t>
  </si>
  <si>
    <t>20345332.0</t>
  </si>
  <si>
    <t>15637833.0</t>
  </si>
  <si>
    <t>745321.0</t>
  </si>
  <si>
    <t>439430.0</t>
  </si>
  <si>
    <t>256437.0</t>
  </si>
  <si>
    <t>146938862.0</t>
  </si>
  <si>
    <t>476324.0</t>
  </si>
  <si>
    <t>1012.654</t>
  </si>
  <si>
    <t>423026.0</t>
  </si>
  <si>
    <t>36044137.0</t>
  </si>
  <si>
    <t>20390788.0</t>
  </si>
  <si>
    <t>15653349.0</t>
  </si>
  <si>
    <t>403434.0</t>
  </si>
  <si>
    <t>239710.0</t>
  </si>
  <si>
    <t>147444161.0</t>
  </si>
  <si>
    <t>505299.0</t>
  </si>
  <si>
    <t>1016.136</t>
  </si>
  <si>
    <t>36970273.0</t>
  </si>
  <si>
    <t>20682043.0</t>
  </si>
  <si>
    <t>16288230.0</t>
  </si>
  <si>
    <t>209794.0</t>
  </si>
  <si>
    <t>147954348.0</t>
  </si>
  <si>
    <t>510187.0</t>
  </si>
  <si>
    <t>1019.652</t>
  </si>
  <si>
    <t>436954.0</t>
  </si>
  <si>
    <t>37603085.0</t>
  </si>
  <si>
    <t>21096764.0</t>
  </si>
  <si>
    <t>16506321.0</t>
  </si>
  <si>
    <t>466519.0</t>
  </si>
  <si>
    <t>237237.0</t>
  </si>
  <si>
    <t>148456274.0</t>
  </si>
  <si>
    <t>501926.0</t>
  </si>
  <si>
    <t>1023.111</t>
  </si>
  <si>
    <t>441310.0</t>
  </si>
  <si>
    <t>38098213.0</t>
  </si>
  <si>
    <t>21461833.0</t>
  </si>
  <si>
    <t>16636380.0</t>
  </si>
  <si>
    <t>495128.0</t>
  </si>
  <si>
    <t>475616.0</t>
  </si>
  <si>
    <t>271907.0</t>
  </si>
  <si>
    <t>148983476.0</t>
  </si>
  <si>
    <t>527202.0</t>
  </si>
  <si>
    <t>1026.745</t>
  </si>
  <si>
    <t>461776.0</t>
  </si>
  <si>
    <t>38440164.0</t>
  </si>
  <si>
    <t>21614318.0</t>
  </si>
  <si>
    <t>16825846.0</t>
  </si>
  <si>
    <t>505551.0</t>
  </si>
  <si>
    <t>279572.0</t>
  </si>
  <si>
    <t>149231801.0</t>
  </si>
  <si>
    <t>248325.0</t>
  </si>
  <si>
    <t>1028.456</t>
  </si>
  <si>
    <t>38773378.0</t>
  </si>
  <si>
    <t>21790363.0</t>
  </si>
  <si>
    <t>16983015.0</t>
  </si>
  <si>
    <t>333214.0</t>
  </si>
  <si>
    <t>505076.0</t>
  </si>
  <si>
    <t>275623.0</t>
  </si>
  <si>
    <t>149641709.0</t>
  </si>
  <si>
    <t>409908.0</t>
  </si>
  <si>
    <t>1031.281</t>
  </si>
  <si>
    <t>454167.0</t>
  </si>
  <si>
    <t>39328425.0</t>
  </si>
  <si>
    <t>22194585.0</t>
  </si>
  <si>
    <t>17133840.0</t>
  </si>
  <si>
    <t>555047.0</t>
  </si>
  <si>
    <t>477894.0</t>
  </si>
  <si>
    <t>264179.0</t>
  </si>
  <si>
    <t>150121327.0</t>
  </si>
  <si>
    <t>479618.0</t>
  </si>
  <si>
    <t>1034.586</t>
  </si>
  <si>
    <t>40027944.0</t>
  </si>
  <si>
    <t>22691596.0</t>
  </si>
  <si>
    <t>17336348.0</t>
  </si>
  <si>
    <t>699519.0</t>
  </si>
  <si>
    <t>569115.0</t>
  </si>
  <si>
    <t>328687.0</t>
  </si>
  <si>
    <t>572604.1</t>
  </si>
  <si>
    <t>3956.81704804047</t>
  </si>
  <si>
    <t>150726627.0</t>
  </si>
  <si>
    <t>605300.0</t>
  </si>
  <si>
    <t>1038.758</t>
  </si>
  <si>
    <t>468924.0</t>
  </si>
  <si>
    <t>40875355.0</t>
  </si>
  <si>
    <t>23352344.0</t>
  </si>
  <si>
    <t>17523011.0</t>
  </si>
  <si>
    <t>847411.0</t>
  </si>
  <si>
    <t>557869.0</t>
  </si>
  <si>
    <t>381472.0</t>
  </si>
  <si>
    <t>151293749.0</t>
  </si>
  <si>
    <t>567122.0</t>
  </si>
  <si>
    <t>1042.666</t>
  </si>
  <si>
    <t>477057.0</t>
  </si>
  <si>
    <t>41821794.0</t>
  </si>
  <si>
    <t>24221641.0</t>
  </si>
  <si>
    <t>17600153.0</t>
  </si>
  <si>
    <t>946439.0</t>
  </si>
  <si>
    <t>602673.0</t>
  </si>
  <si>
    <t>446411.0</t>
  </si>
  <si>
    <t>151877933.0</t>
  </si>
  <si>
    <t>584184.0</t>
  </si>
  <si>
    <t>1046.692</t>
  </si>
  <si>
    <t>488808.0</t>
  </si>
  <si>
    <t>42450067.0</t>
  </si>
  <si>
    <t>24647625.0</t>
  </si>
  <si>
    <t>17802442.0</t>
  </si>
  <si>
    <t>628273.0</t>
  </si>
  <si>
    <t>621693.0</t>
  </si>
  <si>
    <t>455113.0</t>
  </si>
  <si>
    <t>152366325.0</t>
  </si>
  <si>
    <t>488392.0</t>
  </si>
  <si>
    <t>1050.058</t>
  </si>
  <si>
    <t>483264.0</t>
  </si>
  <si>
    <t>42830589.0</t>
  </si>
  <si>
    <t>24969023.0</t>
  </si>
  <si>
    <t>17861566.0</t>
  </si>
  <si>
    <t>380522.0</t>
  </si>
  <si>
    <t>627204.0</t>
  </si>
  <si>
    <t>479244.0</t>
  </si>
  <si>
    <t>152752204.0</t>
  </si>
  <si>
    <t>1052.717</t>
  </si>
  <si>
    <t>502915.0</t>
  </si>
  <si>
    <t>43033292.0</t>
  </si>
  <si>
    <t>25134026.0</t>
  </si>
  <si>
    <t>17899266.0</t>
  </si>
  <si>
    <t>202703.0</t>
  </si>
  <si>
    <t>608559.0</t>
  </si>
  <si>
    <t>477666.0</t>
  </si>
  <si>
    <t>153225588.0</t>
  </si>
  <si>
    <t>473384.0</t>
  </si>
  <si>
    <t>44317901.0</t>
  </si>
  <si>
    <t>26086927.0</t>
  </si>
  <si>
    <t>18230974.0</t>
  </si>
  <si>
    <t>1284609.0</t>
  </si>
  <si>
    <t>712782.0</t>
  </si>
  <si>
    <t>556049.0</t>
  </si>
  <si>
    <t>153633614.0</t>
  </si>
  <si>
    <t>1058.792</t>
  </si>
  <si>
    <t>501755.0</t>
  </si>
  <si>
    <t>45061139.0</t>
  </si>
  <si>
    <t>26676560.0</t>
  </si>
  <si>
    <t>18384579.0</t>
  </si>
  <si>
    <t>743238.0</t>
  </si>
  <si>
    <t>719028.0</t>
  </si>
  <si>
    <t>569281.0</t>
  </si>
  <si>
    <t>154194977.0</t>
  </si>
  <si>
    <t>561363.0</t>
  </si>
  <si>
    <t>1062.661</t>
  </si>
  <si>
    <t>45570931.0</t>
  </si>
  <si>
    <t>27056132.0</t>
  </si>
  <si>
    <t>18514799.0</t>
  </si>
  <si>
    <t>509792.0</t>
  </si>
  <si>
    <t>670797.0</t>
  </si>
  <si>
    <t>529113.0</t>
  </si>
  <si>
    <t>154925251.0</t>
  </si>
  <si>
    <t>730274.0</t>
  </si>
  <si>
    <t>518786.0</t>
  </si>
  <si>
    <t>46626243.0</t>
  </si>
  <si>
    <t>27899062.0</t>
  </si>
  <si>
    <t>18727181.0</t>
  </si>
  <si>
    <t>1055312.0</t>
  </si>
  <si>
    <t>686350.0</t>
  </si>
  <si>
    <t>525346.0</t>
  </si>
  <si>
    <t>155519379.0</t>
  </si>
  <si>
    <t>594128.0</t>
  </si>
  <si>
    <t>1071.788</t>
  </si>
  <si>
    <t>520207.0</t>
  </si>
  <si>
    <t>47334968.0</t>
  </si>
  <si>
    <t>28443712.0</t>
  </si>
  <si>
    <t>18891256.0</t>
  </si>
  <si>
    <t>708725.0</t>
  </si>
  <si>
    <t>697843.0</t>
  </si>
  <si>
    <t>542298.0</t>
  </si>
  <si>
    <t>155974010.0</t>
  </si>
  <si>
    <t>454631.0</t>
  </si>
  <si>
    <t>1074.921</t>
  </si>
  <si>
    <t>515384.0</t>
  </si>
  <si>
    <t>47572228.0</t>
  </si>
  <si>
    <t>28645936.0</t>
  </si>
  <si>
    <t>18926292.0</t>
  </si>
  <si>
    <t>237260.0</t>
  </si>
  <si>
    <t>525273.0</t>
  </si>
  <si>
    <t>156326492.0</t>
  </si>
  <si>
    <t>352482.0</t>
  </si>
  <si>
    <t>1077.35</t>
  </si>
  <si>
    <t>510613.0</t>
  </si>
  <si>
    <t>47809152.0</t>
  </si>
  <si>
    <t>28738206.0</t>
  </si>
  <si>
    <t>19070946.0</t>
  </si>
  <si>
    <t>682266.0</t>
  </si>
  <si>
    <t>514883.0</t>
  </si>
  <si>
    <t>156769350.0</t>
  </si>
  <si>
    <t>1080.402</t>
  </si>
  <si>
    <t>506252.0</t>
  </si>
  <si>
    <t>48693756.0</t>
  </si>
  <si>
    <t>29428872.0</t>
  </si>
  <si>
    <t>19264884.0</t>
  </si>
  <si>
    <t>884604.0</t>
  </si>
  <si>
    <t>625122.0</t>
  </si>
  <si>
    <t>477421.0</t>
  </si>
  <si>
    <t>157370377.0</t>
  </si>
  <si>
    <t>601027.0</t>
  </si>
  <si>
    <t>1084.544</t>
  </si>
  <si>
    <t>533823.0</t>
  </si>
  <si>
    <t>49757693.0</t>
  </si>
  <si>
    <t>30101051.0</t>
  </si>
  <si>
    <t>19656642.0</t>
  </si>
  <si>
    <t>1063937.0</t>
  </si>
  <si>
    <t>670936.0</t>
  </si>
  <si>
    <t>489213.0</t>
  </si>
  <si>
    <t>157948171.0</t>
  </si>
  <si>
    <t>577794.0</t>
  </si>
  <si>
    <t>1088.526</t>
  </si>
  <si>
    <t>536171.0</t>
  </si>
  <si>
    <t>50383638.0</t>
  </si>
  <si>
    <t>30538845.0</t>
  </si>
  <si>
    <t>19844793.0</t>
  </si>
  <si>
    <t>625945.0</t>
  </si>
  <si>
    <t>687530.0</t>
  </si>
  <si>
    <t>497530.0</t>
  </si>
  <si>
    <t>158547128.0</t>
  </si>
  <si>
    <t>1092.654</t>
  </si>
  <si>
    <t>517411.0</t>
  </si>
  <si>
    <t>52329289.0</t>
  </si>
  <si>
    <t>31765940.0</t>
  </si>
  <si>
    <t>20563349.0</t>
  </si>
  <si>
    <t>1945651.0</t>
  </si>
  <si>
    <t>814721.0</t>
  </si>
  <si>
    <t>552411.0</t>
  </si>
  <si>
    <t>159128331.0</t>
  </si>
  <si>
    <t>581203.0</t>
  </si>
  <si>
    <t>1096.66</t>
  </si>
  <si>
    <t>52471287.0</t>
  </si>
  <si>
    <t>31874482.0</t>
  </si>
  <si>
    <t>20596805.0</t>
  </si>
  <si>
    <t>141998.0</t>
  </si>
  <si>
    <t>733760.0</t>
  </si>
  <si>
    <t>490110.0</t>
  </si>
  <si>
    <t>507886.0</t>
  </si>
  <si>
    <t>52782888.0</t>
  </si>
  <si>
    <t>32086928.0</t>
  </si>
  <si>
    <t>20695960.0</t>
  </si>
  <si>
    <t>311601.0</t>
  </si>
  <si>
    <t>744380.0</t>
  </si>
  <si>
    <t>491570.0</t>
  </si>
  <si>
    <t>159930099.0</t>
  </si>
  <si>
    <t>1102.185</t>
  </si>
  <si>
    <t>514801.0</t>
  </si>
  <si>
    <t>52924914.0</t>
  </si>
  <si>
    <t>32163192.0</t>
  </si>
  <si>
    <t>20761722.0</t>
  </si>
  <si>
    <t>142026.0</t>
  </si>
  <si>
    <t>730823.0</t>
  </si>
  <si>
    <t>489284.0</t>
  </si>
  <si>
    <t>523711.0</t>
  </si>
  <si>
    <t>54765404.0</t>
  </si>
  <si>
    <t>33185732.0</t>
  </si>
  <si>
    <t>21579672.0</t>
  </si>
  <si>
    <t>1840490.0</t>
  </si>
  <si>
    <t>867378.0</t>
  </si>
  <si>
    <t>536694.0</t>
  </si>
  <si>
    <t>510026.0</t>
  </si>
  <si>
    <t>55278232.0</t>
  </si>
  <si>
    <t>33485064.0</t>
  </si>
  <si>
    <t>21793168.0</t>
  </si>
  <si>
    <t>512828.0</t>
  </si>
  <si>
    <t>788648.0</t>
  </si>
  <si>
    <t>483430.0</t>
  </si>
  <si>
    <t>161445792.0</t>
  </si>
  <si>
    <t>1112.631</t>
  </si>
  <si>
    <t>499660.0</t>
  </si>
  <si>
    <t>55829776.0</t>
  </si>
  <si>
    <t>33840825.0</t>
  </si>
  <si>
    <t>21988951.0</t>
  </si>
  <si>
    <t>551544.0</t>
  </si>
  <si>
    <t>778020.0</t>
  </si>
  <si>
    <t>471711.0</t>
  </si>
  <si>
    <t>480268.0</t>
  </si>
  <si>
    <t>57119002.0</t>
  </si>
  <si>
    <t>34479522.0</t>
  </si>
  <si>
    <t>22639480.0</t>
  </si>
  <si>
    <t>1289226.0</t>
  </si>
  <si>
    <t>684245.0</t>
  </si>
  <si>
    <t>387655.0</t>
  </si>
  <si>
    <t>463413.0</t>
  </si>
  <si>
    <t>57313547.0</t>
  </si>
  <si>
    <t>34561624.0</t>
  </si>
  <si>
    <t>22751923.0</t>
  </si>
  <si>
    <t>194545.0</t>
  </si>
  <si>
    <t>691751.0</t>
  </si>
  <si>
    <t>383877.0</t>
  </si>
  <si>
    <t>472317.0</t>
  </si>
  <si>
    <t>57493823.0</t>
  </si>
  <si>
    <t>34655066.0</t>
  </si>
  <si>
    <t>22838757.0</t>
  </si>
  <si>
    <t>180276.0</t>
  </si>
  <si>
    <t>672991.0</t>
  </si>
  <si>
    <t>366877.0</t>
  </si>
  <si>
    <t>163298650.0</t>
  </si>
  <si>
    <t>1125.4</t>
  </si>
  <si>
    <t>481222.0</t>
  </si>
  <si>
    <t>57730452.0</t>
  </si>
  <si>
    <t>34775914.0</t>
  </si>
  <si>
    <t>22954538.0</t>
  </si>
  <si>
    <t>236629.0</t>
  </si>
  <si>
    <t>686505.0</t>
  </si>
  <si>
    <t>373246.0</t>
  </si>
  <si>
    <t>480064.0</t>
  </si>
  <si>
    <t>58627941.0</t>
  </si>
  <si>
    <t>35277439.0</t>
  </si>
  <si>
    <t>23350502.0</t>
  </si>
  <si>
    <t>897489.0</t>
  </si>
  <si>
    <t>551791.0</t>
  </si>
  <si>
    <t>298815.0</t>
  </si>
  <si>
    <t>478905.0</t>
  </si>
  <si>
    <t>59222211.0</t>
  </si>
  <si>
    <t>35565564.0</t>
  </si>
  <si>
    <t>23656647.0</t>
  </si>
  <si>
    <t>594270.0</t>
  </si>
  <si>
    <t>563426.0</t>
  </si>
  <si>
    <t>164790024.0</t>
  </si>
  <si>
    <t>1135.678</t>
  </si>
  <si>
    <t>477747.0</t>
  </si>
  <si>
    <t>60086288.0</t>
  </si>
  <si>
    <t>36024370.0</t>
  </si>
  <si>
    <t>24061918.0</t>
  </si>
  <si>
    <t>864077.0</t>
  </si>
  <si>
    <t>608073.0</t>
  </si>
  <si>
    <t>311935.0</t>
  </si>
  <si>
    <t>476047.0</t>
  </si>
  <si>
    <t>60996545.0</t>
  </si>
  <si>
    <t>36287070.0</t>
  </si>
  <si>
    <t>24709475.0</t>
  </si>
  <si>
    <t>910257.0</t>
  </si>
  <si>
    <t>553935.0</t>
  </si>
  <si>
    <t>258221.0</t>
  </si>
  <si>
    <t>474346.0</t>
  </si>
  <si>
    <t>61902078.0</t>
  </si>
  <si>
    <t>36621627.0</t>
  </si>
  <si>
    <t>25280451.0</t>
  </si>
  <si>
    <t>905533.0</t>
  </si>
  <si>
    <t>655504.0</t>
  </si>
  <si>
    <t>294286.0</t>
  </si>
  <si>
    <t>650266.1</t>
  </si>
  <si>
    <t>4493.47811208965</t>
  </si>
  <si>
    <t>472645.0</t>
  </si>
  <si>
    <t>62225609.0</t>
  </si>
  <si>
    <t>36759116.0</t>
  </si>
  <si>
    <t>25466493.0</t>
  </si>
  <si>
    <t>323531.0</t>
  </si>
  <si>
    <t>675969.0</t>
  </si>
  <si>
    <t>300579.0</t>
  </si>
  <si>
    <t>166595259.0</t>
  </si>
  <si>
    <t>1148.119</t>
  </si>
  <si>
    <t>470944.0</t>
  </si>
  <si>
    <t>62369448.0</t>
  </si>
  <si>
    <t>36816173.0</t>
  </si>
  <si>
    <t>25553275.0</t>
  </si>
  <si>
    <t>143839.0</t>
  </si>
  <si>
    <t>662714.0</t>
  </si>
  <si>
    <t>467308.0</t>
  </si>
  <si>
    <t>63106022.0</t>
  </si>
  <si>
    <t>37159913.0</t>
  </si>
  <si>
    <t>25946109.0</t>
  </si>
  <si>
    <t>736574.0</t>
  </si>
  <si>
    <t>639726.0</t>
  </si>
  <si>
    <t>268925.0</t>
  </si>
  <si>
    <t>463671.0</t>
  </si>
  <si>
    <t>64276556.0</t>
  </si>
  <si>
    <t>37716498.0</t>
  </si>
  <si>
    <t>26560058.0</t>
  </si>
  <si>
    <t>1170534.0</t>
  </si>
  <si>
    <t>722049.0</t>
  </si>
  <si>
    <t>307276.0</t>
  </si>
  <si>
    <t>168010266.0</t>
  </si>
  <si>
    <t>1157.871</t>
  </si>
  <si>
    <t>460035.0</t>
  </si>
  <si>
    <t>64612870.0</t>
  </si>
  <si>
    <t>37841809.0</t>
  </si>
  <si>
    <t>26771061.0</t>
  </si>
  <si>
    <t>336314.0</t>
  </si>
  <si>
    <t>646655.0</t>
  </si>
  <si>
    <t>259634.0</t>
  </si>
  <si>
    <t>458186.0</t>
  </si>
  <si>
    <t>65093022.0</t>
  </si>
  <si>
    <t>38052430.0</t>
  </si>
  <si>
    <t>27040592.0</t>
  </si>
  <si>
    <t>480152.0</t>
  </si>
  <si>
    <t>585211.0</t>
  </si>
  <si>
    <t>456337.0</t>
  </si>
  <si>
    <t>65886173.0</t>
  </si>
  <si>
    <t>38390923.0</t>
  </si>
  <si>
    <t>27495250.0</t>
  </si>
  <si>
    <t>793151.0</t>
  </si>
  <si>
    <t>569156.0</t>
  </si>
  <si>
    <t>252757.0</t>
  </si>
  <si>
    <t>454488.0</t>
  </si>
  <si>
    <t>66245526.0</t>
  </si>
  <si>
    <t>38591963.0</t>
  </si>
  <si>
    <t>27653563.0</t>
  </si>
  <si>
    <t>359353.0</t>
  </si>
  <si>
    <t>574274.0</t>
  </si>
  <si>
    <t>261835.0</t>
  </si>
  <si>
    <t>169763737.0</t>
  </si>
  <si>
    <t>1169.955</t>
  </si>
  <si>
    <t>66369168.0</t>
  </si>
  <si>
    <t>38619739.0</t>
  </si>
  <si>
    <t>27749429.0</t>
  </si>
  <si>
    <t>571389.0</t>
  </si>
  <si>
    <t>257652.0</t>
  </si>
  <si>
    <t>451079.0</t>
  </si>
  <si>
    <t>67340478.0</t>
  </si>
  <si>
    <t>38955619.0</t>
  </si>
  <si>
    <t>28384859.0</t>
  </si>
  <si>
    <t>971310.0</t>
  </si>
  <si>
    <t>604922.0</t>
  </si>
  <si>
    <t>256529.0</t>
  </si>
  <si>
    <t>449518.0</t>
  </si>
  <si>
    <t>68010094.0</t>
  </si>
  <si>
    <t>39355337.0</t>
  </si>
  <si>
    <t>28654757.0</t>
  </si>
  <si>
    <t>669616.0</t>
  </si>
  <si>
    <t>533363.0</t>
  </si>
  <si>
    <t>234120.0</t>
  </si>
  <si>
    <t>171145970.0</t>
  </si>
  <si>
    <t>1179.481</t>
  </si>
  <si>
    <t>447958.0</t>
  </si>
  <si>
    <t>68643798.0</t>
  </si>
  <si>
    <t>39629817.0</t>
  </si>
  <si>
    <t>29013981.0</t>
  </si>
  <si>
    <t>633704.0</t>
  </si>
  <si>
    <t>575847.0</t>
  </si>
  <si>
    <t>255430.0</t>
  </si>
  <si>
    <t>71033270.0</t>
  </si>
  <si>
    <t>40386461.0</t>
  </si>
  <si>
    <t>30646809.0</t>
  </si>
  <si>
    <t>2389472.0</t>
  </si>
  <si>
    <t>848607.0</t>
  </si>
  <si>
    <t>333433.0</t>
  </si>
  <si>
    <t>72895650.0</t>
  </si>
  <si>
    <t>40644013.0</t>
  </si>
  <si>
    <t>32251637.0</t>
  </si>
  <si>
    <t>1862380.0</t>
  </si>
  <si>
    <t>321870.0</t>
  </si>
  <si>
    <t>441676.0</t>
  </si>
  <si>
    <t>73164150.0</t>
  </si>
  <si>
    <t>40731280.0</t>
  </si>
  <si>
    <t>32432870.0</t>
  </si>
  <si>
    <t>268500.0</t>
  </si>
  <si>
    <t>305617.0</t>
  </si>
  <si>
    <t>172840809.0</t>
  </si>
  <si>
    <t>1191.161</t>
  </si>
  <si>
    <t>439582.0</t>
  </si>
  <si>
    <t>73509691.0</t>
  </si>
  <si>
    <t>40915730.0</t>
  </si>
  <si>
    <t>32593961.0</t>
  </si>
  <si>
    <t>345541.0</t>
  </si>
  <si>
    <t>1020075.0</t>
  </si>
  <si>
    <t>327999.0</t>
  </si>
  <si>
    <t>437333.0</t>
  </si>
  <si>
    <t>74000654.0</t>
  </si>
  <si>
    <t>41108366.0</t>
  </si>
  <si>
    <t>32892288.0</t>
  </si>
  <si>
    <t>490963.0</t>
  </si>
  <si>
    <t>951454.0</t>
  </si>
  <si>
    <t>307535.0</t>
  </si>
  <si>
    <t>435083.0</t>
  </si>
  <si>
    <t>74425863.0</t>
  </si>
  <si>
    <t>41258604.0</t>
  </si>
  <si>
    <t>33167259.0</t>
  </si>
  <si>
    <t>425209.0</t>
  </si>
  <si>
    <t>916538.0</t>
  </si>
  <si>
    <t>271895.0</t>
  </si>
  <si>
    <t>174175810.0</t>
  </si>
  <si>
    <t>1200.362</t>
  </si>
  <si>
    <t>432834.0</t>
  </si>
  <si>
    <t>75043301.0</t>
  </si>
  <si>
    <t>41551994.0</t>
  </si>
  <si>
    <t>33491307.0</t>
  </si>
  <si>
    <t>617438.0</t>
  </si>
  <si>
    <t>914215.0</t>
  </si>
  <si>
    <t>274597.0</t>
  </si>
  <si>
    <t>435575.0</t>
  </si>
  <si>
    <t>75677887.0</t>
  </si>
  <si>
    <t>41822606.0</t>
  </si>
  <si>
    <t>33855281.0</t>
  </si>
  <si>
    <t>634586.0</t>
  </si>
  <si>
    <t>663517.0</t>
  </si>
  <si>
    <t>205164.0</t>
  </si>
  <si>
    <t>438315.0</t>
  </si>
  <si>
    <t>76458068.0</t>
  </si>
  <si>
    <t>42167285.0</t>
  </si>
  <si>
    <t>34290783.0</t>
  </si>
  <si>
    <t>780181.0</t>
  </si>
  <si>
    <t>508917.0</t>
  </si>
  <si>
    <t>175504485.0</t>
  </si>
  <si>
    <t>1209.519</t>
  </si>
  <si>
    <t>441055.0</t>
  </si>
  <si>
    <t>76801879.0</t>
  </si>
  <si>
    <t>42280854.0</t>
  </si>
  <si>
    <t>34521025.0</t>
  </si>
  <si>
    <t>343811.0</t>
  </si>
  <si>
    <t>221368.0</t>
  </si>
  <si>
    <t>440981.0</t>
  </si>
  <si>
    <t>76957410.0</t>
  </si>
  <si>
    <t>42336831.0</t>
  </si>
  <si>
    <t>34620579.0</t>
  </si>
  <si>
    <t>492531.0</t>
  </si>
  <si>
    <t>203014.0</t>
  </si>
  <si>
    <t>437865.0</t>
  </si>
  <si>
    <t>77577311.0</t>
  </si>
  <si>
    <t>42595754.0</t>
  </si>
  <si>
    <t>34981557.0</t>
  </si>
  <si>
    <t>619901.0</t>
  </si>
  <si>
    <t>510951.0</t>
  </si>
  <si>
    <t>212484.0</t>
  </si>
  <si>
    <t>434750.0</t>
  </si>
  <si>
    <t>78053353.0</t>
  </si>
  <si>
    <t>42821588.0</t>
  </si>
  <si>
    <t>35231765.0</t>
  </si>
  <si>
    <t>476042.0</t>
  </si>
  <si>
    <t>518213.0</t>
  </si>
  <si>
    <t>223283.0</t>
  </si>
  <si>
    <t>177197247.0</t>
  </si>
  <si>
    <t>1221.185</t>
  </si>
  <si>
    <t>431634.0</t>
  </si>
  <si>
    <t>78431369.0</t>
  </si>
  <si>
    <t>42983698.0</t>
  </si>
  <si>
    <t>35447671.0</t>
  </si>
  <si>
    <t>378016.0</t>
  </si>
  <si>
    <t>484010.0</t>
  </si>
  <si>
    <t>204529.0</t>
  </si>
  <si>
    <t>424603.0</t>
  </si>
  <si>
    <t>79130258.0</t>
  </si>
  <si>
    <t>43270004.0</t>
  </si>
  <si>
    <t>35860254.0</t>
  </si>
  <si>
    <t>698889.0</t>
  </si>
  <si>
    <t>493196.0</t>
  </si>
  <si>
    <t>206771.0</t>
  </si>
  <si>
    <t>417571.0</t>
  </si>
  <si>
    <t>79493362.0</t>
  </si>
  <si>
    <t>43438051.0</t>
  </si>
  <si>
    <t>36055311.0</t>
  </si>
  <si>
    <t>363104.0</t>
  </si>
  <si>
    <t>181538.0</t>
  </si>
  <si>
    <t>410540.0</t>
  </si>
  <si>
    <t>79708822.0</t>
  </si>
  <si>
    <t>43523101.0</t>
  </si>
  <si>
    <t>36185721.0</t>
  </si>
  <si>
    <t>215460.0</t>
  </si>
  <si>
    <t>415278.0</t>
  </si>
  <si>
    <t>177464.0</t>
  </si>
  <si>
    <t>178771940.0</t>
  </si>
  <si>
    <t>1232.037</t>
  </si>
  <si>
    <t>406324.0</t>
  </si>
  <si>
    <t>80012028.0</t>
  </si>
  <si>
    <t>43659462.0</t>
  </si>
  <si>
    <t>36352566.0</t>
  </si>
  <si>
    <t>303206.0</t>
  </si>
  <si>
    <t>436374.0</t>
  </si>
  <si>
    <t>188947.0</t>
  </si>
  <si>
    <t>406126.0</t>
  </si>
  <si>
    <t>80244526.0</t>
  </si>
  <si>
    <t>43771190.0</t>
  </si>
  <si>
    <t>36473336.0</t>
  </si>
  <si>
    <t>232498.0</t>
  </si>
  <si>
    <t>167919.0</t>
  </si>
  <si>
    <t>720347.1</t>
  </si>
  <si>
    <t>4977.75284142484</t>
  </si>
  <si>
    <t>405928.0</t>
  </si>
  <si>
    <t>81226019.0</t>
  </si>
  <si>
    <t>43967990.0</t>
  </si>
  <si>
    <t>37258029.0</t>
  </si>
  <si>
    <t>981493.0</t>
  </si>
  <si>
    <t>453238.0</t>
  </si>
  <si>
    <t>163772.0</t>
  </si>
  <si>
    <t>180037362.0</t>
  </si>
  <si>
    <t>1240.758</t>
  </si>
  <si>
    <t>405731.0</t>
  </si>
  <si>
    <t>81609406.0</t>
  </si>
  <si>
    <t>44148776.0</t>
  </si>
  <si>
    <t>37460630.0</t>
  </si>
  <si>
    <t>383387.0</t>
  </si>
  <si>
    <t>454005.0</t>
  </si>
  <si>
    <t>403498.0</t>
  </si>
  <si>
    <t>82319804.0</t>
  </si>
  <si>
    <t>44302410.0</t>
  </si>
  <si>
    <t>38017394.0</t>
  </si>
  <si>
    <t>710398.0</t>
  </si>
  <si>
    <t>455649.0</t>
  </si>
  <si>
    <t>147487.0</t>
  </si>
  <si>
    <t>401265.0</t>
  </si>
  <si>
    <t>82550749.0</t>
  </si>
  <si>
    <t>44418648.0</t>
  </si>
  <si>
    <t>38132101.0</t>
  </si>
  <si>
    <t>230945.0</t>
  </si>
  <si>
    <t>436770.0</t>
  </si>
  <si>
    <t>140085.0</t>
  </si>
  <si>
    <t>399033.0</t>
  </si>
  <si>
    <t>82803898.0</t>
  </si>
  <si>
    <t>44492958.0</t>
  </si>
  <si>
    <t>38310940.0</t>
  </si>
  <si>
    <t>253149.0</t>
  </si>
  <si>
    <t>442154.0</t>
  </si>
  <si>
    <t>138551.0</t>
  </si>
  <si>
    <t>396800.0</t>
  </si>
  <si>
    <t>82918108.0</t>
  </si>
  <si>
    <t>44549535.0</t>
  </si>
  <si>
    <t>38368573.0</t>
  </si>
  <si>
    <t>114210.0</t>
  </si>
  <si>
    <t>415154.0</t>
  </si>
  <si>
    <t>390548.0</t>
  </si>
  <si>
    <t>83633913.0</t>
  </si>
  <si>
    <t>44857289.0</t>
  </si>
  <si>
    <t>38776624.0</t>
  </si>
  <si>
    <t>715805.0</t>
  </si>
  <si>
    <t>484198.0</t>
  </si>
  <si>
    <t>155157.0</t>
  </si>
  <si>
    <t>182305630.0</t>
  </si>
  <si>
    <t>1256.39</t>
  </si>
  <si>
    <t>384296.0</t>
  </si>
  <si>
    <t>83818838.0</t>
  </si>
  <si>
    <t>44912606.0</t>
  </si>
  <si>
    <t>38906232.0</t>
  </si>
  <si>
    <t>184925.0</t>
  </si>
  <si>
    <t>370403.0</t>
  </si>
  <si>
    <t>381462.0</t>
  </si>
  <si>
    <t>84307408.0</t>
  </si>
  <si>
    <t>45079017.0</t>
  </si>
  <si>
    <t>39228391.0</t>
  </si>
  <si>
    <t>488570.0</t>
  </si>
  <si>
    <t>385429.0</t>
  </si>
  <si>
    <t>132892.0</t>
  </si>
  <si>
    <t>384880.0</t>
  </si>
  <si>
    <t>84915792.0</t>
  </si>
  <si>
    <t>45449659.0</t>
  </si>
  <si>
    <t>39466133.0</t>
  </si>
  <si>
    <t>608384.0</t>
  </si>
  <si>
    <t>163893.0</t>
  </si>
  <si>
    <t>388297.0</t>
  </si>
  <si>
    <t>85117353.0</t>
  </si>
  <si>
    <t>45527817.0</t>
  </si>
  <si>
    <t>39589536.0</t>
  </si>
  <si>
    <t>201561.0</t>
  </si>
  <si>
    <t>366658.0</t>
  </si>
  <si>
    <t>158453.0</t>
  </si>
  <si>
    <t>391715.0</t>
  </si>
  <si>
    <t>85282445.0</t>
  </si>
  <si>
    <t>45598793.0</t>
  </si>
  <si>
    <t>39683652.0</t>
  </si>
  <si>
    <t>165092.0</t>
  </si>
  <si>
    <t>354078.0</t>
  </si>
  <si>
    <t>184315467.0</t>
  </si>
  <si>
    <t>1270.241</t>
  </si>
  <si>
    <t>395132.0</t>
  </si>
  <si>
    <t>85977322.0</t>
  </si>
  <si>
    <t>46149116.0</t>
  </si>
  <si>
    <t>39828206.0</t>
  </si>
  <si>
    <t>694877.0</t>
  </si>
  <si>
    <t>437031.0</t>
  </si>
  <si>
    <t>228512.0</t>
  </si>
  <si>
    <t>404660.0</t>
  </si>
  <si>
    <t>86073493.0</t>
  </si>
  <si>
    <t>46169834.0</t>
  </si>
  <si>
    <t>39903659.0</t>
  </si>
  <si>
    <t>187506.0</t>
  </si>
  <si>
    <t>414187.0</t>
  </si>
  <si>
    <t>86564229.0</t>
  </si>
  <si>
    <t>46427518.0</t>
  </si>
  <si>
    <t>40136711.0</t>
  </si>
  <si>
    <t>490736.0</t>
  </si>
  <si>
    <t>392199.0</t>
  </si>
  <si>
    <t>216416.0</t>
  </si>
  <si>
    <t>185649676.0</t>
  </si>
  <si>
    <t>1279.436</t>
  </si>
  <si>
    <t>420297.0</t>
  </si>
  <si>
    <t>86956254.0</t>
  </si>
  <si>
    <t>46600781.0</t>
  </si>
  <si>
    <t>40355473.0</t>
  </si>
  <si>
    <t>392025.0</t>
  </si>
  <si>
    <t>378407.0</t>
  </si>
  <si>
    <t>217395.0</t>
  </si>
  <si>
    <t>423524.0</t>
  </si>
  <si>
    <t>87267626.0</t>
  </si>
  <si>
    <t>46745074.0</t>
  </si>
  <si>
    <t>40522552.0</t>
  </si>
  <si>
    <t>311372.0</t>
  </si>
  <si>
    <t>335976.0</t>
  </si>
  <si>
    <t>185059.0</t>
  </si>
  <si>
    <t>426751.0</t>
  </si>
  <si>
    <t>340682.0</t>
  </si>
  <si>
    <t>178640.0</t>
  </si>
  <si>
    <t>429978.0</t>
  </si>
  <si>
    <t>87736626.0</t>
  </si>
  <si>
    <t>46811516.0</t>
  </si>
  <si>
    <t>40925110.0</t>
  </si>
  <si>
    <t>350597.0</t>
  </si>
  <si>
    <t>173246.0</t>
  </si>
  <si>
    <t>187347905.0</t>
  </si>
  <si>
    <t>1291.14</t>
  </si>
  <si>
    <t>433205.0</t>
  </si>
  <si>
    <t>87900632.0</t>
  </si>
  <si>
    <t>46923762.0</t>
  </si>
  <si>
    <t>40976870.0</t>
  </si>
  <si>
    <t>164006.0</t>
  </si>
  <si>
    <t>274759.0</t>
  </si>
  <si>
    <t>110664.0</t>
  </si>
  <si>
    <t>438154.0</t>
  </si>
  <si>
    <t>88138610.0</t>
  </si>
  <si>
    <t>47092891.0</t>
  </si>
  <si>
    <t>41045719.0</t>
  </si>
  <si>
    <t>237978.0</t>
  </si>
  <si>
    <t>295017.0</t>
  </si>
  <si>
    <t>443102.0</t>
  </si>
  <si>
    <t>88567925.0</t>
  </si>
  <si>
    <t>47285157.0</t>
  </si>
  <si>
    <t>41282768.0</t>
  </si>
  <si>
    <t>429315.0</t>
  </si>
  <si>
    <t>286242.0</t>
  </si>
  <si>
    <t>122520.0</t>
  </si>
  <si>
    <t>188786024.0</t>
  </si>
  <si>
    <t>1301.051</t>
  </si>
  <si>
    <t>448050.0</t>
  </si>
  <si>
    <t>263129.0</t>
  </si>
  <si>
    <t>110880.0</t>
  </si>
  <si>
    <t>450449.0</t>
  </si>
  <si>
    <t>89028383.0</t>
  </si>
  <si>
    <t>47468729.0</t>
  </si>
  <si>
    <t>41559654.0</t>
  </si>
  <si>
    <t>658982.0</t>
  </si>
  <si>
    <t>251537.0</t>
  </si>
  <si>
    <t>452848.0</t>
  </si>
  <si>
    <t>89204756.0</t>
  </si>
  <si>
    <t>47547409.0</t>
  </si>
  <si>
    <t>41657347.0</t>
  </si>
  <si>
    <t>661446.0</t>
  </si>
  <si>
    <t>176373.0</t>
  </si>
  <si>
    <t>243233.0</t>
  </si>
  <si>
    <t>109873.0</t>
  </si>
  <si>
    <t>455247.0</t>
  </si>
  <si>
    <t>89301130.0</t>
  </si>
  <si>
    <t>47594992.0</t>
  </si>
  <si>
    <t>41706138.0</t>
  </si>
  <si>
    <t>662363.0</t>
  </si>
  <si>
    <t>96374.0</t>
  </si>
  <si>
    <t>223501.0</t>
  </si>
  <si>
    <t>111925.0</t>
  </si>
  <si>
    <t>190551424.0</t>
  </si>
  <si>
    <t>1313.217</t>
  </si>
  <si>
    <t>457646.0</t>
  </si>
  <si>
    <t>89627918.0</t>
  </si>
  <si>
    <t>47825957.0</t>
  </si>
  <si>
    <t>41801961.0</t>
  </si>
  <si>
    <t>667688.0</t>
  </si>
  <si>
    <t>326788.0</t>
  </si>
  <si>
    <t>246755.0</t>
  </si>
  <si>
    <t>462839.0</t>
  </si>
  <si>
    <t>89704718.0</t>
  </si>
  <si>
    <t>47867172.0</t>
  </si>
  <si>
    <t>41837546.0</t>
  </si>
  <si>
    <t>689524.0</t>
  </si>
  <si>
    <t>76800.0</t>
  </si>
  <si>
    <t>223730.0</t>
  </si>
  <si>
    <t>110612.0</t>
  </si>
  <si>
    <t>191582882.0</t>
  </si>
  <si>
    <t>1320.326</t>
  </si>
  <si>
    <t>468033.0</t>
  </si>
  <si>
    <t>90015699.0</t>
  </si>
  <si>
    <t>47967752.0</t>
  </si>
  <si>
    <t>42047947.0</t>
  </si>
  <si>
    <t>723374.0</t>
  </si>
  <si>
    <t>310981.0</t>
  </si>
  <si>
    <t>97514.0</t>
  </si>
  <si>
    <t>470256.0</t>
  </si>
  <si>
    <t>90298423.0</t>
  </si>
  <si>
    <t>48079685.0</t>
  </si>
  <si>
    <t>42218738.0</t>
  </si>
  <si>
    <t>725352.0</t>
  </si>
  <si>
    <t>214324.0</t>
  </si>
  <si>
    <t>787720.2</t>
  </si>
  <si>
    <t>5443.31540141932</t>
  </si>
  <si>
    <t>477911.0</t>
  </si>
  <si>
    <t>90667000.0</t>
  </si>
  <si>
    <t>48343684.0</t>
  </si>
  <si>
    <t>42323316.0</t>
  </si>
  <si>
    <t>747624.0</t>
  </si>
  <si>
    <t>368577.0</t>
  </si>
  <si>
    <t>234088.0</t>
  </si>
  <si>
    <t>485566.0</t>
  </si>
  <si>
    <t>91015787.0</t>
  </si>
  <si>
    <t>48535310.0</t>
  </si>
  <si>
    <t>42480477.0</t>
  </si>
  <si>
    <t>765175.0</t>
  </si>
  <si>
    <t>348787.0</t>
  </si>
  <si>
    <t>258719.0</t>
  </si>
  <si>
    <t>141129.0</t>
  </si>
  <si>
    <t>493221.0</t>
  </si>
  <si>
    <t>91151285.0</t>
  </si>
  <si>
    <t>48610971.0</t>
  </si>
  <si>
    <t>42540314.0</t>
  </si>
  <si>
    <t>819875.0</t>
  </si>
  <si>
    <t>135498.0</t>
  </si>
  <si>
    <t>264308.0</t>
  </si>
  <si>
    <t>145140.0</t>
  </si>
  <si>
    <t>194057552.0</t>
  </si>
  <si>
    <t>1337.38</t>
  </si>
  <si>
    <t>500875.0</t>
  </si>
  <si>
    <t>91243207.0</t>
  </si>
  <si>
    <t>48654468.0</t>
  </si>
  <si>
    <t>42588739.0</t>
  </si>
  <si>
    <t>826286.0</t>
  </si>
  <si>
    <t>91922.0</t>
  </si>
  <si>
    <t>230756.0</t>
  </si>
  <si>
    <t>118359.0</t>
  </si>
  <si>
    <t>502468.0</t>
  </si>
  <si>
    <t>91497450.0</t>
  </si>
  <si>
    <t>48735780.0</t>
  </si>
  <si>
    <t>42761670.0</t>
  </si>
  <si>
    <t>842830.0</t>
  </si>
  <si>
    <t>254243.0</t>
  </si>
  <si>
    <t>256105.0</t>
  </si>
  <si>
    <t>124087.0</t>
  </si>
  <si>
    <t>504061.0</t>
  </si>
  <si>
    <t>92192697.0</t>
  </si>
  <si>
    <t>48891249.0</t>
  </si>
  <si>
    <t>43301448.0</t>
  </si>
  <si>
    <t>856589.0</t>
  </si>
  <si>
    <t>695247.0</t>
  </si>
  <si>
    <t>311000.0</t>
  </si>
  <si>
    <t>131928.0</t>
  </si>
  <si>
    <t>195638185.0</t>
  </si>
  <si>
    <t>1348.273</t>
  </si>
  <si>
    <t>508624.0</t>
  </si>
  <si>
    <t>93888467.0</t>
  </si>
  <si>
    <t>49137773.0</t>
  </si>
  <si>
    <t>44750694.0</t>
  </si>
  <si>
    <t>859836.0</t>
  </si>
  <si>
    <t>1695770.0</t>
  </si>
  <si>
    <t>512863.0</t>
  </si>
  <si>
    <t>151155.0</t>
  </si>
  <si>
    <t>513053.0</t>
  </si>
  <si>
    <t>94115234.0</t>
  </si>
  <si>
    <t>49235850.0</t>
  </si>
  <si>
    <t>44879384.0</t>
  </si>
  <si>
    <t>919496.0</t>
  </si>
  <si>
    <t>492605.0</t>
  </si>
  <si>
    <t>127452.0</t>
  </si>
  <si>
    <t>517482.0</t>
  </si>
  <si>
    <t>94289464.0</t>
  </si>
  <si>
    <t>49353510.0</t>
  </si>
  <si>
    <t>44935954.0</t>
  </si>
  <si>
    <t>960031.0</t>
  </si>
  <si>
    <t>174230.0</t>
  </si>
  <si>
    <t>467668.0</t>
  </si>
  <si>
    <t>521911.0</t>
  </si>
  <si>
    <t>94491689.0</t>
  </si>
  <si>
    <t>49463056.0</t>
  </si>
  <si>
    <t>45028633.0</t>
  </si>
  <si>
    <t>960453.0</t>
  </si>
  <si>
    <t>202225.0</t>
  </si>
  <si>
    <t>477201.0</t>
  </si>
  <si>
    <t>121726.0</t>
  </si>
  <si>
    <t>526340.0</t>
  </si>
  <si>
    <t>94671192.0</t>
  </si>
  <si>
    <t>49571462.0</t>
  </si>
  <si>
    <t>45099730.0</t>
  </si>
  <si>
    <t>967739.0</t>
  </si>
  <si>
    <t>179503.0</t>
  </si>
  <si>
    <t>489712.0</t>
  </si>
  <si>
    <t>130999.0</t>
  </si>
  <si>
    <t>526206.0</t>
  </si>
  <si>
    <t>94790577.0</t>
  </si>
  <si>
    <t>49684328.0</t>
  </si>
  <si>
    <t>45106249.0</t>
  </si>
  <si>
    <t>988595.0</t>
  </si>
  <si>
    <t>119385.0</t>
  </si>
  <si>
    <t>470447.0</t>
  </si>
  <si>
    <t>135507.0</t>
  </si>
  <si>
    <t>95156230.0</t>
  </si>
  <si>
    <t>49844230.0</t>
  </si>
  <si>
    <t>45312000.0</t>
  </si>
  <si>
    <t>365653.0</t>
  </si>
  <si>
    <t>423362.0</t>
  </si>
  <si>
    <t>136140.0</t>
  </si>
  <si>
    <t>199319746.0</t>
  </si>
  <si>
    <t>1373.645</t>
  </si>
  <si>
    <t>525937.0</t>
  </si>
  <si>
    <t>95345470.0</t>
  </si>
  <si>
    <t>49981484.0</t>
  </si>
  <si>
    <t>45363986.0</t>
  </si>
  <si>
    <t>1070110.0</t>
  </si>
  <si>
    <t>189240.0</t>
  </si>
  <si>
    <t>208143.0</t>
  </si>
  <si>
    <t>533358.0</t>
  </si>
  <si>
    <t>95885492.0</t>
  </si>
  <si>
    <t>50182928.0</t>
  </si>
  <si>
    <t>45702564.0</t>
  </si>
  <si>
    <t>1190053.0</t>
  </si>
  <si>
    <t>540022.0</t>
  </si>
  <si>
    <t>135297.0</t>
  </si>
  <si>
    <t>540778.0</t>
  </si>
  <si>
    <t>169425.0</t>
  </si>
  <si>
    <t>548199.0</t>
  </si>
  <si>
    <t>398960.0</t>
  </si>
  <si>
    <t>204712.0</t>
  </si>
  <si>
    <t>201631267.0</t>
  </si>
  <si>
    <t>1389.576</t>
  </si>
  <si>
    <t>555619.0</t>
  </si>
  <si>
    <t>473239.0</t>
  </si>
  <si>
    <t>240162.0</t>
  </si>
  <si>
    <t>202143485.0</t>
  </si>
  <si>
    <t>512218.0</t>
  </si>
  <si>
    <t>1393.106</t>
  </si>
  <si>
    <t>553659.0</t>
  </si>
  <si>
    <t>556106.0</t>
  </si>
  <si>
    <t>274975.0</t>
  </si>
  <si>
    <t>571798.0</t>
  </si>
  <si>
    <t>99382776.0</t>
  </si>
  <si>
    <t>51965705.0</t>
  </si>
  <si>
    <t>603792.0</t>
  </si>
  <si>
    <t>303068.0</t>
  </si>
  <si>
    <t>203449310.0</t>
  </si>
  <si>
    <t>1402.105</t>
  </si>
  <si>
    <t>589938.0</t>
  </si>
  <si>
    <t>99443669.0</t>
  </si>
  <si>
    <t>52015298.0</t>
  </si>
  <si>
    <t>1506586.0</t>
  </si>
  <si>
    <t>585457.0</t>
  </si>
  <si>
    <t>290545.0</t>
  </si>
  <si>
    <t>599241.0</t>
  </si>
  <si>
    <t>100030674.0</t>
  </si>
  <si>
    <t>52450463.0</t>
  </si>
  <si>
    <t>1544042.0</t>
  </si>
  <si>
    <t>587005.0</t>
  </si>
  <si>
    <t>592169.0</t>
  </si>
  <si>
    <t>323934.0</t>
  </si>
  <si>
    <t>608544.0</t>
  </si>
  <si>
    <t>100766655.0</t>
  </si>
  <si>
    <t>52861352.0</t>
  </si>
  <si>
    <t>1547684.0</t>
  </si>
  <si>
    <t>735981.0</t>
  </si>
  <si>
    <t>597387.0</t>
  </si>
  <si>
    <t>331696.0</t>
  </si>
  <si>
    <t>205378315.0</t>
  </si>
  <si>
    <t>1415.399</t>
  </si>
  <si>
    <t>617847.0</t>
  </si>
  <si>
    <t>544947.0</t>
  </si>
  <si>
    <t>312575.0</t>
  </si>
  <si>
    <t>492508.0</t>
  </si>
  <si>
    <t>293455.0</t>
  </si>
  <si>
    <t>617160.0</t>
  </si>
  <si>
    <t>440069.0</t>
  </si>
  <si>
    <t>274335.0</t>
  </si>
  <si>
    <t>207006252.0</t>
  </si>
  <si>
    <t>1426.618</t>
  </si>
  <si>
    <t>601408.0</t>
  </si>
  <si>
    <t>387629.0</t>
  </si>
  <si>
    <t>255214.0</t>
  </si>
  <si>
    <t>595454.0</t>
  </si>
  <si>
    <t>102428563.0</t>
  </si>
  <si>
    <t>53974920.0</t>
  </si>
  <si>
    <t>47126515.0</t>
  </si>
  <si>
    <t>1645659.0</t>
  </si>
  <si>
    <t>426413.0</t>
  </si>
  <si>
    <t>279946.0</t>
  </si>
  <si>
    <t>590915.0</t>
  </si>
  <si>
    <t>103215462.0</t>
  </si>
  <si>
    <t>54622022.0</t>
  </si>
  <si>
    <t>47235849.0</t>
  </si>
  <si>
    <t>1685331.0</t>
  </si>
  <si>
    <t>786899.0</t>
  </si>
  <si>
    <t>454970.0</t>
  </si>
  <si>
    <t>310223.0</t>
  </si>
  <si>
    <t>104062261.0</t>
  </si>
  <si>
    <t>55218327.0</t>
  </si>
  <si>
    <t>47459477.0</t>
  </si>
  <si>
    <t>1715807.0</t>
  </si>
  <si>
    <t>846799.0</t>
  </si>
  <si>
    <t>470801.0</t>
  </si>
  <si>
    <t>336711.0</t>
  </si>
  <si>
    <t>581839.0</t>
  </si>
  <si>
    <t>104464268.0</t>
  </si>
  <si>
    <t>55463950.0</t>
  </si>
  <si>
    <t>47601622.0</t>
  </si>
  <si>
    <t>1730473.0</t>
  </si>
  <si>
    <t>402007.0</t>
  </si>
  <si>
    <t>480747.0</t>
  </si>
  <si>
    <t>339983.0</t>
  </si>
  <si>
    <t>909730.1</t>
  </si>
  <si>
    <t>6286.42995884166</t>
  </si>
  <si>
    <t>591637.0</t>
  </si>
  <si>
    <t>104776681.0</t>
  </si>
  <si>
    <t>55691008.0</t>
  </si>
  <si>
    <t>47683391.0</t>
  </si>
  <si>
    <t>1734131.0</t>
  </si>
  <si>
    <t>312413.0</t>
  </si>
  <si>
    <t>477895.0</t>
  </si>
  <si>
    <t>340604.0</t>
  </si>
  <si>
    <t>105580822.0</t>
  </si>
  <si>
    <t>56183972.0</t>
  </si>
  <si>
    <t>47945546.0</t>
  </si>
  <si>
    <t>1787514.0</t>
  </si>
  <si>
    <t>804141.0</t>
  </si>
  <si>
    <t>545289.0</t>
  </si>
  <si>
    <t>379211.0</t>
  </si>
  <si>
    <t>611233.0</t>
  </si>
  <si>
    <t>106519046.0</t>
  </si>
  <si>
    <t>56692011.0</t>
  </si>
  <si>
    <t>48204924.0</t>
  </si>
  <si>
    <t>1959957.0</t>
  </si>
  <si>
    <t>938224.0</t>
  </si>
  <si>
    <t>631838.0</t>
  </si>
  <si>
    <t>419972.0</t>
  </si>
  <si>
    <t>211896118.0</t>
  </si>
  <si>
    <t>1460.318</t>
  </si>
  <si>
    <t>108485269.0</t>
  </si>
  <si>
    <t>57596873.0</t>
  </si>
  <si>
    <t>49316326.0</t>
  </si>
  <si>
    <t>1971353.0</t>
  </si>
  <si>
    <t>1966223.0</t>
  </si>
  <si>
    <t>865244.0</t>
  </si>
  <si>
    <t>517422.0</t>
  </si>
  <si>
    <t>592156.0</t>
  </si>
  <si>
    <t>769704.0</t>
  </si>
  <si>
    <t>444056.0</t>
  </si>
  <si>
    <t>573079.0</t>
  </si>
  <si>
    <t>665608.0</t>
  </si>
  <si>
    <t>377947.0</t>
  </si>
  <si>
    <t>554002.0</t>
  </si>
  <si>
    <t>108839638.0</t>
  </si>
  <si>
    <t>57997497.0</t>
  </si>
  <si>
    <t>49574598.0</t>
  </si>
  <si>
    <t>2038998.0</t>
  </si>
  <si>
    <t>625053.0</t>
  </si>
  <si>
    <t>361935.0</t>
  </si>
  <si>
    <t>213806892.0</t>
  </si>
  <si>
    <t>1473.486</t>
  </si>
  <si>
    <t>534925.0</t>
  </si>
  <si>
    <t>109012524.0</t>
  </si>
  <si>
    <t>58101534.0</t>
  </si>
  <si>
    <t>49639427.0</t>
  </si>
  <si>
    <t>2043217.0</t>
  </si>
  <si>
    <t>172886.0</t>
  </si>
  <si>
    <t>605120.0</t>
  </si>
  <si>
    <t>344361.0</t>
  </si>
  <si>
    <t>214302331.0</t>
  </si>
  <si>
    <t>495439.0</t>
  </si>
  <si>
    <t>1476.9</t>
  </si>
  <si>
    <t>518383.0</t>
  </si>
  <si>
    <t>110013923.0</t>
  </si>
  <si>
    <t>58720979.0</t>
  </si>
  <si>
    <t>49936526.0</t>
  </si>
  <si>
    <t>2129929.0</t>
  </si>
  <si>
    <t>1001399.0</t>
  </si>
  <si>
    <t>633300.0</t>
  </si>
  <si>
    <t>214964115.0</t>
  </si>
  <si>
    <t>661784.0</t>
  </si>
  <si>
    <t>1481.461</t>
  </si>
  <si>
    <t>525604.0</t>
  </si>
  <si>
    <t>110548268.0</t>
  </si>
  <si>
    <t>59009118.0</t>
  </si>
  <si>
    <t>50121433.0</t>
  </si>
  <si>
    <t>2192400.0</t>
  </si>
  <si>
    <t>534345.0</t>
  </si>
  <si>
    <t>575603.0</t>
  </si>
  <si>
    <t>331015.0</t>
  </si>
  <si>
    <t>215678943.0</t>
  </si>
  <si>
    <t>714828.0</t>
  </si>
  <si>
    <t>1486.388</t>
  </si>
  <si>
    <t>540404.0</t>
  </si>
  <si>
    <t>111504955.0</t>
  </si>
  <si>
    <t>59543164.0</t>
  </si>
  <si>
    <t>50430347.0</t>
  </si>
  <si>
    <t>2306127.0</t>
  </si>
  <si>
    <t>956687.0</t>
  </si>
  <si>
    <t>278042.0</t>
  </si>
  <si>
    <t>519788.0</t>
  </si>
  <si>
    <t>112305009.0</t>
  </si>
  <si>
    <t>60155620.0</t>
  </si>
  <si>
    <t>50587097.0</t>
  </si>
  <si>
    <t>2338537.0</t>
  </si>
  <si>
    <t>800054.0</t>
  </si>
  <si>
    <t>528802.0</t>
  </si>
  <si>
    <t>346458.0</t>
  </si>
  <si>
    <t>216345715.0</t>
  </si>
  <si>
    <t>1490.983</t>
  </si>
  <si>
    <t>499173.0</t>
  </si>
  <si>
    <t>113186687.0</t>
  </si>
  <si>
    <t>60561971.0</t>
  </si>
  <si>
    <t>50991092.0</t>
  </si>
  <si>
    <t>2410399.0</t>
  </si>
  <si>
    <t>881678.0</t>
  </si>
  <si>
    <t>637882.0</t>
  </si>
  <si>
    <t>385431.0</t>
  </si>
  <si>
    <t>512315.0</t>
  </si>
  <si>
    <t>114006989.0</t>
  </si>
  <si>
    <t>61165173.0</t>
  </si>
  <si>
    <t>51188082.0</t>
  </si>
  <si>
    <t>2431173.0</t>
  </si>
  <si>
    <t>820302.0</t>
  </si>
  <si>
    <t>738193.0</t>
  </si>
  <si>
    <t>452525.0</t>
  </si>
  <si>
    <t>217485087.0</t>
  </si>
  <si>
    <t>1498.835</t>
  </si>
  <si>
    <t>525456.0</t>
  </si>
  <si>
    <t>114562576.0</t>
  </si>
  <si>
    <t>61521738.0</t>
  </si>
  <si>
    <t>51370215.0</t>
  </si>
  <si>
    <t>2448173.0</t>
  </si>
  <si>
    <t>555587.0</t>
  </si>
  <si>
    <t>792865.0</t>
  </si>
  <si>
    <t>488601.0</t>
  </si>
  <si>
    <t>217855359.0</t>
  </si>
  <si>
    <t>370272.0</t>
  </si>
  <si>
    <t>1501.387</t>
  </si>
  <si>
    <t>507575.0</t>
  </si>
  <si>
    <t>115373976.0</t>
  </si>
  <si>
    <t>61952000.0</t>
  </si>
  <si>
    <t>51719392.0</t>
  </si>
  <si>
    <t>2513629.0</t>
  </si>
  <si>
    <t>811400.0</t>
  </si>
  <si>
    <t>765722.0</t>
  </si>
  <si>
    <t>461574.0</t>
  </si>
  <si>
    <t>489429.0</t>
  </si>
  <si>
    <t>116626426.0</t>
  </si>
  <si>
    <t>62594260.0</t>
  </si>
  <si>
    <t>52233646.0</t>
  </si>
  <si>
    <t>2610110.0</t>
  </si>
  <si>
    <t>1252450.0</t>
  </si>
  <si>
    <t>868308.0</t>
  </si>
  <si>
    <t>512163.0</t>
  </si>
  <si>
    <t>463705.0</t>
  </si>
  <si>
    <t>117352790.0</t>
  </si>
  <si>
    <t>62891581.0</t>
  </si>
  <si>
    <t>52506988.0</t>
  </si>
  <si>
    <t>2767890.0</t>
  </si>
  <si>
    <t>726364.0</t>
  </si>
  <si>
    <t>835405.0</t>
  </si>
  <si>
    <t>219459637.0</t>
  </si>
  <si>
    <t>1512.443</t>
  </si>
  <si>
    <t>492473.0</t>
  </si>
  <si>
    <t>118078630.0</t>
  </si>
  <si>
    <t>63284161.0</t>
  </si>
  <si>
    <t>52824805.0</t>
  </si>
  <si>
    <t>2834492.0</t>
  </si>
  <si>
    <t>725840.0</t>
  </si>
  <si>
    <t>824803.0</t>
  </si>
  <si>
    <t>446934.0</t>
  </si>
  <si>
    <t>528887.0</t>
  </si>
  <si>
    <t>119759585.0</t>
  </si>
  <si>
    <t>63496542.0</t>
  </si>
  <si>
    <t>53578117.0</t>
  </si>
  <si>
    <t>1680955.0</t>
  </si>
  <si>
    <t>419224.0</t>
  </si>
  <si>
    <t>531544.0</t>
  </si>
  <si>
    <t>534200.0</t>
  </si>
  <si>
    <t>120606667.0</t>
  </si>
  <si>
    <t>64095828.0</t>
  </si>
  <si>
    <t>53952851.0</t>
  </si>
  <si>
    <t>3470927.0</t>
  </si>
  <si>
    <t>863442.0</t>
  </si>
  <si>
    <t>367727.0</t>
  </si>
  <si>
    <t>565345.0</t>
  </si>
  <si>
    <t>120994368.0</t>
  </si>
  <si>
    <t>64318312.0</t>
  </si>
  <si>
    <t>54086860.0</t>
  </si>
  <si>
    <t>3503150.0</t>
  </si>
  <si>
    <t>387701.0</t>
  </si>
  <si>
    <t>802913.0</t>
  </si>
  <si>
    <t>338045.0</t>
  </si>
  <si>
    <t>572991.0</t>
  </si>
  <si>
    <t>122045399.0</t>
  </si>
  <si>
    <t>64765694.0</t>
  </si>
  <si>
    <t>54621506.0</t>
  </si>
  <si>
    <t>3629573.0</t>
  </si>
  <si>
    <t>1051031.0</t>
  </si>
  <si>
    <t>774139.0</t>
  </si>
  <si>
    <t>310205.0</t>
  </si>
  <si>
    <t>222989343.0</t>
  </si>
  <si>
    <t>1536.768</t>
  </si>
  <si>
    <t>580638.0</t>
  </si>
  <si>
    <t>123052164.0</t>
  </si>
  <si>
    <t>65248010.0</t>
  </si>
  <si>
    <t>54934982.0</t>
  </si>
  <si>
    <t>3841079.0</t>
  </si>
  <si>
    <t>1006765.0</t>
  </si>
  <si>
    <t>814196.0</t>
  </si>
  <si>
    <t>336633.0</t>
  </si>
  <si>
    <t>574339.0</t>
  </si>
  <si>
    <t>124400024.0</t>
  </si>
  <si>
    <t>65851463.0</t>
  </si>
  <si>
    <t>55492951.0</t>
  </si>
  <si>
    <t>4112854.0</t>
  </si>
  <si>
    <t>1347860.0</t>
  </si>
  <si>
    <t>903056.0</t>
  </si>
  <si>
    <t>366757.0</t>
  </si>
  <si>
    <t>560394.0</t>
  </si>
  <si>
    <t>125089189.0</t>
  </si>
  <si>
    <t>66011769.0</t>
  </si>
  <si>
    <t>55964877.0</t>
  </si>
  <si>
    <t>4172664.0</t>
  </si>
  <si>
    <t>689165.0</t>
  </si>
  <si>
    <t>761372.0</t>
  </si>
  <si>
    <t>359318.0</t>
  </si>
  <si>
    <t>125594890.0</t>
  </si>
  <si>
    <t>66201198.0</t>
  </si>
  <si>
    <t>56115075.0</t>
  </si>
  <si>
    <t>4301470.0</t>
  </si>
  <si>
    <t>505701.0</t>
  </si>
  <si>
    <t>773109.0</t>
  </si>
  <si>
    <t>343573.0</t>
  </si>
  <si>
    <t>224952019.0</t>
  </si>
  <si>
    <t>1550.295</t>
  </si>
  <si>
    <t>532504.0</t>
  </si>
  <si>
    <t>125895413.0</t>
  </si>
  <si>
    <t>66258615.0</t>
  </si>
  <si>
    <t>56353454.0</t>
  </si>
  <si>
    <t>4306977.0</t>
  </si>
  <si>
    <t>300523.0</t>
  </si>
  <si>
    <t>755535.0</t>
  </si>
  <si>
    <t>308970.0</t>
  </si>
  <si>
    <t>537246.0</t>
  </si>
  <si>
    <t>126818133.0</t>
  </si>
  <si>
    <t>66738623.0</t>
  </si>
  <si>
    <t>56681192.0</t>
  </si>
  <si>
    <t>4422166.0</t>
  </si>
  <si>
    <t>922720.0</t>
  </si>
  <si>
    <t>831966.0</t>
  </si>
  <si>
    <t>345759.0</t>
  </si>
  <si>
    <t>1015090.2</t>
  </si>
  <si>
    <t>7014.49082997976</t>
  </si>
  <si>
    <t>541987.0</t>
  </si>
  <si>
    <t>127545634.0</t>
  </si>
  <si>
    <t>67012949.0</t>
  </si>
  <si>
    <t>57037594.0</t>
  </si>
  <si>
    <t>4521001.0</t>
  </si>
  <si>
    <t>727501.0</t>
  </si>
  <si>
    <t>785748.0</t>
  </si>
  <si>
    <t>321036.0</t>
  </si>
  <si>
    <t>226816446.0</t>
  </si>
  <si>
    <t>1563.144</t>
  </si>
  <si>
    <t>546729.0</t>
  </si>
  <si>
    <t>128446301.0</t>
  </si>
  <si>
    <t>67264113.0</t>
  </si>
  <si>
    <t>57592114.0</t>
  </si>
  <si>
    <t>4616686.0</t>
  </si>
  <si>
    <t>900667.0</t>
  </si>
  <si>
    <t>770591.0</t>
  </si>
  <si>
    <t>288015.0</t>
  </si>
  <si>
    <t>556884.0</t>
  </si>
  <si>
    <t>128989824.0</t>
  </si>
  <si>
    <t>67472564.0</t>
  </si>
  <si>
    <t>57873182.0</t>
  </si>
  <si>
    <t>4671320.0</t>
  </si>
  <si>
    <t>543523.0</t>
  </si>
  <si>
    <t>655686.0</t>
  </si>
  <si>
    <t>231586.0</t>
  </si>
  <si>
    <t>567039.0</t>
  </si>
  <si>
    <t>130265618.0</t>
  </si>
  <si>
    <t>67991712.0</t>
  </si>
  <si>
    <t>58480065.0</t>
  </si>
  <si>
    <t>4821751.0</t>
  </si>
  <si>
    <t>1275794.0</t>
  </si>
  <si>
    <t>739490.0</t>
  </si>
  <si>
    <t>282849.0</t>
  </si>
  <si>
    <t>228501710.0</t>
  </si>
  <si>
    <t>1574.758</t>
  </si>
  <si>
    <t>577194.0</t>
  </si>
  <si>
    <t>130634456.0</t>
  </si>
  <si>
    <t>68029825.0</t>
  </si>
  <si>
    <t>58695024.0</t>
  </si>
  <si>
    <t>4937582.0</t>
  </si>
  <si>
    <t>368838.0</t>
  </si>
  <si>
    <t>719938.0</t>
  </si>
  <si>
    <t>261232.0</t>
  </si>
  <si>
    <t>563114.0</t>
  </si>
  <si>
    <t>130819682.0</t>
  </si>
  <si>
    <t>68105369.0</t>
  </si>
  <si>
    <t>58798583.0</t>
  </si>
  <si>
    <t>703467.0</t>
  </si>
  <si>
    <t>263822.0</t>
  </si>
  <si>
    <t>229285917.0</t>
  </si>
  <si>
    <t>1580.162</t>
  </si>
  <si>
    <t>530346.0</t>
  </si>
  <si>
    <t>131619470.0</t>
  </si>
  <si>
    <t>68551654.0</t>
  </si>
  <si>
    <t>59156207.0</t>
  </si>
  <si>
    <t>4940707.0</t>
  </si>
  <si>
    <t>799788.0</t>
  </si>
  <si>
    <t>685905.0</t>
  </si>
  <si>
    <t>259004.0</t>
  </si>
  <si>
    <t>527311.0</t>
  </si>
  <si>
    <t>132527425.0</t>
  </si>
  <si>
    <t>68774204.0</t>
  </si>
  <si>
    <t>59561710.0</t>
  </si>
  <si>
    <t>5292036.0</t>
  </si>
  <si>
    <t>907955.0</t>
  </si>
  <si>
    <t>711684.0</t>
  </si>
  <si>
    <t>251608.0</t>
  </si>
  <si>
    <t>230486373.0</t>
  </si>
  <si>
    <t>1588.436</t>
  </si>
  <si>
    <t>524275.0</t>
  </si>
  <si>
    <t>133166979.0</t>
  </si>
  <si>
    <t>68953540.0</t>
  </si>
  <si>
    <t>59977765.0</t>
  </si>
  <si>
    <t>5337424.0</t>
  </si>
  <si>
    <t>639554.0</t>
  </si>
  <si>
    <t>674383.0</t>
  </si>
  <si>
    <t>241347.0</t>
  </si>
  <si>
    <t>520922.0</t>
  </si>
  <si>
    <t>133518815.0</t>
  </si>
  <si>
    <t>69112801.0</t>
  </si>
  <si>
    <t>60157863.0</t>
  </si>
  <si>
    <t>5349901.0</t>
  </si>
  <si>
    <t>351836.0</t>
  </si>
  <si>
    <t>646999.0</t>
  </si>
  <si>
    <t>234320.0</t>
  </si>
  <si>
    <t>517568.0</t>
  </si>
  <si>
    <t>135154593.0</t>
  </si>
  <si>
    <t>69738785.0</t>
  </si>
  <si>
    <t>60962126.0</t>
  </si>
  <si>
    <t>5557942.0</t>
  </si>
  <si>
    <t>1635778.0</t>
  </si>
  <si>
    <t>698425.0</t>
  </si>
  <si>
    <t>249582.0</t>
  </si>
  <si>
    <t>232101215.0</t>
  </si>
  <si>
    <t>1599.564</t>
  </si>
  <si>
    <t>514215.0</t>
  </si>
  <si>
    <t>135853932.0</t>
  </si>
  <si>
    <t>70013461.0</t>
  </si>
  <si>
    <t>61370296.0</t>
  </si>
  <si>
    <t>5652586.0</t>
  </si>
  <si>
    <t>699339.0</t>
  </si>
  <si>
    <t>283377.0</t>
  </si>
  <si>
    <t>527370.0</t>
  </si>
  <si>
    <t>136087233.0</t>
  </si>
  <si>
    <t>70173142.0</t>
  </si>
  <si>
    <t>61430028.0</t>
  </si>
  <si>
    <t>5666474.0</t>
  </si>
  <si>
    <t>233301.0</t>
  </si>
  <si>
    <t>752507.0</t>
  </si>
  <si>
    <t>295396.0</t>
  </si>
  <si>
    <t>540525.0</t>
  </si>
  <si>
    <t>136967659.0</t>
  </si>
  <si>
    <t>70522059.0</t>
  </si>
  <si>
    <t>61831699.0</t>
  </si>
  <si>
    <t>5797897.0</t>
  </si>
  <si>
    <t>880426.0</t>
  </si>
  <si>
    <t>764027.0</t>
  </si>
  <si>
    <t>523948.0</t>
  </si>
  <si>
    <t>137318696.0</t>
  </si>
  <si>
    <t>70658248.0</t>
  </si>
  <si>
    <t>62023593.0</t>
  </si>
  <si>
    <t>5821660.0</t>
  </si>
  <si>
    <t>351037.0</t>
  </si>
  <si>
    <t>684467.0</t>
  </si>
  <si>
    <t>269149.0</t>
  </si>
  <si>
    <t>234037966.0</t>
  </si>
  <si>
    <t>1612.912</t>
  </si>
  <si>
    <t>507370.0</t>
  </si>
  <si>
    <t>137430959.0</t>
  </si>
  <si>
    <t>70712208.0</t>
  </si>
  <si>
    <t>62075414.0</t>
  </si>
  <si>
    <t>5828561.0</t>
  </si>
  <si>
    <t>112263.0</t>
  </si>
  <si>
    <t>609140.0</t>
  </si>
  <si>
    <t>505238.0</t>
  </si>
  <si>
    <t>138517750.0</t>
  </si>
  <si>
    <t>71003850.0</t>
  </si>
  <si>
    <t>62751255.0</t>
  </si>
  <si>
    <t>5949687.0</t>
  </si>
  <si>
    <t>1086791.0</t>
  </si>
  <si>
    <t>714134.0</t>
  </si>
  <si>
    <t>270150.0</t>
  </si>
  <si>
    <t>503106.0</t>
  </si>
  <si>
    <t>139558409.0</t>
  </si>
  <si>
    <t>71530632.0</t>
  </si>
  <si>
    <t>63253115.0</t>
  </si>
  <si>
    <t>5961958.0</t>
  </si>
  <si>
    <t>1040659.0</t>
  </si>
  <si>
    <t>629117.0</t>
  </si>
  <si>
    <t>255978.0</t>
  </si>
  <si>
    <t>235608036.0</t>
  </si>
  <si>
    <t>1623.732</t>
  </si>
  <si>
    <t>500974.0</t>
  </si>
  <si>
    <t>140161780.0</t>
  </si>
  <si>
    <t>71781421.0</t>
  </si>
  <si>
    <t>63592062.0</t>
  </si>
  <si>
    <t>5975597.0</t>
  </si>
  <si>
    <t>603371.0</t>
  </si>
  <si>
    <t>615407.0</t>
  </si>
  <si>
    <t>252566.0</t>
  </si>
  <si>
    <t>482585.0</t>
  </si>
  <si>
    <t>140257423.0</t>
  </si>
  <si>
    <t>71858958.0</t>
  </si>
  <si>
    <t>63708591.0</t>
  </si>
  <si>
    <t>5981515.0</t>
  </si>
  <si>
    <t>95643.0</t>
  </si>
  <si>
    <t>595741.0</t>
  </si>
  <si>
    <t>240831.0</t>
  </si>
  <si>
    <t>236318954.0</t>
  </si>
  <si>
    <t>1628.632</t>
  </si>
  <si>
    <t>464195.0</t>
  </si>
  <si>
    <t>142021347.0</t>
  </si>
  <si>
    <t>72286409.0</t>
  </si>
  <si>
    <t>64538849.0</t>
  </si>
  <si>
    <t>6488193.0</t>
  </si>
  <si>
    <t>1763924.0</t>
  </si>
  <si>
    <t>721955.0</t>
  </si>
  <si>
    <t>252050.0</t>
  </si>
  <si>
    <t>470344.0</t>
  </si>
  <si>
    <t>142200970.0</t>
  </si>
  <si>
    <t>72307296.0</t>
  </si>
  <si>
    <t>64558041.0</t>
  </si>
  <si>
    <t>6627982.0</t>
  </si>
  <si>
    <t>179623.0</t>
  </si>
  <si>
    <t>697468.0</t>
  </si>
  <si>
    <t>235578.0</t>
  </si>
  <si>
    <t>237373425.0</t>
  </si>
  <si>
    <t>1635.899</t>
  </si>
  <si>
    <t>476494.0</t>
  </si>
  <si>
    <t>142740642.0</t>
  </si>
  <si>
    <t>72477644.0</t>
  </si>
  <si>
    <t>64895689.0</t>
  </si>
  <si>
    <t>6807284.0</t>
  </si>
  <si>
    <t>539672.0</t>
  </si>
  <si>
    <t>758526.0</t>
  </si>
  <si>
    <t>252205.0</t>
  </si>
  <si>
    <t>466383.0</t>
  </si>
  <si>
    <t>143042039.0</t>
  </si>
  <si>
    <t>72566482.0</t>
  </si>
  <si>
    <t>65085102.0</t>
  </si>
  <si>
    <t>6830430.0</t>
  </si>
  <si>
    <t>301397.0</t>
  </si>
  <si>
    <t>646327.0</t>
  </si>
  <si>
    <t>223233.0</t>
  </si>
  <si>
    <t>456273.0</t>
  </si>
  <si>
    <t>143693041.0</t>
  </si>
  <si>
    <t>72814442.0</t>
  </si>
  <si>
    <t>65432375.0</t>
  </si>
  <si>
    <t>651002.0</t>
  </si>
  <si>
    <t>590662.0</t>
  </si>
  <si>
    <t>238731169.0</t>
  </si>
  <si>
    <t>1645.256</t>
  </si>
  <si>
    <t>446162.0</t>
  </si>
  <si>
    <t>517012.0</t>
  </si>
  <si>
    <t>153731.0</t>
  </si>
  <si>
    <t>455968.0</t>
  </si>
  <si>
    <t>143868683.0</t>
  </si>
  <si>
    <t>72900634.0</t>
  </si>
  <si>
    <t>65498071.0</t>
  </si>
  <si>
    <t>6913148.0</t>
  </si>
  <si>
    <t>515894.0</t>
  </si>
  <si>
    <t>239579379.0</t>
  </si>
  <si>
    <t>1651.102</t>
  </si>
  <si>
    <t>465775.0</t>
  </si>
  <si>
    <t>144418725.0</t>
  </si>
  <si>
    <t>73066936.0</t>
  </si>
  <si>
    <t>65843137.0</t>
  </si>
  <si>
    <t>6952001.0</t>
  </si>
  <si>
    <t>342483.0</t>
  </si>
  <si>
    <t>111504.0</t>
  </si>
  <si>
    <t>454610.0</t>
  </si>
  <si>
    <t>146163749.0</t>
  </si>
  <si>
    <t>73727458.0</t>
  </si>
  <si>
    <t>66680739.0</t>
  </si>
  <si>
    <t>7333620.0</t>
  </si>
  <si>
    <t>1745024.0</t>
  </si>
  <si>
    <t>566111.0</t>
  </si>
  <si>
    <t>202880.0</t>
  </si>
  <si>
    <t>240477547.0</t>
  </si>
  <si>
    <t>1657.291</t>
  </si>
  <si>
    <t>443446.0</t>
  </si>
  <si>
    <t>503320.0</t>
  </si>
  <si>
    <t>185455.0</t>
  </si>
  <si>
    <t>429233.0</t>
  </si>
  <si>
    <t>146364014.0</t>
  </si>
  <si>
    <t>73824201.0</t>
  </si>
  <si>
    <t>66773441.0</t>
  </si>
  <si>
    <t>7382067.0</t>
  </si>
  <si>
    <t>474568.0</t>
  </si>
  <si>
    <t>179674.0</t>
  </si>
  <si>
    <t>1076833.1</t>
  </si>
  <si>
    <t>7441.1475013439</t>
  </si>
  <si>
    <t>415020.0</t>
  </si>
  <si>
    <t>146724190.0</t>
  </si>
  <si>
    <t>67008180.0</t>
  </si>
  <si>
    <t>7387352.0</t>
  </si>
  <si>
    <t>360176.0</t>
  </si>
  <si>
    <t>145412.0</t>
  </si>
  <si>
    <t>241536819.0</t>
  </si>
  <si>
    <t>1664.592</t>
  </si>
  <si>
    <t>400807.0</t>
  </si>
  <si>
    <t>421171.0</t>
  </si>
  <si>
    <t>140417.0</t>
  </si>
  <si>
    <t>381057.0</t>
  </si>
  <si>
    <t>146733930.0</t>
  </si>
  <si>
    <t>7391154.0</t>
  </si>
  <si>
    <t>409321.0</t>
  </si>
  <si>
    <t>361306.0</t>
  </si>
  <si>
    <t>332053.0</t>
  </si>
  <si>
    <t>112825.0</t>
  </si>
  <si>
    <t>337988.0</t>
  </si>
  <si>
    <t>84074.0</t>
  </si>
  <si>
    <t>314669.0</t>
  </si>
  <si>
    <t>146761432.0</t>
  </si>
  <si>
    <t>73872963.0</t>
  </si>
  <si>
    <t>67023498.0</t>
  </si>
  <si>
    <t>7481187.0</t>
  </si>
  <si>
    <t>242966080.0</t>
  </si>
  <si>
    <t>1674.442</t>
  </si>
  <si>
    <t>305063.0</t>
  </si>
  <si>
    <t>147151775.0</t>
  </si>
  <si>
    <t>74142413.0</t>
  </si>
  <si>
    <t>67136162.0</t>
  </si>
  <si>
    <t>7489465.0</t>
  </si>
  <si>
    <t>390343.0</t>
  </si>
  <si>
    <t>112537.0</t>
  </si>
  <si>
    <t>45459.0</t>
  </si>
  <si>
    <t>299200.0</t>
  </si>
  <si>
    <t>147189126.0</t>
  </si>
  <si>
    <t>74153671.0</t>
  </si>
  <si>
    <t>67159901.0</t>
  </si>
  <si>
    <t>7491819.0</t>
  </si>
  <si>
    <t>66419.0</t>
  </si>
  <si>
    <t>243590182.0</t>
  </si>
  <si>
    <t>1678.743</t>
  </si>
  <si>
    <t>293338.0</t>
  </si>
  <si>
    <t>147390352.0</t>
  </si>
  <si>
    <t>74240817.0</t>
  </si>
  <si>
    <t>67260462.0</t>
  </si>
  <si>
    <t>7505426.0</t>
  </si>
  <si>
    <t>201226.0</t>
  </si>
  <si>
    <t>94470.0</t>
  </si>
  <si>
    <t>147564815.0</t>
  </si>
  <si>
    <t>74265032.0</t>
  </si>
  <si>
    <t>67395835.0</t>
  </si>
  <si>
    <t>7520402.0</t>
  </si>
  <si>
    <t>174463.0</t>
  </si>
  <si>
    <t>118698.0</t>
  </si>
  <si>
    <t>338612.0</t>
  </si>
  <si>
    <t>148312773.0</t>
  </si>
  <si>
    <t>74371719.0</t>
  </si>
  <si>
    <t>67724622.0</t>
  </si>
  <si>
    <t>7833082.0</t>
  </si>
  <si>
    <t>747958.0</t>
  </si>
  <si>
    <t>224239.0</t>
  </si>
  <si>
    <t>73573.0</t>
  </si>
  <si>
    <t>244923121.0</t>
  </si>
  <si>
    <t>1687.929</t>
  </si>
  <si>
    <t>148798883.0</t>
  </si>
  <si>
    <t>74503838.0</t>
  </si>
  <si>
    <t>68017120.0</t>
  </si>
  <si>
    <t>7894925.0</t>
  </si>
  <si>
    <t>486110.0</t>
  </si>
  <si>
    <t>292374.0</t>
  </si>
  <si>
    <t>390667.0</t>
  </si>
  <si>
    <t>149620043.0</t>
  </si>
  <si>
    <t>74692016.0</t>
  </si>
  <si>
    <t>68581024.0</t>
  </si>
  <si>
    <t>7964178.0</t>
  </si>
  <si>
    <t>821160.0</t>
  </si>
  <si>
    <t>408373.0</t>
  </si>
  <si>
    <t>103.39</t>
  </si>
  <si>
    <t>117008.0</t>
  </si>
  <si>
    <t>420085.0</t>
  </si>
  <si>
    <t>149640850.0</t>
  </si>
  <si>
    <t>74698239.0</t>
  </si>
  <si>
    <t>7980720.0</t>
  </si>
  <si>
    <t>355582.0</t>
  </si>
  <si>
    <t>445760.0</t>
  </si>
  <si>
    <t>149766287.0</t>
  </si>
  <si>
    <t>74754560.0</t>
  </si>
  <si>
    <t>68617125.0</t>
  </si>
  <si>
    <t>8012331.0</t>
  </si>
  <si>
    <t>125437.0</t>
  </si>
  <si>
    <t>368166.0</t>
  </si>
  <si>
    <t>246890225.0</t>
  </si>
  <si>
    <t>1701.485</t>
  </si>
  <si>
    <t>471435.0</t>
  </si>
  <si>
    <t>149979932.0</t>
  </si>
  <si>
    <t>74861326.0</t>
  </si>
  <si>
    <t>68711859.0</t>
  </si>
  <si>
    <t>8024476.0</t>
  </si>
  <si>
    <t>369940.0</t>
  </si>
  <si>
    <t>88644.0</t>
  </si>
  <si>
    <t>475494.0</t>
  </si>
  <si>
    <t>150096505.0</t>
  </si>
  <si>
    <t>74941857.0</t>
  </si>
  <si>
    <t>68740053.0</t>
  </si>
  <si>
    <t>8075914.0</t>
  </si>
  <si>
    <t>361670.0</t>
  </si>
  <si>
    <t>96689.0</t>
  </si>
  <si>
    <t>479553.0</t>
  </si>
  <si>
    <t>150791871.0</t>
  </si>
  <si>
    <t>75111066.0</t>
  </si>
  <si>
    <t>68958555.0</t>
  </si>
  <si>
    <t>8383698.0</t>
  </si>
  <si>
    <t>695366.0</t>
  </si>
  <si>
    <t>354157.0</t>
  </si>
  <si>
    <t>483612.0</t>
  </si>
  <si>
    <t>303887.0</t>
  </si>
  <si>
    <t>97386.0</t>
  </si>
  <si>
    <t>248781136.0</t>
  </si>
  <si>
    <t>1714.517</t>
  </si>
  <si>
    <t>480891.0</t>
  </si>
  <si>
    <t>205754.0</t>
  </si>
  <si>
    <t>249393715.0</t>
  </si>
  <si>
    <t>612579.0</t>
  </si>
  <si>
    <t>1718.739</t>
  </si>
  <si>
    <t>498149.0</t>
  </si>
  <si>
    <t>151194542.0</t>
  </si>
  <si>
    <t>75334479.0</t>
  </si>
  <si>
    <t>69029612.0</t>
  </si>
  <si>
    <t>8829564.0</t>
  </si>
  <si>
    <t>221956.0</t>
  </si>
  <si>
    <t>520628.0</t>
  </si>
  <si>
    <t>151894759.0</t>
  </si>
  <si>
    <t>75693881.0</t>
  </si>
  <si>
    <t>69301031.0</t>
  </si>
  <si>
    <t>8899049.0</t>
  </si>
  <si>
    <t>700217.0</t>
  </si>
  <si>
    <t>304067.0</t>
  </si>
  <si>
    <t>134189.0</t>
  </si>
  <si>
    <t>250691974.0</t>
  </si>
  <si>
    <t>1727.686</t>
  </si>
  <si>
    <t>543107.0</t>
  </si>
  <si>
    <t>151930977.0</t>
  </si>
  <si>
    <t>75716600.0</t>
  </si>
  <si>
    <t>69307145.0</t>
  </si>
  <si>
    <t>8906434.0</t>
  </si>
  <si>
    <t>278721.0</t>
  </si>
  <si>
    <t>122182.0</t>
  </si>
  <si>
    <t>507738.0</t>
  </si>
  <si>
    <t>152466537.0</t>
  </si>
  <si>
    <t>75847715.0</t>
  </si>
  <si>
    <t>9158817.0</t>
  </si>
  <si>
    <t>535560.0</t>
  </si>
  <si>
    <t>338576.0</t>
  </si>
  <si>
    <t>105.36</t>
  </si>
  <si>
    <t>129408.0</t>
  </si>
  <si>
    <t>251142263.0</t>
  </si>
  <si>
    <t>1730.789</t>
  </si>
  <si>
    <t>472369.0</t>
  </si>
  <si>
    <t>152501244.0</t>
  </si>
  <si>
    <t>75873357.0</t>
  </si>
  <si>
    <t>9164453.0</t>
  </si>
  <si>
    <t>34707.0</t>
  </si>
  <si>
    <t>244196.0</t>
  </si>
  <si>
    <t>108899.0</t>
  </si>
  <si>
    <t>251685602.0</t>
  </si>
  <si>
    <t>543339.0</t>
  </si>
  <si>
    <t>482456.0</t>
  </si>
  <si>
    <t>152916877.0</t>
  </si>
  <si>
    <t>76024218.0</t>
  </si>
  <si>
    <t>69414469.0</t>
  </si>
  <si>
    <t>9623078.0</t>
  </si>
  <si>
    <t>415633.0</t>
  </si>
  <si>
    <t>119812.0</t>
  </si>
  <si>
    <t>537050.0</t>
  </si>
  <si>
    <t>301003.0</t>
  </si>
  <si>
    <t>253395368.0</t>
  </si>
  <si>
    <t>571665.0</t>
  </si>
  <si>
    <t>153417808.0</t>
  </si>
  <si>
    <t>76311609.0</t>
  </si>
  <si>
    <t>69505726.0</t>
  </si>
  <si>
    <t>9749090.0</t>
  </si>
  <si>
    <t>317609.0</t>
  </si>
  <si>
    <t>139590.0</t>
  </si>
  <si>
    <t>614738.0</t>
  </si>
  <si>
    <t>153662331.0</t>
  </si>
  <si>
    <t>76454271.0</t>
  </si>
  <si>
    <t>69581579.0</t>
  </si>
  <si>
    <t>9775158.0</t>
  </si>
  <si>
    <t>252510.0</t>
  </si>
  <si>
    <t>108627.0</t>
  </si>
  <si>
    <t>255296660.0</t>
  </si>
  <si>
    <t>1759.42</t>
  </si>
  <si>
    <t>657812.0</t>
  </si>
  <si>
    <t>154084022.0</t>
  </si>
  <si>
    <t>76555906.0</t>
  </si>
  <si>
    <t>69704859.0</t>
  </si>
  <si>
    <t>9957549.0</t>
  </si>
  <si>
    <t>421691.0</t>
  </si>
  <si>
    <t>119901.0</t>
  </si>
  <si>
    <t>256163244.0</t>
  </si>
  <si>
    <t>866584.0</t>
  </si>
  <si>
    <t>1765.392</t>
  </si>
  <si>
    <t>749446.0</t>
  </si>
  <si>
    <t>154374065.0</t>
  </si>
  <si>
    <t>76585311.0</t>
  </si>
  <si>
    <t>69815128.0</t>
  </si>
  <si>
    <t>10107949.0</t>
  </si>
  <si>
    <t>290043.0</t>
  </si>
  <si>
    <t>272504.0</t>
  </si>
  <si>
    <t>1107949.5</t>
  </si>
  <si>
    <t>7656.16849402217</t>
  </si>
  <si>
    <t>256902042.0</t>
  </si>
  <si>
    <t>738798.0</t>
  </si>
  <si>
    <t>1770.484</t>
  </si>
  <si>
    <t>822826.0</t>
  </si>
  <si>
    <t>154723714.0</t>
  </si>
  <si>
    <t>76663085.0</t>
  </si>
  <si>
    <t>69967776.0</t>
  </si>
  <si>
    <t>10227342.0</t>
  </si>
  <si>
    <t>349649.0</t>
  </si>
  <si>
    <t>112818.0</t>
  </si>
  <si>
    <t>257640418.0</t>
  </si>
  <si>
    <t>738376.0</t>
  </si>
  <si>
    <t>1775.572</t>
  </si>
  <si>
    <t>850688.0</t>
  </si>
  <si>
    <t>154892987.0</t>
  </si>
  <si>
    <t>76732949.0</t>
  </si>
  <si>
    <t>70013431.0</t>
  </si>
  <si>
    <t>10281173.0</t>
  </si>
  <si>
    <t>169273.0</t>
  </si>
  <si>
    <t>282301.0</t>
  </si>
  <si>
    <t>101247.0</t>
  </si>
  <si>
    <t>258652563.0</t>
  </si>
  <si>
    <t>1012145.0</t>
  </si>
  <si>
    <t>1782.548</t>
  </si>
  <si>
    <t>873154.0</t>
  </si>
  <si>
    <t>155054047.0</t>
  </si>
  <si>
    <t>76798119.0</t>
  </si>
  <si>
    <t>70080049.0</t>
  </si>
  <si>
    <t>10310626.0</t>
  </si>
  <si>
    <t>269529.0</t>
  </si>
  <si>
    <t>259770678.0</t>
  </si>
  <si>
    <t>1118115.0</t>
  </si>
  <si>
    <t>1790.253</t>
  </si>
  <si>
    <t>910759.0</t>
  </si>
  <si>
    <t>155378595.0</t>
  </si>
  <si>
    <t>76940496.0</t>
  </si>
  <si>
    <t>70232028.0</t>
  </si>
  <si>
    <t>10340832.0</t>
  </si>
  <si>
    <t>324548.0</t>
  </si>
  <si>
    <t>280112.0</t>
  </si>
  <si>
    <t>89841.0</t>
  </si>
  <si>
    <t>936028.0</t>
  </si>
  <si>
    <t>155647358.0</t>
  </si>
  <si>
    <t>77108467.0</t>
  </si>
  <si>
    <t>70315750.0</t>
  </si>
  <si>
    <t>10358010.0</t>
  </si>
  <si>
    <t>268763.0</t>
  </si>
  <si>
    <t>283575.0</t>
  </si>
  <si>
    <t>93457.0</t>
  </si>
  <si>
    <t>961298.0</t>
  </si>
  <si>
    <t>155743283.0</t>
  </si>
  <si>
    <t>77184494.0</t>
  </si>
  <si>
    <t>70324784.0</t>
  </si>
  <si>
    <t>10368913.0</t>
  </si>
  <si>
    <t>237037.0</t>
  </si>
  <si>
    <t>263153282.0</t>
  </si>
  <si>
    <t>1813.565</t>
  </si>
  <si>
    <t>998577.0</t>
  </si>
  <si>
    <t>155777605.0</t>
  </si>
  <si>
    <t>77197417.0</t>
  </si>
  <si>
    <t>70341815.0</t>
  </si>
  <si>
    <t>10373281.0</t>
  </si>
  <si>
    <t>200506.0</t>
  </si>
  <si>
    <t>87444.0</t>
  </si>
  <si>
    <t>1025124.0</t>
  </si>
  <si>
    <t>156439421.0</t>
  </si>
  <si>
    <t>77544208.0</t>
  </si>
  <si>
    <t>70581582.0</t>
  </si>
  <si>
    <t>10448718.0</t>
  </si>
  <si>
    <t>661816.0</t>
  </si>
  <si>
    <t>1051732.0</t>
  </si>
  <si>
    <t>156758382.0</t>
  </si>
  <si>
    <t>77653839.0</t>
  </si>
  <si>
    <t>70701843.0</t>
  </si>
  <si>
    <t>10537919.0</t>
  </si>
  <si>
    <t>318961.0</t>
  </si>
  <si>
    <t>266485.0</t>
  </si>
  <si>
    <t>131556.0</t>
  </si>
  <si>
    <t>1039229.0</t>
  </si>
  <si>
    <t>7.162</t>
  </si>
  <si>
    <t>157051145.0</t>
  </si>
  <si>
    <t>77768184.0</t>
  </si>
  <si>
    <t>10634077.0</t>
  </si>
  <si>
    <t>292763.0</t>
  </si>
  <si>
    <t>285300.0</t>
  </si>
  <si>
    <t>108.53</t>
  </si>
  <si>
    <t>266851795.0</t>
  </si>
  <si>
    <t>1839.054</t>
  </si>
  <si>
    <t>1011588.0</t>
  </si>
  <si>
    <t>157411762.0</t>
  </si>
  <si>
    <t>77796829.0</t>
  </si>
  <si>
    <t>70711072.0</t>
  </si>
  <si>
    <t>11040933.0</t>
  </si>
  <si>
    <t>360617.0</t>
  </si>
  <si>
    <t>108.77</t>
  </si>
  <si>
    <t>122333.0</t>
  </si>
  <si>
    <t>967948.0</t>
  </si>
  <si>
    <t>157657205.0</t>
  </si>
  <si>
    <t>77847010.0</t>
  </si>
  <si>
    <t>70894990.0</t>
  </si>
  <si>
    <t>11052808.0</t>
  </si>
  <si>
    <t>245443.0</t>
  </si>
  <si>
    <t>287121.0</t>
  </si>
  <si>
    <t>105506.0</t>
  </si>
  <si>
    <t>924307.0</t>
  </si>
  <si>
    <t>157847689.0</t>
  </si>
  <si>
    <t>77942040.0</t>
  </si>
  <si>
    <t>70976666.0</t>
  </si>
  <si>
    <t>11066586.0</t>
  </si>
  <si>
    <t>190484.0</t>
  </si>
  <si>
    <t>300629.0</t>
  </si>
  <si>
    <t>108221.0</t>
  </si>
  <si>
    <t>269317948.0</t>
  </si>
  <si>
    <t>1856.05</t>
  </si>
  <si>
    <t>158122926.0</t>
  </si>
  <si>
    <t>77984384.0</t>
  </si>
  <si>
    <t>71207119.0</t>
  </si>
  <si>
    <t>11069122.0</t>
  </si>
  <si>
    <t>275237.0</t>
  </si>
  <si>
    <t>335046.0</t>
  </si>
  <si>
    <t>112424.0</t>
  </si>
  <si>
    <t>821677.0</t>
  </si>
  <si>
    <t>158411769.0</t>
  </si>
  <si>
    <t>78044493.0</t>
  </si>
  <si>
    <t>71317632.0</t>
  </si>
  <si>
    <t>11187390.0</t>
  </si>
  <si>
    <t>288843.0</t>
  </si>
  <si>
    <t>281764.0</t>
  </si>
  <si>
    <t>71469.0</t>
  </si>
  <si>
    <t>270341349.0</t>
  </si>
  <si>
    <t>1863.103</t>
  </si>
  <si>
    <t>762687.0</t>
  </si>
  <si>
    <t>159211213.0</t>
  </si>
  <si>
    <t>78200456.0</t>
  </si>
  <si>
    <t>71431686.0</t>
  </si>
  <si>
    <t>11716875.0</t>
  </si>
  <si>
    <t>350404.0</t>
  </si>
  <si>
    <t>729452.0</t>
  </si>
  <si>
    <t>160816996.0</t>
  </si>
  <si>
    <t>78284278.0</t>
  </si>
  <si>
    <t>71601909.0</t>
  </si>
  <si>
    <t>1605783.0</t>
  </si>
  <si>
    <t>537979.0</t>
  </si>
  <si>
    <t>271725319.0</t>
  </si>
  <si>
    <t>1872.641</t>
  </si>
  <si>
    <t>696218.0</t>
  </si>
  <si>
    <t>487523.0</t>
  </si>
  <si>
    <t>662648.0</t>
  </si>
  <si>
    <t>453520.0</t>
  </si>
  <si>
    <t>629078.0</t>
  </si>
  <si>
    <t>273486507.0</t>
  </si>
  <si>
    <t>1884.778</t>
  </si>
  <si>
    <t>595508.0</t>
  </si>
  <si>
    <t>0.2866</t>
  </si>
  <si>
    <t>389110.0</t>
  </si>
  <si>
    <t>273832839.0</t>
  </si>
  <si>
    <t>346332.0</t>
  </si>
  <si>
    <t>1887.165</t>
  </si>
  <si>
    <t>571884.0</t>
  </si>
  <si>
    <t>348907.0</t>
  </si>
  <si>
    <t>53883.0</t>
  </si>
  <si>
    <t>563939.0</t>
  </si>
  <si>
    <t>235762.0</t>
  </si>
  <si>
    <t>274745006.0</t>
  </si>
  <si>
    <t>1893.451</t>
  </si>
  <si>
    <t>530239.0</t>
  </si>
  <si>
    <t>275174811.0</t>
  </si>
  <si>
    <t>429805.0</t>
  </si>
  <si>
    <t>1896.413</t>
  </si>
  <si>
    <t>492785.0</t>
  </si>
  <si>
    <t>275620571.0</t>
  </si>
  <si>
    <t>1899.485</t>
  </si>
  <si>
    <t>472598.0</t>
  </si>
  <si>
    <t>276078171.0</t>
  </si>
  <si>
    <t>1902.639</t>
  </si>
  <si>
    <t>454104.0</t>
  </si>
  <si>
    <t>276461998.0</t>
  </si>
  <si>
    <t>383827.0</t>
  </si>
  <si>
    <t>1905.284</t>
  </si>
  <si>
    <t>425070.0</t>
  </si>
  <si>
    <t>1159745.5</t>
  </si>
  <si>
    <t>8014.08995462698</t>
  </si>
  <si>
    <t>276734652.0</t>
  </si>
  <si>
    <t>272654.0</t>
  </si>
  <si>
    <t>1907.163</t>
  </si>
  <si>
    <t>414545.0</t>
  </si>
  <si>
    <t>277066090.0</t>
  </si>
  <si>
    <t>1909.447</t>
  </si>
  <si>
    <t>396738.0</t>
  </si>
  <si>
    <t>395217.0</t>
  </si>
  <si>
    <t>160920944.0</t>
  </si>
  <si>
    <t>71977339.0</t>
  </si>
  <si>
    <t>12320537.0</t>
  </si>
  <si>
    <t>277956957.0</t>
  </si>
  <si>
    <t>1915.587</t>
  </si>
  <si>
    <t>397449.0</t>
  </si>
  <si>
    <t>160957155.0</t>
  </si>
  <si>
    <t>78696457.0</t>
  </si>
  <si>
    <t>72040839.0</t>
  </si>
  <si>
    <t>12358636.0</t>
  </si>
  <si>
    <t>385823.0</t>
  </si>
  <si>
    <t>161195872.0</t>
  </si>
  <si>
    <t>78750034.0</t>
  </si>
  <si>
    <t>72101180.0</t>
  </si>
  <si>
    <t>12483441.0</t>
  </si>
  <si>
    <t>238717.0</t>
  </si>
  <si>
    <t>372505.0</t>
  </si>
  <si>
    <t>161243863.0</t>
  </si>
  <si>
    <t>78769608.0</t>
  </si>
  <si>
    <t>72122031.0</t>
  </si>
  <si>
    <t>12491007.0</t>
  </si>
  <si>
    <t>50374.0</t>
  </si>
  <si>
    <t>30078.0</t>
  </si>
  <si>
    <t>279050081.0</t>
  </si>
  <si>
    <t>1923.12</t>
  </si>
  <si>
    <t>369726.0</t>
  </si>
  <si>
    <t>161246982.0</t>
  </si>
  <si>
    <t>78770001.0</t>
  </si>
  <si>
    <t>72124064.0</t>
  </si>
  <si>
    <t>12491700.0</t>
  </si>
  <si>
    <t>359852.0</t>
  </si>
  <si>
    <t>52489.0</t>
  </si>
  <si>
    <t>341579.0</t>
  </si>
  <si>
    <t>161300053.0</t>
  </si>
  <si>
    <t>78792717.0</t>
  </si>
  <si>
    <t>72143574.0</t>
  </si>
  <si>
    <t>12502549.0</t>
  </si>
  <si>
    <t>307022.0</t>
  </si>
  <si>
    <t>161429748.0</t>
  </si>
  <si>
    <t>78855034.0</t>
  </si>
  <si>
    <t>72183240.0</t>
  </si>
  <si>
    <t>12530261.0</t>
  </si>
  <si>
    <t>129695.0</t>
  </si>
  <si>
    <t>72686.0</t>
  </si>
  <si>
    <t>279864208.0</t>
  </si>
  <si>
    <t>1928.731</t>
  </si>
  <si>
    <t>272464.0</t>
  </si>
  <si>
    <t>161477737.0</t>
  </si>
  <si>
    <t>78862638.0</t>
  </si>
  <si>
    <t>72208894.0</t>
  </si>
  <si>
    <t>12544992.0</t>
  </si>
  <si>
    <t>23740.0</t>
  </si>
  <si>
    <t>268001.0</t>
  </si>
  <si>
    <t>161480902.0</t>
  </si>
  <si>
    <t>78864152.0</t>
  </si>
  <si>
    <t>72209922.0</t>
  </si>
  <si>
    <t>12545615.0</t>
  </si>
  <si>
    <t>40719.0</t>
  </si>
  <si>
    <t>280530471.0</t>
  </si>
  <si>
    <t>1933.323</t>
  </si>
  <si>
    <t>263538.0</t>
  </si>
  <si>
    <t>248218.0</t>
  </si>
  <si>
    <t>161729803.0</t>
  </si>
  <si>
    <t>72236457.0</t>
  </si>
  <si>
    <t>12614966.0</t>
  </si>
  <si>
    <t>255876.0</t>
  </si>
  <si>
    <t>161799245.0</t>
  </si>
  <si>
    <t>78969573.0</t>
  </si>
  <si>
    <t>72312244.0</t>
  </si>
  <si>
    <t>12656240.0</t>
  </si>
  <si>
    <t>69442.0</t>
  </si>
  <si>
    <t>75104.0</t>
  </si>
  <si>
    <t>161833738.0</t>
  </si>
  <si>
    <t>78979054.0</t>
  </si>
  <si>
    <t>72323725.0</t>
  </si>
  <si>
    <t>12669779.0</t>
  </si>
  <si>
    <t>76241.0</t>
  </si>
  <si>
    <t>271191.0</t>
  </si>
  <si>
    <t>161840383.0</t>
  </si>
  <si>
    <t>78979995.0</t>
  </si>
  <si>
    <t>72324976.0</t>
  </si>
  <si>
    <t>12674232.0</t>
  </si>
  <si>
    <t>111.84</t>
  </si>
  <si>
    <t>278848.0</t>
  </si>
  <si>
    <t>161841637.0</t>
  </si>
  <si>
    <t>78981249.0</t>
  </si>
  <si>
    <t>51986.0</t>
  </si>
  <si>
    <t>161844766.0</t>
  </si>
  <si>
    <t>78982311.0</t>
  </si>
  <si>
    <t>12676299.0</t>
  </si>
  <si>
    <t>51981.0</t>
  </si>
  <si>
    <t>257135.0</t>
  </si>
  <si>
    <t>162052208.0</t>
  </si>
  <si>
    <t>79097971.0</t>
  </si>
  <si>
    <t>72387464.0</t>
  </si>
  <si>
    <t>12705604.0</t>
  </si>
  <si>
    <t>207442.0</t>
  </si>
  <si>
    <t>282587552.0</t>
  </si>
  <si>
    <t>162246779.0</t>
  </si>
  <si>
    <t>79211156.0</t>
  </si>
  <si>
    <t>72400656.0</t>
  </si>
  <si>
    <t>12773798.0</t>
  </si>
  <si>
    <t>194571.0</t>
  </si>
  <si>
    <t>73854.0</t>
  </si>
  <si>
    <t>250497.0</t>
  </si>
  <si>
    <t>162443249.0</t>
  </si>
  <si>
    <t>79272210.0</t>
  </si>
  <si>
    <t>72501076.0</t>
  </si>
  <si>
    <t>12808794.0</t>
  </si>
  <si>
    <t>196470.0</t>
  </si>
  <si>
    <t>92001.0</t>
  </si>
  <si>
    <t>43234.0</t>
  </si>
  <si>
    <t>162700595.0</t>
  </si>
  <si>
    <t>79436064.0</t>
  </si>
  <si>
    <t>72548414.0</t>
  </si>
  <si>
    <t>12854960.0</t>
  </si>
  <si>
    <t>257346.0</t>
  </si>
  <si>
    <t>283219566.0</t>
  </si>
  <si>
    <t>1951.855</t>
  </si>
  <si>
    <t>237222.0</t>
  </si>
  <si>
    <t>163038146.0</t>
  </si>
  <si>
    <t>79608582.0</t>
  </si>
  <si>
    <t>72707136.0</t>
  </si>
  <si>
    <t>12861273.0</t>
  </si>
  <si>
    <t>337551.0</t>
  </si>
  <si>
    <t>236101.0</t>
  </si>
  <si>
    <t>163065113.0</t>
  </si>
  <si>
    <t>79621685.0</t>
  </si>
  <si>
    <t>72712682.0</t>
  </si>
  <si>
    <t>12869591.0</t>
  </si>
  <si>
    <t>91491.0</t>
  </si>
  <si>
    <t>234981.0</t>
  </si>
  <si>
    <t>163472534.0</t>
  </si>
  <si>
    <t>79905693.0</t>
  </si>
  <si>
    <t>72793010.0</t>
  </si>
  <si>
    <t>12912676.0</t>
  </si>
  <si>
    <t>407421.0</t>
  </si>
  <si>
    <t>131912.0</t>
  </si>
  <si>
    <t>283967438.0</t>
  </si>
  <si>
    <t>1957.009</t>
  </si>
  <si>
    <t>233860.0</t>
  </si>
  <si>
    <t>163498591.0</t>
  </si>
  <si>
    <t>79914874.0</t>
  </si>
  <si>
    <t>72800841.0</t>
  </si>
  <si>
    <t>12921721.0</t>
  </si>
  <si>
    <t>26057.0</t>
  </si>
  <si>
    <t>206626.0</t>
  </si>
  <si>
    <t>116700.0</t>
  </si>
  <si>
    <t>226504.0</t>
  </si>
  <si>
    <t>163513489.0</t>
  </si>
  <si>
    <t>79920509.0</t>
  </si>
  <si>
    <t>72808825.0</t>
  </si>
  <si>
    <t>12923000.0</t>
  </si>
  <si>
    <t>180959.0</t>
  </si>
  <si>
    <t>101336.0</t>
  </si>
  <si>
    <t>225786.0</t>
  </si>
  <si>
    <t>163601171.0</t>
  </si>
  <si>
    <t>72841232.0</t>
  </si>
  <si>
    <t>12944038.0</t>
  </si>
  <si>
    <t>87682.0</t>
  </si>
  <si>
    <t>165417.0</t>
  </si>
  <si>
    <t>113.05</t>
  </si>
  <si>
    <t>225069.0</t>
  </si>
  <si>
    <t>163623016.0</t>
  </si>
  <si>
    <t>72847646.0</t>
  </si>
  <si>
    <t>12945781.0</t>
  </si>
  <si>
    <t>131774.0</t>
  </si>
  <si>
    <t>113.07</t>
  </si>
  <si>
    <t>69960.0</t>
  </si>
  <si>
    <t>224351.0</t>
  </si>
  <si>
    <t>97342.0</t>
  </si>
  <si>
    <t>1209678.3</t>
  </si>
  <si>
    <t>8359.13630392206</t>
  </si>
  <si>
    <t>284995665.0</t>
  </si>
  <si>
    <t>1964.095</t>
  </si>
  <si>
    <t>218115.0</t>
  </si>
  <si>
    <t>107278.0</t>
  </si>
  <si>
    <t>72930.0</t>
  </si>
  <si>
    <t>204125.0</t>
  </si>
  <si>
    <t>164105625.0</t>
  </si>
  <si>
    <t>79938974.0</t>
  </si>
  <si>
    <t>72913790.0</t>
  </si>
  <si>
    <t>13391741.0</t>
  </si>
  <si>
    <t>84591.0</t>
  </si>
  <si>
    <t>164203781.0</t>
  </si>
  <si>
    <t>79969489.0</t>
  </si>
  <si>
    <t>72956211.0</t>
  </si>
  <si>
    <t>13416961.0</t>
  </si>
  <si>
    <t>86087.0</t>
  </si>
  <si>
    <t>164252315.0</t>
  </si>
  <si>
    <t>79992293.0</t>
  </si>
  <si>
    <t>72962490.0</t>
  </si>
  <si>
    <t>13436419.0</t>
  </si>
  <si>
    <t>89900.0</t>
  </si>
  <si>
    <t>202604.0</t>
  </si>
  <si>
    <t>164655183.0</t>
  </si>
  <si>
    <t>80055339.0</t>
  </si>
  <si>
    <t>73011036.0</t>
  </si>
  <si>
    <t>13727695.0</t>
  </si>
  <si>
    <t>402868.0</t>
  </si>
  <si>
    <t>133664.0</t>
  </si>
  <si>
    <t>286410344.0</t>
  </si>
  <si>
    <t>1973.845</t>
  </si>
  <si>
    <t>164655398.0</t>
  </si>
  <si>
    <t>80055554.0</t>
  </si>
  <si>
    <t>119905.0</t>
  </si>
  <si>
    <t>204292.0</t>
  </si>
  <si>
    <t>112287.0</t>
  </si>
  <si>
    <t>286845263.0</t>
  </si>
  <si>
    <t>1976.842</t>
  </si>
  <si>
    <t>206486.0</t>
  </si>
  <si>
    <t>104669.0</t>
  </si>
  <si>
    <t>202544.0</t>
  </si>
  <si>
    <t>164784981.0</t>
  </si>
  <si>
    <t>80138158.0</t>
  </si>
  <si>
    <t>73039602.0</t>
  </si>
  <si>
    <t>13746115.0</t>
  </si>
  <si>
    <t>198602.0</t>
  </si>
  <si>
    <t>85418.0</t>
  </si>
  <si>
    <t>194660.0</t>
  </si>
  <si>
    <t>164818433.0</t>
  </si>
  <si>
    <t>80193144.0</t>
  </si>
  <si>
    <t>73085606.0</t>
  </si>
  <si>
    <t>13778385.0</t>
  </si>
  <si>
    <t>80874.0</t>
  </si>
  <si>
    <t>113.89</t>
  </si>
  <si>
    <t>287543270.0</t>
  </si>
  <si>
    <t>164994641.0</t>
  </si>
  <si>
    <t>80272657.0</t>
  </si>
  <si>
    <t>73170842.0</t>
  </si>
  <si>
    <t>13789844.0</t>
  </si>
  <si>
    <t>48494.0</t>
  </si>
  <si>
    <t>195441.0</t>
  </si>
  <si>
    <t>165034184.0</t>
  </si>
  <si>
    <t>80286692.0</t>
  </si>
  <si>
    <t>73179137.0</t>
  </si>
  <si>
    <t>13807057.0</t>
  </si>
  <si>
    <t>54112.0</t>
  </si>
  <si>
    <t>197971.0</t>
  </si>
  <si>
    <t>288248763.0</t>
  </si>
  <si>
    <t>1986.515</t>
  </si>
  <si>
    <t>200500.0</t>
  </si>
  <si>
    <t>27728.0</t>
  </si>
  <si>
    <t>199416.0</t>
  </si>
  <si>
    <t>165150500.0</t>
  </si>
  <si>
    <t>80313734.0</t>
  </si>
  <si>
    <t>73204132.0</t>
  </si>
  <si>
    <t>13871336.0</t>
  </si>
  <si>
    <t>52217.0</t>
  </si>
  <si>
    <t>114.12</t>
  </si>
  <si>
    <t>198332.0</t>
  </si>
  <si>
    <t>165383251.0</t>
  </si>
  <si>
    <t>80337544.0</t>
  </si>
  <si>
    <t>73219073.0</t>
  </si>
  <si>
    <t>14065336.0</t>
  </si>
  <si>
    <t>232751.0</t>
  </si>
  <si>
    <t>197248.0</t>
  </si>
  <si>
    <t>165451803.0</t>
  </si>
  <si>
    <t>80369412.0</t>
  </si>
  <si>
    <t>73239049.0</t>
  </si>
  <si>
    <t>14082079.0</t>
  </si>
  <si>
    <t>68552.0</t>
  </si>
  <si>
    <t>90481.0</t>
  </si>
  <si>
    <t>288916418.0</t>
  </si>
  <si>
    <t>1991.116</t>
  </si>
  <si>
    <t>165933619.0</t>
  </si>
  <si>
    <t>80471856.0</t>
  </si>
  <si>
    <t>73278756.0</t>
  </si>
  <si>
    <t>481816.0</t>
  </si>
  <si>
    <t>134140.0</t>
  </si>
  <si>
    <t>190706.0</t>
  </si>
  <si>
    <t>165983904.0</t>
  </si>
  <si>
    <t>80485662.0</t>
  </si>
  <si>
    <t>73293254.0</t>
  </si>
  <si>
    <t>135674.0</t>
  </si>
  <si>
    <t>28424.0</t>
  </si>
  <si>
    <t>185248.0</t>
  </si>
  <si>
    <t>133485.0</t>
  </si>
  <si>
    <t>289507298.0</t>
  </si>
  <si>
    <t>1995.188</t>
  </si>
  <si>
    <t>179791.0</t>
  </si>
  <si>
    <t>131297.0</t>
  </si>
  <si>
    <t>178180.0</t>
  </si>
  <si>
    <t>129108.0</t>
  </si>
  <si>
    <t>176570.0</t>
  </si>
  <si>
    <t>166077704.0</t>
  </si>
  <si>
    <t>80688940.0</t>
  </si>
  <si>
    <t>73505580.0</t>
  </si>
  <si>
    <t>99208.0</t>
  </si>
  <si>
    <t>50199.0</t>
  </si>
  <si>
    <t>174960.0</t>
  </si>
  <si>
    <t>98303.0</t>
  </si>
  <si>
    <t>173349.0</t>
  </si>
  <si>
    <t>166202144.0</t>
  </si>
  <si>
    <t>80744528.0</t>
  </si>
  <si>
    <t>73547822.0</t>
  </si>
  <si>
    <t>14148531.0</t>
  </si>
  <si>
    <t>290285503.0</t>
  </si>
  <si>
    <t>2000.551</t>
  </si>
  <si>
    <t>167446.0</t>
  </si>
  <si>
    <t>166371248.0</t>
  </si>
  <si>
    <t>80851408.0</t>
  </si>
  <si>
    <t>73574648.0</t>
  </si>
  <si>
    <t>14183929.0</t>
  </si>
  <si>
    <t>169104.0</t>
  </si>
  <si>
    <t>52249.0</t>
  </si>
  <si>
    <t>164835.0</t>
  </si>
  <si>
    <t>166388061.0</t>
  </si>
  <si>
    <t>80862100.0</t>
  </si>
  <si>
    <t>73576259.0</t>
  </si>
  <si>
    <t>14188439.0</t>
  </si>
  <si>
    <t>54387.0</t>
  </si>
  <si>
    <t>114.98</t>
  </si>
  <si>
    <t>1213801.1</t>
  </si>
  <si>
    <t>8387.62573549557</t>
  </si>
  <si>
    <t>290642858.0</t>
  </si>
  <si>
    <t>2003.014</t>
  </si>
  <si>
    <t>55979.0</t>
  </si>
  <si>
    <t>39446.0</t>
  </si>
  <si>
    <t>166457255.0</t>
  </si>
  <si>
    <t>80864741.0</t>
  </si>
  <si>
    <t>141936.0</t>
  </si>
  <si>
    <t>166462546.0</t>
  </si>
  <si>
    <t>80870032.0</t>
  </si>
  <si>
    <t>54977.0</t>
  </si>
  <si>
    <t>25870.0</t>
  </si>
  <si>
    <t>290896765.0</t>
  </si>
  <si>
    <t>2004.764</t>
  </si>
  <si>
    <t>131792.0</t>
  </si>
  <si>
    <t>166506180.0</t>
  </si>
  <si>
    <t>80899427.0</t>
  </si>
  <si>
    <t>14202678.0</t>
  </si>
  <si>
    <t>115.06</t>
  </si>
  <si>
    <t>26099.0</t>
  </si>
  <si>
    <t>131275.0</t>
  </si>
  <si>
    <t>130759.0</t>
  </si>
  <si>
    <t>166534236.0</t>
  </si>
  <si>
    <t>80924592.0</t>
  </si>
  <si>
    <t>14204472.0</t>
  </si>
  <si>
    <t>23284.0</t>
  </si>
  <si>
    <t>126951.0</t>
  </si>
  <si>
    <t>291504861.0</t>
  </si>
  <si>
    <t>2008.955</t>
  </si>
  <si>
    <t>123143.0</t>
  </si>
  <si>
    <t>123372.0</t>
  </si>
  <si>
    <t>123601.0</t>
  </si>
  <si>
    <t>291763579.0</t>
  </si>
  <si>
    <t>2010.738</t>
  </si>
  <si>
    <t>123831.0</t>
  </si>
  <si>
    <t>124555.0</t>
  </si>
  <si>
    <t>124917.0</t>
  </si>
  <si>
    <t>292381816.0</t>
  </si>
  <si>
    <t>2014.998</t>
  </si>
  <si>
    <t>125279.0</t>
  </si>
  <si>
    <t>132718.0</t>
  </si>
  <si>
    <t>140156.0</t>
  </si>
  <si>
    <t>147595.0</t>
  </si>
  <si>
    <t>292935053.0</t>
  </si>
  <si>
    <t>2018.811</t>
  </si>
  <si>
    <t>166672811.0</t>
  </si>
  <si>
    <t>80998127.0</t>
  </si>
  <si>
    <t>73583983.0</t>
  </si>
  <si>
    <t>14329438.0</t>
  </si>
  <si>
    <t>147065.0</t>
  </si>
  <si>
    <t>148857.0</t>
  </si>
  <si>
    <t>166676353.0</t>
  </si>
  <si>
    <t>81000349.0</t>
  </si>
  <si>
    <t>14330758.0</t>
  </si>
  <si>
    <t>293436358.0</t>
  </si>
  <si>
    <t>2022.266</t>
  </si>
  <si>
    <t>293637734.0</t>
  </si>
  <si>
    <t>2023.654</t>
  </si>
  <si>
    <t>139900.0</t>
  </si>
  <si>
    <t>166701737.0</t>
  </si>
  <si>
    <t>81012919.0</t>
  </si>
  <si>
    <t>73592208.0</t>
  </si>
  <si>
    <t>14335347.0</t>
  </si>
  <si>
    <t>142578.0</t>
  </si>
  <si>
    <t>166798541.0</t>
  </si>
  <si>
    <t>81020952.0</t>
  </si>
  <si>
    <t>73680792.0</t>
  </si>
  <si>
    <t>14335534.0</t>
  </si>
  <si>
    <t>145255.0</t>
  </si>
  <si>
    <t>166818877.0</t>
  </si>
  <si>
    <t>81025157.0</t>
  </si>
  <si>
    <t>14351665.0</t>
  </si>
  <si>
    <t>115.28</t>
  </si>
  <si>
    <t>143820.0</t>
  </si>
  <si>
    <t>166828750.0</t>
  </si>
  <si>
    <t>81030700.0</t>
  </si>
  <si>
    <t>73682537.0</t>
  </si>
  <si>
    <t>14354250.0</t>
  </si>
  <si>
    <t>142384.0</t>
  </si>
  <si>
    <t>166829407.0</t>
  </si>
  <si>
    <t>81031140.0</t>
  </si>
  <si>
    <t>14354467.0</t>
  </si>
  <si>
    <t>294422997.0</t>
  </si>
  <si>
    <t>2029.066</t>
  </si>
  <si>
    <t>166830060.0</t>
  </si>
  <si>
    <t>81031567.0</t>
  </si>
  <si>
    <t>14354693.0</t>
  </si>
  <si>
    <t>144818.0</t>
  </si>
  <si>
    <t>148688.0</t>
  </si>
  <si>
    <t>167125605.0</t>
  </si>
  <si>
    <t>81042991.0</t>
  </si>
  <si>
    <t>73960224.0</t>
  </si>
  <si>
    <t>115.49</t>
  </si>
  <si>
    <t>1215162.9</t>
  </si>
  <si>
    <t>8397.03606534829</t>
  </si>
  <si>
    <t>144505.0</t>
  </si>
  <si>
    <t>294934098.0</t>
  </si>
  <si>
    <t>2032.588</t>
  </si>
  <si>
    <t>140323.0</t>
  </si>
  <si>
    <t>167184591.0</t>
  </si>
  <si>
    <t>81077691.0</t>
  </si>
  <si>
    <t>73988718.0</t>
  </si>
  <si>
    <t>14356919.0</t>
  </si>
  <si>
    <t>140082.0</t>
  </si>
  <si>
    <t>295244836.0</t>
  </si>
  <si>
    <t>2034.729</t>
  </si>
  <si>
    <t>139842.0</t>
  </si>
  <si>
    <t>167218973.0</t>
  </si>
  <si>
    <t>81100653.0</t>
  </si>
  <si>
    <t>73998668.0</t>
  </si>
  <si>
    <t>14358389.0</t>
  </si>
  <si>
    <t>55652.0</t>
  </si>
  <si>
    <t>55599.0</t>
  </si>
  <si>
    <t>167219817.0</t>
  </si>
  <si>
    <t>81101114.0</t>
  </si>
  <si>
    <t>14358772.0</t>
  </si>
  <si>
    <t>167220271.0</t>
  </si>
  <si>
    <t>81101416.0</t>
  </si>
  <si>
    <t>14358924.0</t>
  </si>
  <si>
    <t>167223461.0</t>
  </si>
  <si>
    <t>81102612.0</t>
  </si>
  <si>
    <t>14360918.0</t>
  </si>
  <si>
    <t>167234970.0</t>
  </si>
  <si>
    <t>81107194.0</t>
  </si>
  <si>
    <t>14367845.0</t>
  </si>
  <si>
    <t>167269203.0</t>
  </si>
  <si>
    <t>81110817.0</t>
  </si>
  <si>
    <t>74003641.0</t>
  </si>
  <si>
    <t>14393482.0</t>
  </si>
  <si>
    <t>14591.0</t>
  </si>
  <si>
    <t>68043.0</t>
  </si>
  <si>
    <t>167805412.0</t>
  </si>
  <si>
    <t>81265376.0</t>
  </si>
  <si>
    <t>74203758.0</t>
  </si>
  <si>
    <t>14575015.0</t>
  </si>
  <si>
    <t>83136.0</t>
  </si>
  <si>
    <t>168160562.0</t>
  </si>
  <si>
    <t>81529329.0</t>
  </si>
  <si>
    <t>74284589.0</t>
  </si>
  <si>
    <t>14585381.0</t>
  </si>
  <si>
    <t>355150.0</t>
  </si>
  <si>
    <t>132227.0</t>
  </si>
  <si>
    <t>60305.0</t>
  </si>
  <si>
    <t>131337.0</t>
  </si>
  <si>
    <t>62207.0</t>
  </si>
  <si>
    <t>120016.0</t>
  </si>
  <si>
    <t>168244558.0</t>
  </si>
  <si>
    <t>81580140.0</t>
  </si>
  <si>
    <t>74311072.0</t>
  </si>
  <si>
    <t>14592083.0</t>
  </si>
  <si>
    <t>108696.0</t>
  </si>
  <si>
    <t>168248674.0</t>
  </si>
  <si>
    <t>14596199.0</t>
  </si>
  <si>
    <t>50598.0</t>
  </si>
  <si>
    <t>168286901.0</t>
  </si>
  <si>
    <t>81597163.0</t>
  </si>
  <si>
    <t>74329141.0</t>
  </si>
  <si>
    <t>14599334.0</t>
  </si>
  <si>
    <t>68784.0</t>
  </si>
  <si>
    <t>168877773.0</t>
  </si>
  <si>
    <t>81771142.0</t>
  </si>
  <si>
    <t>74641991.0</t>
  </si>
  <si>
    <t>14703377.0</t>
  </si>
  <si>
    <t>94459.0</t>
  </si>
  <si>
    <t>168942751.0</t>
  </si>
  <si>
    <t>81792489.0</t>
  </si>
  <si>
    <t>74673362.0</t>
  </si>
  <si>
    <t>14715637.0</t>
  </si>
  <si>
    <t>97843.0</t>
  </si>
  <si>
    <t>1216661.9</t>
  </si>
  <si>
    <t>8407.39447660489</t>
  </si>
  <si>
    <t>96532.0</t>
  </si>
  <si>
    <t>43098.0</t>
  </si>
  <si>
    <t>13142.0</t>
  </si>
  <si>
    <t>168992435.0</t>
  </si>
  <si>
    <t>81808303.0</t>
  </si>
  <si>
    <t>74698233.0</t>
  </si>
  <si>
    <t>14724636.0</t>
  </si>
  <si>
    <t>169032177.0</t>
  </si>
  <si>
    <t>81820458.0</t>
  </si>
  <si>
    <t>74718279.0</t>
  </si>
  <si>
    <t>14732177.0</t>
  </si>
  <si>
    <t>169145557.0</t>
  </si>
  <si>
    <t>81874223.0</t>
  </si>
  <si>
    <t>74750729.0</t>
  </si>
  <si>
    <t>14759342.0</t>
  </si>
  <si>
    <t>113380.0</t>
  </si>
  <si>
    <t>21875.0</t>
  </si>
  <si>
    <t>169349030.0</t>
  </si>
  <si>
    <t>81935767.0</t>
  </si>
  <si>
    <t>74787071.0</t>
  </si>
  <si>
    <t>14864929.0</t>
  </si>
  <si>
    <t>169672751.0</t>
  </si>
  <si>
    <t>82031423.0</t>
  </si>
  <si>
    <t>74957786.0</t>
  </si>
  <si>
    <t>14922279.0</t>
  </si>
  <si>
    <t>323721.0</t>
  </si>
  <si>
    <t>68806.0</t>
  </si>
  <si>
    <t>66452.0</t>
  </si>
  <si>
    <t>64097.0</t>
  </si>
  <si>
    <t>61743.0</t>
  </si>
  <si>
    <t>169735679.0</t>
  </si>
  <si>
    <t>82034136.0</t>
  </si>
  <si>
    <t>74969766.0</t>
  </si>
  <si>
    <t>14970514.0</t>
  </si>
  <si>
    <t>86412.0</t>
  </si>
  <si>
    <t>170172145.0</t>
  </si>
  <si>
    <t>82144686.0</t>
  </si>
  <si>
    <t>75014747.0</t>
  </si>
  <si>
    <t>15251449.0</t>
  </si>
  <si>
    <t>71342.0</t>
  </si>
  <si>
    <t>16180.0</t>
  </si>
  <si>
    <t>170307823.0</t>
  </si>
  <si>
    <t>82246152.0</t>
  </si>
  <si>
    <t>75041866.0</t>
  </si>
  <si>
    <t>15258542.0</t>
  </si>
  <si>
    <t>135678.0</t>
  </si>
  <si>
    <t>88927.0</t>
  </si>
  <si>
    <t>30598.0</t>
  </si>
  <si>
    <t>102179.0</t>
  </si>
  <si>
    <t>115431.0</t>
  </si>
  <si>
    <t>38223.0</t>
  </si>
  <si>
    <t>128684.0</t>
  </si>
  <si>
    <t>1209968.7</t>
  </si>
  <si>
    <t>8361.14303015883</t>
  </si>
  <si>
    <t>125810.0</t>
  </si>
  <si>
    <t>170939937.0</t>
  </si>
  <si>
    <t>82409530.0</t>
  </si>
  <si>
    <t>75048093.0</t>
  </si>
  <si>
    <t>15721108.0</t>
  </si>
  <si>
    <t>109685.0</t>
  </si>
  <si>
    <t>115502.0</t>
  </si>
  <si>
    <t>31676.0</t>
  </si>
  <si>
    <t>171469139.0</t>
  </si>
  <si>
    <t>82584587.0</t>
  </si>
  <si>
    <t>75211211.0</t>
  </si>
  <si>
    <t>15912135.0</t>
  </si>
  <si>
    <t>135802.0</t>
  </si>
  <si>
    <t>40568.0</t>
  </si>
  <si>
    <t>35571.0</t>
  </si>
  <si>
    <t>171567996.0</t>
  </si>
  <si>
    <t>82613811.0</t>
  </si>
  <si>
    <t>75242725.0</t>
  </si>
  <si>
    <t>15950254.0</t>
  </si>
  <si>
    <t>171574030.0</t>
  </si>
  <si>
    <t>82614084.0</t>
  </si>
  <si>
    <t>75242821.0</t>
  </si>
  <si>
    <t>15955919.0</t>
  </si>
  <si>
    <t>90585.0</t>
  </si>
  <si>
    <t>29222.0</t>
  </si>
  <si>
    <t>171598127.0</t>
  </si>
  <si>
    <t>82629761.0</t>
  </si>
  <si>
    <t>75250305.0</t>
  </si>
  <si>
    <t>15956855.0</t>
  </si>
  <si>
    <t>24097.0</t>
  </si>
  <si>
    <t>68827.0</t>
  </si>
  <si>
    <t>77192.0</t>
  </si>
  <si>
    <t>172190537.0</t>
  </si>
  <si>
    <t>82903599.0</t>
  </si>
  <si>
    <t>75309482.0</t>
  </si>
  <si>
    <t>16216250.0</t>
  </si>
  <si>
    <t>93578.0</t>
  </si>
  <si>
    <t>43777.0</t>
  </si>
  <si>
    <t>97359.0</t>
  </si>
  <si>
    <t>98560.0</t>
  </si>
  <si>
    <t>38853.0</t>
  </si>
  <si>
    <t>172353049.0</t>
  </si>
  <si>
    <t>82986841.0</t>
  </si>
  <si>
    <t>75348251.0</t>
  </si>
  <si>
    <t>16256751.0</t>
  </si>
  <si>
    <t>65531.0</t>
  </si>
  <si>
    <t>172776605.0</t>
  </si>
  <si>
    <t>83091371.0</t>
  </si>
  <si>
    <t>75562857.0</t>
  </si>
  <si>
    <t>16361171.0</t>
  </si>
  <si>
    <t>79081.0</t>
  </si>
  <si>
    <t>119.39</t>
  </si>
  <si>
    <t>108199.0</t>
  </si>
  <si>
    <t>173249265.0</t>
  </si>
  <si>
    <t>83214591.0</t>
  </si>
  <si>
    <t>16601734.0</t>
  </si>
  <si>
    <t>137317.0</t>
  </si>
  <si>
    <t>173448592.0</t>
  </si>
  <si>
    <t>83377309.0</t>
  </si>
  <si>
    <t>75612271.0</t>
  </si>
  <si>
    <t>16697806.0</t>
  </si>
  <si>
    <t>199327.0</t>
  </si>
  <si>
    <t>161149.0</t>
  </si>
  <si>
    <t>58159.0</t>
  </si>
  <si>
    <t>173452712.0</t>
  </si>
  <si>
    <t>16701926.0</t>
  </si>
  <si>
    <t>157095.0</t>
  </si>
  <si>
    <t>55781.0</t>
  </si>
  <si>
    <t>145862.0</t>
  </si>
  <si>
    <t>56202.0</t>
  </si>
  <si>
    <t>134628.0</t>
  </si>
  <si>
    <t>56622.0</t>
  </si>
  <si>
    <t>173640371.0</t>
  </si>
  <si>
    <t>83490669.0</t>
  </si>
  <si>
    <t>75656140.0</t>
  </si>
  <si>
    <t>16732356.0</t>
  </si>
  <si>
    <t>123395.0</t>
  </si>
  <si>
    <t>174268516.0</t>
  </si>
  <si>
    <t>83821071.0</t>
  </si>
  <si>
    <t>75826270.0</t>
  </si>
  <si>
    <t>16859969.0</t>
  </si>
  <si>
    <t>628145.0</t>
  </si>
  <si>
    <t>179369.0</t>
  </si>
  <si>
    <t>95441.0</t>
  </si>
  <si>
    <t>174883953.0</t>
  </si>
  <si>
    <t>83876503.0</t>
  </si>
  <si>
    <t>76357386.0</t>
  </si>
  <si>
    <t>16888858.0</t>
  </si>
  <si>
    <t>615437.0</t>
  </si>
  <si>
    <t>1220096.1</t>
  </si>
  <si>
    <t>8431.12553460182</t>
  </si>
  <si>
    <t>219508.0</t>
  </si>
  <si>
    <t>175086336.0</t>
  </si>
  <si>
    <t>83969750.0</t>
  </si>
  <si>
    <t>76438055.0</t>
  </si>
  <si>
    <t>16917325.0</t>
  </si>
  <si>
    <t>233375.0</t>
  </si>
  <si>
    <t>226846.0</t>
  </si>
  <si>
    <t>75642.0</t>
  </si>
  <si>
    <t>213789.0</t>
  </si>
  <si>
    <t>71145.0</t>
  </si>
  <si>
    <t>175254853.0</t>
  </si>
  <si>
    <t>84032873.0</t>
  </si>
  <si>
    <t>76510869.0</t>
  </si>
  <si>
    <t>16949905.0</t>
  </si>
  <si>
    <t>175700223.0</t>
  </si>
  <si>
    <t>16976588.0</t>
  </si>
  <si>
    <t>445370.0</t>
  </si>
  <si>
    <t>78069.0</t>
  </si>
  <si>
    <t>121.41</t>
  </si>
  <si>
    <t>175762402.0</t>
  </si>
  <si>
    <t>17277995.0</t>
  </si>
  <si>
    <t>62179.0</t>
  </si>
  <si>
    <t>84544.0</t>
  </si>
  <si>
    <t>175945341.0</t>
  </si>
  <si>
    <t>84210241.0</t>
  </si>
  <si>
    <t>76624437.0</t>
  </si>
  <si>
    <t>17349457.0</t>
  </si>
  <si>
    <t>182939.0</t>
  </si>
  <si>
    <t>108271.0</t>
  </si>
  <si>
    <t>175974391.0</t>
  </si>
  <si>
    <t>84218429.0</t>
  </si>
  <si>
    <t>76640472.0</t>
  </si>
  <si>
    <t>17354284.0</t>
  </si>
  <si>
    <t>110013.0</t>
  </si>
  <si>
    <t>29213.0</t>
  </si>
  <si>
    <t>38837.0</t>
  </si>
  <si>
    <t>48461.0</t>
  </si>
  <si>
    <t>176402953.0</t>
  </si>
  <si>
    <t>84439462.0</t>
  </si>
  <si>
    <t>76648046.0</t>
  </si>
  <si>
    <t>17554239.0</t>
  </si>
  <si>
    <t>176736408.0</t>
  </si>
  <si>
    <t>84491742.0</t>
  </si>
  <si>
    <t>76695743.0</t>
  </si>
  <si>
    <t>17787717.0</t>
  </si>
  <si>
    <t>333455.0</t>
  </si>
  <si>
    <t>176836345.0</t>
  </si>
  <si>
    <t>84566691.0</t>
  </si>
  <si>
    <t>76720731.0</t>
  </si>
  <si>
    <t>153420.0</t>
  </si>
  <si>
    <t>59368.0</t>
  </si>
  <si>
    <t>176983063.0</t>
  </si>
  <si>
    <t>84576547.0</t>
  </si>
  <si>
    <t>76756245.0</t>
  </si>
  <si>
    <t>17889065.0</t>
  </si>
  <si>
    <t>146718.0</t>
  </si>
  <si>
    <t>148246.0</t>
  </si>
  <si>
    <t>52329.0</t>
  </si>
  <si>
    <t>170165.0</t>
  </si>
  <si>
    <t>61593.0</t>
  </si>
  <si>
    <t>175827.0</t>
  </si>
  <si>
    <t>61501.0</t>
  </si>
  <si>
    <t>181488.0</t>
  </si>
  <si>
    <t>61409.0</t>
  </si>
  <si>
    <t>177713003.0</t>
  </si>
  <si>
    <t>84868683.0</t>
  </si>
  <si>
    <t>76858867.0</t>
  </si>
  <si>
    <t>18224247.0</t>
  </si>
  <si>
    <t>187150.0</t>
  </si>
  <si>
    <t>146904.0</t>
  </si>
  <si>
    <t>57205.0</t>
  </si>
  <si>
    <t>177816467.0</t>
  </si>
  <si>
    <t>84915666.0</t>
  </si>
  <si>
    <t>18235751.0</t>
  </si>
  <si>
    <t>140017.0</t>
  </si>
  <si>
    <t>49854.0</t>
  </si>
  <si>
    <t>177912460.0</t>
  </si>
  <si>
    <t>84954104.0</t>
  </si>
  <si>
    <t>18261215.0</t>
  </si>
  <si>
    <t>95993.0</t>
  </si>
  <si>
    <t>132771.0</t>
  </si>
  <si>
    <t>178107276.0</t>
  </si>
  <si>
    <t>85094650.0</t>
  </si>
  <si>
    <t>76879530.0</t>
  </si>
  <si>
    <t>18371890.0</t>
  </si>
  <si>
    <t>1236768.3</t>
  </si>
  <si>
    <t>8546.33400968668</t>
  </si>
  <si>
    <t>102841.0</t>
  </si>
  <si>
    <t>57608.0</t>
  </si>
  <si>
    <t>178321974.0</t>
  </si>
  <si>
    <t>85251032.0</t>
  </si>
  <si>
    <t>76901674.0</t>
  </si>
  <si>
    <t>18408062.0</t>
  </si>
  <si>
    <t>123.22</t>
  </si>
  <si>
    <t>178687641.0</t>
  </si>
  <si>
    <t>85279879.0</t>
  </si>
  <si>
    <t>77176632.0</t>
  </si>
  <si>
    <t>18469924.0</t>
  </si>
  <si>
    <t>365667.0</t>
  </si>
  <si>
    <t>178835717.0</t>
  </si>
  <si>
    <t>85318780.0</t>
  </si>
  <si>
    <t>77258038.0</t>
  </si>
  <si>
    <t>18497693.0</t>
  </si>
  <si>
    <t>148076.0</t>
  </si>
  <si>
    <t>145607.0</t>
  </si>
  <si>
    <t>57588.0</t>
  </si>
  <si>
    <t>132870.0</t>
  </si>
  <si>
    <t>178849380.0</t>
  </si>
  <si>
    <t>85327907.0</t>
  </si>
  <si>
    <t>77262574.0</t>
  </si>
  <si>
    <t>33322.0</t>
  </si>
  <si>
    <t>92327.0</t>
  </si>
  <si>
    <t>178920360.0</t>
  </si>
  <si>
    <t>85355046.0</t>
  </si>
  <si>
    <t>77293698.0</t>
  </si>
  <si>
    <t>18510410.0</t>
  </si>
  <si>
    <t>178944598.0</t>
  </si>
  <si>
    <t>85364255.0</t>
  </si>
  <si>
    <t>77303623.0</t>
  </si>
  <si>
    <t>18515514.0</t>
  </si>
  <si>
    <t>179202586.0</t>
  </si>
  <si>
    <t>85406305.0</t>
  </si>
  <si>
    <t>77321901.0</t>
  </si>
  <si>
    <t>18713174.0</t>
  </si>
  <si>
    <t>257988.0</t>
  </si>
  <si>
    <t>81743.0</t>
  </si>
  <si>
    <t>179687898.0</t>
  </si>
  <si>
    <t>85745785.0</t>
  </si>
  <si>
    <t>77363727.0</t>
  </si>
  <si>
    <t>18817180.0</t>
  </si>
  <si>
    <t>109648.0</t>
  </si>
  <si>
    <t>56239.0</t>
  </si>
  <si>
    <t>111949.0</t>
  </si>
  <si>
    <t>51729.0</t>
  </si>
  <si>
    <t>179768583.0</t>
  </si>
  <si>
    <t>85775952.0</t>
  </si>
  <si>
    <t>77396701.0</t>
  </si>
  <si>
    <t>18834724.0</t>
  </si>
  <si>
    <t>179791916.0</t>
  </si>
  <si>
    <t>85787786.0</t>
  </si>
  <si>
    <t>77408200.0</t>
  </si>
  <si>
    <t>180177841.0</t>
  </si>
  <si>
    <t>85809997.0</t>
  </si>
  <si>
    <t>77439470.0</t>
  </si>
  <si>
    <t>19167168.0</t>
  </si>
  <si>
    <t>64768.0</t>
  </si>
  <si>
    <t>180354300.0</t>
  </si>
  <si>
    <t>85859068.0</t>
  </si>
  <si>
    <t>19294556.0</t>
  </si>
  <si>
    <t>80341.0</t>
  </si>
  <si>
    <t>1240195.9</t>
  </si>
  <si>
    <t>8570.01946026914</t>
  </si>
  <si>
    <t>69220.0</t>
  </si>
  <si>
    <t>180506700.0</t>
  </si>
  <si>
    <t>85926235.0</t>
  </si>
  <si>
    <t>77510309.0</t>
  </si>
  <si>
    <t>19308950.0</t>
  </si>
  <si>
    <t>61530.0</t>
  </si>
  <si>
    <t>64212.0</t>
  </si>
  <si>
    <t>66894.0</t>
  </si>
  <si>
    <t>69577.0</t>
  </si>
  <si>
    <t>181063313.0</t>
  </si>
  <si>
    <t>86092959.0</t>
  </si>
  <si>
    <t>77889761.0</t>
  </si>
  <si>
    <t>19319387.0</t>
  </si>
  <si>
    <t>60803.0</t>
  </si>
  <si>
    <t>43256.0</t>
  </si>
  <si>
    <t>34482.0</t>
  </si>
  <si>
    <t>181120444.0</t>
  </si>
  <si>
    <t>86122501.0</t>
  </si>
  <si>
    <t>77905353.0</t>
  </si>
  <si>
    <t>19331384.0</t>
  </si>
  <si>
    <t>70994.0</t>
  </si>
  <si>
    <t>55719.0</t>
  </si>
  <si>
    <t>91938.0</t>
  </si>
  <si>
    <t>72885.0</t>
  </si>
  <si>
    <t>181894298.0</t>
  </si>
  <si>
    <t>86744417.0</t>
  </si>
  <si>
    <t>78057291.0</t>
  </si>
  <si>
    <t>125.69</t>
  </si>
  <si>
    <t>90051.0</t>
  </si>
  <si>
    <t>122796.0</t>
  </si>
  <si>
    <t>132710.0</t>
  </si>
  <si>
    <t>122424.0</t>
  </si>
  <si>
    <t>87096991.0</t>
  </si>
  <si>
    <t>19470951.0</t>
  </si>
  <si>
    <t>121679.0</t>
  </si>
  <si>
    <t>121444.0</t>
  </si>
  <si>
    <t>110649.0</t>
  </si>
  <si>
    <t>106978.0</t>
  </si>
  <si>
    <t>99618.0</t>
  </si>
  <si>
    <t>88587.0</t>
  </si>
  <si>
    <t>78046.0</t>
  </si>
  <si>
    <t>87235723.0</t>
  </si>
  <si>
    <t>19491614.0</t>
  </si>
  <si>
    <t>182669867.0</t>
  </si>
  <si>
    <t>78181324.0</t>
  </si>
  <si>
    <t>182741127.0</t>
  </si>
  <si>
    <t>87295405.0</t>
  </si>
  <si>
    <t>78192902.0</t>
  </si>
  <si>
    <t>71260.0</t>
  </si>
  <si>
    <t>76657.0</t>
  </si>
  <si>
    <t>28487.0</t>
  </si>
  <si>
    <t>182811953.0</t>
  </si>
  <si>
    <t>87328115.0</t>
  </si>
  <si>
    <t>78228518.0</t>
  </si>
  <si>
    <t>19494114.0</t>
  </si>
  <si>
    <t>58635.0</t>
  </si>
  <si>
    <t>183351734.0</t>
  </si>
  <si>
    <t>87592332.0</t>
  </si>
  <si>
    <t>78504082.0</t>
  </si>
  <si>
    <t>61.846</t>
  </si>
  <si>
    <t>81753.0</t>
  </si>
  <si>
    <t>183356011.0</t>
  </si>
  <si>
    <t>87594984.0</t>
  </si>
  <si>
    <t>78505707.0</t>
  </si>
  <si>
    <t>80613.0</t>
  </si>
  <si>
    <t>79168.0</t>
  </si>
  <si>
    <t>77723.0</t>
  </si>
  <si>
    <t>52183.0</t>
  </si>
  <si>
    <t>183358313.0</t>
  </si>
  <si>
    <t>87596598.0</t>
  </si>
  <si>
    <t>78506395.0</t>
  </si>
  <si>
    <t>57.438</t>
  </si>
  <si>
    <t>183856503.0</t>
  </si>
  <si>
    <t>87658649.0</t>
  </si>
  <si>
    <t>78910632.0</t>
  </si>
  <si>
    <t>19526016.0</t>
  </si>
  <si>
    <t>71170.0</t>
  </si>
  <si>
    <t>73494.0</t>
  </si>
  <si>
    <t>74656.0</t>
  </si>
  <si>
    <t>183889038.0</t>
  </si>
  <si>
    <t>87669148.0</t>
  </si>
  <si>
    <t>78929790.0</t>
  </si>
  <si>
    <t>19528894.0</t>
  </si>
  <si>
    <t>75818.0</t>
  </si>
  <si>
    <t>127.07</t>
  </si>
  <si>
    <t>76188.0</t>
  </si>
  <si>
    <t>183894218.0</t>
  </si>
  <si>
    <t>87673830.0</t>
  </si>
  <si>
    <t>78930288.0</t>
  </si>
  <si>
    <t>RWA</t>
  </si>
  <si>
    <t>Rwanda</t>
  </si>
  <si>
    <t>252.6</t>
  </si>
  <si>
    <t>303.1</t>
  </si>
  <si>
    <t>21831.0</t>
  </si>
  <si>
    <t>34350.0</t>
  </si>
  <si>
    <t>336.5</t>
  </si>
  <si>
    <t>323.4</t>
  </si>
  <si>
    <t>323.2</t>
  </si>
  <si>
    <t>295.4</t>
  </si>
  <si>
    <t>364.8</t>
  </si>
  <si>
    <t>429.5</t>
  </si>
  <si>
    <t>48239.0</t>
  </si>
  <si>
    <t>761.3</t>
  </si>
  <si>
    <t>868.8</t>
  </si>
  <si>
    <t>693.1</t>
  </si>
  <si>
    <t>52335.0</t>
  </si>
  <si>
    <t>54400.0</t>
  </si>
  <si>
    <t>280.7</t>
  </si>
  <si>
    <t>59369.0</t>
  </si>
  <si>
    <t>261.5</t>
  </si>
  <si>
    <t>62502.0</t>
  </si>
  <si>
    <t>64268.0</t>
  </si>
  <si>
    <t>340.3</t>
  </si>
  <si>
    <t>65608.0</t>
  </si>
  <si>
    <t>283.5</t>
  </si>
  <si>
    <t>291.1</t>
  </si>
  <si>
    <t>68068.0</t>
  </si>
  <si>
    <t>69151.0</t>
  </si>
  <si>
    <t>70108.0</t>
  </si>
  <si>
    <t>71141.0</t>
  </si>
  <si>
    <t>72510.0</t>
  </si>
  <si>
    <t>74068.0</t>
  </si>
  <si>
    <t>76331.0</t>
  </si>
  <si>
    <t>78259.0</t>
  </si>
  <si>
    <t>82239.0</t>
  </si>
  <si>
    <t>6.109</t>
  </si>
  <si>
    <t>84029.0</t>
  </si>
  <si>
    <t>85613.0</t>
  </si>
  <si>
    <t>91151.0</t>
  </si>
  <si>
    <t>94059.0</t>
  </si>
  <si>
    <t>96801.0</t>
  </si>
  <si>
    <t>99309.0</t>
  </si>
  <si>
    <t>101856.0</t>
  </si>
  <si>
    <t>104889.0</t>
  </si>
  <si>
    <t>108005.0</t>
  </si>
  <si>
    <t>111257.0</t>
  </si>
  <si>
    <t>113544.0</t>
  </si>
  <si>
    <t>118112.0</t>
  </si>
  <si>
    <t>121527.0</t>
  </si>
  <si>
    <t>126284.0</t>
  </si>
  <si>
    <t>137751.0</t>
  </si>
  <si>
    <t>143943.0</t>
  </si>
  <si>
    <t>147904.0</t>
  </si>
  <si>
    <t>151641.0</t>
  </si>
  <si>
    <t>153857.0</t>
  </si>
  <si>
    <t>157271.0</t>
  </si>
  <si>
    <t>160550.0</t>
  </si>
  <si>
    <t>11.926</t>
  </si>
  <si>
    <t>163384.0</t>
  </si>
  <si>
    <t>166255.0</t>
  </si>
  <si>
    <t>168899.0</t>
  </si>
  <si>
    <t>12.804</t>
  </si>
  <si>
    <t>176260.0</t>
  </si>
  <si>
    <t>13.395</t>
  </si>
  <si>
    <t>183341.0</t>
  </si>
  <si>
    <t>13.619</t>
  </si>
  <si>
    <t>13.867</t>
  </si>
  <si>
    <t>192379.0</t>
  </si>
  <si>
    <t>203790.0</t>
  </si>
  <si>
    <t>15.138</t>
  </si>
  <si>
    <t>207022.0</t>
  </si>
  <si>
    <t>15.378</t>
  </si>
  <si>
    <t>214000.0</t>
  </si>
  <si>
    <t>221039.0</t>
  </si>
  <si>
    <t>225652.0</t>
  </si>
  <si>
    <t>17.173</t>
  </si>
  <si>
    <t>233677.0</t>
  </si>
  <si>
    <t>238007.0</t>
  </si>
  <si>
    <t>242129.0</t>
  </si>
  <si>
    <t>248294.0</t>
  </si>
  <si>
    <t>18.444</t>
  </si>
  <si>
    <t>251815.0</t>
  </si>
  <si>
    <t>18.706</t>
  </si>
  <si>
    <t>255959.0</t>
  </si>
  <si>
    <t>19.014</t>
  </si>
  <si>
    <t>260025.0</t>
  </si>
  <si>
    <t>19.316</t>
  </si>
  <si>
    <t>263399.0</t>
  </si>
  <si>
    <t>19.566</t>
  </si>
  <si>
    <t>269261.0</t>
  </si>
  <si>
    <t>271894.0</t>
  </si>
  <si>
    <t>20.197</t>
  </si>
  <si>
    <t>275385.0</t>
  </si>
  <si>
    <t>20.457</t>
  </si>
  <si>
    <t>278457.0</t>
  </si>
  <si>
    <t>283055.0</t>
  </si>
  <si>
    <t>21.026</t>
  </si>
  <si>
    <t>286251.0</t>
  </si>
  <si>
    <t>21.264</t>
  </si>
  <si>
    <t>289153.0</t>
  </si>
  <si>
    <t>298780.0</t>
  </si>
  <si>
    <t>22.195</t>
  </si>
  <si>
    <t>304500.0</t>
  </si>
  <si>
    <t>485.2</t>
  </si>
  <si>
    <t>309653.0</t>
  </si>
  <si>
    <t>314539.0</t>
  </si>
  <si>
    <t>23.365</t>
  </si>
  <si>
    <t>370.4</t>
  </si>
  <si>
    <t>323905.0</t>
  </si>
  <si>
    <t>24.061</t>
  </si>
  <si>
    <t>329474.0</t>
  </si>
  <si>
    <t>24.475</t>
  </si>
  <si>
    <t>334270.0</t>
  </si>
  <si>
    <t>24.831</t>
  </si>
  <si>
    <t>338288.0</t>
  </si>
  <si>
    <t>342614.0</t>
  </si>
  <si>
    <t>25.451</t>
  </si>
  <si>
    <t>345920.0</t>
  </si>
  <si>
    <t>351383.0</t>
  </si>
  <si>
    <t>26.102</t>
  </si>
  <si>
    <t>357083.0</t>
  </si>
  <si>
    <t>361842.0</t>
  </si>
  <si>
    <t>26.879</t>
  </si>
  <si>
    <t>368244.0</t>
  </si>
  <si>
    <t>371886.0</t>
  </si>
  <si>
    <t>378014.0</t>
  </si>
  <si>
    <t>28.486</t>
  </si>
  <si>
    <t>388078.0</t>
  </si>
  <si>
    <t>393237.0</t>
  </si>
  <si>
    <t>29.211</t>
  </si>
  <si>
    <t>399400.0</t>
  </si>
  <si>
    <t>404944.0</t>
  </si>
  <si>
    <t>409707.0</t>
  </si>
  <si>
    <t>30.435</t>
  </si>
  <si>
    <t>415329.0</t>
  </si>
  <si>
    <t>30.852</t>
  </si>
  <si>
    <t>421121.0</t>
  </si>
  <si>
    <t>426200.0</t>
  </si>
  <si>
    <t>431992.0</t>
  </si>
  <si>
    <t>436412.0</t>
  </si>
  <si>
    <t>32.418</t>
  </si>
  <si>
    <t>439893.0</t>
  </si>
  <si>
    <t>444350.0</t>
  </si>
  <si>
    <t>447603.0</t>
  </si>
  <si>
    <t>451408.0</t>
  </si>
  <si>
    <t>33.532</t>
  </si>
  <si>
    <t>454246.0</t>
  </si>
  <si>
    <t>33.743</t>
  </si>
  <si>
    <t>457273.0</t>
  </si>
  <si>
    <t>33.968</t>
  </si>
  <si>
    <t>460174.0</t>
  </si>
  <si>
    <t>34.183</t>
  </si>
  <si>
    <t>462896.0</t>
  </si>
  <si>
    <t>464583.0</t>
  </si>
  <si>
    <t>466518.0</t>
  </si>
  <si>
    <t>468121.0</t>
  </si>
  <si>
    <t>34.774</t>
  </si>
  <si>
    <t>471767.0</t>
  </si>
  <si>
    <t>35.045</t>
  </si>
  <si>
    <t>474039.0</t>
  </si>
  <si>
    <t>35.213</t>
  </si>
  <si>
    <t>475931.0</t>
  </si>
  <si>
    <t>477379.0</t>
  </si>
  <si>
    <t>479010.0</t>
  </si>
  <si>
    <t>35.583</t>
  </si>
  <si>
    <t>481283.0</t>
  </si>
  <si>
    <t>35.752</t>
  </si>
  <si>
    <t>483441.0</t>
  </si>
  <si>
    <t>484841.0</t>
  </si>
  <si>
    <t>36.016</t>
  </si>
  <si>
    <t>486735.0</t>
  </si>
  <si>
    <t>36.157</t>
  </si>
  <si>
    <t>488942.0</t>
  </si>
  <si>
    <t>490225.0</t>
  </si>
  <si>
    <t>36.416</t>
  </si>
  <si>
    <t>492986.0</t>
  </si>
  <si>
    <t>36.621</t>
  </si>
  <si>
    <t>495793.0</t>
  </si>
  <si>
    <t>498376.0</t>
  </si>
  <si>
    <t>500249.0</t>
  </si>
  <si>
    <t>314.4</t>
  </si>
  <si>
    <t>502817.0</t>
  </si>
  <si>
    <t>37.351</t>
  </si>
  <si>
    <t>392.2</t>
  </si>
  <si>
    <t>504670.0</t>
  </si>
  <si>
    <t>37.489</t>
  </si>
  <si>
    <t>506658.0</t>
  </si>
  <si>
    <t>469.6</t>
  </si>
  <si>
    <t>507964.0</t>
  </si>
  <si>
    <t>37.733</t>
  </si>
  <si>
    <t>511183.0</t>
  </si>
  <si>
    <t>37.973</t>
  </si>
  <si>
    <t>513118.0</t>
  </si>
  <si>
    <t>514081.0</t>
  </si>
  <si>
    <t>38.188</t>
  </si>
  <si>
    <t>516749.0</t>
  </si>
  <si>
    <t>38.386</t>
  </si>
  <si>
    <t>348.3</t>
  </si>
  <si>
    <t>518988.0</t>
  </si>
  <si>
    <t>38.552</t>
  </si>
  <si>
    <t>477.1</t>
  </si>
  <si>
    <t>521137.0</t>
  </si>
  <si>
    <t>38.712</t>
  </si>
  <si>
    <t>380.9</t>
  </si>
  <si>
    <t>526854.0</t>
  </si>
  <si>
    <t>39.137</t>
  </si>
  <si>
    <t>530304.0</t>
  </si>
  <si>
    <t>39.393</t>
  </si>
  <si>
    <t>532528.0</t>
  </si>
  <si>
    <t>39.558</t>
  </si>
  <si>
    <t>534409.0</t>
  </si>
  <si>
    <t>535782.0</t>
  </si>
  <si>
    <t>536779.0</t>
  </si>
  <si>
    <t>538085.0</t>
  </si>
  <si>
    <t>39.971</t>
  </si>
  <si>
    <t>540136.0</t>
  </si>
  <si>
    <t>40.123</t>
  </si>
  <si>
    <t>542222.0</t>
  </si>
  <si>
    <t>545920.0</t>
  </si>
  <si>
    <t>547202.0</t>
  </si>
  <si>
    <t>548938.0</t>
  </si>
  <si>
    <t>40.777</t>
  </si>
  <si>
    <t>550532.0</t>
  </si>
  <si>
    <t>40.896</t>
  </si>
  <si>
    <t>553876.0</t>
  </si>
  <si>
    <t>555686.0</t>
  </si>
  <si>
    <t>41.278</t>
  </si>
  <si>
    <t>557534.0</t>
  </si>
  <si>
    <t>558977.0</t>
  </si>
  <si>
    <t>560287.0</t>
  </si>
  <si>
    <t>561891.0</t>
  </si>
  <si>
    <t>41.739</t>
  </si>
  <si>
    <t>562871.0</t>
  </si>
  <si>
    <t>41.812</t>
  </si>
  <si>
    <t>564676.0</t>
  </si>
  <si>
    <t>41.946</t>
  </si>
  <si>
    <t>566009.0</t>
  </si>
  <si>
    <t>568868.0</t>
  </si>
  <si>
    <t>570609.0</t>
  </si>
  <si>
    <t>42.387</t>
  </si>
  <si>
    <t>571902.0</t>
  </si>
  <si>
    <t>574876.0</t>
  </si>
  <si>
    <t>42.704</t>
  </si>
  <si>
    <t>593977.0</t>
  </si>
  <si>
    <t>44.123</t>
  </si>
  <si>
    <t>604742.0</t>
  </si>
  <si>
    <t>44.923</t>
  </si>
  <si>
    <t>607283.0</t>
  </si>
  <si>
    <t>45.111</t>
  </si>
  <si>
    <t>609367.0</t>
  </si>
  <si>
    <t>45.266</t>
  </si>
  <si>
    <t>611684.0</t>
  </si>
  <si>
    <t>45.438</t>
  </si>
  <si>
    <t>614267.0</t>
  </si>
  <si>
    <t>617258.0</t>
  </si>
  <si>
    <t>620019.0</t>
  </si>
  <si>
    <t>46.057</t>
  </si>
  <si>
    <t>622073.0</t>
  </si>
  <si>
    <t>624115.0</t>
  </si>
  <si>
    <t>46.362</t>
  </si>
  <si>
    <t>626311.0</t>
  </si>
  <si>
    <t>46.525</t>
  </si>
  <si>
    <t>629131.0</t>
  </si>
  <si>
    <t>631598.0</t>
  </si>
  <si>
    <t>46.917</t>
  </si>
  <si>
    <t>635310.0</t>
  </si>
  <si>
    <t>47.193</t>
  </si>
  <si>
    <t>638972.0</t>
  </si>
  <si>
    <t>644631.0</t>
  </si>
  <si>
    <t>47.886</t>
  </si>
  <si>
    <t>646813.0</t>
  </si>
  <si>
    <t>48.048</t>
  </si>
  <si>
    <t>650668.0</t>
  </si>
  <si>
    <t>48.334</t>
  </si>
  <si>
    <t>657995.0</t>
  </si>
  <si>
    <t>48.878</t>
  </si>
  <si>
    <t>661637.0</t>
  </si>
  <si>
    <t>49.149</t>
  </si>
  <si>
    <t>673517.0</t>
  </si>
  <si>
    <t>50.031</t>
  </si>
  <si>
    <t>676078.0</t>
  </si>
  <si>
    <t>50.222</t>
  </si>
  <si>
    <t>679132.0</t>
  </si>
  <si>
    <t>690221.0</t>
  </si>
  <si>
    <t>712257.0</t>
  </si>
  <si>
    <t>52.909</t>
  </si>
  <si>
    <t>714431.0</t>
  </si>
  <si>
    <t>53.071</t>
  </si>
  <si>
    <t>716933.0</t>
  </si>
  <si>
    <t>53.256</t>
  </si>
  <si>
    <t>719482.0</t>
  </si>
  <si>
    <t>53.446</t>
  </si>
  <si>
    <t>722395.0</t>
  </si>
  <si>
    <t>725804.0</t>
  </si>
  <si>
    <t>53.915</t>
  </si>
  <si>
    <t>741036.0</t>
  </si>
  <si>
    <t>745252.0</t>
  </si>
  <si>
    <t>756051.0</t>
  </si>
  <si>
    <t>56.162</t>
  </si>
  <si>
    <t>760897.0</t>
  </si>
  <si>
    <t>56.522</t>
  </si>
  <si>
    <t>765086.0</t>
  </si>
  <si>
    <t>56.833</t>
  </si>
  <si>
    <t>767448.0</t>
  </si>
  <si>
    <t>57.009</t>
  </si>
  <si>
    <t>769338.0</t>
  </si>
  <si>
    <t>771275.0</t>
  </si>
  <si>
    <t>57.293</t>
  </si>
  <si>
    <t>773448.0</t>
  </si>
  <si>
    <t>779511.0</t>
  </si>
  <si>
    <t>57.905</t>
  </si>
  <si>
    <t>785049.0</t>
  </si>
  <si>
    <t>58.316</t>
  </si>
  <si>
    <t>804337.0</t>
  </si>
  <si>
    <t>59.749</t>
  </si>
  <si>
    <t>808584.0</t>
  </si>
  <si>
    <t>60.065</t>
  </si>
  <si>
    <t>817800.0</t>
  </si>
  <si>
    <t>60.749</t>
  </si>
  <si>
    <t>822515.0</t>
  </si>
  <si>
    <t>830808.0</t>
  </si>
  <si>
    <t>849082.0</t>
  </si>
  <si>
    <t>63.073</t>
  </si>
  <si>
    <t>853238.0</t>
  </si>
  <si>
    <t>63.382</t>
  </si>
  <si>
    <t>858262.0</t>
  </si>
  <si>
    <t>864349.0</t>
  </si>
  <si>
    <t>64.207</t>
  </si>
  <si>
    <t>886268.0</t>
  </si>
  <si>
    <t>890156.0</t>
  </si>
  <si>
    <t>66.124</t>
  </si>
  <si>
    <t>894413.0</t>
  </si>
  <si>
    <t>903382.0</t>
  </si>
  <si>
    <t>67.107</t>
  </si>
  <si>
    <t>917829.0</t>
  </si>
  <si>
    <t>931150.0</t>
  </si>
  <si>
    <t>69.169</t>
  </si>
  <si>
    <t>934672.0</t>
  </si>
  <si>
    <t>69.431</t>
  </si>
  <si>
    <t>943232.0</t>
  </si>
  <si>
    <t>70.067</t>
  </si>
  <si>
    <t>947907.0</t>
  </si>
  <si>
    <t>70.414</t>
  </si>
  <si>
    <t>950569.0</t>
  </si>
  <si>
    <t>955383.0</t>
  </si>
  <si>
    <t>70.969</t>
  </si>
  <si>
    <t>960001.0</t>
  </si>
  <si>
    <t>964392.0</t>
  </si>
  <si>
    <t>71.639</t>
  </si>
  <si>
    <t>969254.0</t>
  </si>
  <si>
    <t>973922.0</t>
  </si>
  <si>
    <t>72.347</t>
  </si>
  <si>
    <t>978050.0</t>
  </si>
  <si>
    <t>72.653</t>
  </si>
  <si>
    <t>980705.0</t>
  </si>
  <si>
    <t>986665.0</t>
  </si>
  <si>
    <t>73.293</t>
  </si>
  <si>
    <t>991917.0</t>
  </si>
  <si>
    <t>996342.0</t>
  </si>
  <si>
    <t>1000505.0</t>
  </si>
  <si>
    <t>74.321</t>
  </si>
  <si>
    <t>1004667.0</t>
  </si>
  <si>
    <t>1009041.0</t>
  </si>
  <si>
    <t>74.955</t>
  </si>
  <si>
    <t>1012451.0</t>
  </si>
  <si>
    <t>75.209</t>
  </si>
  <si>
    <t>1017029.0</t>
  </si>
  <si>
    <t>75.549</t>
  </si>
  <si>
    <t>1020989.0</t>
  </si>
  <si>
    <t>75.843</t>
  </si>
  <si>
    <t>1025213.0</t>
  </si>
  <si>
    <t>76.157</t>
  </si>
  <si>
    <t>1029747.0</t>
  </si>
  <si>
    <t>83842.0</t>
  </si>
  <si>
    <t>1034869.0</t>
  </si>
  <si>
    <t>76.874</t>
  </si>
  <si>
    <t>1037604.0</t>
  </si>
  <si>
    <t>77.077</t>
  </si>
  <si>
    <t>208677.0</t>
  </si>
  <si>
    <t>220048.0</t>
  </si>
  <si>
    <t>228954.0</t>
  </si>
  <si>
    <t>1051913.0</t>
  </si>
  <si>
    <t>238942.0</t>
  </si>
  <si>
    <t>249074.0</t>
  </si>
  <si>
    <t>1062907.0</t>
  </si>
  <si>
    <t>78.957</t>
  </si>
  <si>
    <t>257449.0</t>
  </si>
  <si>
    <t>314015.0</t>
  </si>
  <si>
    <t>15048.0</t>
  </si>
  <si>
    <t>317708.0</t>
  </si>
  <si>
    <t>321698.0</t>
  </si>
  <si>
    <t>1077055.0</t>
  </si>
  <si>
    <t>323744.0</t>
  </si>
  <si>
    <t>329410.0</t>
  </si>
  <si>
    <t>333355.0</t>
  </si>
  <si>
    <t>80.741</t>
  </si>
  <si>
    <t>334538.0</t>
  </si>
  <si>
    <t>1090412.0</t>
  </si>
  <si>
    <t>338544.0</t>
  </si>
  <si>
    <t>343723.0</t>
  </si>
  <si>
    <t>348629.0</t>
  </si>
  <si>
    <t>1098629.0</t>
  </si>
  <si>
    <t>348926.0</t>
  </si>
  <si>
    <t>1102728.0</t>
  </si>
  <si>
    <t>81.915</t>
  </si>
  <si>
    <t>1106907.0</t>
  </si>
  <si>
    <t>82.225</t>
  </si>
  <si>
    <t>1123901.0</t>
  </si>
  <si>
    <t>1130945.0</t>
  </si>
  <si>
    <t>84.011</t>
  </si>
  <si>
    <t>1138737.0</t>
  </si>
  <si>
    <t>1148201.0</t>
  </si>
  <si>
    <t>1156698.0</t>
  </si>
  <si>
    <t>85.924</t>
  </si>
  <si>
    <t>1165500.0</t>
  </si>
  <si>
    <t>86.578</t>
  </si>
  <si>
    <t>1172019.0</t>
  </si>
  <si>
    <t>87.062</t>
  </si>
  <si>
    <t>1181354.0</t>
  </si>
  <si>
    <t>87.755</t>
  </si>
  <si>
    <t>1189218.0</t>
  </si>
  <si>
    <t>1194484.0</t>
  </si>
  <si>
    <t>88.731</t>
  </si>
  <si>
    <t>1200536.0</t>
  </si>
  <si>
    <t>1207093.0</t>
  </si>
  <si>
    <t>89.667</t>
  </si>
  <si>
    <t>1214021.0</t>
  </si>
  <si>
    <t>90.182</t>
  </si>
  <si>
    <t>1220068.0</t>
  </si>
  <si>
    <t>90.631</t>
  </si>
  <si>
    <t>91.429</t>
  </si>
  <si>
    <t>349427.0</t>
  </si>
  <si>
    <t>1243409.0</t>
  </si>
  <si>
    <t>92.365</t>
  </si>
  <si>
    <t>349702.0</t>
  </si>
  <si>
    <t>1256919.0</t>
  </si>
  <si>
    <t>93.369</t>
  </si>
  <si>
    <t>93.636</t>
  </si>
  <si>
    <t>1264616.0</t>
  </si>
  <si>
    <t>1273629.0</t>
  </si>
  <si>
    <t>1284779.0</t>
  </si>
  <si>
    <t>1294444.0</t>
  </si>
  <si>
    <t>9665.0</t>
  </si>
  <si>
    <t>96.156</t>
  </si>
  <si>
    <t>1299466.0</t>
  </si>
  <si>
    <t>96.529</t>
  </si>
  <si>
    <t>1303996.0</t>
  </si>
  <si>
    <t>96.866</t>
  </si>
  <si>
    <t>350003.0</t>
  </si>
  <si>
    <t>1333441.0</t>
  </si>
  <si>
    <t>99.053</t>
  </si>
  <si>
    <t>1337100.0</t>
  </si>
  <si>
    <t>99.325</t>
  </si>
  <si>
    <t>400096.0</t>
  </si>
  <si>
    <t>350400.0</t>
  </si>
  <si>
    <t>49696.0</t>
  </si>
  <si>
    <t>1341169.0</t>
  </si>
  <si>
    <t>99.627</t>
  </si>
  <si>
    <t>1344650.0</t>
  </si>
  <si>
    <t>99.886</t>
  </si>
  <si>
    <t>1347380.0</t>
  </si>
  <si>
    <t>100.088</t>
  </si>
  <si>
    <t>1354868.0</t>
  </si>
  <si>
    <t>100.645</t>
  </si>
  <si>
    <t>1358566.0</t>
  </si>
  <si>
    <t>100.919</t>
  </si>
  <si>
    <t>1367795.0</t>
  </si>
  <si>
    <t>101.605</t>
  </si>
  <si>
    <t>1371636.0</t>
  </si>
  <si>
    <t>1376065.0</t>
  </si>
  <si>
    <t>102.219</t>
  </si>
  <si>
    <t>1385943.0</t>
  </si>
  <si>
    <t>102.953</t>
  </si>
  <si>
    <t>1396505.0</t>
  </si>
  <si>
    <t>103.738</t>
  </si>
  <si>
    <t>1400892.0</t>
  </si>
  <si>
    <t>104.064</t>
  </si>
  <si>
    <t>1406017.0</t>
  </si>
  <si>
    <t>104.444</t>
  </si>
  <si>
    <t>1410046.0</t>
  </si>
  <si>
    <t>104.744</t>
  </si>
  <si>
    <t>1414886.0</t>
  </si>
  <si>
    <t>105.103</t>
  </si>
  <si>
    <t>1426053.0</t>
  </si>
  <si>
    <t>1445631.0</t>
  </si>
  <si>
    <t>1450013.0</t>
  </si>
  <si>
    <t>107.712</t>
  </si>
  <si>
    <t>1453880.0</t>
  </si>
  <si>
    <t>1457954.0</t>
  </si>
  <si>
    <t>108.302</t>
  </si>
  <si>
    <t>1466941.0</t>
  </si>
  <si>
    <t>578569.0</t>
  </si>
  <si>
    <t>228169.0</t>
  </si>
  <si>
    <t>1471375.0</t>
  </si>
  <si>
    <t>109.299</t>
  </si>
  <si>
    <t>1475285.0</t>
  </si>
  <si>
    <t>1478879.0</t>
  </si>
  <si>
    <t>1482838.0</t>
  </si>
  <si>
    <t>1487840.0</t>
  </si>
  <si>
    <t>1493767.0</t>
  </si>
  <si>
    <t>110.963</t>
  </si>
  <si>
    <t>1500425.0</t>
  </si>
  <si>
    <t>1505711.0</t>
  </si>
  <si>
    <t>1510426.0</t>
  </si>
  <si>
    <t>1516498.0</t>
  </si>
  <si>
    <t>112.651</t>
  </si>
  <si>
    <t>1522174.0</t>
  </si>
  <si>
    <t>113.073</t>
  </si>
  <si>
    <t>1527944.0</t>
  </si>
  <si>
    <t>113.501</t>
  </si>
  <si>
    <t>1535396.0</t>
  </si>
  <si>
    <t>114.055</t>
  </si>
  <si>
    <t>1544324.0</t>
  </si>
  <si>
    <t>114.718</t>
  </si>
  <si>
    <t>1551520.0</t>
  </si>
  <si>
    <t>115.253</t>
  </si>
  <si>
    <t>1556862.0</t>
  </si>
  <si>
    <t>1564486.0</t>
  </si>
  <si>
    <t>116.216</t>
  </si>
  <si>
    <t>1573227.0</t>
  </si>
  <si>
    <t>116.865</t>
  </si>
  <si>
    <t>1583612.0</t>
  </si>
  <si>
    <t>117.637</t>
  </si>
  <si>
    <t>1594197.0</t>
  </si>
  <si>
    <t>118.423</t>
  </si>
  <si>
    <t>1606566.0</t>
  </si>
  <si>
    <t>119.342</t>
  </si>
  <si>
    <t>1614429.0</t>
  </si>
  <si>
    <t>119.926</t>
  </si>
  <si>
    <t>1621312.0</t>
  </si>
  <si>
    <t>120.437</t>
  </si>
  <si>
    <t>1631415.0</t>
  </si>
  <si>
    <t>121.188</t>
  </si>
  <si>
    <t>1641582.0</t>
  </si>
  <si>
    <t>121.943</t>
  </si>
  <si>
    <t>1650629.0</t>
  </si>
  <si>
    <t>122.615</t>
  </si>
  <si>
    <t>1665857.0</t>
  </si>
  <si>
    <t>123.746</t>
  </si>
  <si>
    <t>1672746.0</t>
  </si>
  <si>
    <t>124.258</t>
  </si>
  <si>
    <t>1677512.0</t>
  </si>
  <si>
    <t>392003.0</t>
  </si>
  <si>
    <t>251963.0</t>
  </si>
  <si>
    <t>1684004.0</t>
  </si>
  <si>
    <t>125.094</t>
  </si>
  <si>
    <t>1691850.0</t>
  </si>
  <si>
    <t>125.677</t>
  </si>
  <si>
    <t>1700200.0</t>
  </si>
  <si>
    <t>126.297</t>
  </si>
  <si>
    <t>645674.0</t>
  </si>
  <si>
    <t>392832.0</t>
  </si>
  <si>
    <t>252842.0</t>
  </si>
  <si>
    <t>1708011.0</t>
  </si>
  <si>
    <t>126.878</t>
  </si>
  <si>
    <t>646909.0</t>
  </si>
  <si>
    <t>394067.0</t>
  </si>
  <si>
    <t>1716306.0</t>
  </si>
  <si>
    <t>127.494</t>
  </si>
  <si>
    <t>1723762.0</t>
  </si>
  <si>
    <t>128.048</t>
  </si>
  <si>
    <t>1730439.0</t>
  </si>
  <si>
    <t>128.544</t>
  </si>
  <si>
    <t>1738874.0</t>
  </si>
  <si>
    <t>1744198.0</t>
  </si>
  <si>
    <t>129.566</t>
  </si>
  <si>
    <t>1754647.0</t>
  </si>
  <si>
    <t>130.342</t>
  </si>
  <si>
    <t>1762774.0</t>
  </si>
  <si>
    <t>130.946</t>
  </si>
  <si>
    <t>418773.0</t>
  </si>
  <si>
    <t>1939765.0</t>
  </si>
  <si>
    <t>144.093</t>
  </si>
  <si>
    <t>27266.0</t>
  </si>
  <si>
    <t>2026511.0</t>
  </si>
  <si>
    <t>150.537</t>
  </si>
  <si>
    <t>19475.0</t>
  </si>
  <si>
    <t>2056629.0</t>
  </si>
  <si>
    <t>152.774</t>
  </si>
  <si>
    <t>2089868.0</t>
  </si>
  <si>
    <t>155.243</t>
  </si>
  <si>
    <t>2129234.0</t>
  </si>
  <si>
    <t>158.168</t>
  </si>
  <si>
    <t>2141414.0</t>
  </si>
  <si>
    <t>159.072</t>
  </si>
  <si>
    <t>2151227.0</t>
  </si>
  <si>
    <t>159.801</t>
  </si>
  <si>
    <t>2157915.0</t>
  </si>
  <si>
    <t>160.298</t>
  </si>
  <si>
    <t>2165478.0</t>
  </si>
  <si>
    <t>2177611.0</t>
  </si>
  <si>
    <t>161.761</t>
  </si>
  <si>
    <t>162.598</t>
  </si>
  <si>
    <t>1073302.0</t>
  </si>
  <si>
    <t>680470.0</t>
  </si>
  <si>
    <t>2200258.0</t>
  </si>
  <si>
    <t>163.443</t>
  </si>
  <si>
    <t>2211896.0</t>
  </si>
  <si>
    <t>164.308</t>
  </si>
  <si>
    <t>2242105.0</t>
  </si>
  <si>
    <t>166.552</t>
  </si>
  <si>
    <t>31362.0</t>
  </si>
  <si>
    <t>2250540.0</t>
  </si>
  <si>
    <t>167.179</t>
  </si>
  <si>
    <t>2260839.0</t>
  </si>
  <si>
    <t>167.944</t>
  </si>
  <si>
    <t>1344627.0</t>
  </si>
  <si>
    <t>951795.0</t>
  </si>
  <si>
    <t>2272373.0</t>
  </si>
  <si>
    <t>1399797.0</t>
  </si>
  <si>
    <t>980082.0</t>
  </si>
  <si>
    <t>419715.0</t>
  </si>
  <si>
    <t>55170.0</t>
  </si>
  <si>
    <t>37264.0</t>
  </si>
  <si>
    <t>2285145.0</t>
  </si>
  <si>
    <t>169.749</t>
  </si>
  <si>
    <t>2301288.0</t>
  </si>
  <si>
    <t>170.948</t>
  </si>
  <si>
    <t>1473408.0</t>
  </si>
  <si>
    <t>1048640.0</t>
  </si>
  <si>
    <t>424768.0</t>
  </si>
  <si>
    <t>2313938.0</t>
  </si>
  <si>
    <t>171.888</t>
  </si>
  <si>
    <t>46921.0</t>
  </si>
  <si>
    <t>53296.0</t>
  </si>
  <si>
    <t>2332823.0</t>
  </si>
  <si>
    <t>1723562.0</t>
  </si>
  <si>
    <t>1242465.0</t>
  </si>
  <si>
    <t>481097.0</t>
  </si>
  <si>
    <t>51218.0</t>
  </si>
  <si>
    <t>2358929.0</t>
  </si>
  <si>
    <t>78446.0</t>
  </si>
  <si>
    <t>56870.0</t>
  </si>
  <si>
    <t>2377122.0</t>
  </si>
  <si>
    <t>176.582</t>
  </si>
  <si>
    <t>89286.0</t>
  </si>
  <si>
    <t>2403180.0</t>
  </si>
  <si>
    <t>178.517</t>
  </si>
  <si>
    <t>2174283.0</t>
  </si>
  <si>
    <t>1513881.0</t>
  </si>
  <si>
    <t>660402.0</t>
  </si>
  <si>
    <t>66463.0</t>
  </si>
  <si>
    <t>2426222.0</t>
  </si>
  <si>
    <t>180.229</t>
  </si>
  <si>
    <t>95278.0</t>
  </si>
  <si>
    <t>2434988.0</t>
  </si>
  <si>
    <t>90430.0</t>
  </si>
  <si>
    <t>53321.0</t>
  </si>
  <si>
    <t>2449229.0</t>
  </si>
  <si>
    <t>181.938</t>
  </si>
  <si>
    <t>85583.0</t>
  </si>
  <si>
    <t>2461586.0</t>
  </si>
  <si>
    <t>182.856</t>
  </si>
  <si>
    <t>76550.0</t>
  </si>
  <si>
    <t>2473190.0</t>
  </si>
  <si>
    <t>183.718</t>
  </si>
  <si>
    <t>67518.0</t>
  </si>
  <si>
    <t>2485927.0</t>
  </si>
  <si>
    <t>184.664</t>
  </si>
  <si>
    <t>2498157.0</t>
  </si>
  <si>
    <t>49453.0</t>
  </si>
  <si>
    <t>2569906.0</t>
  </si>
  <si>
    <t>1662759.0</t>
  </si>
  <si>
    <t>907147.0</t>
  </si>
  <si>
    <t>2522528.0</t>
  </si>
  <si>
    <t>187.383</t>
  </si>
  <si>
    <t>45050.0</t>
  </si>
  <si>
    <t>2546682.0</t>
  </si>
  <si>
    <t>189.177</t>
  </si>
  <si>
    <t>2558810.0</t>
  </si>
  <si>
    <t>190.078</t>
  </si>
  <si>
    <t>2644449.0</t>
  </si>
  <si>
    <t>1711757.0</t>
  </si>
  <si>
    <t>932692.0</t>
  </si>
  <si>
    <t>31843.0</t>
  </si>
  <si>
    <t>17569.0</t>
  </si>
  <si>
    <t>2582067.0</t>
  </si>
  <si>
    <t>191.806</t>
  </si>
  <si>
    <t>2593862.0</t>
  </si>
  <si>
    <t>2822493.0</t>
  </si>
  <si>
    <t>1822054.0</t>
  </si>
  <si>
    <t>1000439.0</t>
  </si>
  <si>
    <t>22756.0</t>
  </si>
  <si>
    <t>2603889.0</t>
  </si>
  <si>
    <t>193.427</t>
  </si>
  <si>
    <t>2882134.0</t>
  </si>
  <si>
    <t>1827371.0</t>
  </si>
  <si>
    <t>1054763.0</t>
  </si>
  <si>
    <t>2629919.0</t>
  </si>
  <si>
    <t>51165.0</t>
  </si>
  <si>
    <t>2644414.0</t>
  </si>
  <si>
    <t>196.437</t>
  </si>
  <si>
    <t>2653658.0</t>
  </si>
  <si>
    <t>197.124</t>
  </si>
  <si>
    <t>3187638.0</t>
  </si>
  <si>
    <t>1835560.0</t>
  </si>
  <si>
    <t>1352078.0</t>
  </si>
  <si>
    <t>2679362.0</t>
  </si>
  <si>
    <t>3340448.0</t>
  </si>
  <si>
    <t>1368758.0</t>
  </si>
  <si>
    <t>152810.0</t>
  </si>
  <si>
    <t>82472.0</t>
  </si>
  <si>
    <t>2684809.0</t>
  </si>
  <si>
    <t>199.438</t>
  </si>
  <si>
    <t>77280.0</t>
  </si>
  <si>
    <t>2700447.0</t>
  </si>
  <si>
    <t>200.599</t>
  </si>
  <si>
    <t>2710633.0</t>
  </si>
  <si>
    <t>201.356</t>
  </si>
  <si>
    <t>3409470.0</t>
  </si>
  <si>
    <t>1968873.0</t>
  </si>
  <si>
    <t>1440597.0</t>
  </si>
  <si>
    <t>75334.0</t>
  </si>
  <si>
    <t>72601.0</t>
  </si>
  <si>
    <t>2731232.0</t>
  </si>
  <si>
    <t>202.886</t>
  </si>
  <si>
    <t>69867.0</t>
  </si>
  <si>
    <t>67134.0</t>
  </si>
  <si>
    <t>2752985.0</t>
  </si>
  <si>
    <t>204.502</t>
  </si>
  <si>
    <t>3740279.0</t>
  </si>
  <si>
    <t>2099305.0</t>
  </si>
  <si>
    <t>1640974.0</t>
  </si>
  <si>
    <t>2767514.0</t>
  </si>
  <si>
    <t>205.581</t>
  </si>
  <si>
    <t>31883.0</t>
  </si>
  <si>
    <t>2776387.0</t>
  </si>
  <si>
    <t>206.241</t>
  </si>
  <si>
    <t>3760170.0</t>
  </si>
  <si>
    <t>2107695.0</t>
  </si>
  <si>
    <t>1652475.0</t>
  </si>
  <si>
    <t>2795834.0</t>
  </si>
  <si>
    <t>207.685</t>
  </si>
  <si>
    <t>51508.0</t>
  </si>
  <si>
    <t>2806919.0</t>
  </si>
  <si>
    <t>208.509</t>
  </si>
  <si>
    <t>3779887.0</t>
  </si>
  <si>
    <t>2116184.0</t>
  </si>
  <si>
    <t>1663703.0</t>
  </si>
  <si>
    <t>41102.0</t>
  </si>
  <si>
    <t>3805225.0</t>
  </si>
  <si>
    <t>2127543.0</t>
  </si>
  <si>
    <t>1686978.0</t>
  </si>
  <si>
    <t>2830728.0</t>
  </si>
  <si>
    <t>210.277</t>
  </si>
  <si>
    <t>2861591.0</t>
  </si>
  <si>
    <t>2869097.0</t>
  </si>
  <si>
    <t>213.127</t>
  </si>
  <si>
    <t>3822082.0</t>
  </si>
  <si>
    <t>2135104.0</t>
  </si>
  <si>
    <t>2878210.0</t>
  </si>
  <si>
    <t>213.804</t>
  </si>
  <si>
    <t>2885812.0</t>
  </si>
  <si>
    <t>214.369</t>
  </si>
  <si>
    <t>2896278.0</t>
  </si>
  <si>
    <t>215.146</t>
  </si>
  <si>
    <t>2925569.0</t>
  </si>
  <si>
    <t>217.322</t>
  </si>
  <si>
    <t>3888869.0</t>
  </si>
  <si>
    <t>2192888.0</t>
  </si>
  <si>
    <t>1695981.0</t>
  </si>
  <si>
    <t>2938657.0</t>
  </si>
  <si>
    <t>218.295</t>
  </si>
  <si>
    <t>2946155.0</t>
  </si>
  <si>
    <t>218.852</t>
  </si>
  <si>
    <t>47250.0</t>
  </si>
  <si>
    <t>2953826.0</t>
  </si>
  <si>
    <t>219.421</t>
  </si>
  <si>
    <t>67350.0</t>
  </si>
  <si>
    <t>65096.0</t>
  </si>
  <si>
    <t>2961540.0</t>
  </si>
  <si>
    <t>219.994</t>
  </si>
  <si>
    <t>4446234.0</t>
  </si>
  <si>
    <t>2738816.0</t>
  </si>
  <si>
    <t>1707418.0</t>
  </si>
  <si>
    <t>85348.0</t>
  </si>
  <si>
    <t>82943.0</t>
  </si>
  <si>
    <t>2969916.0</t>
  </si>
  <si>
    <t>220.617</t>
  </si>
  <si>
    <t>4646977.0</t>
  </si>
  <si>
    <t>2928553.0</t>
  </si>
  <si>
    <t>1718424.0</t>
  </si>
  <si>
    <t>200743.0</t>
  </si>
  <si>
    <t>112118.0</t>
  </si>
  <si>
    <t>108397.0</t>
  </si>
  <si>
    <t>122891.0</t>
  </si>
  <si>
    <t>118797.0</t>
  </si>
  <si>
    <t>133665.0</t>
  </si>
  <si>
    <t>129197.0</t>
  </si>
  <si>
    <t>2997671.0</t>
  </si>
  <si>
    <t>222.678</t>
  </si>
  <si>
    <t>126442.0</t>
  </si>
  <si>
    <t>3004482.0</t>
  </si>
  <si>
    <t>223.184</t>
  </si>
  <si>
    <t>114304.0</t>
  </si>
  <si>
    <t>3012274.0</t>
  </si>
  <si>
    <t>223.763</t>
  </si>
  <si>
    <t>111994.0</t>
  </si>
  <si>
    <t>3018065.0</t>
  </si>
  <si>
    <t>224.193</t>
  </si>
  <si>
    <t>5179627.0</t>
  </si>
  <si>
    <t>3434690.0</t>
  </si>
  <si>
    <t>1744937.0</t>
  </si>
  <si>
    <t>104770.0</t>
  </si>
  <si>
    <t>99411.0</t>
  </si>
  <si>
    <t>91462.0</t>
  </si>
  <si>
    <t>86407.0</t>
  </si>
  <si>
    <t>3033727.0</t>
  </si>
  <si>
    <t>225.357</t>
  </si>
  <si>
    <t>5394793.0</t>
  </si>
  <si>
    <t>3632110.0</t>
  </si>
  <si>
    <t>1762683.0</t>
  </si>
  <si>
    <t>92544.0</t>
  </si>
  <si>
    <t>80244.0</t>
  </si>
  <si>
    <t>3057175.0</t>
  </si>
  <si>
    <t>227.099</t>
  </si>
  <si>
    <t>90940.0</t>
  </si>
  <si>
    <t>72030.0</t>
  </si>
  <si>
    <t>5627426.0</t>
  </si>
  <si>
    <t>3712692.0</t>
  </si>
  <si>
    <t>1914734.0</t>
  </si>
  <si>
    <t>89336.0</t>
  </si>
  <si>
    <t>3076863.0</t>
  </si>
  <si>
    <t>228.561</t>
  </si>
  <si>
    <t>82579.0</t>
  </si>
  <si>
    <t>3086135.0</t>
  </si>
  <si>
    <t>3094825.0</t>
  </si>
  <si>
    <t>229.895</t>
  </si>
  <si>
    <t>66380.0</t>
  </si>
  <si>
    <t>36323.0</t>
  </si>
  <si>
    <t>56937.0</t>
  </si>
  <si>
    <t>51785.0</t>
  </si>
  <si>
    <t>3143258.0</t>
  </si>
  <si>
    <t>233.493</t>
  </si>
  <si>
    <t>46633.0</t>
  </si>
  <si>
    <t>3151604.0</t>
  </si>
  <si>
    <t>234.113</t>
  </si>
  <si>
    <t>290.7</t>
  </si>
  <si>
    <t>3159475.0</t>
  </si>
  <si>
    <t>234.698</t>
  </si>
  <si>
    <t>3166848.0</t>
  </si>
  <si>
    <t>235.245</t>
  </si>
  <si>
    <t>6000758.0</t>
  </si>
  <si>
    <t>3937599.0</t>
  </si>
  <si>
    <t>2063159.0</t>
  </si>
  <si>
    <t>3174919.0</t>
  </si>
  <si>
    <t>235.845</t>
  </si>
  <si>
    <t>3187087.0</t>
  </si>
  <si>
    <t>236.749</t>
  </si>
  <si>
    <t>78336.0</t>
  </si>
  <si>
    <t>3222080.0</t>
  </si>
  <si>
    <t>239.348</t>
  </si>
  <si>
    <t>63906.0</t>
  </si>
  <si>
    <t>3229695.0</t>
  </si>
  <si>
    <t>239.914</t>
  </si>
  <si>
    <t>332.3</t>
  </si>
  <si>
    <t>73635.0</t>
  </si>
  <si>
    <t>3237549.0</t>
  </si>
  <si>
    <t>240.497</t>
  </si>
  <si>
    <t>392.3</t>
  </si>
  <si>
    <t>6765616.0</t>
  </si>
  <si>
    <t>4496161.0</t>
  </si>
  <si>
    <t>2269455.0</t>
  </si>
  <si>
    <t>115191.0</t>
  </si>
  <si>
    <t>3243469.0</t>
  </si>
  <si>
    <t>240.937</t>
  </si>
  <si>
    <t>6976687.0</t>
  </si>
  <si>
    <t>4774596.0</t>
  </si>
  <si>
    <t>2519852.0</t>
  </si>
  <si>
    <t>211071.0</t>
  </si>
  <si>
    <t>139418.0</t>
  </si>
  <si>
    <t>3250314.0</t>
  </si>
  <si>
    <t>241.446</t>
  </si>
  <si>
    <t>409.8</t>
  </si>
  <si>
    <t>114951.0</t>
  </si>
  <si>
    <t>3260664.0</t>
  </si>
  <si>
    <t>242.214</t>
  </si>
  <si>
    <t>137114.0</t>
  </si>
  <si>
    <t>110330.0</t>
  </si>
  <si>
    <t>3274241.0</t>
  </si>
  <si>
    <t>243.223</t>
  </si>
  <si>
    <t>368.6</t>
  </si>
  <si>
    <t>135961.0</t>
  </si>
  <si>
    <t>105710.0</t>
  </si>
  <si>
    <t>134809.0</t>
  </si>
  <si>
    <t>133657.0</t>
  </si>
  <si>
    <t>96469.0</t>
  </si>
  <si>
    <t>436.9</t>
  </si>
  <si>
    <t>132505.0</t>
  </si>
  <si>
    <t>91848.0</t>
  </si>
  <si>
    <t>541.1</t>
  </si>
  <si>
    <t>119410.0</t>
  </si>
  <si>
    <t>60751.0</t>
  </si>
  <si>
    <t>720.9</t>
  </si>
  <si>
    <t>1018.1</t>
  </si>
  <si>
    <t>1006.9</t>
  </si>
  <si>
    <t>3367452.0</t>
  </si>
  <si>
    <t>250.147</t>
  </si>
  <si>
    <t>970.9</t>
  </si>
  <si>
    <t>3374997.0</t>
  </si>
  <si>
    <t>250.708</t>
  </si>
  <si>
    <t>851.2</t>
  </si>
  <si>
    <t>3384204.0</t>
  </si>
  <si>
    <t>251.391</t>
  </si>
  <si>
    <t>3396990.0</t>
  </si>
  <si>
    <t>252.341</t>
  </si>
  <si>
    <t>673.9</t>
  </si>
  <si>
    <t>3407331.0</t>
  </si>
  <si>
    <t>253.109</t>
  </si>
  <si>
    <t>650.7</t>
  </si>
  <si>
    <t>3419396.0</t>
  </si>
  <si>
    <t>254.006</t>
  </si>
  <si>
    <t>637.7</t>
  </si>
  <si>
    <t>3439172.0</t>
  </si>
  <si>
    <t>255.475</t>
  </si>
  <si>
    <t>737.8</t>
  </si>
  <si>
    <t>3460087.0</t>
  </si>
  <si>
    <t>20915.0</t>
  </si>
  <si>
    <t>257.028</t>
  </si>
  <si>
    <t>827.1</t>
  </si>
  <si>
    <t>3471879.0</t>
  </si>
  <si>
    <t>257.904</t>
  </si>
  <si>
    <t>1030.6</t>
  </si>
  <si>
    <t>3480201.0</t>
  </si>
  <si>
    <t>258.523</t>
  </si>
  <si>
    <t>1129.4</t>
  </si>
  <si>
    <t>3488714.0</t>
  </si>
  <si>
    <t>259.155</t>
  </si>
  <si>
    <t>1175.9</t>
  </si>
  <si>
    <t>3497196.0</t>
  </si>
  <si>
    <t>259.785</t>
  </si>
  <si>
    <t>1123.3</t>
  </si>
  <si>
    <t>3511198.0</t>
  </si>
  <si>
    <t>260.825</t>
  </si>
  <si>
    <t>1162.1</t>
  </si>
  <si>
    <t>3533815.0</t>
  </si>
  <si>
    <t>262.505</t>
  </si>
  <si>
    <t>1126.7</t>
  </si>
  <si>
    <t>3557771.0</t>
  </si>
  <si>
    <t>1149.2</t>
  </si>
  <si>
    <t>3569759.0</t>
  </si>
  <si>
    <t>265.175</t>
  </si>
  <si>
    <t>3578143.0</t>
  </si>
  <si>
    <t>265.798</t>
  </si>
  <si>
    <t>3587329.0</t>
  </si>
  <si>
    <t>3598806.0</t>
  </si>
  <si>
    <t>267.333</t>
  </si>
  <si>
    <t>615.8</t>
  </si>
  <si>
    <t>3613786.0</t>
  </si>
  <si>
    <t>268.446</t>
  </si>
  <si>
    <t>3639505.0</t>
  </si>
  <si>
    <t>270.356</t>
  </si>
  <si>
    <t>3662019.0</t>
  </si>
  <si>
    <t>272.029</t>
  </si>
  <si>
    <t>508.5</t>
  </si>
  <si>
    <t>3686235.0</t>
  </si>
  <si>
    <t>273.827</t>
  </si>
  <si>
    <t>3696051.0</t>
  </si>
  <si>
    <t>274.557</t>
  </si>
  <si>
    <t>3708297.0</t>
  </si>
  <si>
    <t>275.466</t>
  </si>
  <si>
    <t>3727624.0</t>
  </si>
  <si>
    <t>276.902</t>
  </si>
  <si>
    <t>3761154.0</t>
  </si>
  <si>
    <t>279.393</t>
  </si>
  <si>
    <t>3793980.0</t>
  </si>
  <si>
    <t>281.831</t>
  </si>
  <si>
    <t>3811370.0</t>
  </si>
  <si>
    <t>283.123</t>
  </si>
  <si>
    <t>3822541.0</t>
  </si>
  <si>
    <t>283.953</t>
  </si>
  <si>
    <t>3836810.0</t>
  </si>
  <si>
    <t>285.013</t>
  </si>
  <si>
    <t>3854653.0</t>
  </si>
  <si>
    <t>286.338</t>
  </si>
  <si>
    <t>3872466.0</t>
  </si>
  <si>
    <t>17813.0</t>
  </si>
  <si>
    <t>287.661</t>
  </si>
  <si>
    <t>3890593.0</t>
  </si>
  <si>
    <t>289.008</t>
  </si>
  <si>
    <t>3905062.0</t>
  </si>
  <si>
    <t>290.083</t>
  </si>
  <si>
    <t>3924631.0</t>
  </si>
  <si>
    <t>291.536</t>
  </si>
  <si>
    <t>12588963.0</t>
  </si>
  <si>
    <t>7629877.0</t>
  </si>
  <si>
    <t>5435180.0</t>
  </si>
  <si>
    <t>3942417.0</t>
  </si>
  <si>
    <t>292.858</t>
  </si>
  <si>
    <t>120623.0</t>
  </si>
  <si>
    <t>3965214.0</t>
  </si>
  <si>
    <t>294.551</t>
  </si>
  <si>
    <t>121836.0</t>
  </si>
  <si>
    <t>50365.0</t>
  </si>
  <si>
    <t>3989715.0</t>
  </si>
  <si>
    <t>296.371</t>
  </si>
  <si>
    <t>4010433.0</t>
  </si>
  <si>
    <t>297.91</t>
  </si>
  <si>
    <t>4026937.0</t>
  </si>
  <si>
    <t>299.136</t>
  </si>
  <si>
    <t>125475.0</t>
  </si>
  <si>
    <t>4038012.0</t>
  </si>
  <si>
    <t>299.959</t>
  </si>
  <si>
    <t>18993.0</t>
  </si>
  <si>
    <t>126688.0</t>
  </si>
  <si>
    <t>4051802.0</t>
  </si>
  <si>
    <t>300.983</t>
  </si>
  <si>
    <t>127901.0</t>
  </si>
  <si>
    <t>4070876.0</t>
  </si>
  <si>
    <t>4093759.0</t>
  </si>
  <si>
    <t>4114244.0</t>
  </si>
  <si>
    <t>305.622</t>
  </si>
  <si>
    <t>4134667.0</t>
  </si>
  <si>
    <t>4159659.0</t>
  </si>
  <si>
    <t>308.995</t>
  </si>
  <si>
    <t>4180494.0</t>
  </si>
  <si>
    <t>310.543</t>
  </si>
  <si>
    <t>4199249.0</t>
  </si>
  <si>
    <t>311.936</t>
  </si>
  <si>
    <t>4221511.0</t>
  </si>
  <si>
    <t>313.59</t>
  </si>
  <si>
    <t>4241495.0</t>
  </si>
  <si>
    <t>315.074</t>
  </si>
  <si>
    <t>4259164.0</t>
  </si>
  <si>
    <t>316.387</t>
  </si>
  <si>
    <t>4274724.0</t>
  </si>
  <si>
    <t>317.543</t>
  </si>
  <si>
    <t>4294704.0</t>
  </si>
  <si>
    <t>319.027</t>
  </si>
  <si>
    <t>4311847.0</t>
  </si>
  <si>
    <t>320.3</t>
  </si>
  <si>
    <t>4324440.0</t>
  </si>
  <si>
    <t>321.236</t>
  </si>
  <si>
    <t>4340294.0</t>
  </si>
  <si>
    <t>322.413</t>
  </si>
  <si>
    <t>4352879.0</t>
  </si>
  <si>
    <t>323.348</t>
  </si>
  <si>
    <t>4367188.0</t>
  </si>
  <si>
    <t>324.411</t>
  </si>
  <si>
    <t>15658591.0</t>
  </si>
  <si>
    <t>8215535.0</t>
  </si>
  <si>
    <t>4382620.0</t>
  </si>
  <si>
    <t>126939.0</t>
  </si>
  <si>
    <t>4398034.0</t>
  </si>
  <si>
    <t>326.703</t>
  </si>
  <si>
    <t>4407343.0</t>
  </si>
  <si>
    <t>327.394</t>
  </si>
  <si>
    <t>16022095.0</t>
  </si>
  <si>
    <t>8394931.0</t>
  </si>
  <si>
    <t>125016.0</t>
  </si>
  <si>
    <t>4416545.0</t>
  </si>
  <si>
    <t>328.078</t>
  </si>
  <si>
    <t>132160.0</t>
  </si>
  <si>
    <t>4429703.0</t>
  </si>
  <si>
    <t>329.055</t>
  </si>
  <si>
    <t>139304.0</t>
  </si>
  <si>
    <t>48374.0</t>
  </si>
  <si>
    <t>4442476.0</t>
  </si>
  <si>
    <t>330.004</t>
  </si>
  <si>
    <t>16555832.0</t>
  </si>
  <si>
    <t>8560560.0</t>
  </si>
  <si>
    <t>7044723.0</t>
  </si>
  <si>
    <t>146449.0</t>
  </si>
  <si>
    <t>120.17</t>
  </si>
  <si>
    <t>4467996.0</t>
  </si>
  <si>
    <t>128177.0</t>
  </si>
  <si>
    <t>110868.0</t>
  </si>
  <si>
    <t>4482751.0</t>
  </si>
  <si>
    <t>332.996</t>
  </si>
  <si>
    <t>35208.0</t>
  </si>
  <si>
    <t>4495157.0</t>
  </si>
  <si>
    <t>333.917</t>
  </si>
  <si>
    <t>27667.0</t>
  </si>
  <si>
    <t>4504391.0</t>
  </si>
  <si>
    <t>334.603</t>
  </si>
  <si>
    <t>50832.0</t>
  </si>
  <si>
    <t>4514830.0</t>
  </si>
  <si>
    <t>335.379</t>
  </si>
  <si>
    <t>4522209.0</t>
  </si>
  <si>
    <t>335.927</t>
  </si>
  <si>
    <t>4532257.0</t>
  </si>
  <si>
    <t>336.673</t>
  </si>
  <si>
    <t>4542356.0</t>
  </si>
  <si>
    <t>337.423</t>
  </si>
  <si>
    <t>4557626.0</t>
  </si>
  <si>
    <t>338.558</t>
  </si>
  <si>
    <t>249.6</t>
  </si>
  <si>
    <t>4570580.0</t>
  </si>
  <si>
    <t>339.52</t>
  </si>
  <si>
    <t>283.6</t>
  </si>
  <si>
    <t>4579815.0</t>
  </si>
  <si>
    <t>340.206</t>
  </si>
  <si>
    <t>4591079.0</t>
  </si>
  <si>
    <t>4601411.0</t>
  </si>
  <si>
    <t>341.81</t>
  </si>
  <si>
    <t>4613062.0</t>
  </si>
  <si>
    <t>342.676</t>
  </si>
  <si>
    <t>416.5</t>
  </si>
  <si>
    <t>4624144.0</t>
  </si>
  <si>
    <t>343.499</t>
  </si>
  <si>
    <t>481.1</t>
  </si>
  <si>
    <t>4641973.0</t>
  </si>
  <si>
    <t>17829.0</t>
  </si>
  <si>
    <t>344.823</t>
  </si>
  <si>
    <t>537.3</t>
  </si>
  <si>
    <t>4654235.0</t>
  </si>
  <si>
    <t>345.734</t>
  </si>
  <si>
    <t>4663942.0</t>
  </si>
  <si>
    <t>346.455</t>
  </si>
  <si>
    <t>564.6</t>
  </si>
  <si>
    <t>8693749.0</t>
  </si>
  <si>
    <t>7533782.0</t>
  </si>
  <si>
    <t>4675124.0</t>
  </si>
  <si>
    <t>347.286</t>
  </si>
  <si>
    <t>661.7</t>
  </si>
  <si>
    <t>4685059.0</t>
  </si>
  <si>
    <t>348.024</t>
  </si>
  <si>
    <t>753.6</t>
  </si>
  <si>
    <t>1348671.0</t>
  </si>
  <si>
    <t>90959.0</t>
  </si>
  <si>
    <t>4695589.0</t>
  </si>
  <si>
    <t>348.806</t>
  </si>
  <si>
    <t>1018.9</t>
  </si>
  <si>
    <t>136439.0</t>
  </si>
  <si>
    <t>4705956.0</t>
  </si>
  <si>
    <t>1105.6</t>
  </si>
  <si>
    <t>181918.0</t>
  </si>
  <si>
    <t>4720079.0</t>
  </si>
  <si>
    <t>350.625</t>
  </si>
  <si>
    <t>1055.5</t>
  </si>
  <si>
    <t>227398.0</t>
  </si>
  <si>
    <t>4736809.0</t>
  </si>
  <si>
    <t>351.868</t>
  </si>
  <si>
    <t>1232.5</t>
  </si>
  <si>
    <t>272878.0</t>
  </si>
  <si>
    <t>4745825.0</t>
  </si>
  <si>
    <t>352.538</t>
  </si>
  <si>
    <t>880.5</t>
  </si>
  <si>
    <t>318357.0</t>
  </si>
  <si>
    <t>4756978.0</t>
  </si>
  <si>
    <t>353.366</t>
  </si>
  <si>
    <t>826.8</t>
  </si>
  <si>
    <t>4767680.0</t>
  </si>
  <si>
    <t>354.161</t>
  </si>
  <si>
    <t>671.7</t>
  </si>
  <si>
    <t>19421047.0</t>
  </si>
  <si>
    <t>8895871.0</t>
  </si>
  <si>
    <t>8036044.0</t>
  </si>
  <si>
    <t>2489132.0</t>
  </si>
  <si>
    <t>4780592.0</t>
  </si>
  <si>
    <t>355.12</t>
  </si>
  <si>
    <t>274799.0</t>
  </si>
  <si>
    <t>4795119.0</t>
  </si>
  <si>
    <t>231241.0</t>
  </si>
  <si>
    <t>4813956.0</t>
  </si>
  <si>
    <t>357.599</t>
  </si>
  <si>
    <t>802.4</t>
  </si>
  <si>
    <t>187682.0</t>
  </si>
  <si>
    <t>4832169.0</t>
  </si>
  <si>
    <t>358.952</t>
  </si>
  <si>
    <t>769.1</t>
  </si>
  <si>
    <t>4845030.0</t>
  </si>
  <si>
    <t>359.907</t>
  </si>
  <si>
    <t>1022.7</t>
  </si>
  <si>
    <t>100566.0</t>
  </si>
  <si>
    <t>4866850.0</t>
  </si>
  <si>
    <t>361.528</t>
  </si>
  <si>
    <t>1132.7</t>
  </si>
  <si>
    <t>1389.2</t>
  </si>
  <si>
    <t>4876887.0</t>
  </si>
  <si>
    <t>362.274</t>
  </si>
  <si>
    <t>1481.4</t>
  </si>
  <si>
    <t>4891170.0</t>
  </si>
  <si>
    <t>363.335</t>
  </si>
  <si>
    <t>1455.3</t>
  </si>
  <si>
    <t>4905589.0</t>
  </si>
  <si>
    <t>364.406</t>
  </si>
  <si>
    <t>1367.7</t>
  </si>
  <si>
    <t>4918502.0</t>
  </si>
  <si>
    <t>365.365</t>
  </si>
  <si>
    <t>1488.4</t>
  </si>
  <si>
    <t>4929345.0</t>
  </si>
  <si>
    <t>366.17</t>
  </si>
  <si>
    <t>1653.2</t>
  </si>
  <si>
    <t>4939362.0</t>
  </si>
  <si>
    <t>366.915</t>
  </si>
  <si>
    <t>2218.9</t>
  </si>
  <si>
    <t>4950817.0</t>
  </si>
  <si>
    <t>367.765</t>
  </si>
  <si>
    <t>1803.1</t>
  </si>
  <si>
    <t>4959057.0</t>
  </si>
  <si>
    <t>368.378</t>
  </si>
  <si>
    <t>1508.5</t>
  </si>
  <si>
    <t>4965622.0</t>
  </si>
  <si>
    <t>368.865</t>
  </si>
  <si>
    <t>4972597.0</t>
  </si>
  <si>
    <t>369.383</t>
  </si>
  <si>
    <t>4979595.0</t>
  </si>
  <si>
    <t>369.903</t>
  </si>
  <si>
    <t>1168.6</t>
  </si>
  <si>
    <t>4985910.0</t>
  </si>
  <si>
    <t>370.372</t>
  </si>
  <si>
    <t>4990831.0</t>
  </si>
  <si>
    <t>370.738</t>
  </si>
  <si>
    <t>973.2</t>
  </si>
  <si>
    <t>4997675.0</t>
  </si>
  <si>
    <t>371.246</t>
  </si>
  <si>
    <t>1018.7</t>
  </si>
  <si>
    <t>5005483.0</t>
  </si>
  <si>
    <t>371.826</t>
  </si>
  <si>
    <t>1132.3</t>
  </si>
  <si>
    <t>5015081.0</t>
  </si>
  <si>
    <t>1075.3</t>
  </si>
  <si>
    <t>5024291.0</t>
  </si>
  <si>
    <t>373.223</t>
  </si>
  <si>
    <t>5030858.0</t>
  </si>
  <si>
    <t>373.711</t>
  </si>
  <si>
    <t>800.9</t>
  </si>
  <si>
    <t>5038292.0</t>
  </si>
  <si>
    <t>374.263</t>
  </si>
  <si>
    <t>671.5</t>
  </si>
  <si>
    <t>5045090.0</t>
  </si>
  <si>
    <t>374.768</t>
  </si>
  <si>
    <t>2647585.0</t>
  </si>
  <si>
    <t>5052845.0</t>
  </si>
  <si>
    <t>375.344</t>
  </si>
  <si>
    <t>5063326.0</t>
  </si>
  <si>
    <t>814.7</t>
  </si>
  <si>
    <t>5073959.0</t>
  </si>
  <si>
    <t>376.913</t>
  </si>
  <si>
    <t>949.6</t>
  </si>
  <si>
    <t>5081757.0</t>
  </si>
  <si>
    <t>377.492</t>
  </si>
  <si>
    <t>1064.2</t>
  </si>
  <si>
    <t>5088992.0</t>
  </si>
  <si>
    <t>378.03</t>
  </si>
  <si>
    <t>1453.4</t>
  </si>
  <si>
    <t>19864875.0</t>
  </si>
  <si>
    <t>8907627.0</t>
  </si>
  <si>
    <t>8099237.0</t>
  </si>
  <si>
    <t>2858011.0</t>
  </si>
  <si>
    <t>5096617.0</t>
  </si>
  <si>
    <t>378.596</t>
  </si>
  <si>
    <t>2333.2</t>
  </si>
  <si>
    <t>31299.0</t>
  </si>
  <si>
    <t>5102965.0</t>
  </si>
  <si>
    <t>379.068</t>
  </si>
  <si>
    <t>3403.9</t>
  </si>
  <si>
    <t>20141669.0</t>
  </si>
  <si>
    <t>8916911.0</t>
  </si>
  <si>
    <t>8146164.0</t>
  </si>
  <si>
    <t>3078594.0</t>
  </si>
  <si>
    <t>49149.0</t>
  </si>
  <si>
    <t>5111329.0</t>
  </si>
  <si>
    <t>379.689</t>
  </si>
  <si>
    <t>2924.4</t>
  </si>
  <si>
    <t>5119875.0</t>
  </si>
  <si>
    <t>380.324</t>
  </si>
  <si>
    <t>45306.0</t>
  </si>
  <si>
    <t>5127790.0</t>
  </si>
  <si>
    <t>380.912</t>
  </si>
  <si>
    <t>2833.5</t>
  </si>
  <si>
    <t>5133903.0</t>
  </si>
  <si>
    <t>381.366</t>
  </si>
  <si>
    <t>41463.0</t>
  </si>
  <si>
    <t>5138592.0</t>
  </si>
  <si>
    <t>2254.5</t>
  </si>
  <si>
    <t>5145742.0</t>
  </si>
  <si>
    <t>382.245</t>
  </si>
  <si>
    <t>2339.3</t>
  </si>
  <si>
    <t>5151824.0</t>
  </si>
  <si>
    <t>382.697</t>
  </si>
  <si>
    <t>2443.1</t>
  </si>
  <si>
    <t>5156746.0</t>
  </si>
  <si>
    <t>383.063</t>
  </si>
  <si>
    <t>2671.1</t>
  </si>
  <si>
    <t>5159528.0</t>
  </si>
  <si>
    <t>383.269</t>
  </si>
  <si>
    <t>1802.4</t>
  </si>
  <si>
    <t>5163013.0</t>
  </si>
  <si>
    <t>383.528</t>
  </si>
  <si>
    <t>5166836.0</t>
  </si>
  <si>
    <t>383.812</t>
  </si>
  <si>
    <t>1372.1</t>
  </si>
  <si>
    <t>5169527.0</t>
  </si>
  <si>
    <t>384.012</t>
  </si>
  <si>
    <t>5173899.0</t>
  </si>
  <si>
    <t>384.337</t>
  </si>
  <si>
    <t>1407.8</t>
  </si>
  <si>
    <t>5178134.0</t>
  </si>
  <si>
    <t>384.651</t>
  </si>
  <si>
    <t>1462.1</t>
  </si>
  <si>
    <t>5182712.0</t>
  </si>
  <si>
    <t>384.991</t>
  </si>
  <si>
    <t>5188208.0</t>
  </si>
  <si>
    <t>385.4</t>
  </si>
  <si>
    <t>2390.3</t>
  </si>
  <si>
    <t>5193281.0</t>
  </si>
  <si>
    <t>385.777</t>
  </si>
  <si>
    <t>3025.9</t>
  </si>
  <si>
    <t>5196697.0</t>
  </si>
  <si>
    <t>386.03</t>
  </si>
  <si>
    <t>9944.1</t>
  </si>
  <si>
    <t>5206385.0</t>
  </si>
  <si>
    <t>386.75</t>
  </si>
  <si>
    <t>3571.7</t>
  </si>
  <si>
    <t>5212865.0</t>
  </si>
  <si>
    <t>387.231</t>
  </si>
  <si>
    <t>3858.5</t>
  </si>
  <si>
    <t>5218611.0</t>
  </si>
  <si>
    <t>2991.8</t>
  </si>
  <si>
    <t>5225494.0</t>
  </si>
  <si>
    <t>388.169</t>
  </si>
  <si>
    <t>3107.9</t>
  </si>
  <si>
    <t>5230302.0</t>
  </si>
  <si>
    <t>388.527</t>
  </si>
  <si>
    <t>3085.8</t>
  </si>
  <si>
    <t>5233320.0</t>
  </si>
  <si>
    <t>388.751</t>
  </si>
  <si>
    <t>1465.1</t>
  </si>
  <si>
    <t>5237034.0</t>
  </si>
  <si>
    <t>389.027</t>
  </si>
  <si>
    <t>1613.1</t>
  </si>
  <si>
    <t>8949182.0</t>
  </si>
  <si>
    <t>8304883.0</t>
  </si>
  <si>
    <t>3774355.0</t>
  </si>
  <si>
    <t>5243325.0</t>
  </si>
  <si>
    <t>389.494</t>
  </si>
  <si>
    <t>1531.7</t>
  </si>
  <si>
    <t>1417.8</t>
  </si>
  <si>
    <t>5261793.0</t>
  </si>
  <si>
    <t>390.866</t>
  </si>
  <si>
    <t>1599.4</t>
  </si>
  <si>
    <t>1194.2</t>
  </si>
  <si>
    <t>5270395.0</t>
  </si>
  <si>
    <t>391.505</t>
  </si>
  <si>
    <t>1055.1</t>
  </si>
  <si>
    <t>8995787.0</t>
  </si>
  <si>
    <t>8380667.0</t>
  </si>
  <si>
    <t>4075023.0</t>
  </si>
  <si>
    <t>5275615.0</t>
  </si>
  <si>
    <t>391.893</t>
  </si>
  <si>
    <t>863.1</t>
  </si>
  <si>
    <t>5279288.0</t>
  </si>
  <si>
    <t>392.165</t>
  </si>
  <si>
    <t>815.4</t>
  </si>
  <si>
    <t>5285642.0</t>
  </si>
  <si>
    <t>392.637</t>
  </si>
  <si>
    <t>5295717.0</t>
  </si>
  <si>
    <t>393.386</t>
  </si>
  <si>
    <t>678.4</t>
  </si>
  <si>
    <t>5301631.0</t>
  </si>
  <si>
    <t>393.825</t>
  </si>
  <si>
    <t>9005283.0</t>
  </si>
  <si>
    <t>8405309.0</t>
  </si>
  <si>
    <t>4188208.0</t>
  </si>
  <si>
    <t>5306502.0</t>
  </si>
  <si>
    <t>394.187</t>
  </si>
  <si>
    <t>812.7</t>
  </si>
  <si>
    <t>5311117.0</t>
  </si>
  <si>
    <t>394.53</t>
  </si>
  <si>
    <t>776.3</t>
  </si>
  <si>
    <t>5317742.0</t>
  </si>
  <si>
    <t>395.022</t>
  </si>
  <si>
    <t>5322748.0</t>
  </si>
  <si>
    <t>395.394</t>
  </si>
  <si>
    <t>5328850.0</t>
  </si>
  <si>
    <t>395.847</t>
  </si>
  <si>
    <t>5335552.0</t>
  </si>
  <si>
    <t>396.345</t>
  </si>
  <si>
    <t>635.8</t>
  </si>
  <si>
    <t>5343203.0</t>
  </si>
  <si>
    <t>396.913</t>
  </si>
  <si>
    <t>9017822.0</t>
  </si>
  <si>
    <t>8440032.0</t>
  </si>
  <si>
    <t>5347964.0</t>
  </si>
  <si>
    <t>397.267</t>
  </si>
  <si>
    <t>702.7</t>
  </si>
  <si>
    <t>5352621.0</t>
  </si>
  <si>
    <t>397.613</t>
  </si>
  <si>
    <t>741.1</t>
  </si>
  <si>
    <t>72472.0</t>
  </si>
  <si>
    <t>5358487.0</t>
  </si>
  <si>
    <t>398.049</t>
  </si>
  <si>
    <t>608.2</t>
  </si>
  <si>
    <t>108707.0</t>
  </si>
  <si>
    <t>5363494.0</t>
  </si>
  <si>
    <t>398.421</t>
  </si>
  <si>
    <t>768.9</t>
  </si>
  <si>
    <t>5368092.0</t>
  </si>
  <si>
    <t>398.762</t>
  </si>
  <si>
    <t>5375002.0</t>
  </si>
  <si>
    <t>399.275</t>
  </si>
  <si>
    <t>217415.0</t>
  </si>
  <si>
    <t>5381779.0</t>
  </si>
  <si>
    <t>399.779</t>
  </si>
  <si>
    <t>21917222.0</t>
  </si>
  <si>
    <t>9030098.0</t>
  </si>
  <si>
    <t>8510067.0</t>
  </si>
  <si>
    <t>253650.0</t>
  </si>
  <si>
    <t>159.09</t>
  </si>
  <si>
    <t>5386505.0</t>
  </si>
  <si>
    <t>400.13</t>
  </si>
  <si>
    <t>676.2</t>
  </si>
  <si>
    <t>223478.0</t>
  </si>
  <si>
    <t>5390797.0</t>
  </si>
  <si>
    <t>400.449</t>
  </si>
  <si>
    <t>530.2</t>
  </si>
  <si>
    <t>193305.0</t>
  </si>
  <si>
    <t>5395660.0</t>
  </si>
  <si>
    <t>400.81</t>
  </si>
  <si>
    <t>163132.0</t>
  </si>
  <si>
    <t>5399537.0</t>
  </si>
  <si>
    <t>401.098</t>
  </si>
  <si>
    <t>500.6</t>
  </si>
  <si>
    <t>132960.0</t>
  </si>
  <si>
    <t>5404936.0</t>
  </si>
  <si>
    <t>401.499</t>
  </si>
  <si>
    <t>657.9</t>
  </si>
  <si>
    <t>5410675.0</t>
  </si>
  <si>
    <t>401.925</t>
  </si>
  <si>
    <t>5417105.0</t>
  </si>
  <si>
    <t>402.403</t>
  </si>
  <si>
    <t>22214312.0</t>
  </si>
  <si>
    <t>9061143.0</t>
  </si>
  <si>
    <t>8527099.0</t>
  </si>
  <si>
    <t>5422450.0</t>
  </si>
  <si>
    <t>561.6</t>
  </si>
  <si>
    <t>5425775.0</t>
  </si>
  <si>
    <t>403.047</t>
  </si>
  <si>
    <t>32457.0</t>
  </si>
  <si>
    <t>5430216.0</t>
  </si>
  <si>
    <t>403.377</t>
  </si>
  <si>
    <t>5433989.0</t>
  </si>
  <si>
    <t>403.657</t>
  </si>
  <si>
    <t>370.5</t>
  </si>
  <si>
    <t>5439611.0</t>
  </si>
  <si>
    <t>404.075</t>
  </si>
  <si>
    <t>17479.0</t>
  </si>
  <si>
    <t>5444713.0</t>
  </si>
  <si>
    <t>404.454</t>
  </si>
  <si>
    <t>255.9</t>
  </si>
  <si>
    <t>5449545.0</t>
  </si>
  <si>
    <t>404.813</t>
  </si>
  <si>
    <t>5454730.0</t>
  </si>
  <si>
    <t>405.198</t>
  </si>
  <si>
    <t>5459476.0</t>
  </si>
  <si>
    <t>5469846.0</t>
  </si>
  <si>
    <t>406.321</t>
  </si>
  <si>
    <t>5474305.0</t>
  </si>
  <si>
    <t>406.652</t>
  </si>
  <si>
    <t>5480217.0</t>
  </si>
  <si>
    <t>407.091</t>
  </si>
  <si>
    <t>5491810.0</t>
  </si>
  <si>
    <t>407.952</t>
  </si>
  <si>
    <t>5499006.0</t>
  </si>
  <si>
    <t>408.487</t>
  </si>
  <si>
    <t>5502292.0</t>
  </si>
  <si>
    <t>5506180.0</t>
  </si>
  <si>
    <t>409.02</t>
  </si>
  <si>
    <t>5510555.0</t>
  </si>
  <si>
    <t>409.345</t>
  </si>
  <si>
    <t>5517096.0</t>
  </si>
  <si>
    <t>409.831</t>
  </si>
  <si>
    <t>22371698.0</t>
  </si>
  <si>
    <t>9076533.0</t>
  </si>
  <si>
    <t>8558553.0</t>
  </si>
  <si>
    <t>162.39</t>
  </si>
  <si>
    <t>5522874.0</t>
  </si>
  <si>
    <t>410.26</t>
  </si>
  <si>
    <t>5526032.0</t>
  </si>
  <si>
    <t>410.495</t>
  </si>
  <si>
    <t>5531079.0</t>
  </si>
  <si>
    <t>410.869</t>
  </si>
  <si>
    <t>25336.0</t>
  </si>
  <si>
    <t>5534918.0</t>
  </si>
  <si>
    <t>411.155</t>
  </si>
  <si>
    <t>43178.0</t>
  </si>
  <si>
    <t>22715578.0</t>
  </si>
  <si>
    <t>9112973.0</t>
  </si>
  <si>
    <t>8657341.0</t>
  </si>
  <si>
    <t>49126.0</t>
  </si>
  <si>
    <t>44311.0</t>
  </si>
  <si>
    <t>34681.0</t>
  </si>
  <si>
    <t>22931472.0</t>
  </si>
  <si>
    <t>9129714.0</t>
  </si>
  <si>
    <t>8733727.0</t>
  </si>
  <si>
    <t>66090.0</t>
  </si>
  <si>
    <t>116759.0</t>
  </si>
  <si>
    <t>218098.0</t>
  </si>
  <si>
    <t>268767.0</t>
  </si>
  <si>
    <t>23187.0</t>
  </si>
  <si>
    <t>25522207.0</t>
  </si>
  <si>
    <t>9141570.0</t>
  </si>
  <si>
    <t>8822309.0</t>
  </si>
  <si>
    <t>370105.0</t>
  </si>
  <si>
    <t>317233.0</t>
  </si>
  <si>
    <t>264361.0</t>
  </si>
  <si>
    <t>211489.0</t>
  </si>
  <si>
    <t>158616.0</t>
  </si>
  <si>
    <t>105744.0</t>
  </si>
  <si>
    <t>52872.0</t>
  </si>
  <si>
    <t>4192311.0</t>
  </si>
  <si>
    <t>16289.0</t>
  </si>
  <si>
    <t>38007.0</t>
  </si>
  <si>
    <t>26054302.0</t>
  </si>
  <si>
    <t>5273632.0</t>
  </si>
  <si>
    <t>189.12</t>
  </si>
  <si>
    <t>9162923.0</t>
  </si>
  <si>
    <t>8921137.0</t>
  </si>
  <si>
    <t>26080356.0</t>
  </si>
  <si>
    <t>9172811.0</t>
  </si>
  <si>
    <t>8938849.0</t>
  </si>
  <si>
    <t>189.31</t>
  </si>
  <si>
    <t>26106436.0</t>
  </si>
  <si>
    <t>9174616.0</t>
  </si>
  <si>
    <t>8945720.0</t>
  </si>
  <si>
    <t>5562376.0</t>
  </si>
  <si>
    <t>9177634.0</t>
  </si>
  <si>
    <t>8954048.0</t>
  </si>
  <si>
    <t>14147.0</t>
  </si>
  <si>
    <t>9349802.0</t>
  </si>
  <si>
    <t>9547259.0</t>
  </si>
  <si>
    <t>8962371.0</t>
  </si>
  <si>
    <t>27693.0</t>
  </si>
  <si>
    <t>9933754.0</t>
  </si>
  <si>
    <t>5879013.0</t>
  </si>
  <si>
    <t>64013.0</t>
  </si>
  <si>
    <t>10572981.0</t>
  </si>
  <si>
    <t>9274948.0</t>
  </si>
  <si>
    <t>91318.0</t>
  </si>
  <si>
    <t>SHN</t>
  </si>
  <si>
    <t>Saint Helena</t>
  </si>
  <si>
    <t>20181.0</t>
  </si>
  <si>
    <t>KNA</t>
  </si>
  <si>
    <t>Saint Kitts and Nevis</t>
  </si>
  <si>
    <t>-151.00354438875</t>
  </si>
  <si>
    <t>-12.34</t>
  </si>
  <si>
    <t>-230.699859482813</t>
  </si>
  <si>
    <t>-37.7508860971876</t>
  </si>
  <si>
    <t>155.198087288438</t>
  </si>
  <si>
    <t>289.423460078438</t>
  </si>
  <si>
    <t>230.699859482813</t>
  </si>
  <si>
    <t>-12.91</t>
  </si>
  <si>
    <t>140.517187139531</t>
  </si>
  <si>
    <t>159.392630188125</t>
  </si>
  <si>
    <t>184.55988758625</t>
  </si>
  <si>
    <t>213.921687884063</t>
  </si>
  <si>
    <t>545.290576959376</t>
  </si>
  <si>
    <t>-13.46</t>
  </si>
  <si>
    <t>457.205176065938</t>
  </si>
  <si>
    <t>-20.35</t>
  </si>
  <si>
    <t>312.493446026719</t>
  </si>
  <si>
    <t>266.353474130157</t>
  </si>
  <si>
    <t>346.049789224219</t>
  </si>
  <si>
    <t>29628.0</t>
  </si>
  <si>
    <t>446.71881881672</t>
  </si>
  <si>
    <t>41956.0</t>
  </si>
  <si>
    <t>481.662</t>
  </si>
  <si>
    <t>23007.0</t>
  </si>
  <si>
    <t>483.279</t>
  </si>
  <si>
    <t>42250.0</t>
  </si>
  <si>
    <t>23131.0</t>
  </si>
  <si>
    <t>485.275</t>
  </si>
  <si>
    <t>487.775</t>
  </si>
  <si>
    <t>497.101</t>
  </si>
  <si>
    <t>509.621</t>
  </si>
  <si>
    <t>43003.0</t>
  </si>
  <si>
    <t>24789.0</t>
  </si>
  <si>
    <t>520.712</t>
  </si>
  <si>
    <t>43190.0</t>
  </si>
  <si>
    <t>43298.0</t>
  </si>
  <si>
    <t>537.852</t>
  </si>
  <si>
    <t>543.104</t>
  </si>
  <si>
    <t>43640.0</t>
  </si>
  <si>
    <t>469.788804765001</t>
  </si>
  <si>
    <t>552.577</t>
  </si>
  <si>
    <t>19845.0</t>
  </si>
  <si>
    <t>553.901</t>
  </si>
  <si>
    <t>561.148</t>
  </si>
  <si>
    <t>562.492</t>
  </si>
  <si>
    <t>565.958</t>
  </si>
  <si>
    <t>27068.0</t>
  </si>
  <si>
    <t>568.584</t>
  </si>
  <si>
    <t>27199.0</t>
  </si>
  <si>
    <t>571.336</t>
  </si>
  <si>
    <t>44124.0</t>
  </si>
  <si>
    <t>27451.0</t>
  </si>
  <si>
    <t>576.629</t>
  </si>
  <si>
    <t>27817.0</t>
  </si>
  <si>
    <t>584.317</t>
  </si>
  <si>
    <t>590.64</t>
  </si>
  <si>
    <t>6.323</t>
  </si>
  <si>
    <t>28307.0</t>
  </si>
  <si>
    <t>594.61</t>
  </si>
  <si>
    <t>598.16</t>
  </si>
  <si>
    <t>615.133</t>
  </si>
  <si>
    <t>629.774</t>
  </si>
  <si>
    <t>634.458</t>
  </si>
  <si>
    <t>639.373</t>
  </si>
  <si>
    <t>644.646</t>
  </si>
  <si>
    <t>658.341</t>
  </si>
  <si>
    <t>717.266835846564</t>
  </si>
  <si>
    <t>665.399</t>
  </si>
  <si>
    <t>668.676</t>
  </si>
  <si>
    <t>672.499</t>
  </si>
  <si>
    <t>683.275</t>
  </si>
  <si>
    <t>695.038</t>
  </si>
  <si>
    <t>705.352</t>
  </si>
  <si>
    <t>716.044</t>
  </si>
  <si>
    <t>725.098</t>
  </si>
  <si>
    <t>34732.0</t>
  </si>
  <si>
    <t>729.572</t>
  </si>
  <si>
    <t>732.282</t>
  </si>
  <si>
    <t>740.915</t>
  </si>
  <si>
    <t>746.313</t>
  </si>
  <si>
    <t>46884.0</t>
  </si>
  <si>
    <t>760.87</t>
  </si>
  <si>
    <t>768.853</t>
  </si>
  <si>
    <t>47098.0</t>
  </si>
  <si>
    <t>818.468</t>
  </si>
  <si>
    <t>838.529</t>
  </si>
  <si>
    <t>41035.0</t>
  </si>
  <si>
    <t>861.971</t>
  </si>
  <si>
    <t>1268.84922715547</t>
  </si>
  <si>
    <t>11.301</t>
  </si>
  <si>
    <t>883.67</t>
  </si>
  <si>
    <t>11.091</t>
  </si>
  <si>
    <t>900.811</t>
  </si>
  <si>
    <t>17.141</t>
  </si>
  <si>
    <t>11.763</t>
  </si>
  <si>
    <t>916.376</t>
  </si>
  <si>
    <t>12.561</t>
  </si>
  <si>
    <t>10.167</t>
  </si>
  <si>
    <t>923.959</t>
  </si>
  <si>
    <t>937.739</t>
  </si>
  <si>
    <t>48755.0</t>
  </si>
  <si>
    <t>955.258</t>
  </si>
  <si>
    <t>974.247</t>
  </si>
  <si>
    <t>981.704</t>
  </si>
  <si>
    <t>47197.0</t>
  </si>
  <si>
    <t>991.409</t>
  </si>
  <si>
    <t>1024.346</t>
  </si>
  <si>
    <t>1040.919</t>
  </si>
  <si>
    <t>49836.0</t>
  </si>
  <si>
    <t>1046.843</t>
  </si>
  <si>
    <t>1053.124</t>
  </si>
  <si>
    <t>1056.211</t>
  </si>
  <si>
    <t>50852.0</t>
  </si>
  <si>
    <t>1068.185</t>
  </si>
  <si>
    <t>1071.798</t>
  </si>
  <si>
    <t>1080.494</t>
  </si>
  <si>
    <t>1087.279</t>
  </si>
  <si>
    <t>1093.497</t>
  </si>
  <si>
    <t>24281.0</t>
  </si>
  <si>
    <t>1700.88714582328</t>
  </si>
  <si>
    <t>1102.193</t>
  </si>
  <si>
    <t>1108.201</t>
  </si>
  <si>
    <t>53112.0</t>
  </si>
  <si>
    <t>1115.658</t>
  </si>
  <si>
    <t>1119.691</t>
  </si>
  <si>
    <t>53815.0</t>
  </si>
  <si>
    <t>1130.425</t>
  </si>
  <si>
    <t>53914.0</t>
  </si>
  <si>
    <t>1132.504</t>
  </si>
  <si>
    <t>1139.016</t>
  </si>
  <si>
    <t>1141.831</t>
  </si>
  <si>
    <t>50872.0</t>
  </si>
  <si>
    <t>26215.0</t>
  </si>
  <si>
    <t>54786.0</t>
  </si>
  <si>
    <t>1150.821</t>
  </si>
  <si>
    <t>1154.581</t>
  </si>
  <si>
    <t>1163.131</t>
  </si>
  <si>
    <t>55608.0</t>
  </si>
  <si>
    <t>1168.088</t>
  </si>
  <si>
    <t>51414.0</t>
  </si>
  <si>
    <t>1173.255</t>
  </si>
  <si>
    <t>1178.15</t>
  </si>
  <si>
    <t>56194.0</t>
  </si>
  <si>
    <t>1180.397</t>
  </si>
  <si>
    <t>1182.183</t>
  </si>
  <si>
    <t>56538.0</t>
  </si>
  <si>
    <t>1187.623</t>
  </si>
  <si>
    <t>52386.0</t>
  </si>
  <si>
    <t>24875.0</t>
  </si>
  <si>
    <t>1189.01</t>
  </si>
  <si>
    <t>2011.28332040016</t>
  </si>
  <si>
    <t>56687.0</t>
  </si>
  <si>
    <t>1190.753</t>
  </si>
  <si>
    <t>1192.581</t>
  </si>
  <si>
    <t>1194.24</t>
  </si>
  <si>
    <t>52924.0</t>
  </si>
  <si>
    <t>56975.0</t>
  </si>
  <si>
    <t>1196.803</t>
  </si>
  <si>
    <t>1199.177</t>
  </si>
  <si>
    <t>57385.0</t>
  </si>
  <si>
    <t>1205.415</t>
  </si>
  <si>
    <t>53486.0</t>
  </si>
  <si>
    <t>1207.999</t>
  </si>
  <si>
    <t>1210.247</t>
  </si>
  <si>
    <t>53842.0</t>
  </si>
  <si>
    <t>57673.0</t>
  </si>
  <si>
    <t>1211.465</t>
  </si>
  <si>
    <t>1212.263</t>
  </si>
  <si>
    <t>57779.0</t>
  </si>
  <si>
    <t>1213.692</t>
  </si>
  <si>
    <t>57879.0</t>
  </si>
  <si>
    <t>1215.792</t>
  </si>
  <si>
    <t>57907.0</t>
  </si>
  <si>
    <t>1216.38</t>
  </si>
  <si>
    <t>1218.775</t>
  </si>
  <si>
    <t>1221.59</t>
  </si>
  <si>
    <t>1223.711</t>
  </si>
  <si>
    <t>27615.0</t>
  </si>
  <si>
    <t>1229.173</t>
  </si>
  <si>
    <t>58933.0</t>
  </si>
  <si>
    <t>1237.932</t>
  </si>
  <si>
    <t>2202.13502233594</t>
  </si>
  <si>
    <t>60279.0</t>
  </si>
  <si>
    <t>1266.206</t>
  </si>
  <si>
    <t>60756.0</t>
  </si>
  <si>
    <t>1276.226</t>
  </si>
  <si>
    <t>55279.0</t>
  </si>
  <si>
    <t>1281.162</t>
  </si>
  <si>
    <t>1287.422</t>
  </si>
  <si>
    <t>55590.0</t>
  </si>
  <si>
    <t>61706.0</t>
  </si>
  <si>
    <t>1296.181</t>
  </si>
  <si>
    <t>0.4359</t>
  </si>
  <si>
    <t>0.4331</t>
  </si>
  <si>
    <t>62356.0</t>
  </si>
  <si>
    <t>1309.835</t>
  </si>
  <si>
    <t>0.4637</t>
  </si>
  <si>
    <t>62493.0</t>
  </si>
  <si>
    <t>1312.713</t>
  </si>
  <si>
    <t>62836.0</t>
  </si>
  <si>
    <t>1319.918</t>
  </si>
  <si>
    <t>0.5339</t>
  </si>
  <si>
    <t>0.5491</t>
  </si>
  <si>
    <t>63676.0</t>
  </si>
  <si>
    <t>1337.562</t>
  </si>
  <si>
    <t>0.5684</t>
  </si>
  <si>
    <t>27881.0</t>
  </si>
  <si>
    <t>0.4096</t>
  </si>
  <si>
    <t>64173.0</t>
  </si>
  <si>
    <t>1348.002</t>
  </si>
  <si>
    <t>0.4836</t>
  </si>
  <si>
    <t>64343.0</t>
  </si>
  <si>
    <t>1351.573</t>
  </si>
  <si>
    <t>1356.909</t>
  </si>
  <si>
    <t>64708.0</t>
  </si>
  <si>
    <t>1359.24</t>
  </si>
  <si>
    <t>25956.0</t>
  </si>
  <si>
    <t>1361.572</t>
  </si>
  <si>
    <t>64996.0</t>
  </si>
  <si>
    <t>1365.29</t>
  </si>
  <si>
    <t>1369.533</t>
  </si>
  <si>
    <t>2967.63910152891</t>
  </si>
  <si>
    <t>1371.067</t>
  </si>
  <si>
    <t>56816.0</t>
  </si>
  <si>
    <t>26048.0</t>
  </si>
  <si>
    <t>1372.684</t>
  </si>
  <si>
    <t>1374.512</t>
  </si>
  <si>
    <t>1379.49</t>
  </si>
  <si>
    <t>1385.078</t>
  </si>
  <si>
    <t>66131.0</t>
  </si>
  <si>
    <t>1389.132</t>
  </si>
  <si>
    <t>1392.156</t>
  </si>
  <si>
    <t>31100.0</t>
  </si>
  <si>
    <t>26256.0</t>
  </si>
  <si>
    <t>1396.232</t>
  </si>
  <si>
    <t>66657.0</t>
  </si>
  <si>
    <t>1400.181</t>
  </si>
  <si>
    <t>60467.0</t>
  </si>
  <si>
    <t>126.82</t>
  </si>
  <si>
    <t>66769.0</t>
  </si>
  <si>
    <t>1402.533</t>
  </si>
  <si>
    <t>3166.87988926407</t>
  </si>
  <si>
    <t>66841.0</t>
  </si>
  <si>
    <t>1404.046</t>
  </si>
  <si>
    <t>1405.348</t>
  </si>
  <si>
    <t>67011.0</t>
  </si>
  <si>
    <t>1407.617</t>
  </si>
  <si>
    <t>1410.578</t>
  </si>
  <si>
    <t>67283.0</t>
  </si>
  <si>
    <t>1413.33</t>
  </si>
  <si>
    <t>1418.225</t>
  </si>
  <si>
    <t>1422.657</t>
  </si>
  <si>
    <t>67821.0</t>
  </si>
  <si>
    <t>1424.631</t>
  </si>
  <si>
    <t>3286.42436190516</t>
  </si>
  <si>
    <t>68041.0</t>
  </si>
  <si>
    <t>1429.253</t>
  </si>
  <si>
    <t>384.6</t>
  </si>
  <si>
    <t>1439.083</t>
  </si>
  <si>
    <t>1443.789</t>
  </si>
  <si>
    <t>1448.809</t>
  </si>
  <si>
    <t>1455.468</t>
  </si>
  <si>
    <t>69987.0</t>
  </si>
  <si>
    <t>1470.13</t>
  </si>
  <si>
    <t>1174.8</t>
  </si>
  <si>
    <t>1475.5</t>
  </si>
  <si>
    <t>71365.0</t>
  </si>
  <si>
    <t>1499.076</t>
  </si>
  <si>
    <t>2076.9</t>
  </si>
  <si>
    <t>1930.1</t>
  </si>
  <si>
    <t>3401.77429164657</t>
  </si>
  <si>
    <t>358.5</t>
  </si>
  <si>
    <t>71641.0</t>
  </si>
  <si>
    <t>1504.873</t>
  </si>
  <si>
    <t>413.3</t>
  </si>
  <si>
    <t>411.6</t>
  </si>
  <si>
    <t>1525.858</t>
  </si>
  <si>
    <t>3.781</t>
  </si>
  <si>
    <t>72866.0</t>
  </si>
  <si>
    <t>1530.605</t>
  </si>
  <si>
    <t>1558.774</t>
  </si>
  <si>
    <t>75939.0</t>
  </si>
  <si>
    <t>1595.156</t>
  </si>
  <si>
    <t>9.222</t>
  </si>
  <si>
    <t>77097.0</t>
  </si>
  <si>
    <t>1619.481</t>
  </si>
  <si>
    <t>77512.0</t>
  </si>
  <si>
    <t>1628.198</t>
  </si>
  <si>
    <t>79918.0</t>
  </si>
  <si>
    <t>1678.738</t>
  </si>
  <si>
    <t>1703.252</t>
  </si>
  <si>
    <t>10.377</t>
  </si>
  <si>
    <t>3496.15150688954</t>
  </si>
  <si>
    <t>85414.0</t>
  </si>
  <si>
    <t>1794.186</t>
  </si>
  <si>
    <t>86608.0</t>
  </si>
  <si>
    <t>1819.266</t>
  </si>
  <si>
    <t>1864.093</t>
  </si>
  <si>
    <t>90175.0</t>
  </si>
  <si>
    <t>1894.194</t>
  </si>
  <si>
    <t>1955.321</t>
  </si>
  <si>
    <t>1983.784</t>
  </si>
  <si>
    <t>3737.33772362157</t>
  </si>
  <si>
    <t>3793.96405276735</t>
  </si>
  <si>
    <t>64225.0</t>
  </si>
  <si>
    <t>26944.0</t>
  </si>
  <si>
    <t>3846.39583901344</t>
  </si>
  <si>
    <t>LCA</t>
  </si>
  <si>
    <t>Saint Lucia</t>
  </si>
  <si>
    <t>22839.0</t>
  </si>
  <si>
    <t>23150.0</t>
  </si>
  <si>
    <t>23575.0</t>
  </si>
  <si>
    <t>44868.0</t>
  </si>
  <si>
    <t>45297.0</t>
  </si>
  <si>
    <t>45739.0</t>
  </si>
  <si>
    <t>27588.0</t>
  </si>
  <si>
    <t>45986.0</t>
  </si>
  <si>
    <t>47124.0</t>
  </si>
  <si>
    <t>19065.0</t>
  </si>
  <si>
    <t>47828.0</t>
  </si>
  <si>
    <t>28587.0</t>
  </si>
  <si>
    <t>48666.0</t>
  </si>
  <si>
    <t>49065.0</t>
  </si>
  <si>
    <t>20222.0</t>
  </si>
  <si>
    <t>20995.0</t>
  </si>
  <si>
    <t>51061.0</t>
  </si>
  <si>
    <t>30063.0</t>
  </si>
  <si>
    <t>51563.0</t>
  </si>
  <si>
    <t>30270.0</t>
  </si>
  <si>
    <t>52030.0</t>
  </si>
  <si>
    <t>30623.0</t>
  </si>
  <si>
    <t>30815.0</t>
  </si>
  <si>
    <t>53092.0</t>
  </si>
  <si>
    <t>31037.0</t>
  </si>
  <si>
    <t>22152.0</t>
  </si>
  <si>
    <t>53323.0</t>
  </si>
  <si>
    <t>53513.0</t>
  </si>
  <si>
    <t>22386.0</t>
  </si>
  <si>
    <t>31400.0</t>
  </si>
  <si>
    <t>55798.0</t>
  </si>
  <si>
    <t>56036.0</t>
  </si>
  <si>
    <t>56551.0</t>
  </si>
  <si>
    <t>32291.0</t>
  </si>
  <si>
    <t>57509.0</t>
  </si>
  <si>
    <t>59051.0</t>
  </si>
  <si>
    <t>25931.0</t>
  </si>
  <si>
    <t>61015.0</t>
  </si>
  <si>
    <t>34195.0</t>
  </si>
  <si>
    <t>61823.0</t>
  </si>
  <si>
    <t>62165.0</t>
  </si>
  <si>
    <t>63262.0</t>
  </si>
  <si>
    <t>27671.0</t>
  </si>
  <si>
    <t>64523.0</t>
  </si>
  <si>
    <t>36750.0</t>
  </si>
  <si>
    <t>71517.0</t>
  </si>
  <si>
    <t>28923.0</t>
  </si>
  <si>
    <t>43264.0</t>
  </si>
  <si>
    <t>72577.0</t>
  </si>
  <si>
    <t>72947.0</t>
  </si>
  <si>
    <t>43582.0</t>
  </si>
  <si>
    <t>74492.0</t>
  </si>
  <si>
    <t>75827.0</t>
  </si>
  <si>
    <t>45063.0</t>
  </si>
  <si>
    <t>31161.0</t>
  </si>
  <si>
    <t>76712.0</t>
  </si>
  <si>
    <t>45972.0</t>
  </si>
  <si>
    <t>46994.0</t>
  </si>
  <si>
    <t>34205.0</t>
  </si>
  <si>
    <t>82051.0</t>
  </si>
  <si>
    <t>82462.0</t>
  </si>
  <si>
    <t>83448.0</t>
  </si>
  <si>
    <t>48051.0</t>
  </si>
  <si>
    <t>37778.0</t>
  </si>
  <si>
    <t>87446.0</t>
  </si>
  <si>
    <t>51725.0</t>
  </si>
  <si>
    <t>42475.0</t>
  </si>
  <si>
    <t>51864.0</t>
  </si>
  <si>
    <t>95620.0</t>
  </si>
  <si>
    <t>95720.0</t>
  </si>
  <si>
    <t>96183.0</t>
  </si>
  <si>
    <t>96913.0</t>
  </si>
  <si>
    <t>44062.0</t>
  </si>
  <si>
    <t>52937.0</t>
  </si>
  <si>
    <t>53634.0</t>
  </si>
  <si>
    <t>99119.0</t>
  </si>
  <si>
    <t>53710.0</t>
  </si>
  <si>
    <t>45409.0</t>
  </si>
  <si>
    <t>45521.0</t>
  </si>
  <si>
    <t>100165.0</t>
  </si>
  <si>
    <t>46322.0</t>
  </si>
  <si>
    <t>46417.0</t>
  </si>
  <si>
    <t>46607.0</t>
  </si>
  <si>
    <t>101345.0</t>
  </si>
  <si>
    <t>101504.0</t>
  </si>
  <si>
    <t>54623.0</t>
  </si>
  <si>
    <t>46881.0</t>
  </si>
  <si>
    <t>102175.0</t>
  </si>
  <si>
    <t>102696.0</t>
  </si>
  <si>
    <t>55063.0</t>
  </si>
  <si>
    <t>103290.0</t>
  </si>
  <si>
    <t>55218.0</t>
  </si>
  <si>
    <t>103501.0</t>
  </si>
  <si>
    <t>55278.0</t>
  </si>
  <si>
    <t>48456.0</t>
  </si>
  <si>
    <t>103960.0</t>
  </si>
  <si>
    <t>55387.0</t>
  </si>
  <si>
    <t>104073.0</t>
  </si>
  <si>
    <t>48650.0</t>
  </si>
  <si>
    <t>104417.0</t>
  </si>
  <si>
    <t>104462.0</t>
  </si>
  <si>
    <t>55518.0</t>
  </si>
  <si>
    <t>48944.0</t>
  </si>
  <si>
    <t>104729.0</t>
  </si>
  <si>
    <t>55639.0</t>
  </si>
  <si>
    <t>49232.0</t>
  </si>
  <si>
    <t>104994.0</t>
  </si>
  <si>
    <t>55757.0</t>
  </si>
  <si>
    <t>55851.0</t>
  </si>
  <si>
    <t>49733.0</t>
  </si>
  <si>
    <t>49885.0</t>
  </si>
  <si>
    <t>106184.0</t>
  </si>
  <si>
    <t>56162.0</t>
  </si>
  <si>
    <t>106507.0</t>
  </si>
  <si>
    <t>56339.0</t>
  </si>
  <si>
    <t>106913.0</t>
  </si>
  <si>
    <t>50414.0</t>
  </si>
  <si>
    <t>107220.0</t>
  </si>
  <si>
    <t>107352.0</t>
  </si>
  <si>
    <t>56684.0</t>
  </si>
  <si>
    <t>107399.0</t>
  </si>
  <si>
    <t>56788.0</t>
  </si>
  <si>
    <t>107573.0</t>
  </si>
  <si>
    <t>107873.0</t>
  </si>
  <si>
    <t>56922.0</t>
  </si>
  <si>
    <t>108090.0</t>
  </si>
  <si>
    <t>57018.0</t>
  </si>
  <si>
    <t>51072.0</t>
  </si>
  <si>
    <t>57193.0</t>
  </si>
  <si>
    <t>51251.0</t>
  </si>
  <si>
    <t>51333.0</t>
  </si>
  <si>
    <t>108777.0</t>
  </si>
  <si>
    <t>108880.0</t>
  </si>
  <si>
    <t>51513.0</t>
  </si>
  <si>
    <t>109014.0</t>
  </si>
  <si>
    <t>109044.0</t>
  </si>
  <si>
    <t>57428.0</t>
  </si>
  <si>
    <t>57517.0</t>
  </si>
  <si>
    <t>109326.0</t>
  </si>
  <si>
    <t>109534.0</t>
  </si>
  <si>
    <t>51912.0</t>
  </si>
  <si>
    <t>134793.0</t>
  </si>
  <si>
    <t>750.301</t>
  </si>
  <si>
    <t>116213.0</t>
  </si>
  <si>
    <t>135214.0</t>
  </si>
  <si>
    <t>752.644</t>
  </si>
  <si>
    <t>135918.0</t>
  </si>
  <si>
    <t>756.563</t>
  </si>
  <si>
    <t>757.81</t>
  </si>
  <si>
    <t>758.928</t>
  </si>
  <si>
    <t>136618.0</t>
  </si>
  <si>
    <t>760.459</t>
  </si>
  <si>
    <t>136922.0</t>
  </si>
  <si>
    <t>762.151</t>
  </si>
  <si>
    <t>137087.0</t>
  </si>
  <si>
    <t>763.07</t>
  </si>
  <si>
    <t>765.285</t>
  </si>
  <si>
    <t>766.243</t>
  </si>
  <si>
    <t>116893.0</t>
  </si>
  <si>
    <t>137919.0</t>
  </si>
  <si>
    <t>767.701</t>
  </si>
  <si>
    <t>138079.0</t>
  </si>
  <si>
    <t>768.591</t>
  </si>
  <si>
    <t>117177.0</t>
  </si>
  <si>
    <t>57992.0</t>
  </si>
  <si>
    <t>117349.0</t>
  </si>
  <si>
    <t>139116.0</t>
  </si>
  <si>
    <t>774.364</t>
  </si>
  <si>
    <t>778.11</t>
  </si>
  <si>
    <t>117740.0</t>
  </si>
  <si>
    <t>140271.0</t>
  </si>
  <si>
    <t>780.793</t>
  </si>
  <si>
    <t>140589.0</t>
  </si>
  <si>
    <t>782.563</t>
  </si>
  <si>
    <t>117881.0</t>
  </si>
  <si>
    <t>52791.0</t>
  </si>
  <si>
    <t>140771.0</t>
  </si>
  <si>
    <t>783.576</t>
  </si>
  <si>
    <t>118231.0</t>
  </si>
  <si>
    <t>141215.0</t>
  </si>
  <si>
    <t>786.047</t>
  </si>
  <si>
    <t>141332.0</t>
  </si>
  <si>
    <t>786.699</t>
  </si>
  <si>
    <t>788.346</t>
  </si>
  <si>
    <t>58755.0</t>
  </si>
  <si>
    <t>142292.0</t>
  </si>
  <si>
    <t>792.042</t>
  </si>
  <si>
    <t>119444.0</t>
  </si>
  <si>
    <t>58792.0</t>
  </si>
  <si>
    <t>53441.0</t>
  </si>
  <si>
    <t>142773.0</t>
  </si>
  <si>
    <t>794.72</t>
  </si>
  <si>
    <t>144590.0</t>
  </si>
  <si>
    <t>804.834</t>
  </si>
  <si>
    <t>119606.0</t>
  </si>
  <si>
    <t>58835.0</t>
  </si>
  <si>
    <t>53522.0</t>
  </si>
  <si>
    <t>150920.0</t>
  </si>
  <si>
    <t>840.069</t>
  </si>
  <si>
    <t>119786.0</t>
  </si>
  <si>
    <t>157510.0</t>
  </si>
  <si>
    <t>876.751</t>
  </si>
  <si>
    <t>165810.0</t>
  </si>
  <si>
    <t>922.951</t>
  </si>
  <si>
    <t>175290.0</t>
  </si>
  <si>
    <t>975.72</t>
  </si>
  <si>
    <t>12.491</t>
  </si>
  <si>
    <t>182800.0</t>
  </si>
  <si>
    <t>1017.523</t>
  </si>
  <si>
    <t>120345.0</t>
  </si>
  <si>
    <t>1077.138</t>
  </si>
  <si>
    <t>14.489</t>
  </si>
  <si>
    <t>14.929</t>
  </si>
  <si>
    <t>202690.0</t>
  </si>
  <si>
    <t>1128.237</t>
  </si>
  <si>
    <t>15.814</t>
  </si>
  <si>
    <t>120643.0</t>
  </si>
  <si>
    <t>53929.0</t>
  </si>
  <si>
    <t>203001.0</t>
  </si>
  <si>
    <t>1129.968</t>
  </si>
  <si>
    <t>0.5323</t>
  </si>
  <si>
    <t>203744.0</t>
  </si>
  <si>
    <t>1134.104</t>
  </si>
  <si>
    <t>0.5776</t>
  </si>
  <si>
    <t>120873.0</t>
  </si>
  <si>
    <t>59353.0</t>
  </si>
  <si>
    <t>54032.0</t>
  </si>
  <si>
    <t>204052.0</t>
  </si>
  <si>
    <t>1135.818</t>
  </si>
  <si>
    <t>0.3021</t>
  </si>
  <si>
    <t>206442.0</t>
  </si>
  <si>
    <t>1149.122</t>
  </si>
  <si>
    <t>120920.0</t>
  </si>
  <si>
    <t>59375.0</t>
  </si>
  <si>
    <t>54044.0</t>
  </si>
  <si>
    <t>120987.0</t>
  </si>
  <si>
    <t>59407.0</t>
  </si>
  <si>
    <t>207193.0</t>
  </si>
  <si>
    <t>1153.302</t>
  </si>
  <si>
    <t>207725.0</t>
  </si>
  <si>
    <t>1156.263</t>
  </si>
  <si>
    <t>54114.0</t>
  </si>
  <si>
    <t>1159.241</t>
  </si>
  <si>
    <t>1160.911</t>
  </si>
  <si>
    <t>121258.0</t>
  </si>
  <si>
    <t>59512.0</t>
  </si>
  <si>
    <t>121397.0</t>
  </si>
  <si>
    <t>121513.0</t>
  </si>
  <si>
    <t>121608.0</t>
  </si>
  <si>
    <t>121663.0</t>
  </si>
  <si>
    <t>121753.0</t>
  </si>
  <si>
    <t>59689.0</t>
  </si>
  <si>
    <t>54404.0</t>
  </si>
  <si>
    <t>121869.0</t>
  </si>
  <si>
    <t>59736.0</t>
  </si>
  <si>
    <t>121952.0</t>
  </si>
  <si>
    <t>54514.0</t>
  </si>
  <si>
    <t>122036.0</t>
  </si>
  <si>
    <t>59778.0</t>
  </si>
  <si>
    <t>122084.0</t>
  </si>
  <si>
    <t>122245.0</t>
  </si>
  <si>
    <t>54643.0</t>
  </si>
  <si>
    <t>122309.0</t>
  </si>
  <si>
    <t>59880.0</t>
  </si>
  <si>
    <t>122409.0</t>
  </si>
  <si>
    <t>54739.0</t>
  </si>
  <si>
    <t>122447.0</t>
  </si>
  <si>
    <t>54750.0</t>
  </si>
  <si>
    <t>122540.0</t>
  </si>
  <si>
    <t>59965.0</t>
  </si>
  <si>
    <t>59973.0</t>
  </si>
  <si>
    <t>122977.0</t>
  </si>
  <si>
    <t>60140.0</t>
  </si>
  <si>
    <t>SPM</t>
  </si>
  <si>
    <t>Saint Pierre and Miquelon</t>
  </si>
  <si>
    <t>VCT</t>
  </si>
  <si>
    <t>Saint Vincent and the Grenadines</t>
  </si>
  <si>
    <t>106.772862378438</t>
  </si>
  <si>
    <t>146.211487220924</t>
  </si>
  <si>
    <t>314.547081060803</t>
  </si>
  <si>
    <t>332.823516963418</t>
  </si>
  <si>
    <t>224.126819226811</t>
  </si>
  <si>
    <t>200.078877249685</t>
  </si>
  <si>
    <t>185.65011206341</t>
  </si>
  <si>
    <t>178.916688309814</t>
  </si>
  <si>
    <t>239.517502092171</t>
  </si>
  <si>
    <t>-14.07</t>
  </si>
  <si>
    <t>113.506286132033</t>
  </si>
  <si>
    <t>86.5725911176522</t>
  </si>
  <si>
    <t>217.393395473215</t>
  </si>
  <si>
    <t>32.7052010888908</t>
  </si>
  <si>
    <t>28.8575303725507</t>
  </si>
  <si>
    <t>76.9534143268019</t>
  </si>
  <si>
    <t>13.4668475071904</t>
  </si>
  <si>
    <t>25635.0</t>
  </si>
  <si>
    <t>-61.5627314614415</t>
  </si>
  <si>
    <t>30958.0</t>
  </si>
  <si>
    <t>32126.0</t>
  </si>
  <si>
    <t>33825.0</t>
  </si>
  <si>
    <t>739.716</t>
  </si>
  <si>
    <t>44.2482132379111</t>
  </si>
  <si>
    <t>38030.0</t>
  </si>
  <si>
    <t>43963.0</t>
  </si>
  <si>
    <t>86485.0</t>
  </si>
  <si>
    <t>828.94</t>
  </si>
  <si>
    <t>744.524283611809</t>
  </si>
  <si>
    <t>831.835</t>
  </si>
  <si>
    <t>45147.0</t>
  </si>
  <si>
    <t>834.03</t>
  </si>
  <si>
    <t>835.324</t>
  </si>
  <si>
    <t>836.733</t>
  </si>
  <si>
    <t>838.563</t>
  </si>
  <si>
    <t>87717.0</t>
  </si>
  <si>
    <t>840.749</t>
  </si>
  <si>
    <t>87895.0</t>
  </si>
  <si>
    <t>842.455</t>
  </si>
  <si>
    <t>88213.0</t>
  </si>
  <si>
    <t>845.503</t>
  </si>
  <si>
    <t>48576.0</t>
  </si>
  <si>
    <t>28278.0</t>
  </si>
  <si>
    <t>88494.0</t>
  </si>
  <si>
    <t>848.196</t>
  </si>
  <si>
    <t>88786.0</t>
  </si>
  <si>
    <t>850.995</t>
  </si>
  <si>
    <t>29249.0</t>
  </si>
  <si>
    <t>89154.0</t>
  </si>
  <si>
    <t>854.522</t>
  </si>
  <si>
    <t>89272.0</t>
  </si>
  <si>
    <t>855.653</t>
  </si>
  <si>
    <t>89487.0</t>
  </si>
  <si>
    <t>857.714</t>
  </si>
  <si>
    <t>52717.0</t>
  </si>
  <si>
    <t>21990.0</t>
  </si>
  <si>
    <t>89747.0</t>
  </si>
  <si>
    <t>860.206</t>
  </si>
  <si>
    <t>90313.0</t>
  </si>
  <si>
    <t>865.631</t>
  </si>
  <si>
    <t>90554.0</t>
  </si>
  <si>
    <t>867.941</t>
  </si>
  <si>
    <t>54462.0</t>
  </si>
  <si>
    <t>896.507276907242</t>
  </si>
  <si>
    <t>870.442</t>
  </si>
  <si>
    <t>91320.0</t>
  </si>
  <si>
    <t>875.283</t>
  </si>
  <si>
    <t>23388.0</t>
  </si>
  <si>
    <t>877.526</t>
  </si>
  <si>
    <t>56838.0</t>
  </si>
  <si>
    <t>31993.0</t>
  </si>
  <si>
    <t>92103.0</t>
  </si>
  <si>
    <t>882.788</t>
  </si>
  <si>
    <t>32104.0</t>
  </si>
  <si>
    <t>92997.0</t>
  </si>
  <si>
    <t>891.356</t>
  </si>
  <si>
    <t>60367.0</t>
  </si>
  <si>
    <t>93271.0</t>
  </si>
  <si>
    <t>893.983</t>
  </si>
  <si>
    <t>897.347</t>
  </si>
  <si>
    <t>93855.0</t>
  </si>
  <si>
    <t>899.58</t>
  </si>
  <si>
    <t>1237.02613530334</t>
  </si>
  <si>
    <t>0.3585</t>
  </si>
  <si>
    <t>0.7997</t>
  </si>
  <si>
    <t>0.7325</t>
  </si>
  <si>
    <t>0.4678</t>
  </si>
  <si>
    <t>63669.0</t>
  </si>
  <si>
    <t>34138.0</t>
  </si>
  <si>
    <t>97022.0</t>
  </si>
  <si>
    <t>929.935</t>
  </si>
  <si>
    <t>931.143</t>
  </si>
  <si>
    <t>931.296</t>
  </si>
  <si>
    <t>64440.0</t>
  </si>
  <si>
    <t>34338.0</t>
  </si>
  <si>
    <t>97234.0</t>
  </si>
  <si>
    <t>931.967</t>
  </si>
  <si>
    <t>64939.0</t>
  </si>
  <si>
    <t>27951.0</t>
  </si>
  <si>
    <t>932.36</t>
  </si>
  <si>
    <t>64991.0</t>
  </si>
  <si>
    <t>932.696</t>
  </si>
  <si>
    <t>97349.0</t>
  </si>
  <si>
    <t>933.069</t>
  </si>
  <si>
    <t>97377.0</t>
  </si>
  <si>
    <t>933.338</t>
  </si>
  <si>
    <t>0.5714</t>
  </si>
  <si>
    <t>933.386</t>
  </si>
  <si>
    <t>0.9724</t>
  </si>
  <si>
    <t>933.75</t>
  </si>
  <si>
    <t>0.9152</t>
  </si>
  <si>
    <t>66277.0</t>
  </si>
  <si>
    <t>97499.0</t>
  </si>
  <si>
    <t>934.507</t>
  </si>
  <si>
    <t>0.7707</t>
  </si>
  <si>
    <t>97565.0</t>
  </si>
  <si>
    <t>935.14</t>
  </si>
  <si>
    <t>28761.0</t>
  </si>
  <si>
    <t>97594.0</t>
  </si>
  <si>
    <t>935.418</t>
  </si>
  <si>
    <t>97617.0</t>
  </si>
  <si>
    <t>935.638</t>
  </si>
  <si>
    <t>66615.0</t>
  </si>
  <si>
    <t>97649.0</t>
  </si>
  <si>
    <t>935.945</t>
  </si>
  <si>
    <t>97652.0</t>
  </si>
  <si>
    <t>935.974</t>
  </si>
  <si>
    <t>66644.0</t>
  </si>
  <si>
    <t>34939.0</t>
  </si>
  <si>
    <t>936.213</t>
  </si>
  <si>
    <t>0.4402</t>
  </si>
  <si>
    <t>0.4245</t>
  </si>
  <si>
    <t>0.4908</t>
  </si>
  <si>
    <t>97932.0</t>
  </si>
  <si>
    <t>938.657</t>
  </si>
  <si>
    <t>97955.0</t>
  </si>
  <si>
    <t>938.878</t>
  </si>
  <si>
    <t>0.4351</t>
  </si>
  <si>
    <t>98005.0</t>
  </si>
  <si>
    <t>939.357</t>
  </si>
  <si>
    <t>939.616</t>
  </si>
  <si>
    <t>67329.0</t>
  </si>
  <si>
    <t>98093.0</t>
  </si>
  <si>
    <t>940.201</t>
  </si>
  <si>
    <t>35207.0</t>
  </si>
  <si>
    <t>98216.0</t>
  </si>
  <si>
    <t>941.379</t>
  </si>
  <si>
    <t>29127.0</t>
  </si>
  <si>
    <t>98236.0</t>
  </si>
  <si>
    <t>941.571</t>
  </si>
  <si>
    <t>98262.0</t>
  </si>
  <si>
    <t>941.82</t>
  </si>
  <si>
    <t>35230.0</t>
  </si>
  <si>
    <t>98291.0</t>
  </si>
  <si>
    <t>942.098</t>
  </si>
  <si>
    <t>942.434</t>
  </si>
  <si>
    <t>98329.0</t>
  </si>
  <si>
    <t>942.463</t>
  </si>
  <si>
    <t>98332.0</t>
  </si>
  <si>
    <t>942.491</t>
  </si>
  <si>
    <t>942.53</t>
  </si>
  <si>
    <t>942.645</t>
  </si>
  <si>
    <t>68091.0</t>
  </si>
  <si>
    <t>98354.0</t>
  </si>
  <si>
    <t>942.702</t>
  </si>
  <si>
    <t>68864.0</t>
  </si>
  <si>
    <t>35725.0</t>
  </si>
  <si>
    <t>69096.0</t>
  </si>
  <si>
    <t>69126.0</t>
  </si>
  <si>
    <t>1442.9</t>
  </si>
  <si>
    <t>69127.0</t>
  </si>
  <si>
    <t>103536.0</t>
  </si>
  <si>
    <t>992.371</t>
  </si>
  <si>
    <t>2590.9</t>
  </si>
  <si>
    <t>1051.8</t>
  </si>
  <si>
    <t>29901.0</t>
  </si>
  <si>
    <t>35956.0</t>
  </si>
  <si>
    <t>1228.4</t>
  </si>
  <si>
    <t>967.4</t>
  </si>
  <si>
    <t>103927.0</t>
  </si>
  <si>
    <t>996.118</t>
  </si>
  <si>
    <t>706.3</t>
  </si>
  <si>
    <t>69457.0</t>
  </si>
  <si>
    <t>69541.0</t>
  </si>
  <si>
    <t>30084.0</t>
  </si>
  <si>
    <t>104040.0</t>
  </si>
  <si>
    <t>997.201</t>
  </si>
  <si>
    <t>69578.0</t>
  </si>
  <si>
    <t>30111.0</t>
  </si>
  <si>
    <t>69602.0</t>
  </si>
  <si>
    <t>69678.0</t>
  </si>
  <si>
    <t>30151.0</t>
  </si>
  <si>
    <t>69756.0</t>
  </si>
  <si>
    <t>36093.0</t>
  </si>
  <si>
    <t>69806.0</t>
  </si>
  <si>
    <t>69829.0</t>
  </si>
  <si>
    <t>1004.361</t>
  </si>
  <si>
    <t>70016.0</t>
  </si>
  <si>
    <t>70032.0</t>
  </si>
  <si>
    <t>1010.045</t>
  </si>
  <si>
    <t>36268.0</t>
  </si>
  <si>
    <t>30437.0</t>
  </si>
  <si>
    <t>106252.0</t>
  </si>
  <si>
    <t>1018.403</t>
  </si>
  <si>
    <t>1021.134</t>
  </si>
  <si>
    <t>70847.0</t>
  </si>
  <si>
    <t>36508.0</t>
  </si>
  <si>
    <t>30597.0</t>
  </si>
  <si>
    <t>106802.0</t>
  </si>
  <si>
    <t>1023.674</t>
  </si>
  <si>
    <t>107015.0</t>
  </si>
  <si>
    <t>1025.716</t>
  </si>
  <si>
    <t>107074.0</t>
  </si>
  <si>
    <t>1026.281</t>
  </si>
  <si>
    <t>1029.406</t>
  </si>
  <si>
    <t>1030.556</t>
  </si>
  <si>
    <t>71018.0</t>
  </si>
  <si>
    <t>107856.0</t>
  </si>
  <si>
    <t>1033.777</t>
  </si>
  <si>
    <t>0.3841</t>
  </si>
  <si>
    <t>1035.512</t>
  </si>
  <si>
    <t>0.4607</t>
  </si>
  <si>
    <t>108388.0</t>
  </si>
  <si>
    <t>1038.876</t>
  </si>
  <si>
    <t>71609.0</t>
  </si>
  <si>
    <t>36858.0</t>
  </si>
  <si>
    <t>72022.0</t>
  </si>
  <si>
    <t>72257.0</t>
  </si>
  <si>
    <t>72537.0</t>
  </si>
  <si>
    <t>37151.0</t>
  </si>
  <si>
    <t>31258.0</t>
  </si>
  <si>
    <t>72687.0</t>
  </si>
  <si>
    <t>37220.0</t>
  </si>
  <si>
    <t>72849.0</t>
  </si>
  <si>
    <t>37276.0</t>
  </si>
  <si>
    <t>37285.0</t>
  </si>
  <si>
    <t>72941.0</t>
  </si>
  <si>
    <t>37311.0</t>
  </si>
  <si>
    <t>72943.0</t>
  </si>
  <si>
    <t>31434.0</t>
  </si>
  <si>
    <t>72979.0</t>
  </si>
  <si>
    <t>WSM</t>
  </si>
  <si>
    <t>Samoa</t>
  </si>
  <si>
    <t>45178.0</t>
  </si>
  <si>
    <t>54663.0</t>
  </si>
  <si>
    <t>49546.0</t>
  </si>
  <si>
    <t>52907.0</t>
  </si>
  <si>
    <t>55061.0</t>
  </si>
  <si>
    <t>81114.0</t>
  </si>
  <si>
    <t>92415.0</t>
  </si>
  <si>
    <t>100610.0</t>
  </si>
  <si>
    <t>111250.0</t>
  </si>
  <si>
    <t>87436.0</t>
  </si>
  <si>
    <t>134265.0</t>
  </si>
  <si>
    <t>94441.0</t>
  </si>
  <si>
    <t>43517.0</t>
  </si>
  <si>
    <t>149431.0</t>
  </si>
  <si>
    <t>99163.0</t>
  </si>
  <si>
    <t>172316.0</t>
  </si>
  <si>
    <t>188664.0</t>
  </si>
  <si>
    <t>115354.0</t>
  </si>
  <si>
    <t>73310.0</t>
  </si>
  <si>
    <t>194141.0</t>
  </si>
  <si>
    <t>115545.0</t>
  </si>
  <si>
    <t>78596.0</t>
  </si>
  <si>
    <t>203522.0</t>
  </si>
  <si>
    <t>121713.0</t>
  </si>
  <si>
    <t>81809.0</t>
  </si>
  <si>
    <t>133465.0</t>
  </si>
  <si>
    <t>223504.0</t>
  </si>
  <si>
    <t>86246.0</t>
  </si>
  <si>
    <t>248729.0</t>
  </si>
  <si>
    <t>139865.0</t>
  </si>
  <si>
    <t>108864.0</t>
  </si>
  <si>
    <t>141356.0</t>
  </si>
  <si>
    <t>121539.0</t>
  </si>
  <si>
    <t>263189.0</t>
  </si>
  <si>
    <t>141424.0</t>
  </si>
  <si>
    <t>121765.0</t>
  </si>
  <si>
    <t>264438.0</t>
  </si>
  <si>
    <t>141724.0</t>
  </si>
  <si>
    <t>265421.0</t>
  </si>
  <si>
    <t>141950.0</t>
  </si>
  <si>
    <t>123471.0</t>
  </si>
  <si>
    <t>267016.0</t>
  </si>
  <si>
    <t>142433.0</t>
  </si>
  <si>
    <t>124583.0</t>
  </si>
  <si>
    <t>275439.0</t>
  </si>
  <si>
    <t>145589.0</t>
  </si>
  <si>
    <t>129850.0</t>
  </si>
  <si>
    <t>276278.0</t>
  </si>
  <si>
    <t>145989.0</t>
  </si>
  <si>
    <t>130289.0</t>
  </si>
  <si>
    <t>173862.0</t>
  </si>
  <si>
    <t>131031.0</t>
  </si>
  <si>
    <t>339214.0</t>
  </si>
  <si>
    <t>185891.0</t>
  </si>
  <si>
    <t>136976.0</t>
  </si>
  <si>
    <t>395440.0</t>
  </si>
  <si>
    <t>187393.0</t>
  </si>
  <si>
    <t>148288.0</t>
  </si>
  <si>
    <t>177.81</t>
  </si>
  <si>
    <t>412127.0</t>
  </si>
  <si>
    <t>188680.0</t>
  </si>
  <si>
    <t>156203.0</t>
  </si>
  <si>
    <t>185.32</t>
  </si>
  <si>
    <t>439507.0</t>
  </si>
  <si>
    <t>176005.0</t>
  </si>
  <si>
    <t>446599.0</t>
  </si>
  <si>
    <t>191026.0</t>
  </si>
  <si>
    <t>177405.0</t>
  </si>
  <si>
    <t>78168.0</t>
  </si>
  <si>
    <t>446857.0</t>
  </si>
  <si>
    <t>191052.0</t>
  </si>
  <si>
    <t>447712.0</t>
  </si>
  <si>
    <t>448009.0</t>
  </si>
  <si>
    <t>177489.0</t>
  </si>
  <si>
    <t>448264.0</t>
  </si>
  <si>
    <t>191076.0</t>
  </si>
  <si>
    <t>177517.0</t>
  </si>
  <si>
    <t>78675.0</t>
  </si>
  <si>
    <t>201.57</t>
  </si>
  <si>
    <t>177521.0</t>
  </si>
  <si>
    <t>448674.0</t>
  </si>
  <si>
    <t>191108.0</t>
  </si>
  <si>
    <t>177605.0</t>
  </si>
  <si>
    <t>78912.0</t>
  </si>
  <si>
    <t>448784.0</t>
  </si>
  <si>
    <t>526775.0</t>
  </si>
  <si>
    <t>231546.0</t>
  </si>
  <si>
    <t>215077.0</t>
  </si>
  <si>
    <t>79061.0</t>
  </si>
  <si>
    <t>SMR</t>
  </si>
  <si>
    <t>San Marino</t>
  </si>
  <si>
    <t>53.4283170080143</t>
  </si>
  <si>
    <t>890.471950133571</t>
  </si>
  <si>
    <t>1121.9946571683</t>
  </si>
  <si>
    <t>1246.660730187</t>
  </si>
  <si>
    <t>1454.4375185515</t>
  </si>
  <si>
    <t>1585.04007123776</t>
  </si>
  <si>
    <t>1513.80231522707</t>
  </si>
  <si>
    <t>1668.15078658356</t>
  </si>
  <si>
    <t>1798.75333926981</t>
  </si>
  <si>
    <t>104.55</t>
  </si>
  <si>
    <t>2481.44850103888</t>
  </si>
  <si>
    <t>-10.57</t>
  </si>
  <si>
    <t>2404.27426536064</t>
  </si>
  <si>
    <t>2671.41585040071</t>
  </si>
  <si>
    <t>3086.96942712971</t>
  </si>
  <si>
    <t>3223.50845948353</t>
  </si>
  <si>
    <t>34011.0</t>
  </si>
  <si>
    <t>21389.0</t>
  </si>
  <si>
    <t>42187.0</t>
  </si>
  <si>
    <t>42962.0</t>
  </si>
  <si>
    <t>43471.0</t>
  </si>
  <si>
    <t>43651.0</t>
  </si>
  <si>
    <t>44064.0</t>
  </si>
  <si>
    <t>44431.0</t>
  </si>
  <si>
    <t>3158.2071831404</t>
  </si>
  <si>
    <t>45204.0</t>
  </si>
  <si>
    <t>45583.0</t>
  </si>
  <si>
    <t>3282.8732561591</t>
  </si>
  <si>
    <t>45940.0</t>
  </si>
  <si>
    <t>46476.0</t>
  </si>
  <si>
    <t>46486.0</t>
  </si>
  <si>
    <t>3306.61917482933</t>
  </si>
  <si>
    <t>46573.0</t>
  </si>
  <si>
    <t>3377.85693084001</t>
  </si>
  <si>
    <t>47302.0</t>
  </si>
  <si>
    <t>47502.0</t>
  </si>
  <si>
    <t>3555.95132086673</t>
  </si>
  <si>
    <t>141.91</t>
  </si>
  <si>
    <t>3591.57019887207</t>
  </si>
  <si>
    <t>21623.0</t>
  </si>
  <si>
    <t>154.48</t>
  </si>
  <si>
    <t>3971.50489759573</t>
  </si>
  <si>
    <t>24369.0</t>
  </si>
  <si>
    <t>57708.0</t>
  </si>
  <si>
    <t>171.29</t>
  </si>
  <si>
    <t>176.14</t>
  </si>
  <si>
    <t>61738.0</t>
  </si>
  <si>
    <t>24525.0</t>
  </si>
  <si>
    <t>183.25</t>
  </si>
  <si>
    <t>63366.0</t>
  </si>
  <si>
    <t>4214.90056396557</t>
  </si>
  <si>
    <t>63686.0</t>
  </si>
  <si>
    <t>189.04</t>
  </si>
  <si>
    <t>4179.28168596023</t>
  </si>
  <si>
    <t>23602.0</t>
  </si>
  <si>
    <t>68235.0</t>
  </si>
  <si>
    <t>4084.29801127931</t>
  </si>
  <si>
    <t>69081.0</t>
  </si>
  <si>
    <t>69164.0</t>
  </si>
  <si>
    <t>26347.0</t>
  </si>
  <si>
    <t>3947.7589789255</t>
  </si>
  <si>
    <t>69338.0</t>
  </si>
  <si>
    <t>4001.18729593351</t>
  </si>
  <si>
    <t>3989.3143365984</t>
  </si>
  <si>
    <t>4048.67913327397</t>
  </si>
  <si>
    <t>4125.85336895221</t>
  </si>
  <si>
    <t>-27.88</t>
  </si>
  <si>
    <t>3953.69545859306</t>
  </si>
  <si>
    <t>4096.17097061443</t>
  </si>
  <si>
    <t>STP</t>
  </si>
  <si>
    <t>Sao Tome and Principe</t>
  </si>
  <si>
    <t>41436.0</t>
  </si>
  <si>
    <t>32107.0</t>
  </si>
  <si>
    <t>38979.0</t>
  </si>
  <si>
    <t>57154.0</t>
  </si>
  <si>
    <t>65542.0</t>
  </si>
  <si>
    <t>73223.0</t>
  </si>
  <si>
    <t>60559.0</t>
  </si>
  <si>
    <t>94640.0</t>
  </si>
  <si>
    <t>68443.0</t>
  </si>
  <si>
    <t>102791.0</t>
  </si>
  <si>
    <t>27755.0</t>
  </si>
  <si>
    <t>103720.0</t>
  </si>
  <si>
    <t>108838.0</t>
  </si>
  <si>
    <t>28493.0</t>
  </si>
  <si>
    <t>109686.0</t>
  </si>
  <si>
    <t>114251.0</t>
  </si>
  <si>
    <t>82256.0</t>
  </si>
  <si>
    <t>121357.0</t>
  </si>
  <si>
    <t>132705.0</t>
  </si>
  <si>
    <t>85356.0</t>
  </si>
  <si>
    <t>134615.0</t>
  </si>
  <si>
    <t>86396.0</t>
  </si>
  <si>
    <t>182238.0</t>
  </si>
  <si>
    <t>88983.0</t>
  </si>
  <si>
    <t>61405.0</t>
  </si>
  <si>
    <t>193775.0</t>
  </si>
  <si>
    <t>111775.0</t>
  </si>
  <si>
    <t>113027.0</t>
  </si>
  <si>
    <t>86046.0</t>
  </si>
  <si>
    <t>208657.0</t>
  </si>
  <si>
    <t>113708.0</t>
  </si>
  <si>
    <t>10.497</t>
  </si>
  <si>
    <t>114072.0</t>
  </si>
  <si>
    <t>87278.0</t>
  </si>
  <si>
    <t>214560.0</t>
  </si>
  <si>
    <t>123088.0</t>
  </si>
  <si>
    <t>91836.0</t>
  </si>
  <si>
    <t>21.039</t>
  </si>
  <si>
    <t>218850.0</t>
  </si>
  <si>
    <t>124684.0</t>
  </si>
  <si>
    <t>221655.0</t>
  </si>
  <si>
    <t>99341.0</t>
  </si>
  <si>
    <t>223558.0</t>
  </si>
  <si>
    <t>126163.0</t>
  </si>
  <si>
    <t>27888.0</t>
  </si>
  <si>
    <t>126645.0</t>
  </si>
  <si>
    <t>226808.0</t>
  </si>
  <si>
    <t>127161.0</t>
  </si>
  <si>
    <t>227479.0</t>
  </si>
  <si>
    <t>127366.0</t>
  </si>
  <si>
    <t>227603.0</t>
  </si>
  <si>
    <t>127399.0</t>
  </si>
  <si>
    <t>103440.0</t>
  </si>
  <si>
    <t>127410.0</t>
  </si>
  <si>
    <t>103508.0</t>
  </si>
  <si>
    <t>127423.0</t>
  </si>
  <si>
    <t>227825.0</t>
  </si>
  <si>
    <t>127438.0</t>
  </si>
  <si>
    <t>103623.0</t>
  </si>
  <si>
    <t>32700.0</t>
  </si>
  <si>
    <t>SAU</t>
  </si>
  <si>
    <t>Saudi Arabia</t>
  </si>
  <si>
    <t>602.1</t>
  </si>
  <si>
    <t>60168.0</t>
  </si>
  <si>
    <t>73081.0</t>
  </si>
  <si>
    <t>83751.0</t>
  </si>
  <si>
    <t>89860.0</t>
  </si>
  <si>
    <t>95804.0</t>
  </si>
  <si>
    <t>102069.0</t>
  </si>
  <si>
    <t>116325.0</t>
  </si>
  <si>
    <t>123706.0</t>
  </si>
  <si>
    <t>139406.0</t>
  </si>
  <si>
    <t>160795.0</t>
  </si>
  <si>
    <t>167179.0</t>
  </si>
  <si>
    <t>173566.0</t>
  </si>
  <si>
    <t>180385.0</t>
  </si>
  <si>
    <t>196819.0</t>
  </si>
  <si>
    <t>204184.0</t>
  </si>
  <si>
    <t>212403.0</t>
  </si>
  <si>
    <t>220791.0</t>
  </si>
  <si>
    <t>6.142</t>
  </si>
  <si>
    <t>228460.0</t>
  </si>
  <si>
    <t>236716.0</t>
  </si>
  <si>
    <t>245722.0</t>
  </si>
  <si>
    <t>254455.0</t>
  </si>
  <si>
    <t>264033.0</t>
  </si>
  <si>
    <t>273293.0</t>
  </si>
  <si>
    <t>282515.0</t>
  </si>
  <si>
    <t>292855.0</t>
  </si>
  <si>
    <t>301402.0</t>
  </si>
  <si>
    <t>311605.0</t>
  </si>
  <si>
    <t>320660.0</t>
  </si>
  <si>
    <t>338952.0</t>
  </si>
  <si>
    <t>349839.0</t>
  </si>
  <si>
    <t>359497.0</t>
  </si>
  <si>
    <t>381605.0</t>
  </si>
  <si>
    <t>394385.0</t>
  </si>
  <si>
    <t>406391.0</t>
  </si>
  <si>
    <t>417905.0</t>
  </si>
  <si>
    <t>430957.0</t>
  </si>
  <si>
    <t>446983.0</t>
  </si>
  <si>
    <t>460020.0</t>
  </si>
  <si>
    <t>12.796</t>
  </si>
  <si>
    <t>474798.0</t>
  </si>
  <si>
    <t>13.207</t>
  </si>
  <si>
    <t>490942.0</t>
  </si>
  <si>
    <t>508667.0</t>
  </si>
  <si>
    <t>14.149</t>
  </si>
  <si>
    <t>523672.0</t>
  </si>
  <si>
    <t>538246.0</t>
  </si>
  <si>
    <t>14.972</t>
  </si>
  <si>
    <t>554885.0</t>
  </si>
  <si>
    <t>15.435</t>
  </si>
  <si>
    <t>571563.0</t>
  </si>
  <si>
    <t>589321.0</t>
  </si>
  <si>
    <t>627703.0</t>
  </si>
  <si>
    <t>643252.0</t>
  </si>
  <si>
    <t>659382.0</t>
  </si>
  <si>
    <t>18.341</t>
  </si>
  <si>
    <t>677476.0</t>
  </si>
  <si>
    <t>692456.0</t>
  </si>
  <si>
    <t>708355.0</t>
  </si>
  <si>
    <t>19.704</t>
  </si>
  <si>
    <t>725913.0</t>
  </si>
  <si>
    <t>20.192</t>
  </si>
  <si>
    <t>744832.0</t>
  </si>
  <si>
    <t>20.718</t>
  </si>
  <si>
    <t>763377.0</t>
  </si>
  <si>
    <t>21.234</t>
  </si>
  <si>
    <t>780041.0</t>
  </si>
  <si>
    <t>811994.0</t>
  </si>
  <si>
    <t>22.587</t>
  </si>
  <si>
    <t>828763.0</t>
  </si>
  <si>
    <t>847867.0</t>
  </si>
  <si>
    <t>23.584</t>
  </si>
  <si>
    <t>864067.0</t>
  </si>
  <si>
    <t>879921.0</t>
  </si>
  <si>
    <t>24.476</t>
  </si>
  <si>
    <t>895285.0</t>
  </si>
  <si>
    <t>24.903</t>
  </si>
  <si>
    <t>912261.0</t>
  </si>
  <si>
    <t>25.376</t>
  </si>
  <si>
    <t>928507.0</t>
  </si>
  <si>
    <t>25.827</t>
  </si>
  <si>
    <t>950270.0</t>
  </si>
  <si>
    <t>26.433</t>
  </si>
  <si>
    <t>974499.0</t>
  </si>
  <si>
    <t>24229.0</t>
  </si>
  <si>
    <t>999535.0</t>
  </si>
  <si>
    <t>1018113.0</t>
  </si>
  <si>
    <t>1038971.0</t>
  </si>
  <si>
    <t>1061110.0</t>
  </si>
  <si>
    <t>1083610.0</t>
  </si>
  <si>
    <t>30.142</t>
  </si>
  <si>
    <t>1110934.0</t>
  </si>
  <si>
    <t>1128319.0</t>
  </si>
  <si>
    <t>31.385</t>
  </si>
  <si>
    <t>1147696.0</t>
  </si>
  <si>
    <t>31.924</t>
  </si>
  <si>
    <t>1167951.0</t>
  </si>
  <si>
    <t>32.488</t>
  </si>
  <si>
    <t>1185580.0</t>
  </si>
  <si>
    <t>1239571.0</t>
  </si>
  <si>
    <t>1265587.0</t>
  </si>
  <si>
    <t>1290295.0</t>
  </si>
  <si>
    <t>35.891</t>
  </si>
  <si>
    <t>1325951.0</t>
  </si>
  <si>
    <t>36.883</t>
  </si>
  <si>
    <t>1359565.0</t>
  </si>
  <si>
    <t>1386818.0</t>
  </si>
  <si>
    <t>38.576</t>
  </si>
  <si>
    <t>39.536</t>
  </si>
  <si>
    <t>1459069.0</t>
  </si>
  <si>
    <t>37740.0</t>
  </si>
  <si>
    <t>1497539.0</t>
  </si>
  <si>
    <t>38470.0</t>
  </si>
  <si>
    <t>41.656</t>
  </si>
  <si>
    <t>1541814.0</t>
  </si>
  <si>
    <t>42.887</t>
  </si>
  <si>
    <t>1587335.0</t>
  </si>
  <si>
    <t>44.153</t>
  </si>
  <si>
    <t>1632439.0</t>
  </si>
  <si>
    <t>45.408</t>
  </si>
  <si>
    <t>1680612.0</t>
  </si>
  <si>
    <t>46.748</t>
  </si>
  <si>
    <t>1715785.0</t>
  </si>
  <si>
    <t>47.726</t>
  </si>
  <si>
    <t>1768999.0</t>
  </si>
  <si>
    <t>49.207</t>
  </si>
  <si>
    <t>44276.0</t>
  </si>
  <si>
    <t>1812926.0</t>
  </si>
  <si>
    <t>50.429</t>
  </si>
  <si>
    <t>1865061.0</t>
  </si>
  <si>
    <t>52135.0</t>
  </si>
  <si>
    <t>51.879</t>
  </si>
  <si>
    <t>1915625.0</t>
  </si>
  <si>
    <t>46899.0</t>
  </si>
  <si>
    <t>1975689.0</t>
  </si>
  <si>
    <t>54.956</t>
  </si>
  <si>
    <t>2018657.0</t>
  </si>
  <si>
    <t>56.151</t>
  </si>
  <si>
    <t>2074981.0</t>
  </si>
  <si>
    <t>56324.0</t>
  </si>
  <si>
    <t>57.718</t>
  </si>
  <si>
    <t>2131292.0</t>
  </si>
  <si>
    <t>59.284</t>
  </si>
  <si>
    <t>2188922.0</t>
  </si>
  <si>
    <t>57630.0</t>
  </si>
  <si>
    <t>60.887</t>
  </si>
  <si>
    <t>2238922.0</t>
  </si>
  <si>
    <t>62.278</t>
  </si>
  <si>
    <t>2286509.0</t>
  </si>
  <si>
    <t>47587.0</t>
  </si>
  <si>
    <t>52983.0</t>
  </si>
  <si>
    <t>2355822.0</t>
  </si>
  <si>
    <t>2399779.0</t>
  </si>
  <si>
    <t>66.753</t>
  </si>
  <si>
    <t>2461947.0</t>
  </si>
  <si>
    <t>62168.0</t>
  </si>
  <si>
    <t>68.482</t>
  </si>
  <si>
    <t>2523295.0</t>
  </si>
  <si>
    <t>70.188</t>
  </si>
  <si>
    <t>2592002.0</t>
  </si>
  <si>
    <t>68707.0</t>
  </si>
  <si>
    <t>72.099</t>
  </si>
  <si>
    <t>2657524.0</t>
  </si>
  <si>
    <t>73.922</t>
  </si>
  <si>
    <t>2708822.0</t>
  </si>
  <si>
    <t>60330.0</t>
  </si>
  <si>
    <t>2769478.0</t>
  </si>
  <si>
    <t>77.036</t>
  </si>
  <si>
    <t>59094.0</t>
  </si>
  <si>
    <t>2829086.0</t>
  </si>
  <si>
    <t>78.694</t>
  </si>
  <si>
    <t>2884424.0</t>
  </si>
  <si>
    <t>80.233</t>
  </si>
  <si>
    <t>60354.0</t>
  </si>
  <si>
    <t>2944954.0</t>
  </si>
  <si>
    <t>60530.0</t>
  </si>
  <si>
    <t>81.917</t>
  </si>
  <si>
    <t>3000614.0</t>
  </si>
  <si>
    <t>55660.0</t>
  </si>
  <si>
    <t>58373.0</t>
  </si>
  <si>
    <t>3056584.0</t>
  </si>
  <si>
    <t>85.022</t>
  </si>
  <si>
    <t>3116958.0</t>
  </si>
  <si>
    <t>86.702</t>
  </si>
  <si>
    <t>3173909.0</t>
  </si>
  <si>
    <t>88.286</t>
  </si>
  <si>
    <t>57776.0</t>
  </si>
  <si>
    <t>3241204.0</t>
  </si>
  <si>
    <t>67295.0</t>
  </si>
  <si>
    <t>90.158</t>
  </si>
  <si>
    <t>58874.0</t>
  </si>
  <si>
    <t>3307207.0</t>
  </si>
  <si>
    <t>66003.0</t>
  </si>
  <si>
    <t>91.994</t>
  </si>
  <si>
    <t>60398.0</t>
  </si>
  <si>
    <t>3362326.0</t>
  </si>
  <si>
    <t>55119.0</t>
  </si>
  <si>
    <t>93.527</t>
  </si>
  <si>
    <t>59625.0</t>
  </si>
  <si>
    <t>3426333.0</t>
  </si>
  <si>
    <t>95.307</t>
  </si>
  <si>
    <t>3474638.0</t>
  </si>
  <si>
    <t>96.651</t>
  </si>
  <si>
    <t>59722.0</t>
  </si>
  <si>
    <t>3514462.0</t>
  </si>
  <si>
    <t>97.759</t>
  </si>
  <si>
    <t>3558981.0</t>
  </si>
  <si>
    <t>98.997</t>
  </si>
  <si>
    <t>3616464.0</t>
  </si>
  <si>
    <t>57483.0</t>
  </si>
  <si>
    <t>100.596</t>
  </si>
  <si>
    <t>3671721.0</t>
  </si>
  <si>
    <t>55257.0</t>
  </si>
  <si>
    <t>102.133</t>
  </si>
  <si>
    <t>3730445.0</t>
  </si>
  <si>
    <t>103.766</t>
  </si>
  <si>
    <t>52588.0</t>
  </si>
  <si>
    <t>3791902.0</t>
  </si>
  <si>
    <t>105.476</t>
  </si>
  <si>
    <t>3855906.0</t>
  </si>
  <si>
    <t>107.256</t>
  </si>
  <si>
    <t>3917488.0</t>
  </si>
  <si>
    <t>108.969</t>
  </si>
  <si>
    <t>57575.0</t>
  </si>
  <si>
    <t>3979971.0</t>
  </si>
  <si>
    <t>110.707</t>
  </si>
  <si>
    <t>4043957.0</t>
  </si>
  <si>
    <t>112.487</t>
  </si>
  <si>
    <t>61070.0</t>
  </si>
  <si>
    <t>4114791.0</t>
  </si>
  <si>
    <t>114.457</t>
  </si>
  <si>
    <t>4188703.0</t>
  </si>
  <si>
    <t>116.513</t>
  </si>
  <si>
    <t>4258208.0</t>
  </si>
  <si>
    <t>69505.0</t>
  </si>
  <si>
    <t>118.447</t>
  </si>
  <si>
    <t>4325238.0</t>
  </si>
  <si>
    <t>67030.0</t>
  </si>
  <si>
    <t>120.311</t>
  </si>
  <si>
    <t>67047.0</t>
  </si>
  <si>
    <t>4388412.0</t>
  </si>
  <si>
    <t>4447183.0</t>
  </si>
  <si>
    <t>58771.0</t>
  </si>
  <si>
    <t>123.703</t>
  </si>
  <si>
    <t>66745.0</t>
  </si>
  <si>
    <t>4511053.0</t>
  </si>
  <si>
    <t>66728.0</t>
  </si>
  <si>
    <t>4575278.0</t>
  </si>
  <si>
    <t>127.266</t>
  </si>
  <si>
    <t>65784.0</t>
  </si>
  <si>
    <t>4640056.0</t>
  </si>
  <si>
    <t>129.068</t>
  </si>
  <si>
    <t>64479.0</t>
  </si>
  <si>
    <t>4705627.0</t>
  </si>
  <si>
    <t>130.892</t>
  </si>
  <si>
    <t>4767905.0</t>
  </si>
  <si>
    <t>62278.0</t>
  </si>
  <si>
    <t>132.625</t>
  </si>
  <si>
    <t>63238.0</t>
  </si>
  <si>
    <t>4823376.0</t>
  </si>
  <si>
    <t>55471.0</t>
  </si>
  <si>
    <t>134.168</t>
  </si>
  <si>
    <t>4885069.0</t>
  </si>
  <si>
    <t>61693.0</t>
  </si>
  <si>
    <t>135.884</t>
  </si>
  <si>
    <t>4946934.0</t>
  </si>
  <si>
    <t>137.604</t>
  </si>
  <si>
    <t>5008559.0</t>
  </si>
  <si>
    <t>139.319</t>
  </si>
  <si>
    <t>5074982.0</t>
  </si>
  <si>
    <t>141.166</t>
  </si>
  <si>
    <t>62132.0</t>
  </si>
  <si>
    <t>5138335.0</t>
  </si>
  <si>
    <t>63353.0</t>
  </si>
  <si>
    <t>142.928</t>
  </si>
  <si>
    <t>5193501.0</t>
  </si>
  <si>
    <t>55166.0</t>
  </si>
  <si>
    <t>144.463</t>
  </si>
  <si>
    <t>60799.0</t>
  </si>
  <si>
    <t>5234125.0</t>
  </si>
  <si>
    <t>145.593</t>
  </si>
  <si>
    <t>5284219.0</t>
  </si>
  <si>
    <t>5337366.0</t>
  </si>
  <si>
    <t>148.465</t>
  </si>
  <si>
    <t>55776.0</t>
  </si>
  <si>
    <t>5393167.0</t>
  </si>
  <si>
    <t>150.017</t>
  </si>
  <si>
    <t>5444978.0</t>
  </si>
  <si>
    <t>151.458</t>
  </si>
  <si>
    <t>5500783.0</t>
  </si>
  <si>
    <t>55805.0</t>
  </si>
  <si>
    <t>51778.0</t>
  </si>
  <si>
    <t>5553951.0</t>
  </si>
  <si>
    <t>53168.0</t>
  </si>
  <si>
    <t>154.489</t>
  </si>
  <si>
    <t>51493.0</t>
  </si>
  <si>
    <t>5598774.0</t>
  </si>
  <si>
    <t>155.736</t>
  </si>
  <si>
    <t>5646103.0</t>
  </si>
  <si>
    <t>157.053</t>
  </si>
  <si>
    <t>5697951.0</t>
  </si>
  <si>
    <t>158.495</t>
  </si>
  <si>
    <t>51512.0</t>
  </si>
  <si>
    <t>5750314.0</t>
  </si>
  <si>
    <t>52363.0</t>
  </si>
  <si>
    <t>159.951</t>
  </si>
  <si>
    <t>5794763.0</t>
  </si>
  <si>
    <t>161.188</t>
  </si>
  <si>
    <t>49969.0</t>
  </si>
  <si>
    <t>5853505.0</t>
  </si>
  <si>
    <t>58742.0</t>
  </si>
  <si>
    <t>162.822</t>
  </si>
  <si>
    <t>5897841.0</t>
  </si>
  <si>
    <t>44336.0</t>
  </si>
  <si>
    <t>164.055</t>
  </si>
  <si>
    <t>5937221.0</t>
  </si>
  <si>
    <t>5984404.0</t>
  </si>
  <si>
    <t>166.463</t>
  </si>
  <si>
    <t>48329.0</t>
  </si>
  <si>
    <t>6039015.0</t>
  </si>
  <si>
    <t>167.982</t>
  </si>
  <si>
    <t>48723.0</t>
  </si>
  <si>
    <t>6092367.0</t>
  </si>
  <si>
    <t>169.466</t>
  </si>
  <si>
    <t>6144560.0</t>
  </si>
  <si>
    <t>49971.0</t>
  </si>
  <si>
    <t>6197418.0</t>
  </si>
  <si>
    <t>172.388</t>
  </si>
  <si>
    <t>49130.0</t>
  </si>
  <si>
    <t>6243608.0</t>
  </si>
  <si>
    <t>173.673</t>
  </si>
  <si>
    <t>49395.0</t>
  </si>
  <si>
    <t>6286799.0</t>
  </si>
  <si>
    <t>174.874</t>
  </si>
  <si>
    <t>6333609.0</t>
  </si>
  <si>
    <t>46810.0</t>
  </si>
  <si>
    <t>176.176</t>
  </si>
  <si>
    <t>6385134.0</t>
  </si>
  <si>
    <t>51525.0</t>
  </si>
  <si>
    <t>177.61</t>
  </si>
  <si>
    <t>6433988.0</t>
  </si>
  <si>
    <t>178.968</t>
  </si>
  <si>
    <t>6480025.0</t>
  </si>
  <si>
    <t>180.249</t>
  </si>
  <si>
    <t>6518723.0</t>
  </si>
  <si>
    <t>181.325</t>
  </si>
  <si>
    <t>6557251.0</t>
  </si>
  <si>
    <t>182.397</t>
  </si>
  <si>
    <t>6591551.0</t>
  </si>
  <si>
    <t>34300.0</t>
  </si>
  <si>
    <t>183.351</t>
  </si>
  <si>
    <t>6635663.0</t>
  </si>
  <si>
    <t>44112.0</t>
  </si>
  <si>
    <t>184.578</t>
  </si>
  <si>
    <t>6687339.0</t>
  </si>
  <si>
    <t>51676.0</t>
  </si>
  <si>
    <t>186.016</t>
  </si>
  <si>
    <t>43172.0</t>
  </si>
  <si>
    <t>6734659.0</t>
  </si>
  <si>
    <t>47320.0</t>
  </si>
  <si>
    <t>187.332</t>
  </si>
  <si>
    <t>6784194.0</t>
  </si>
  <si>
    <t>6835826.0</t>
  </si>
  <si>
    <t>51632.0</t>
  </si>
  <si>
    <t>190.146</t>
  </si>
  <si>
    <t>6881845.0</t>
  </si>
  <si>
    <t>6921185.0</t>
  </si>
  <si>
    <t>6968314.0</t>
  </si>
  <si>
    <t>193.831</t>
  </si>
  <si>
    <t>7019099.0</t>
  </si>
  <si>
    <t>195.244</t>
  </si>
  <si>
    <t>7071283.0</t>
  </si>
  <si>
    <t>52184.0</t>
  </si>
  <si>
    <t>196.696</t>
  </si>
  <si>
    <t>7119624.0</t>
  </si>
  <si>
    <t>48341.0</t>
  </si>
  <si>
    <t>7173518.0</t>
  </si>
  <si>
    <t>199.539</t>
  </si>
  <si>
    <t>7219707.0</t>
  </si>
  <si>
    <t>46189.0</t>
  </si>
  <si>
    <t>200.824</t>
  </si>
  <si>
    <t>7257946.0</t>
  </si>
  <si>
    <t>201.888</t>
  </si>
  <si>
    <t>7303649.0</t>
  </si>
  <si>
    <t>45703.0</t>
  </si>
  <si>
    <t>203.159</t>
  </si>
  <si>
    <t>7353144.0</t>
  </si>
  <si>
    <t>204.536</t>
  </si>
  <si>
    <t>7404993.0</t>
  </si>
  <si>
    <t>47673.0</t>
  </si>
  <si>
    <t>7457959.0</t>
  </si>
  <si>
    <t>52966.0</t>
  </si>
  <si>
    <t>207.451</t>
  </si>
  <si>
    <t>7510991.0</t>
  </si>
  <si>
    <t>208.927</t>
  </si>
  <si>
    <t>48210.0</t>
  </si>
  <si>
    <t>7558917.0</t>
  </si>
  <si>
    <t>47926.0</t>
  </si>
  <si>
    <t>48459.0</t>
  </si>
  <si>
    <t>7597302.0</t>
  </si>
  <si>
    <t>211.327</t>
  </si>
  <si>
    <t>7646186.0</t>
  </si>
  <si>
    <t>48884.0</t>
  </si>
  <si>
    <t>212.687</t>
  </si>
  <si>
    <t>7700663.0</t>
  </si>
  <si>
    <t>54477.0</t>
  </si>
  <si>
    <t>214.202</t>
  </si>
  <si>
    <t>7752306.0</t>
  </si>
  <si>
    <t>51643.0</t>
  </si>
  <si>
    <t>215.639</t>
  </si>
  <si>
    <t>49616.0</t>
  </si>
  <si>
    <t>7805829.0</t>
  </si>
  <si>
    <t>217.128</t>
  </si>
  <si>
    <t>7858705.0</t>
  </si>
  <si>
    <t>52876.0</t>
  </si>
  <si>
    <t>218.599</t>
  </si>
  <si>
    <t>7913514.0</t>
  </si>
  <si>
    <t>220.123</t>
  </si>
  <si>
    <t>7963528.0</t>
  </si>
  <si>
    <t>221.514</t>
  </si>
  <si>
    <t>52318.0</t>
  </si>
  <si>
    <t>8015849.0</t>
  </si>
  <si>
    <t>8073719.0</t>
  </si>
  <si>
    <t>8132280.0</t>
  </si>
  <si>
    <t>226.208</t>
  </si>
  <si>
    <t>8188187.0</t>
  </si>
  <si>
    <t>55907.0</t>
  </si>
  <si>
    <t>227.763</t>
  </si>
  <si>
    <t>8244442.0</t>
  </si>
  <si>
    <t>56255.0</t>
  </si>
  <si>
    <t>229.328</t>
  </si>
  <si>
    <t>55105.0</t>
  </si>
  <si>
    <t>8295860.0</t>
  </si>
  <si>
    <t>230.759</t>
  </si>
  <si>
    <t>8340700.0</t>
  </si>
  <si>
    <t>44840.0</t>
  </si>
  <si>
    <t>232.006</t>
  </si>
  <si>
    <t>53882.0</t>
  </si>
  <si>
    <t>8394519.0</t>
  </si>
  <si>
    <t>53819.0</t>
  </si>
  <si>
    <t>233.503</t>
  </si>
  <si>
    <t>54096.0</t>
  </si>
  <si>
    <t>8453449.0</t>
  </si>
  <si>
    <t>235.142</t>
  </si>
  <si>
    <t>8517113.0</t>
  </si>
  <si>
    <t>236.913</t>
  </si>
  <si>
    <t>8576430.0</t>
  </si>
  <si>
    <t>238.563</t>
  </si>
  <si>
    <t>8638296.0</t>
  </si>
  <si>
    <t>240.284</t>
  </si>
  <si>
    <t>56265.0</t>
  </si>
  <si>
    <t>8692022.0</t>
  </si>
  <si>
    <t>53726.0</t>
  </si>
  <si>
    <t>241.778</t>
  </si>
  <si>
    <t>8737493.0</t>
  </si>
  <si>
    <t>45471.0</t>
  </si>
  <si>
    <t>243.043</t>
  </si>
  <si>
    <t>56685.0</t>
  </si>
  <si>
    <t>8791076.0</t>
  </si>
  <si>
    <t>244.533</t>
  </si>
  <si>
    <t>8855666.0</t>
  </si>
  <si>
    <t>8918588.0</t>
  </si>
  <si>
    <t>248.08</t>
  </si>
  <si>
    <t>57354.0</t>
  </si>
  <si>
    <t>8969439.0</t>
  </si>
  <si>
    <t>50851.0</t>
  </si>
  <si>
    <t>249.495</t>
  </si>
  <si>
    <t>9032050.0</t>
  </si>
  <si>
    <t>62611.0</t>
  </si>
  <si>
    <t>251.236</t>
  </si>
  <si>
    <t>9083189.0</t>
  </si>
  <si>
    <t>252.659</t>
  </si>
  <si>
    <t>9128044.0</t>
  </si>
  <si>
    <t>253.907</t>
  </si>
  <si>
    <t>9181191.0</t>
  </si>
  <si>
    <t>255.385</t>
  </si>
  <si>
    <t>9240983.0</t>
  </si>
  <si>
    <t>257.048</t>
  </si>
  <si>
    <t>55045.0</t>
  </si>
  <si>
    <t>9297674.0</t>
  </si>
  <si>
    <t>258.625</t>
  </si>
  <si>
    <t>54155.0</t>
  </si>
  <si>
    <t>9356933.0</t>
  </si>
  <si>
    <t>59259.0</t>
  </si>
  <si>
    <t>260.273</t>
  </si>
  <si>
    <t>55356.0</t>
  </si>
  <si>
    <t>9414367.0</t>
  </si>
  <si>
    <t>57434.0</t>
  </si>
  <si>
    <t>261.871</t>
  </si>
  <si>
    <t>9461812.0</t>
  </si>
  <si>
    <t>263.191</t>
  </si>
  <si>
    <t>9498370.0</t>
  </si>
  <si>
    <t>36558.0</t>
  </si>
  <si>
    <t>264.208</t>
  </si>
  <si>
    <t>9538765.0</t>
  </si>
  <si>
    <t>265.331</t>
  </si>
  <si>
    <t>9594041.0</t>
  </si>
  <si>
    <t>266.869</t>
  </si>
  <si>
    <t>9644779.0</t>
  </si>
  <si>
    <t>50738.0</t>
  </si>
  <si>
    <t>268.28</t>
  </si>
  <si>
    <t>49586.0</t>
  </si>
  <si>
    <t>9696610.0</t>
  </si>
  <si>
    <t>51831.0</t>
  </si>
  <si>
    <t>269.722</t>
  </si>
  <si>
    <t>48525.0</t>
  </si>
  <si>
    <t>9748559.0</t>
  </si>
  <si>
    <t>271.167</t>
  </si>
  <si>
    <t>47742.0</t>
  </si>
  <si>
    <t>9785268.0</t>
  </si>
  <si>
    <t>272.188</t>
  </si>
  <si>
    <t>46208.0</t>
  </si>
  <si>
    <t>9819884.0</t>
  </si>
  <si>
    <t>273.151</t>
  </si>
  <si>
    <t>9859108.0</t>
  </si>
  <si>
    <t>274.242</t>
  </si>
  <si>
    <t>9905480.0</t>
  </si>
  <si>
    <t>275.532</t>
  </si>
  <si>
    <t>9952817.0</t>
  </si>
  <si>
    <t>276.849</t>
  </si>
  <si>
    <t>44005.0</t>
  </si>
  <si>
    <t>9994942.0</t>
  </si>
  <si>
    <t>42125.0</t>
  </si>
  <si>
    <t>278.02</t>
  </si>
  <si>
    <t>42619.0</t>
  </si>
  <si>
    <t>10039248.0</t>
  </si>
  <si>
    <t>44306.0</t>
  </si>
  <si>
    <t>279.253</t>
  </si>
  <si>
    <t>10073869.0</t>
  </si>
  <si>
    <t>280.216</t>
  </si>
  <si>
    <t>41229.0</t>
  </si>
  <si>
    <t>175.4</t>
  </si>
  <si>
    <t>10106659.0</t>
  </si>
  <si>
    <t>281.128</t>
  </si>
  <si>
    <t>40968.0</t>
  </si>
  <si>
    <t>10147030.0</t>
  </si>
  <si>
    <t>282.251</t>
  </si>
  <si>
    <t>10191631.0</t>
  </si>
  <si>
    <t>283.491</t>
  </si>
  <si>
    <t>10233590.0</t>
  </si>
  <si>
    <t>284.659</t>
  </si>
  <si>
    <t>10275365.0</t>
  </si>
  <si>
    <t>41775.0</t>
  </si>
  <si>
    <t>285.821</t>
  </si>
  <si>
    <t>10316632.0</t>
  </si>
  <si>
    <t>286.969</t>
  </si>
  <si>
    <t>10349590.0</t>
  </si>
  <si>
    <t>287.885</t>
  </si>
  <si>
    <t>10378732.0</t>
  </si>
  <si>
    <t>288.696</t>
  </si>
  <si>
    <t>10409634.0</t>
  </si>
  <si>
    <t>289.555</t>
  </si>
  <si>
    <t>10444186.0</t>
  </si>
  <si>
    <t>290.517</t>
  </si>
  <si>
    <t>36079.0</t>
  </si>
  <si>
    <t>10490805.0</t>
  </si>
  <si>
    <t>291.813</t>
  </si>
  <si>
    <t>10530246.0</t>
  </si>
  <si>
    <t>39441.0</t>
  </si>
  <si>
    <t>292.91</t>
  </si>
  <si>
    <t>10572694.0</t>
  </si>
  <si>
    <t>294.091</t>
  </si>
  <si>
    <t>232.6</t>
  </si>
  <si>
    <t>10606370.0</t>
  </si>
  <si>
    <t>295.028</t>
  </si>
  <si>
    <t>10639645.0</t>
  </si>
  <si>
    <t>295.953</t>
  </si>
  <si>
    <t>37273.0</t>
  </si>
  <si>
    <t>10676018.0</t>
  </si>
  <si>
    <t>296.965</t>
  </si>
  <si>
    <t>38055.0</t>
  </si>
  <si>
    <t>10715628.0</t>
  </si>
  <si>
    <t>298.067</t>
  </si>
  <si>
    <t>10755192.0</t>
  </si>
  <si>
    <t>299.168</t>
  </si>
  <si>
    <t>37770.0</t>
  </si>
  <si>
    <t>10789890.0</t>
  </si>
  <si>
    <t>300.133</t>
  </si>
  <si>
    <t>10822229.0</t>
  </si>
  <si>
    <t>32339.0</t>
  </si>
  <si>
    <t>301.032</t>
  </si>
  <si>
    <t>35648.0</t>
  </si>
  <si>
    <t>10851145.0</t>
  </si>
  <si>
    <t>301.837</t>
  </si>
  <si>
    <t>10872920.0</t>
  </si>
  <si>
    <t>302.442</t>
  </si>
  <si>
    <t>10903029.0</t>
  </si>
  <si>
    <t>303.28</t>
  </si>
  <si>
    <t>32430.0</t>
  </si>
  <si>
    <t>10937706.0</t>
  </si>
  <si>
    <t>304.244</t>
  </si>
  <si>
    <t>10973855.0</t>
  </si>
  <si>
    <t>305.25</t>
  </si>
  <si>
    <t>31238.0</t>
  </si>
  <si>
    <t>11010384.0</t>
  </si>
  <si>
    <t>306.266</t>
  </si>
  <si>
    <t>11046767.0</t>
  </si>
  <si>
    <t>307.278</t>
  </si>
  <si>
    <t>11073936.0</t>
  </si>
  <si>
    <t>308.034</t>
  </si>
  <si>
    <t>11103188.0</t>
  </si>
  <si>
    <t>308.847</t>
  </si>
  <si>
    <t>11134877.0</t>
  </si>
  <si>
    <t>309.729</t>
  </si>
  <si>
    <t>11174310.0</t>
  </si>
  <si>
    <t>39433.0</t>
  </si>
  <si>
    <t>310.826</t>
  </si>
  <si>
    <t>11214105.0</t>
  </si>
  <si>
    <t>311.933</t>
  </si>
  <si>
    <t>11250266.0</t>
  </si>
  <si>
    <t>312.939</t>
  </si>
  <si>
    <t>34269.0</t>
  </si>
  <si>
    <t>137862.0</t>
  </si>
  <si>
    <t>11297327.0</t>
  </si>
  <si>
    <t>314.248</t>
  </si>
  <si>
    <t>336.8</t>
  </si>
  <si>
    <t>11334370.0</t>
  </si>
  <si>
    <t>315.278</t>
  </si>
  <si>
    <t>11362694.0</t>
  </si>
  <si>
    <t>178338.0</t>
  </si>
  <si>
    <t>11405293.0</t>
  </si>
  <si>
    <t>317.251</t>
  </si>
  <si>
    <t>361.5</t>
  </si>
  <si>
    <t>11455431.0</t>
  </si>
  <si>
    <t>318.645</t>
  </si>
  <si>
    <t>40160.0</t>
  </si>
  <si>
    <t>354.1</t>
  </si>
  <si>
    <t>11504341.0</t>
  </si>
  <si>
    <t>320.006</t>
  </si>
  <si>
    <t>41462.0</t>
  </si>
  <si>
    <t>11553474.0</t>
  </si>
  <si>
    <t>49133.0</t>
  </si>
  <si>
    <t>321.373</t>
  </si>
  <si>
    <t>11604169.0</t>
  </si>
  <si>
    <t>50695.0</t>
  </si>
  <si>
    <t>322.783</t>
  </si>
  <si>
    <t>11647424.0</t>
  </si>
  <si>
    <t>323.986</t>
  </si>
  <si>
    <t>44722.0</t>
  </si>
  <si>
    <t>11687198.0</t>
  </si>
  <si>
    <t>325.092</t>
  </si>
  <si>
    <t>295530.0</t>
  </si>
  <si>
    <t>11732262.0</t>
  </si>
  <si>
    <t>45064.0</t>
  </si>
  <si>
    <t>326.346</t>
  </si>
  <si>
    <t>291.9</t>
  </si>
  <si>
    <t>11788613.0</t>
  </si>
  <si>
    <t>327.913</t>
  </si>
  <si>
    <t>47597.0</t>
  </si>
  <si>
    <t>11841178.0</t>
  </si>
  <si>
    <t>52565.0</t>
  </si>
  <si>
    <t>329.375</t>
  </si>
  <si>
    <t>274.1</t>
  </si>
  <si>
    <t>11893283.0</t>
  </si>
  <si>
    <t>330.825</t>
  </si>
  <si>
    <t>11942589.0</t>
  </si>
  <si>
    <t>49306.0</t>
  </si>
  <si>
    <t>332.196</t>
  </si>
  <si>
    <t>11976464.0</t>
  </si>
  <si>
    <t>333.139</t>
  </si>
  <si>
    <t>12011991.0</t>
  </si>
  <si>
    <t>35527.0</t>
  </si>
  <si>
    <t>334.127</t>
  </si>
  <si>
    <t>46399.0</t>
  </si>
  <si>
    <t>391643.0</t>
  </si>
  <si>
    <t>12055686.0</t>
  </si>
  <si>
    <t>335.342</t>
  </si>
  <si>
    <t>12100328.0</t>
  </si>
  <si>
    <t>336.584</t>
  </si>
  <si>
    <t>12146661.0</t>
  </si>
  <si>
    <t>46333.0</t>
  </si>
  <si>
    <t>337.873</t>
  </si>
  <si>
    <t>12191776.0</t>
  </si>
  <si>
    <t>45115.0</t>
  </si>
  <si>
    <t>339.128</t>
  </si>
  <si>
    <t>12240221.0</t>
  </si>
  <si>
    <t>340.475</t>
  </si>
  <si>
    <t>12276989.0</t>
  </si>
  <si>
    <t>341.498</t>
  </si>
  <si>
    <t>12313953.0</t>
  </si>
  <si>
    <t>43137.0</t>
  </si>
  <si>
    <t>440618.0</t>
  </si>
  <si>
    <t>12358449.0</t>
  </si>
  <si>
    <t>343.764</t>
  </si>
  <si>
    <t>43252.0</t>
  </si>
  <si>
    <t>12410625.0</t>
  </si>
  <si>
    <t>52176.0</t>
  </si>
  <si>
    <t>345.215</t>
  </si>
  <si>
    <t>44328.0</t>
  </si>
  <si>
    <t>12462222.0</t>
  </si>
  <si>
    <t>51597.0</t>
  </si>
  <si>
    <t>346.65</t>
  </si>
  <si>
    <t>12517073.0</t>
  </si>
  <si>
    <t>54851.0</t>
  </si>
  <si>
    <t>348.176</t>
  </si>
  <si>
    <t>12571129.0</t>
  </si>
  <si>
    <t>349.68</t>
  </si>
  <si>
    <t>12617003.0</t>
  </si>
  <si>
    <t>350.956</t>
  </si>
  <si>
    <t>12663169.0</t>
  </si>
  <si>
    <t>352.24</t>
  </si>
  <si>
    <t>49888.0</t>
  </si>
  <si>
    <t>12711429.0</t>
  </si>
  <si>
    <t>353.582</t>
  </si>
  <si>
    <t>12764468.0</t>
  </si>
  <si>
    <t>355.058</t>
  </si>
  <si>
    <t>50549.0</t>
  </si>
  <si>
    <t>12815410.0</t>
  </si>
  <si>
    <t>50942.0</t>
  </si>
  <si>
    <t>356.475</t>
  </si>
  <si>
    <t>50455.0</t>
  </si>
  <si>
    <t>12865749.0</t>
  </si>
  <si>
    <t>357.875</t>
  </si>
  <si>
    <t>49811.0</t>
  </si>
  <si>
    <t>444465.0</t>
  </si>
  <si>
    <t>12918203.0</t>
  </si>
  <si>
    <t>359.334</t>
  </si>
  <si>
    <t>49582.0</t>
  </si>
  <si>
    <t>12965044.0</t>
  </si>
  <si>
    <t>46841.0</t>
  </si>
  <si>
    <t>360.637</t>
  </si>
  <si>
    <t>13006509.0</t>
  </si>
  <si>
    <t>361.79</t>
  </si>
  <si>
    <t>446940.0</t>
  </si>
  <si>
    <t>13055569.0</t>
  </si>
  <si>
    <t>363.155</t>
  </si>
  <si>
    <t>13107926.0</t>
  </si>
  <si>
    <t>364.611</t>
  </si>
  <si>
    <t>462812.0</t>
  </si>
  <si>
    <t>13157534.0</t>
  </si>
  <si>
    <t>365.991</t>
  </si>
  <si>
    <t>13208953.0</t>
  </si>
  <si>
    <t>51419.0</t>
  </si>
  <si>
    <t>367.422</t>
  </si>
  <si>
    <t>49029.0</t>
  </si>
  <si>
    <t>501710.0</t>
  </si>
  <si>
    <t>13257732.0</t>
  </si>
  <si>
    <t>48779.0</t>
  </si>
  <si>
    <t>368.778</t>
  </si>
  <si>
    <t>48504.0</t>
  </si>
  <si>
    <t>13296108.0</t>
  </si>
  <si>
    <t>369.846</t>
  </si>
  <si>
    <t>13332326.0</t>
  </si>
  <si>
    <t>370.853</t>
  </si>
  <si>
    <t>13373336.0</t>
  </si>
  <si>
    <t>371.994</t>
  </si>
  <si>
    <t>45395.0</t>
  </si>
  <si>
    <t>13418416.0</t>
  </si>
  <si>
    <t>373.248</t>
  </si>
  <si>
    <t>600798.0</t>
  </si>
  <si>
    <t>13463804.0</t>
  </si>
  <si>
    <t>374.511</t>
  </si>
  <si>
    <t>13509412.0</t>
  </si>
  <si>
    <t>375.779</t>
  </si>
  <si>
    <t>639587.0</t>
  </si>
  <si>
    <t>13554439.0</t>
  </si>
  <si>
    <t>377.032</t>
  </si>
  <si>
    <t>13594146.0</t>
  </si>
  <si>
    <t>378.136</t>
  </si>
  <si>
    <t>13633077.0</t>
  </si>
  <si>
    <t>38931.0</t>
  </si>
  <si>
    <t>42964.0</t>
  </si>
  <si>
    <t>780667.0</t>
  </si>
  <si>
    <t>13680202.0</t>
  </si>
  <si>
    <t>13727492.0</t>
  </si>
  <si>
    <t>44154.0</t>
  </si>
  <si>
    <t>885411.0</t>
  </si>
  <si>
    <t>13782574.0</t>
  </si>
  <si>
    <t>55082.0</t>
  </si>
  <si>
    <t>383.378</t>
  </si>
  <si>
    <t>1003287.0</t>
  </si>
  <si>
    <t>117876.0</t>
  </si>
  <si>
    <t>13829692.0</t>
  </si>
  <si>
    <t>384.688</t>
  </si>
  <si>
    <t>64790.0</t>
  </si>
  <si>
    <t>13882429.0</t>
  </si>
  <si>
    <t>52737.0</t>
  </si>
  <si>
    <t>386.155</t>
  </si>
  <si>
    <t>1182943.0</t>
  </si>
  <si>
    <t>13930507.0</t>
  </si>
  <si>
    <t>48078.0</t>
  </si>
  <si>
    <t>387.492</t>
  </si>
  <si>
    <t>48052.0</t>
  </si>
  <si>
    <t>1264878.0</t>
  </si>
  <si>
    <t>81935.0</t>
  </si>
  <si>
    <t>13972208.0</t>
  </si>
  <si>
    <t>388.652</t>
  </si>
  <si>
    <t>14019999.0</t>
  </si>
  <si>
    <t>389.982</t>
  </si>
  <si>
    <t>1332740.0</t>
  </si>
  <si>
    <t>71386.0</t>
  </si>
  <si>
    <t>14076117.0</t>
  </si>
  <si>
    <t>391.543</t>
  </si>
  <si>
    <t>1484935.0</t>
  </si>
  <si>
    <t>85646.0</t>
  </si>
  <si>
    <t>14130542.0</t>
  </si>
  <si>
    <t>49710.0</t>
  </si>
  <si>
    <t>1585770.0</t>
  </si>
  <si>
    <t>83212.0</t>
  </si>
  <si>
    <t>14175803.0</t>
  </si>
  <si>
    <t>45261.0</t>
  </si>
  <si>
    <t>394.316</t>
  </si>
  <si>
    <t>1685881.0</t>
  </si>
  <si>
    <t>84681.0</t>
  </si>
  <si>
    <t>14227459.0</t>
  </si>
  <si>
    <t>395.752</t>
  </si>
  <si>
    <t>49290.0</t>
  </si>
  <si>
    <t>1823819.0</t>
  </si>
  <si>
    <t>14272412.0</t>
  </si>
  <si>
    <t>44953.0</t>
  </si>
  <si>
    <t>397.003</t>
  </si>
  <si>
    <t>48844.0</t>
  </si>
  <si>
    <t>1938934.0</t>
  </si>
  <si>
    <t>96294.0</t>
  </si>
  <si>
    <t>14307143.0</t>
  </si>
  <si>
    <t>397.969</t>
  </si>
  <si>
    <t>2082780.0</t>
  </si>
  <si>
    <t>143846.0</t>
  </si>
  <si>
    <t>14352790.0</t>
  </si>
  <si>
    <t>399.239</t>
  </si>
  <si>
    <t>2232110.0</t>
  </si>
  <si>
    <t>149330.0</t>
  </si>
  <si>
    <t>128481.0</t>
  </si>
  <si>
    <t>14406080.0</t>
  </si>
  <si>
    <t>400.721</t>
  </si>
  <si>
    <t>2394182.0</t>
  </si>
  <si>
    <t>162072.0</t>
  </si>
  <si>
    <t>129892.0</t>
  </si>
  <si>
    <t>14456483.0</t>
  </si>
  <si>
    <t>50403.0</t>
  </si>
  <si>
    <t>402.123</t>
  </si>
  <si>
    <t>46563.0</t>
  </si>
  <si>
    <t>2457425.0</t>
  </si>
  <si>
    <t>124522.0</t>
  </si>
  <si>
    <t>14503622.0</t>
  </si>
  <si>
    <t>403.434</t>
  </si>
  <si>
    <t>2580949.0</t>
  </si>
  <si>
    <t>127867.0</t>
  </si>
  <si>
    <t>14547879.0</t>
  </si>
  <si>
    <t>404.665</t>
  </si>
  <si>
    <t>45774.0</t>
  </si>
  <si>
    <t>2695966.0</t>
  </si>
  <si>
    <t>115017.0</t>
  </si>
  <si>
    <t>124592.0</t>
  </si>
  <si>
    <t>14585281.0</t>
  </si>
  <si>
    <t>405.706</t>
  </si>
  <si>
    <t>2922436.0</t>
  </si>
  <si>
    <t>226470.0</t>
  </si>
  <si>
    <t>14620008.0</t>
  </si>
  <si>
    <t>406.672</t>
  </si>
  <si>
    <t>3006419.0</t>
  </si>
  <si>
    <t>131948.0</t>
  </si>
  <si>
    <t>14664169.0</t>
  </si>
  <si>
    <t>3194715.0</t>
  </si>
  <si>
    <t>188296.0</t>
  </si>
  <si>
    <t>137515.0</t>
  </si>
  <si>
    <t>14717992.0</t>
  </si>
  <si>
    <t>409.397</t>
  </si>
  <si>
    <t>44559.0</t>
  </si>
  <si>
    <t>3343287.0</t>
  </si>
  <si>
    <t>148572.0</t>
  </si>
  <si>
    <t>135586.0</t>
  </si>
  <si>
    <t>14763869.0</t>
  </si>
  <si>
    <t>410.673</t>
  </si>
  <si>
    <t>43912.0</t>
  </si>
  <si>
    <t>3505695.0</t>
  </si>
  <si>
    <t>149753.0</t>
  </si>
  <si>
    <t>14812806.0</t>
  </si>
  <si>
    <t>48937.0</t>
  </si>
  <si>
    <t>149851.0</t>
  </si>
  <si>
    <t>14869237.0</t>
  </si>
  <si>
    <t>56431.0</t>
  </si>
  <si>
    <t>45908.0</t>
  </si>
  <si>
    <t>3810698.0</t>
  </si>
  <si>
    <t>159247.0</t>
  </si>
  <si>
    <t>14915565.0</t>
  </si>
  <si>
    <t>414.893</t>
  </si>
  <si>
    <t>3895858.0</t>
  </si>
  <si>
    <t>85160.0</t>
  </si>
  <si>
    <t>139060.0</t>
  </si>
  <si>
    <t>14959623.0</t>
  </si>
  <si>
    <t>416.118</t>
  </si>
  <si>
    <t>48516.0</t>
  </si>
  <si>
    <t>4003477.0</t>
  </si>
  <si>
    <t>107619.0</t>
  </si>
  <si>
    <t>142437.0</t>
  </si>
  <si>
    <t>15008398.0</t>
  </si>
  <si>
    <t>48775.0</t>
  </si>
  <si>
    <t>417.475</t>
  </si>
  <si>
    <t>4132630.0</t>
  </si>
  <si>
    <t>129153.0</t>
  </si>
  <si>
    <t>15066024.0</t>
  </si>
  <si>
    <t>419.078</t>
  </si>
  <si>
    <t>4250055.0</t>
  </si>
  <si>
    <t>15126112.0</t>
  </si>
  <si>
    <t>60088.0</t>
  </si>
  <si>
    <t>420.75</t>
  </si>
  <si>
    <t>4326576.0</t>
  </si>
  <si>
    <t>76521.0</t>
  </si>
  <si>
    <t>117269.0</t>
  </si>
  <si>
    <t>15184311.0</t>
  </si>
  <si>
    <t>58199.0</t>
  </si>
  <si>
    <t>422.368</t>
  </si>
  <si>
    <t>53072.0</t>
  </si>
  <si>
    <t>4432572.0</t>
  </si>
  <si>
    <t>105996.0</t>
  </si>
  <si>
    <t>111004.0</t>
  </si>
  <si>
    <t>15245394.0</t>
  </si>
  <si>
    <t>61083.0</t>
  </si>
  <si>
    <t>424.067</t>
  </si>
  <si>
    <t>53737.0</t>
  </si>
  <si>
    <t>151434.0</t>
  </si>
  <si>
    <t>15299171.0</t>
  </si>
  <si>
    <t>53777.0</t>
  </si>
  <si>
    <t>425.563</t>
  </si>
  <si>
    <t>4729235.0</t>
  </si>
  <si>
    <t>145229.0</t>
  </si>
  <si>
    <t>119054.0</t>
  </si>
  <si>
    <t>15350585.0</t>
  </si>
  <si>
    <t>426.993</t>
  </si>
  <si>
    <t>4877442.0</t>
  </si>
  <si>
    <t>148207.0</t>
  </si>
  <si>
    <t>124852.0</t>
  </si>
  <si>
    <t>15407491.0</t>
  </si>
  <si>
    <t>56906.0</t>
  </si>
  <si>
    <t>428.576</t>
  </si>
  <si>
    <t>5000120.0</t>
  </si>
  <si>
    <t>122678.0</t>
  </si>
  <si>
    <t>123927.0</t>
  </si>
  <si>
    <t>15469923.0</t>
  </si>
  <si>
    <t>62432.0</t>
  </si>
  <si>
    <t>430.313</t>
  </si>
  <si>
    <t>5118039.0</t>
  </si>
  <si>
    <t>117919.0</t>
  </si>
  <si>
    <t>15533915.0</t>
  </si>
  <si>
    <t>432.093</t>
  </si>
  <si>
    <t>58258.0</t>
  </si>
  <si>
    <t>5345625.0</t>
  </si>
  <si>
    <t>227586.0</t>
  </si>
  <si>
    <t>145578.0</t>
  </si>
  <si>
    <t>15605861.0</t>
  </si>
  <si>
    <t>71946.0</t>
  </si>
  <si>
    <t>434.094</t>
  </si>
  <si>
    <t>60221.0</t>
  </si>
  <si>
    <t>5578229.0</t>
  </si>
  <si>
    <t>232604.0</t>
  </si>
  <si>
    <t>163665.0</t>
  </si>
  <si>
    <t>15676905.0</t>
  </si>
  <si>
    <t>436.07</t>
  </si>
  <si>
    <t>5846745.0</t>
  </si>
  <si>
    <t>180391.0</t>
  </si>
  <si>
    <t>15738545.0</t>
  </si>
  <si>
    <t>437.785</t>
  </si>
  <si>
    <t>5989026.0</t>
  </si>
  <si>
    <t>179970.0</t>
  </si>
  <si>
    <t>15797442.0</t>
  </si>
  <si>
    <t>439.423</t>
  </si>
  <si>
    <t>6132124.0</t>
  </si>
  <si>
    <t>179240.0</t>
  </si>
  <si>
    <t>15857235.0</t>
  </si>
  <si>
    <t>441.087</t>
  </si>
  <si>
    <t>6287432.0</t>
  </si>
  <si>
    <t>183902.0</t>
  </si>
  <si>
    <t>15919088.0</t>
  </si>
  <si>
    <t>442.807</t>
  </si>
  <si>
    <t>64166.0</t>
  </si>
  <si>
    <t>6411162.0</t>
  </si>
  <si>
    <t>123730.0</t>
  </si>
  <si>
    <t>184732.0</t>
  </si>
  <si>
    <t>15973019.0</t>
  </si>
  <si>
    <t>53931.0</t>
  </si>
  <si>
    <t>444.307</t>
  </si>
  <si>
    <t>62729.0</t>
  </si>
  <si>
    <t>6527823.0</t>
  </si>
  <si>
    <t>116661.0</t>
  </si>
  <si>
    <t>168885.0</t>
  </si>
  <si>
    <t>16018862.0</t>
  </si>
  <si>
    <t>45843.0</t>
  </si>
  <si>
    <t>445.582</t>
  </si>
  <si>
    <t>6584000.0</t>
  </si>
  <si>
    <t>16072606.0</t>
  </si>
  <si>
    <t>447.077</t>
  </si>
  <si>
    <t>6723186.0</t>
  </si>
  <si>
    <t>139186.0</t>
  </si>
  <si>
    <t>125206.0</t>
  </si>
  <si>
    <t>16123732.0</t>
  </si>
  <si>
    <t>51126.0</t>
  </si>
  <si>
    <t>448.499</t>
  </si>
  <si>
    <t>6831440.0</t>
  </si>
  <si>
    <t>108254.0</t>
  </si>
  <si>
    <t>16174957.0</t>
  </si>
  <si>
    <t>449.924</t>
  </si>
  <si>
    <t>6992242.0</t>
  </si>
  <si>
    <t>160802.0</t>
  </si>
  <si>
    <t>16231540.0</t>
  </si>
  <si>
    <t>451.498</t>
  </si>
  <si>
    <t>7190402.0</t>
  </si>
  <si>
    <t>198160.0</t>
  </si>
  <si>
    <t>128996.0</t>
  </si>
  <si>
    <t>16293609.0</t>
  </si>
  <si>
    <t>62069.0</t>
  </si>
  <si>
    <t>453.225</t>
  </si>
  <si>
    <t>53503.0</t>
  </si>
  <si>
    <t>7325016.0</t>
  </si>
  <si>
    <t>134614.0</t>
  </si>
  <si>
    <t>130551.0</t>
  </si>
  <si>
    <t>16352116.0</t>
  </si>
  <si>
    <t>54157.0</t>
  </si>
  <si>
    <t>7459261.0</t>
  </si>
  <si>
    <t>134245.0</t>
  </si>
  <si>
    <t>16414039.0</t>
  </si>
  <si>
    <t>456.575</t>
  </si>
  <si>
    <t>56454.0</t>
  </si>
  <si>
    <t>7653634.0</t>
  </si>
  <si>
    <t>194373.0</t>
  </si>
  <si>
    <t>152805.0</t>
  </si>
  <si>
    <t>16477359.0</t>
  </si>
  <si>
    <t>458.336</t>
  </si>
  <si>
    <t>57822.0</t>
  </si>
  <si>
    <t>7809612.0</t>
  </si>
  <si>
    <t>155978.0</t>
  </si>
  <si>
    <t>155204.0</t>
  </si>
  <si>
    <t>16536092.0</t>
  </si>
  <si>
    <t>58733.0</t>
  </si>
  <si>
    <t>459.97</t>
  </si>
  <si>
    <t>58909.0</t>
  </si>
  <si>
    <t>7944950.0</t>
  </si>
  <si>
    <t>135338.0</t>
  </si>
  <si>
    <t>159073.0</t>
  </si>
  <si>
    <t>16586438.0</t>
  </si>
  <si>
    <t>50346.0</t>
  </si>
  <si>
    <t>461.37</t>
  </si>
  <si>
    <t>58783.0</t>
  </si>
  <si>
    <t>8059757.0</t>
  </si>
  <si>
    <t>114807.0</t>
  </si>
  <si>
    <t>152502.0</t>
  </si>
  <si>
    <t>16643921.0</t>
  </si>
  <si>
    <t>462.969</t>
  </si>
  <si>
    <t>8263836.0</t>
  </si>
  <si>
    <t>204079.0</t>
  </si>
  <si>
    <t>153348.0</t>
  </si>
  <si>
    <t>16708703.0</t>
  </si>
  <si>
    <t>64782.0</t>
  </si>
  <si>
    <t>464.771</t>
  </si>
  <si>
    <t>59299.0</t>
  </si>
  <si>
    <t>8488862.0</t>
  </si>
  <si>
    <t>225026.0</t>
  </si>
  <si>
    <t>166264.0</t>
  </si>
  <si>
    <t>16774888.0</t>
  </si>
  <si>
    <t>466.612</t>
  </si>
  <si>
    <t>8693407.0</t>
  </si>
  <si>
    <t>204545.0</t>
  </si>
  <si>
    <t>176307.0</t>
  </si>
  <si>
    <t>16838619.0</t>
  </si>
  <si>
    <t>63731.0</t>
  </si>
  <si>
    <t>468.385</t>
  </si>
  <si>
    <t>60654.0</t>
  </si>
  <si>
    <t>8880219.0</t>
  </si>
  <si>
    <t>186812.0</t>
  </si>
  <si>
    <t>16903813.0</t>
  </si>
  <si>
    <t>470.198</t>
  </si>
  <si>
    <t>9032921.0</t>
  </si>
  <si>
    <t>152702.0</t>
  </si>
  <si>
    <t>174758.0</t>
  </si>
  <si>
    <t>16969267.0</t>
  </si>
  <si>
    <t>472.019</t>
  </si>
  <si>
    <t>9343991.0</t>
  </si>
  <si>
    <t>199863.0</t>
  </si>
  <si>
    <t>17031714.0</t>
  </si>
  <si>
    <t>473.756</t>
  </si>
  <si>
    <t>63611.0</t>
  </si>
  <si>
    <t>9488912.0</t>
  </si>
  <si>
    <t>144921.0</t>
  </si>
  <si>
    <t>204165.0</t>
  </si>
  <si>
    <t>17097031.0</t>
  </si>
  <si>
    <t>65317.0</t>
  </si>
  <si>
    <t>475.573</t>
  </si>
  <si>
    <t>64730.0</t>
  </si>
  <si>
    <t>9655519.0</t>
  </si>
  <si>
    <t>166607.0</t>
  </si>
  <si>
    <t>198812.0</t>
  </si>
  <si>
    <t>17166028.0</t>
  </si>
  <si>
    <t>477.492</t>
  </si>
  <si>
    <t>65332.0</t>
  </si>
  <si>
    <t>9772409.0</t>
  </si>
  <si>
    <t>116890.0</t>
  </si>
  <si>
    <t>183364.0</t>
  </si>
  <si>
    <t>17238146.0</t>
  </si>
  <si>
    <t>479.498</t>
  </si>
  <si>
    <t>66180.0</t>
  </si>
  <si>
    <t>9838285.0</t>
  </si>
  <si>
    <t>65876.0</t>
  </si>
  <si>
    <t>163554.0</t>
  </si>
  <si>
    <t>17314863.0</t>
  </si>
  <si>
    <t>76717.0</t>
  </si>
  <si>
    <t>481.632</t>
  </si>
  <si>
    <t>9949971.0</t>
  </si>
  <si>
    <t>17389803.0</t>
  </si>
  <si>
    <t>74940.0</t>
  </si>
  <si>
    <t>483.717</t>
  </si>
  <si>
    <t>69427.0</t>
  </si>
  <si>
    <t>10110907.0</t>
  </si>
  <si>
    <t>160936.0</t>
  </si>
  <si>
    <t>17459285.0</t>
  </si>
  <si>
    <t>485.649</t>
  </si>
  <si>
    <t>10271299.0</t>
  </si>
  <si>
    <t>17527265.0</t>
  </si>
  <si>
    <t>67980.0</t>
  </si>
  <si>
    <t>487.54</t>
  </si>
  <si>
    <t>10441854.0</t>
  </si>
  <si>
    <t>170555.0</t>
  </si>
  <si>
    <t>136135.0</t>
  </si>
  <si>
    <t>17598087.0</t>
  </si>
  <si>
    <t>70822.0</t>
  </si>
  <si>
    <t>489.51</t>
  </si>
  <si>
    <t>10629320.0</t>
  </si>
  <si>
    <t>187466.0</t>
  </si>
  <si>
    <t>139114.0</t>
  </si>
  <si>
    <t>17669879.0</t>
  </si>
  <si>
    <t>491.507</t>
  </si>
  <si>
    <t>10758710.0</t>
  </si>
  <si>
    <t>129390.0</t>
  </si>
  <si>
    <t>140900.0</t>
  </si>
  <si>
    <t>17740919.0</t>
  </si>
  <si>
    <t>493.483</t>
  </si>
  <si>
    <t>10960820.0</t>
  </si>
  <si>
    <t>202110.0</t>
  </si>
  <si>
    <t>160362.0</t>
  </si>
  <si>
    <t>17812376.0</t>
  </si>
  <si>
    <t>495.471</t>
  </si>
  <si>
    <t>11098788.0</t>
  </si>
  <si>
    <t>137968.0</t>
  </si>
  <si>
    <t>164117.0</t>
  </si>
  <si>
    <t>17868871.0</t>
  </si>
  <si>
    <t>497.042</t>
  </si>
  <si>
    <t>11195164.0</t>
  </si>
  <si>
    <t>96376.0</t>
  </si>
  <si>
    <t>154894.0</t>
  </si>
  <si>
    <t>17916457.0</t>
  </si>
  <si>
    <t>498.366</t>
  </si>
  <si>
    <t>65310.0</t>
  </si>
  <si>
    <t>11312391.0</t>
  </si>
  <si>
    <t>148727.0</t>
  </si>
  <si>
    <t>17970506.0</t>
  </si>
  <si>
    <t>499.869</t>
  </si>
  <si>
    <t>11489358.0</t>
  </si>
  <si>
    <t>176967.0</t>
  </si>
  <si>
    <t>149643.0</t>
  </si>
  <si>
    <t>18032171.0</t>
  </si>
  <si>
    <t>61665.0</t>
  </si>
  <si>
    <t>501.585</t>
  </si>
  <si>
    <t>11668767.0</t>
  </si>
  <si>
    <t>179409.0</t>
  </si>
  <si>
    <t>18106104.0</t>
  </si>
  <si>
    <t>73933.0</t>
  </si>
  <si>
    <t>503.641</t>
  </si>
  <si>
    <t>11828549.0</t>
  </si>
  <si>
    <t>159782.0</t>
  </si>
  <si>
    <t>152834.0</t>
  </si>
  <si>
    <t>18194963.0</t>
  </si>
  <si>
    <t>506.113</t>
  </si>
  <si>
    <t>12020008.0</t>
  </si>
  <si>
    <t>191459.0</t>
  </si>
  <si>
    <t>151313.0</t>
  </si>
  <si>
    <t>18288859.0</t>
  </si>
  <si>
    <t>93896.0</t>
  </si>
  <si>
    <t>68069.0</t>
  </si>
  <si>
    <t>12225726.0</t>
  </si>
  <si>
    <t>18370537.0</t>
  </si>
  <si>
    <t>81678.0</t>
  </si>
  <si>
    <t>510.997</t>
  </si>
  <si>
    <t>71667.0</t>
  </si>
  <si>
    <t>12436389.0</t>
  </si>
  <si>
    <t>177318.0</t>
  </si>
  <si>
    <t>18449145.0</t>
  </si>
  <si>
    <t>78608.0</t>
  </si>
  <si>
    <t>513.183</t>
  </si>
  <si>
    <t>76098.0</t>
  </si>
  <si>
    <t>12616680.0</t>
  </si>
  <si>
    <t>180291.0</t>
  </si>
  <si>
    <t>186327.0</t>
  </si>
  <si>
    <t>18526414.0</t>
  </si>
  <si>
    <t>77269.0</t>
  </si>
  <si>
    <t>515.333</t>
  </si>
  <si>
    <t>79415.0</t>
  </si>
  <si>
    <t>12791781.0</t>
  </si>
  <si>
    <t>175101.0</t>
  </si>
  <si>
    <t>186060.0</t>
  </si>
  <si>
    <t>18607508.0</t>
  </si>
  <si>
    <t>81094.0</t>
  </si>
  <si>
    <t>517.588</t>
  </si>
  <si>
    <t>82191.0</t>
  </si>
  <si>
    <t>12882532.0</t>
  </si>
  <si>
    <t>90751.0</t>
  </si>
  <si>
    <t>18695690.0</t>
  </si>
  <si>
    <t>88182.0</t>
  </si>
  <si>
    <t>520.041</t>
  </si>
  <si>
    <t>84227.0</t>
  </si>
  <si>
    <t>13013462.0</t>
  </si>
  <si>
    <t>130930.0</t>
  </si>
  <si>
    <t>18788835.0</t>
  </si>
  <si>
    <t>522.632</t>
  </si>
  <si>
    <t>13183309.0</t>
  </si>
  <si>
    <t>169847.0</t>
  </si>
  <si>
    <t>166186.0</t>
  </si>
  <si>
    <t>18875464.0</t>
  </si>
  <si>
    <t>86629.0</t>
  </si>
  <si>
    <t>525.042</t>
  </si>
  <si>
    <t>83801.0</t>
  </si>
  <si>
    <t>13401177.0</t>
  </si>
  <si>
    <t>217868.0</t>
  </si>
  <si>
    <t>167922.0</t>
  </si>
  <si>
    <t>18968030.0</t>
  </si>
  <si>
    <t>92566.0</t>
  </si>
  <si>
    <t>13583574.0</t>
  </si>
  <si>
    <t>163884.0</t>
  </si>
  <si>
    <t>19046117.0</t>
  </si>
  <si>
    <t>78087.0</t>
  </si>
  <si>
    <t>529.789</t>
  </si>
  <si>
    <t>13723119.0</t>
  </si>
  <si>
    <t>158063.0</t>
  </si>
  <si>
    <t>19122120.0</t>
  </si>
  <si>
    <t>531.903</t>
  </si>
  <si>
    <t>85101.0</t>
  </si>
  <si>
    <t>13828247.0</t>
  </si>
  <si>
    <t>105128.0</t>
  </si>
  <si>
    <t>148067.0</t>
  </si>
  <si>
    <t>19214578.0</t>
  </si>
  <si>
    <t>92458.0</t>
  </si>
  <si>
    <t>534.475</t>
  </si>
  <si>
    <t>86724.0</t>
  </si>
  <si>
    <t>14043763.0</t>
  </si>
  <si>
    <t>165890.0</t>
  </si>
  <si>
    <t>19307011.0</t>
  </si>
  <si>
    <t>92433.0</t>
  </si>
  <si>
    <t>87332.0</t>
  </si>
  <si>
    <t>14208292.0</t>
  </si>
  <si>
    <t>164529.0</t>
  </si>
  <si>
    <t>170690.0</t>
  </si>
  <si>
    <t>19400220.0</t>
  </si>
  <si>
    <t>93209.0</t>
  </si>
  <si>
    <t>539.639</t>
  </si>
  <si>
    <t>87341.0</t>
  </si>
  <si>
    <t>14331774.0</t>
  </si>
  <si>
    <t>19496450.0</t>
  </si>
  <si>
    <t>542.315</t>
  </si>
  <si>
    <t>88712.0</t>
  </si>
  <si>
    <t>14512466.0</t>
  </si>
  <si>
    <t>180692.0</t>
  </si>
  <si>
    <t>158756.0</t>
  </si>
  <si>
    <t>19592843.0</t>
  </si>
  <si>
    <t>96393.0</t>
  </si>
  <si>
    <t>544.997</t>
  </si>
  <si>
    <t>89259.0</t>
  </si>
  <si>
    <t>14629297.0</t>
  </si>
  <si>
    <t>116831.0</t>
  </si>
  <si>
    <t>149389.0</t>
  </si>
  <si>
    <t>19676611.0</t>
  </si>
  <si>
    <t>547.327</t>
  </si>
  <si>
    <t>14731457.0</t>
  </si>
  <si>
    <t>144048.0</t>
  </si>
  <si>
    <t>19750566.0</t>
  </si>
  <si>
    <t>73955.0</t>
  </si>
  <si>
    <t>549.384</t>
  </si>
  <si>
    <t>89778.0</t>
  </si>
  <si>
    <t>14843196.0</t>
  </si>
  <si>
    <t>111739.0</t>
  </si>
  <si>
    <t>144993.0</t>
  </si>
  <si>
    <t>19836639.0</t>
  </si>
  <si>
    <t>86073.0</t>
  </si>
  <si>
    <t>551.778</t>
  </si>
  <si>
    <t>14977476.0</t>
  </si>
  <si>
    <t>134280.0</t>
  </si>
  <si>
    <t>133388.0</t>
  </si>
  <si>
    <t>19929037.0</t>
  </si>
  <si>
    <t>554.348</t>
  </si>
  <si>
    <t>15099896.0</t>
  </si>
  <si>
    <t>127372.0</t>
  </si>
  <si>
    <t>20021161.0</t>
  </si>
  <si>
    <t>92124.0</t>
  </si>
  <si>
    <t>556.911</t>
  </si>
  <si>
    <t>88706.0</t>
  </si>
  <si>
    <t>15221683.0</t>
  </si>
  <si>
    <t>121787.0</t>
  </si>
  <si>
    <t>127130.0</t>
  </si>
  <si>
    <t>20113388.0</t>
  </si>
  <si>
    <t>559.476</t>
  </si>
  <si>
    <t>15361514.0</t>
  </si>
  <si>
    <t>139831.0</t>
  </si>
  <si>
    <t>121293.0</t>
  </si>
  <si>
    <t>20203947.0</t>
  </si>
  <si>
    <t>15495105.0</t>
  </si>
  <si>
    <t>133591.0</t>
  </si>
  <si>
    <t>123687.0</t>
  </si>
  <si>
    <t>20279006.0</t>
  </si>
  <si>
    <t>75059.0</t>
  </si>
  <si>
    <t>564.083</t>
  </si>
  <si>
    <t>15605844.0</t>
  </si>
  <si>
    <t>110739.0</t>
  </si>
  <si>
    <t>124912.0</t>
  </si>
  <si>
    <t>20355555.0</t>
  </si>
  <si>
    <t>76549.0</t>
  </si>
  <si>
    <t>566.212</t>
  </si>
  <si>
    <t>86427.0</t>
  </si>
  <si>
    <t>15706724.0</t>
  </si>
  <si>
    <t>100880.0</t>
  </si>
  <si>
    <t>123361.0</t>
  </si>
  <si>
    <t>20438923.0</t>
  </si>
  <si>
    <t>83368.0</t>
  </si>
  <si>
    <t>568.531</t>
  </si>
  <si>
    <t>86041.0</t>
  </si>
  <si>
    <t>15836419.0</t>
  </si>
  <si>
    <t>20526803.0</t>
  </si>
  <si>
    <t>87880.0</t>
  </si>
  <si>
    <t>570.976</t>
  </si>
  <si>
    <t>85395.0</t>
  </si>
  <si>
    <t>15984268.0</t>
  </si>
  <si>
    <t>20617677.0</t>
  </si>
  <si>
    <t>90874.0</t>
  </si>
  <si>
    <t>573.503</t>
  </si>
  <si>
    <t>85217.0</t>
  </si>
  <si>
    <t>16109908.0</t>
  </si>
  <si>
    <t>125640.0</t>
  </si>
  <si>
    <t>20712598.0</t>
  </si>
  <si>
    <t>576.144</t>
  </si>
  <si>
    <t>85601.0</t>
  </si>
  <si>
    <t>16227887.0</t>
  </si>
  <si>
    <t>123768.0</t>
  </si>
  <si>
    <t>20799293.0</t>
  </si>
  <si>
    <t>578.555</t>
  </si>
  <si>
    <t>85049.0</t>
  </si>
  <si>
    <t>16362898.0</t>
  </si>
  <si>
    <t>135011.0</t>
  </si>
  <si>
    <t>123970.0</t>
  </si>
  <si>
    <t>20877124.0</t>
  </si>
  <si>
    <t>580.72</t>
  </si>
  <si>
    <t>16457176.0</t>
  </si>
  <si>
    <t>121619.0</t>
  </si>
  <si>
    <t>20961776.0</t>
  </si>
  <si>
    <t>583.075</t>
  </si>
  <si>
    <t>16548174.0</t>
  </si>
  <si>
    <t>90998.0</t>
  </si>
  <si>
    <t>120207.0</t>
  </si>
  <si>
    <t>21036893.0</t>
  </si>
  <si>
    <t>75117.0</t>
  </si>
  <si>
    <t>585.164</t>
  </si>
  <si>
    <t>85424.0</t>
  </si>
  <si>
    <t>16649095.0</t>
  </si>
  <si>
    <t>100921.0</t>
  </si>
  <si>
    <t>21134088.0</t>
  </si>
  <si>
    <t>97195.0</t>
  </si>
  <si>
    <t>587.868</t>
  </si>
  <si>
    <t>86755.0</t>
  </si>
  <si>
    <t>16735649.0</t>
  </si>
  <si>
    <t>86554.0</t>
  </si>
  <si>
    <t>107340.0</t>
  </si>
  <si>
    <t>21219115.0</t>
  </si>
  <si>
    <t>590.233</t>
  </si>
  <si>
    <t>16847375.0</t>
  </si>
  <si>
    <t>111726.0</t>
  </si>
  <si>
    <t>21310136.0</t>
  </si>
  <si>
    <t>91021.0</t>
  </si>
  <si>
    <t>592.765</t>
  </si>
  <si>
    <t>16933104.0</t>
  </si>
  <si>
    <t>85729.0</t>
  </si>
  <si>
    <t>100745.0</t>
  </si>
  <si>
    <t>21413956.0</t>
  </si>
  <si>
    <t>595.653</t>
  </si>
  <si>
    <t>87809.0</t>
  </si>
  <si>
    <t>17035094.0</t>
  </si>
  <si>
    <t>101990.0</t>
  </si>
  <si>
    <t>96028.0</t>
  </si>
  <si>
    <t>21506148.0</t>
  </si>
  <si>
    <t>92192.0</t>
  </si>
  <si>
    <t>598.217</t>
  </si>
  <si>
    <t>89861.0</t>
  </si>
  <si>
    <t>17108638.0</t>
  </si>
  <si>
    <t>73544.0</t>
  </si>
  <si>
    <t>21601544.0</t>
  </si>
  <si>
    <t>600.871</t>
  </si>
  <si>
    <t>91395.0</t>
  </si>
  <si>
    <t>17217116.0</t>
  </si>
  <si>
    <t>21688368.0</t>
  </si>
  <si>
    <t>603.286</t>
  </si>
  <si>
    <t>93068.0</t>
  </si>
  <si>
    <t>17339253.0</t>
  </si>
  <si>
    <t>15894166.0</t>
  </si>
  <si>
    <t>1445087.0</t>
  </si>
  <si>
    <t>122137.0</t>
  </si>
  <si>
    <t>98594.0</t>
  </si>
  <si>
    <t>21797567.0</t>
  </si>
  <si>
    <t>109199.0</t>
  </si>
  <si>
    <t>606.323</t>
  </si>
  <si>
    <t>94783.0</t>
  </si>
  <si>
    <t>17487842.0</t>
  </si>
  <si>
    <t>15977557.0</t>
  </si>
  <si>
    <t>1510285.0</t>
  </si>
  <si>
    <t>107456.0</t>
  </si>
  <si>
    <t>83391.0</t>
  </si>
  <si>
    <t>21902140.0</t>
  </si>
  <si>
    <t>104573.0</t>
  </si>
  <si>
    <t>609.232</t>
  </si>
  <si>
    <t>17671943.0</t>
  </si>
  <si>
    <t>16110437.0</t>
  </si>
  <si>
    <t>1561506.0</t>
  </si>
  <si>
    <t>184101.0</t>
  </si>
  <si>
    <t>117795.0</t>
  </si>
  <si>
    <t>108136.0</t>
  </si>
  <si>
    <t>22008712.0</t>
  </si>
  <si>
    <t>106572.0</t>
  </si>
  <si>
    <t>612.197</t>
  </si>
  <si>
    <t>17880870.0</t>
  </si>
  <si>
    <t>16293289.0</t>
  </si>
  <si>
    <t>1587581.0</t>
  </si>
  <si>
    <t>208927.0</t>
  </si>
  <si>
    <t>135395.0</t>
  </si>
  <si>
    <t>133041.0</t>
  </si>
  <si>
    <t>22113886.0</t>
  </si>
  <si>
    <t>105174.0</t>
  </si>
  <si>
    <t>615.122</t>
  </si>
  <si>
    <t>99990.0</t>
  </si>
  <si>
    <t>18019069.0</t>
  </si>
  <si>
    <t>16419217.0</t>
  </si>
  <si>
    <t>1599852.0</t>
  </si>
  <si>
    <t>138199.0</t>
  </si>
  <si>
    <t>131263.0</t>
  </si>
  <si>
    <t>22201458.0</t>
  </si>
  <si>
    <t>617.558</t>
  </si>
  <si>
    <t>99330.0</t>
  </si>
  <si>
    <t>18198743.0</t>
  </si>
  <si>
    <t>16516737.0</t>
  </si>
  <si>
    <t>1682006.0</t>
  </si>
  <si>
    <t>155729.0</t>
  </si>
  <si>
    <t>124514.0</t>
  </si>
  <si>
    <t>22286997.0</t>
  </si>
  <si>
    <t>619.937</t>
  </si>
  <si>
    <t>18320428.0</t>
  </si>
  <si>
    <t>16604577.0</t>
  </si>
  <si>
    <t>1715851.0</t>
  </si>
  <si>
    <t>121685.0</t>
  </si>
  <si>
    <t>157616.0</t>
  </si>
  <si>
    <t>118402.0</t>
  </si>
  <si>
    <t>22381007.0</t>
  </si>
  <si>
    <t>94010.0</t>
  </si>
  <si>
    <t>622.552</t>
  </si>
  <si>
    <t>98948.0</t>
  </si>
  <si>
    <t>18460462.0</t>
  </si>
  <si>
    <t>16705096.0</t>
  </si>
  <si>
    <t>1755366.0</t>
  </si>
  <si>
    <t>140034.0</t>
  </si>
  <si>
    <t>160173.0</t>
  </si>
  <si>
    <t>22483899.0</t>
  </si>
  <si>
    <t>102892.0</t>
  </si>
  <si>
    <t>18699493.0</t>
  </si>
  <si>
    <t>16872207.0</t>
  </si>
  <si>
    <t>1827286.0</t>
  </si>
  <si>
    <t>239031.0</t>
  </si>
  <si>
    <t>173093.0</t>
  </si>
  <si>
    <t>22595617.0</t>
  </si>
  <si>
    <t>111718.0</t>
  </si>
  <si>
    <t>628.522</t>
  </si>
  <si>
    <t>99068.0</t>
  </si>
  <si>
    <t>18892398.0</t>
  </si>
  <si>
    <t>16987146.0</t>
  </si>
  <si>
    <t>1905252.0</t>
  </si>
  <si>
    <t>192905.0</t>
  </si>
  <si>
    <t>174351.0</t>
  </si>
  <si>
    <t>125244.0</t>
  </si>
  <si>
    <t>22709413.0</t>
  </si>
  <si>
    <t>113796.0</t>
  </si>
  <si>
    <t>631.687</t>
  </si>
  <si>
    <t>100100.0</t>
  </si>
  <si>
    <t>19064998.0</t>
  </si>
  <si>
    <t>17088207.0</t>
  </si>
  <si>
    <t>1976791.0</t>
  </si>
  <si>
    <t>172600.0</t>
  </si>
  <si>
    <t>169161.0</t>
  </si>
  <si>
    <t>113560.0</t>
  </si>
  <si>
    <t>22805670.0</t>
  </si>
  <si>
    <t>96257.0</t>
  </si>
  <si>
    <t>634.365</t>
  </si>
  <si>
    <t>98826.0</t>
  </si>
  <si>
    <t>19262679.0</t>
  </si>
  <si>
    <t>17198807.0</t>
  </si>
  <si>
    <t>2063872.0</t>
  </si>
  <si>
    <t>197681.0</t>
  </si>
  <si>
    <t>177659.0</t>
  </si>
  <si>
    <t>111370.0</t>
  </si>
  <si>
    <t>22896457.0</t>
  </si>
  <si>
    <t>636.89</t>
  </si>
  <si>
    <t>99286.0</t>
  </si>
  <si>
    <t>19396996.0</t>
  </si>
  <si>
    <t>17271835.0</t>
  </si>
  <si>
    <t>2125161.0</t>
  </si>
  <si>
    <t>134317.0</t>
  </si>
  <si>
    <t>171179.0</t>
  </si>
  <si>
    <t>107871.0</t>
  </si>
  <si>
    <t>22993073.0</t>
  </si>
  <si>
    <t>96616.0</t>
  </si>
  <si>
    <t>639.578</t>
  </si>
  <si>
    <t>100868.0</t>
  </si>
  <si>
    <t>19586965.0</t>
  </si>
  <si>
    <t>17384949.0</t>
  </si>
  <si>
    <t>2202016.0</t>
  </si>
  <si>
    <t>180934.0</t>
  </si>
  <si>
    <t>111482.0</t>
  </si>
  <si>
    <t>23100062.0</t>
  </si>
  <si>
    <t>106989.0</t>
  </si>
  <si>
    <t>642.554</t>
  </si>
  <si>
    <t>102722.0</t>
  </si>
  <si>
    <t>19825792.0</t>
  </si>
  <si>
    <t>17518976.0</t>
  </si>
  <si>
    <t>2306816.0</t>
  </si>
  <si>
    <t>238827.0</t>
  </si>
  <si>
    <t>195047.0</t>
  </si>
  <si>
    <t>116269.0</t>
  </si>
  <si>
    <t>23210491.0</t>
  </si>
  <si>
    <t>110429.0</t>
  </si>
  <si>
    <t>645.625</t>
  </si>
  <si>
    <t>103799.0</t>
  </si>
  <si>
    <t>20227729.0</t>
  </si>
  <si>
    <t>17753002.0</t>
  </si>
  <si>
    <t>2474727.0</t>
  </si>
  <si>
    <t>401937.0</t>
  </si>
  <si>
    <t>218319.0</t>
  </si>
  <si>
    <t>125828.0</t>
  </si>
  <si>
    <t>23314798.0</t>
  </si>
  <si>
    <t>104307.0</t>
  </si>
  <si>
    <t>648.527</t>
  </si>
  <si>
    <t>102740.0</t>
  </si>
  <si>
    <t>20597120.0</t>
  </si>
  <si>
    <t>17946562.0</t>
  </si>
  <si>
    <t>2650558.0</t>
  </si>
  <si>
    <t>369391.0</t>
  </si>
  <si>
    <t>243532.0</t>
  </si>
  <si>
    <t>137059.0</t>
  </si>
  <si>
    <t>23420405.0</t>
  </si>
  <si>
    <t>651.464</t>
  </si>
  <si>
    <t>21094827.0</t>
  </si>
  <si>
    <t>18186896.0</t>
  </si>
  <si>
    <t>2907931.0</t>
  </si>
  <si>
    <t>497707.0</t>
  </si>
  <si>
    <t>23537626.0</t>
  </si>
  <si>
    <t>117221.0</t>
  </si>
  <si>
    <t>654.725</t>
  </si>
  <si>
    <t>104565.0</t>
  </si>
  <si>
    <t>21556314.0</t>
  </si>
  <si>
    <t>18397020.0</t>
  </si>
  <si>
    <t>3159294.0</t>
  </si>
  <si>
    <t>461487.0</t>
  </si>
  <si>
    <t>327662.0</t>
  </si>
  <si>
    <t>171173.0</t>
  </si>
  <si>
    <t>23644943.0</t>
  </si>
  <si>
    <t>107317.0</t>
  </si>
  <si>
    <t>657.71</t>
  </si>
  <si>
    <t>106927.0</t>
  </si>
  <si>
    <t>21930093.0</t>
  </si>
  <si>
    <t>18435261.0</t>
  </si>
  <si>
    <t>3494832.0</t>
  </si>
  <si>
    <t>373779.0</t>
  </si>
  <si>
    <t>361871.0</t>
  </si>
  <si>
    <t>166204.0</t>
  </si>
  <si>
    <t>23738413.0</t>
  </si>
  <si>
    <t>660.31</t>
  </si>
  <si>
    <t>22263079.0</t>
  </si>
  <si>
    <t>18438591.0</t>
  </si>
  <si>
    <t>3824488.0</t>
  </si>
  <si>
    <t>332986.0</t>
  </si>
  <si>
    <t>382302.0</t>
  </si>
  <si>
    <t>150520.0</t>
  </si>
  <si>
    <t>23831953.0</t>
  </si>
  <si>
    <t>662.912</t>
  </si>
  <si>
    <t>104556.0</t>
  </si>
  <si>
    <t>22646489.0</t>
  </si>
  <si>
    <t>18441597.0</t>
  </si>
  <si>
    <t>4204892.0</t>
  </si>
  <si>
    <t>383410.0</t>
  </si>
  <si>
    <t>402957.0</t>
  </si>
  <si>
    <t>23936986.0</t>
  </si>
  <si>
    <t>665.834</t>
  </si>
  <si>
    <t>22870428.0</t>
  </si>
  <si>
    <t>18441821.0</t>
  </si>
  <si>
    <t>4428607.0</t>
  </si>
  <si>
    <t>223939.0</t>
  </si>
  <si>
    <t>377528.0</t>
  </si>
  <si>
    <t>24023776.0</t>
  </si>
  <si>
    <t>668.248</t>
  </si>
  <si>
    <t>23079604.0</t>
  </si>
  <si>
    <t>18442030.0</t>
  </si>
  <si>
    <t>4637574.0</t>
  </si>
  <si>
    <t>209176.0</t>
  </si>
  <si>
    <t>354641.0</t>
  </si>
  <si>
    <t>70781.0</t>
  </si>
  <si>
    <t>24105282.0</t>
  </si>
  <si>
    <t>81506.0</t>
  </si>
  <si>
    <t>670.515</t>
  </si>
  <si>
    <t>97840.0</t>
  </si>
  <si>
    <t>23384311.0</t>
  </si>
  <si>
    <t>18442334.0</t>
  </si>
  <si>
    <t>4941977.0</t>
  </si>
  <si>
    <t>304707.0</t>
  </si>
  <si>
    <t>327069.0</t>
  </si>
  <si>
    <t>24195410.0</t>
  </si>
  <si>
    <t>673.022</t>
  </si>
  <si>
    <t>93969.0</t>
  </si>
  <si>
    <t>23725741.0</t>
  </si>
  <si>
    <t>18442676.0</t>
  </si>
  <si>
    <t>5283065.0</t>
  </si>
  <si>
    <t>341430.0</t>
  </si>
  <si>
    <t>309918.0</t>
  </si>
  <si>
    <t>24284892.0</t>
  </si>
  <si>
    <t>89482.0</t>
  </si>
  <si>
    <t>675.511</t>
  </si>
  <si>
    <t>24008547.0</t>
  </si>
  <si>
    <t>18442959.0</t>
  </si>
  <si>
    <t>5565588.0</t>
  </si>
  <si>
    <t>282806.0</t>
  </si>
  <si>
    <t>24374920.0</t>
  </si>
  <si>
    <t>90028.0</t>
  </si>
  <si>
    <t>678.015</t>
  </si>
  <si>
    <t>90930.0</t>
  </si>
  <si>
    <t>24314234.0</t>
  </si>
  <si>
    <t>18443264.0</t>
  </si>
  <si>
    <t>5870970.0</t>
  </si>
  <si>
    <t>305687.0</t>
  </si>
  <si>
    <t>293022.0</t>
  </si>
  <si>
    <t>24465430.0</t>
  </si>
  <si>
    <t>90510.0</t>
  </si>
  <si>
    <t>680.533</t>
  </si>
  <si>
    <t>24688885.0</t>
  </si>
  <si>
    <t>18443639.0</t>
  </si>
  <si>
    <t>6245246.0</t>
  </si>
  <si>
    <t>374651.0</t>
  </si>
  <si>
    <t>291771.0</t>
  </si>
  <si>
    <t>24574624.0</t>
  </si>
  <si>
    <t>109194.0</t>
  </si>
  <si>
    <t>683.57</t>
  </si>
  <si>
    <t>91091.0</t>
  </si>
  <si>
    <t>25061477.0</t>
  </si>
  <si>
    <t>18444012.0</t>
  </si>
  <si>
    <t>6617465.0</t>
  </si>
  <si>
    <t>372592.0</t>
  </si>
  <si>
    <t>24683086.0</t>
  </si>
  <si>
    <t>108462.0</t>
  </si>
  <si>
    <t>686.587</t>
  </si>
  <si>
    <t>94187.0</t>
  </si>
  <si>
    <t>25464480.0</t>
  </si>
  <si>
    <t>18444415.0</t>
  </si>
  <si>
    <t>7020065.0</t>
  </si>
  <si>
    <t>403003.0</t>
  </si>
  <si>
    <t>340697.0</t>
  </si>
  <si>
    <t>24800706.0</t>
  </si>
  <si>
    <t>117620.0</t>
  </si>
  <si>
    <t>689.859</t>
  </si>
  <si>
    <t>99346.0</t>
  </si>
  <si>
    <t>25872997.0</t>
  </si>
  <si>
    <t>18451457.0</t>
  </si>
  <si>
    <t>7421540.0</t>
  </si>
  <si>
    <t>408517.0</t>
  </si>
  <si>
    <t>355527.0</t>
  </si>
  <si>
    <t>24915975.0</t>
  </si>
  <si>
    <t>693.065</t>
  </si>
  <si>
    <t>102938.0</t>
  </si>
  <si>
    <t>26275904.0</t>
  </si>
  <si>
    <t>18575016.0</t>
  </si>
  <si>
    <t>7700888.0</t>
  </si>
  <si>
    <t>402907.0</t>
  </si>
  <si>
    <t>364309.0</t>
  </si>
  <si>
    <t>25029275.0</t>
  </si>
  <si>
    <t>696.217</t>
  </si>
  <si>
    <t>106340.0</t>
  </si>
  <si>
    <t>26567950.0</t>
  </si>
  <si>
    <t>18679153.0</t>
  </si>
  <si>
    <t>7888797.0</t>
  </si>
  <si>
    <t>292046.0</t>
  </si>
  <si>
    <t>365629.0</t>
  </si>
  <si>
    <t>25127917.0</t>
  </si>
  <si>
    <t>98642.0</t>
  </si>
  <si>
    <t>698.961</t>
  </si>
  <si>
    <t>107571.0</t>
  </si>
  <si>
    <t>26867756.0</t>
  </si>
  <si>
    <t>18786436.0</t>
  </si>
  <si>
    <t>8081320.0</t>
  </si>
  <si>
    <t>299806.0</t>
  </si>
  <si>
    <t>364789.0</t>
  </si>
  <si>
    <t>25226779.0</t>
  </si>
  <si>
    <t>701.711</t>
  </si>
  <si>
    <t>108764.0</t>
  </si>
  <si>
    <t>27322817.0</t>
  </si>
  <si>
    <t>18979146.0</t>
  </si>
  <si>
    <t>8343671.0</t>
  </si>
  <si>
    <t>455061.0</t>
  </si>
  <si>
    <t>376276.0</t>
  </si>
  <si>
    <t>76501.0</t>
  </si>
  <si>
    <t>25337033.0</t>
  </si>
  <si>
    <t>110254.0</t>
  </si>
  <si>
    <t>704.778</t>
  </si>
  <si>
    <t>108916.0</t>
  </si>
  <si>
    <t>27810488.0</t>
  </si>
  <si>
    <t>19199165.0</t>
  </si>
  <si>
    <t>8611323.0</t>
  </si>
  <si>
    <t>487671.0</t>
  </si>
  <si>
    <t>392716.0</t>
  </si>
  <si>
    <t>107879.0</t>
  </si>
  <si>
    <t>25443550.0</t>
  </si>
  <si>
    <t>106517.0</t>
  </si>
  <si>
    <t>707.74</t>
  </si>
  <si>
    <t>108638.0</t>
  </si>
  <si>
    <t>28259181.0</t>
  </si>
  <si>
    <t>19370762.0</t>
  </si>
  <si>
    <t>8888419.0</t>
  </si>
  <si>
    <t>448693.0</t>
  </si>
  <si>
    <t>399243.0</t>
  </si>
  <si>
    <t>132335.0</t>
  </si>
  <si>
    <t>25549087.0</t>
  </si>
  <si>
    <t>105537.0</t>
  </si>
  <si>
    <t>710.676</t>
  </si>
  <si>
    <t>28583042.0</t>
  </si>
  <si>
    <t>19516714.0</t>
  </si>
  <si>
    <t>9066328.0</t>
  </si>
  <si>
    <t>323861.0</t>
  </si>
  <si>
    <t>25660083.0</t>
  </si>
  <si>
    <t>110996.0</t>
  </si>
  <si>
    <t>106301.0</t>
  </si>
  <si>
    <t>29094173.0</t>
  </si>
  <si>
    <t>19630752.0</t>
  </si>
  <si>
    <t>9479775.0</t>
  </si>
  <si>
    <t>511131.0</t>
  </si>
  <si>
    <t>402610.0</t>
  </si>
  <si>
    <t>150819.0</t>
  </si>
  <si>
    <t>25747739.0</t>
  </si>
  <si>
    <t>716.202</t>
  </si>
  <si>
    <t>102638.0</t>
  </si>
  <si>
    <t>29322286.0</t>
  </si>
  <si>
    <t>19719028.0</t>
  </si>
  <si>
    <t>9603258.0</t>
  </si>
  <si>
    <t>228113.0</t>
  </si>
  <si>
    <t>393477.0</t>
  </si>
  <si>
    <t>25826939.0</t>
  </si>
  <si>
    <t>79200.0</t>
  </si>
  <si>
    <t>718.405</t>
  </si>
  <si>
    <t>29601733.0</t>
  </si>
  <si>
    <t>19852575.0</t>
  </si>
  <si>
    <t>9749158.0</t>
  </si>
  <si>
    <t>279447.0</t>
  </si>
  <si>
    <t>390568.0</t>
  </si>
  <si>
    <t>25914807.0</t>
  </si>
  <si>
    <t>720.849</t>
  </si>
  <si>
    <t>98290.0</t>
  </si>
  <si>
    <t>29951707.0</t>
  </si>
  <si>
    <t>20028555.0</t>
  </si>
  <si>
    <t>9923152.0</t>
  </si>
  <si>
    <t>349974.0</t>
  </si>
  <si>
    <t>375556.0</t>
  </si>
  <si>
    <t>26008288.0</t>
  </si>
  <si>
    <t>93481.0</t>
  </si>
  <si>
    <t>723.449</t>
  </si>
  <si>
    <t>30221244.0</t>
  </si>
  <si>
    <t>20164624.0</t>
  </si>
  <si>
    <t>10056620.0</t>
  </si>
  <si>
    <t>269537.0</t>
  </si>
  <si>
    <t>137923.0</t>
  </si>
  <si>
    <t>26095712.0</t>
  </si>
  <si>
    <t>87424.0</t>
  </si>
  <si>
    <t>725.881</t>
  </si>
  <si>
    <t>93166.0</t>
  </si>
  <si>
    <t>30544436.0</t>
  </si>
  <si>
    <t>20315744.0</t>
  </si>
  <si>
    <t>10228692.0</t>
  </si>
  <si>
    <t>323192.0</t>
  </si>
  <si>
    <t>26180818.0</t>
  </si>
  <si>
    <t>728.248</t>
  </si>
  <si>
    <t>90247.0</t>
  </si>
  <si>
    <t>30901898.0</t>
  </si>
  <si>
    <t>20460951.0</t>
  </si>
  <si>
    <t>10440947.0</t>
  </si>
  <si>
    <t>357462.0</t>
  </si>
  <si>
    <t>331265.0</t>
  </si>
  <si>
    <t>134891.0</t>
  </si>
  <si>
    <t>26268925.0</t>
  </si>
  <si>
    <t>88107.0</t>
  </si>
  <si>
    <t>730.699</t>
  </si>
  <si>
    <t>31278114.0</t>
  </si>
  <si>
    <t>20597674.0</t>
  </si>
  <si>
    <t>10680440.0</t>
  </si>
  <si>
    <t>376216.0</t>
  </si>
  <si>
    <t>311992.0</t>
  </si>
  <si>
    <t>26338561.0</t>
  </si>
  <si>
    <t>69636.0</t>
  </si>
  <si>
    <t>732.636</t>
  </si>
  <si>
    <t>31452285.0</t>
  </si>
  <si>
    <t>20649897.0</t>
  </si>
  <si>
    <t>10802388.0</t>
  </si>
  <si>
    <t>174171.0</t>
  </si>
  <si>
    <t>304286.0</t>
  </si>
  <si>
    <t>132981.0</t>
  </si>
  <si>
    <t>26407885.0</t>
  </si>
  <si>
    <t>69324.0</t>
  </si>
  <si>
    <t>734.565</t>
  </si>
  <si>
    <t>31654206.0</t>
  </si>
  <si>
    <t>20709236.0</t>
  </si>
  <si>
    <t>10944970.0</t>
  </si>
  <si>
    <t>201921.0</t>
  </si>
  <si>
    <t>293210.0</t>
  </si>
  <si>
    <t>122380.0</t>
  </si>
  <si>
    <t>26486301.0</t>
  </si>
  <si>
    <t>78416.0</t>
  </si>
  <si>
    <t>736.746</t>
  </si>
  <si>
    <t>31965789.0</t>
  </si>
  <si>
    <t>20809009.0</t>
  </si>
  <si>
    <t>11156780.0</t>
  </si>
  <si>
    <t>311583.0</t>
  </si>
  <si>
    <t>287726.0</t>
  </si>
  <si>
    <t>111493.0</t>
  </si>
  <si>
    <t>26565684.0</t>
  </si>
  <si>
    <t>79383.0</t>
  </si>
  <si>
    <t>738.954</t>
  </si>
  <si>
    <t>79628.0</t>
  </si>
  <si>
    <t>32281173.0</t>
  </si>
  <si>
    <t>20906174.0</t>
  </si>
  <si>
    <t>11374999.0</t>
  </si>
  <si>
    <t>315384.0</t>
  </si>
  <si>
    <t>294276.0</t>
  </si>
  <si>
    <t>105936.0</t>
  </si>
  <si>
    <t>26638652.0</t>
  </si>
  <si>
    <t>72968.0</t>
  </si>
  <si>
    <t>740.984</t>
  </si>
  <si>
    <t>32612078.0</t>
  </si>
  <si>
    <t>21011882.0</t>
  </si>
  <si>
    <t>11600196.0</t>
  </si>
  <si>
    <t>295377.0</t>
  </si>
  <si>
    <t>26708643.0</t>
  </si>
  <si>
    <t>69991.0</t>
  </si>
  <si>
    <t>742.93</t>
  </si>
  <si>
    <t>32940547.0</t>
  </si>
  <si>
    <t>21109035.0</t>
  </si>
  <si>
    <t>11831512.0</t>
  </si>
  <si>
    <t>328469.0</t>
  </si>
  <si>
    <t>291236.0</t>
  </si>
  <si>
    <t>92583.0</t>
  </si>
  <si>
    <t>26777315.0</t>
  </si>
  <si>
    <t>744.841</t>
  </si>
  <si>
    <t>72627.0</t>
  </si>
  <si>
    <t>33271819.0</t>
  </si>
  <si>
    <t>21196563.0</t>
  </si>
  <si>
    <t>12075256.0</t>
  </si>
  <si>
    <t>331272.0</t>
  </si>
  <si>
    <t>284815.0</t>
  </si>
  <si>
    <t>26838253.0</t>
  </si>
  <si>
    <t>60938.0</t>
  </si>
  <si>
    <t>746.536</t>
  </si>
  <si>
    <t>71385.0</t>
  </si>
  <si>
    <t>33487478.0</t>
  </si>
  <si>
    <t>21256778.0</t>
  </si>
  <si>
    <t>12230700.0</t>
  </si>
  <si>
    <t>215659.0</t>
  </si>
  <si>
    <t>290742.0</t>
  </si>
  <si>
    <t>86697.0</t>
  </si>
  <si>
    <t>26897052.0</t>
  </si>
  <si>
    <t>58799.0</t>
  </si>
  <si>
    <t>748.171</t>
  </si>
  <si>
    <t>69881.0</t>
  </si>
  <si>
    <t>33735074.0</t>
  </si>
  <si>
    <t>21329504.0</t>
  </si>
  <si>
    <t>12405570.0</t>
  </si>
  <si>
    <t>247596.0</t>
  </si>
  <si>
    <t>297267.0</t>
  </si>
  <si>
    <t>26960332.0</t>
  </si>
  <si>
    <t>63280.0</t>
  </si>
  <si>
    <t>749.931</t>
  </si>
  <si>
    <t>67719.0</t>
  </si>
  <si>
    <t>34103119.0</t>
  </si>
  <si>
    <t>21437649.0</t>
  </si>
  <si>
    <t>12665470.0</t>
  </si>
  <si>
    <t>305333.0</t>
  </si>
  <si>
    <t>27029294.0</t>
  </si>
  <si>
    <t>68962.0</t>
  </si>
  <si>
    <t>751.85</t>
  </si>
  <si>
    <t>34470366.0</t>
  </si>
  <si>
    <t>21538701.0</t>
  </si>
  <si>
    <t>12931665.0</t>
  </si>
  <si>
    <t>367247.0</t>
  </si>
  <si>
    <t>312742.0</t>
  </si>
  <si>
    <t>90361.0</t>
  </si>
  <si>
    <t>27097223.0</t>
  </si>
  <si>
    <t>753.739</t>
  </si>
  <si>
    <t>65510.0</t>
  </si>
  <si>
    <t>34832319.0</t>
  </si>
  <si>
    <t>21627214.0</t>
  </si>
  <si>
    <t>13205105.0</t>
  </si>
  <si>
    <t>361953.0</t>
  </si>
  <si>
    <t>317177.0</t>
  </si>
  <si>
    <t>27163038.0</t>
  </si>
  <si>
    <t>755.57</t>
  </si>
  <si>
    <t>35166050.0</t>
  </si>
  <si>
    <t>21713687.0</t>
  </si>
  <si>
    <t>13452363.0</t>
  </si>
  <si>
    <t>333731.0</t>
  </si>
  <si>
    <t>317929.0</t>
  </si>
  <si>
    <t>27226326.0</t>
  </si>
  <si>
    <t>63288.0</t>
  </si>
  <si>
    <t>757.33</t>
  </si>
  <si>
    <t>64144.0</t>
  </si>
  <si>
    <t>35523978.0</t>
  </si>
  <si>
    <t>21797475.0</t>
  </si>
  <si>
    <t>13726503.0</t>
  </si>
  <si>
    <t>357928.0</t>
  </si>
  <si>
    <t>321737.0</t>
  </si>
  <si>
    <t>97.57</t>
  </si>
  <si>
    <t>85845.0</t>
  </si>
  <si>
    <t>27279215.0</t>
  </si>
  <si>
    <t>758.802</t>
  </si>
  <si>
    <t>35746665.0</t>
  </si>
  <si>
    <t>21841853.0</t>
  </si>
  <si>
    <t>13904812.0</t>
  </si>
  <si>
    <t>222687.0</t>
  </si>
  <si>
    <t>322741.0</t>
  </si>
  <si>
    <t>83582.0</t>
  </si>
  <si>
    <t>27329589.0</t>
  </si>
  <si>
    <t>760.203</t>
  </si>
  <si>
    <t>61791.0</t>
  </si>
  <si>
    <t>36027089.0</t>
  </si>
  <si>
    <t>21899035.0</t>
  </si>
  <si>
    <t>14128054.0</t>
  </si>
  <si>
    <t>280424.0</t>
  </si>
  <si>
    <t>327431.0</t>
  </si>
  <si>
    <t>81362.0</t>
  </si>
  <si>
    <t>27383820.0</t>
  </si>
  <si>
    <t>54231.0</t>
  </si>
  <si>
    <t>761.711</t>
  </si>
  <si>
    <t>60498.0</t>
  </si>
  <si>
    <t>36519290.0</t>
  </si>
  <si>
    <t>22061992.0</t>
  </si>
  <si>
    <t>14457298.0</t>
  </si>
  <si>
    <t>492201.0</t>
  </si>
  <si>
    <t>345167.0</t>
  </si>
  <si>
    <t>27445781.0</t>
  </si>
  <si>
    <t>61961.0</t>
  </si>
  <si>
    <t>763.435</t>
  </si>
  <si>
    <t>314.6</t>
  </si>
  <si>
    <t>36837337.0</t>
  </si>
  <si>
    <t>22145052.0</t>
  </si>
  <si>
    <t>14692285.0</t>
  </si>
  <si>
    <t>318047.0</t>
  </si>
  <si>
    <t>101.18</t>
  </si>
  <si>
    <t>86622.0</t>
  </si>
  <si>
    <t>27505312.0</t>
  </si>
  <si>
    <t>59531.0</t>
  </si>
  <si>
    <t>765.091</t>
  </si>
  <si>
    <t>58298.0</t>
  </si>
  <si>
    <t>308.2</t>
  </si>
  <si>
    <t>37133188.0</t>
  </si>
  <si>
    <t>22218040.0</t>
  </si>
  <si>
    <t>14915148.0</t>
  </si>
  <si>
    <t>328696.0</t>
  </si>
  <si>
    <t>27561054.0</t>
  </si>
  <si>
    <t>55742.0</t>
  </si>
  <si>
    <t>766.641</t>
  </si>
  <si>
    <t>56859.0</t>
  </si>
  <si>
    <t>37352153.0</t>
  </si>
  <si>
    <t>22275542.0</t>
  </si>
  <si>
    <t>15076611.0</t>
  </si>
  <si>
    <t>218965.0</t>
  </si>
  <si>
    <t>312300.0</t>
  </si>
  <si>
    <t>80265.0</t>
  </si>
  <si>
    <t>27620409.0</t>
  </si>
  <si>
    <t>768.292</t>
  </si>
  <si>
    <t>37593149.0</t>
  </si>
  <si>
    <t>22330852.0</t>
  </si>
  <si>
    <t>15262297.0</t>
  </si>
  <si>
    <t>240996.0</t>
  </si>
  <si>
    <t>295596.0</t>
  </si>
  <si>
    <t>27668550.0</t>
  </si>
  <si>
    <t>769.631</t>
  </si>
  <si>
    <t>37701606.0</t>
  </si>
  <si>
    <t>22354373.0</t>
  </si>
  <si>
    <t>15347233.0</t>
  </si>
  <si>
    <t>279277.0</t>
  </si>
  <si>
    <t>27716282.0</t>
  </si>
  <si>
    <t>770.959</t>
  </si>
  <si>
    <t>55242.0</t>
  </si>
  <si>
    <t>37835216.0</t>
  </si>
  <si>
    <t>22383288.0</t>
  </si>
  <si>
    <t>15451928.0</t>
  </si>
  <si>
    <t>133610.0</t>
  </si>
  <si>
    <t>258304.0</t>
  </si>
  <si>
    <t>27763499.0</t>
  </si>
  <si>
    <t>772.272</t>
  </si>
  <si>
    <t>54240.0</t>
  </si>
  <si>
    <t>38069150.0</t>
  </si>
  <si>
    <t>22440020.0</t>
  </si>
  <si>
    <t>15629130.0</t>
  </si>
  <si>
    <t>233934.0</t>
  </si>
  <si>
    <t>221409.0</t>
  </si>
  <si>
    <t>54004.0</t>
  </si>
  <si>
    <t>27815966.0</t>
  </si>
  <si>
    <t>52467.0</t>
  </si>
  <si>
    <t>773.732</t>
  </si>
  <si>
    <t>38265272.0</t>
  </si>
  <si>
    <t>22490656.0</t>
  </si>
  <si>
    <t>15774616.0</t>
  </si>
  <si>
    <t>196122.0</t>
  </si>
  <si>
    <t>203991.0</t>
  </si>
  <si>
    <t>49372.0</t>
  </si>
  <si>
    <t>27865314.0</t>
  </si>
  <si>
    <t>49348.0</t>
  </si>
  <si>
    <t>775.105</t>
  </si>
  <si>
    <t>38492516.0</t>
  </si>
  <si>
    <t>22543982.0</t>
  </si>
  <si>
    <t>15948534.0</t>
  </si>
  <si>
    <t>227244.0</t>
  </si>
  <si>
    <t>194190.0</t>
  </si>
  <si>
    <t>27915279.0</t>
  </si>
  <si>
    <t>776.494</t>
  </si>
  <si>
    <t>38738841.0</t>
  </si>
  <si>
    <t>22604145.0</t>
  </si>
  <si>
    <t>16134696.0</t>
  </si>
  <si>
    <t>246325.0</t>
  </si>
  <si>
    <t>198098.0</t>
  </si>
  <si>
    <t>46943.0</t>
  </si>
  <si>
    <t>27970741.0</t>
  </si>
  <si>
    <t>55462.0</t>
  </si>
  <si>
    <t>778.037</t>
  </si>
  <si>
    <t>39009895.0</t>
  </si>
  <si>
    <t>22662007.0</t>
  </si>
  <si>
    <t>16347888.0</t>
  </si>
  <si>
    <t>271054.0</t>
  </si>
  <si>
    <t>202392.0</t>
  </si>
  <si>
    <t>28014260.0</t>
  </si>
  <si>
    <t>43519.0</t>
  </si>
  <si>
    <t>779.248</t>
  </si>
  <si>
    <t>49387.0</t>
  </si>
  <si>
    <t>39163349.0</t>
  </si>
  <si>
    <t>22691142.0</t>
  </si>
  <si>
    <t>16472207.0</t>
  </si>
  <si>
    <t>208820.0</t>
  </si>
  <si>
    <t>48110.0</t>
  </si>
  <si>
    <t>28058487.0</t>
  </si>
  <si>
    <t>44227.0</t>
  </si>
  <si>
    <t>780.478</t>
  </si>
  <si>
    <t>39351793.0</t>
  </si>
  <si>
    <t>22726957.0</t>
  </si>
  <si>
    <t>16624836.0</t>
  </si>
  <si>
    <t>188444.0</t>
  </si>
  <si>
    <t>216654.0</t>
  </si>
  <si>
    <t>28096897.0</t>
  </si>
  <si>
    <t>781.546</t>
  </si>
  <si>
    <t>47628.0</t>
  </si>
  <si>
    <t>568.9</t>
  </si>
  <si>
    <t>39606175.0</t>
  </si>
  <si>
    <t>22784983.0</t>
  </si>
  <si>
    <t>16821192.0</t>
  </si>
  <si>
    <t>254382.0</t>
  </si>
  <si>
    <t>219575.0</t>
  </si>
  <si>
    <t>49280.0</t>
  </si>
  <si>
    <t>28148578.0</t>
  </si>
  <si>
    <t>782.984</t>
  </si>
  <si>
    <t>47516.0</t>
  </si>
  <si>
    <t>567.6</t>
  </si>
  <si>
    <t>39839942.0</t>
  </si>
  <si>
    <t>22840150.0</t>
  </si>
  <si>
    <t>16999792.0</t>
  </si>
  <si>
    <t>233767.0</t>
  </si>
  <si>
    <t>224953.0</t>
  </si>
  <si>
    <t>28198776.0</t>
  </si>
  <si>
    <t>784.38</t>
  </si>
  <si>
    <t>1029.2</t>
  </si>
  <si>
    <t>40034922.0</t>
  </si>
  <si>
    <t>22886715.0</t>
  </si>
  <si>
    <t>17148207.0</t>
  </si>
  <si>
    <t>194980.0</t>
  </si>
  <si>
    <t>220344.0</t>
  </si>
  <si>
    <t>48962.0</t>
  </si>
  <si>
    <t>28248324.0</t>
  </si>
  <si>
    <t>49548.0</t>
  </si>
  <si>
    <t>785.758</t>
  </si>
  <si>
    <t>47578.0</t>
  </si>
  <si>
    <t>1027.9</t>
  </si>
  <si>
    <t>40224990.0</t>
  </si>
  <si>
    <t>22932990.0</t>
  </si>
  <si>
    <t>212307.0</t>
  </si>
  <si>
    <t>46978.0</t>
  </si>
  <si>
    <t>28302054.0</t>
  </si>
  <si>
    <t>53730.0</t>
  </si>
  <si>
    <t>787.253</t>
  </si>
  <si>
    <t>40480932.0</t>
  </si>
  <si>
    <t>23002312.0</t>
  </si>
  <si>
    <t>17478620.0</t>
  </si>
  <si>
    <t>210148.0</t>
  </si>
  <si>
    <t>28344483.0</t>
  </si>
  <si>
    <t>42429.0</t>
  </si>
  <si>
    <t>788.433</t>
  </si>
  <si>
    <t>567.4</t>
  </si>
  <si>
    <t>40573886.0</t>
  </si>
  <si>
    <t>23022910.0</t>
  </si>
  <si>
    <t>17550976.0</t>
  </si>
  <si>
    <t>92954.0</t>
  </si>
  <si>
    <t>201505.0</t>
  </si>
  <si>
    <t>28388496.0</t>
  </si>
  <si>
    <t>789.657</t>
  </si>
  <si>
    <t>40698074.0</t>
  </si>
  <si>
    <t>23048287.0</t>
  </si>
  <si>
    <t>17649787.0</t>
  </si>
  <si>
    <t>124188.0</t>
  </si>
  <si>
    <t>192326.0</t>
  </si>
  <si>
    <t>28433787.0</t>
  </si>
  <si>
    <t>790.917</t>
  </si>
  <si>
    <t>578.8</t>
  </si>
  <si>
    <t>40888055.0</t>
  </si>
  <si>
    <t>23092903.0</t>
  </si>
  <si>
    <t>17795152.0</t>
  </si>
  <si>
    <t>183126.0</t>
  </si>
  <si>
    <t>28489282.0</t>
  </si>
  <si>
    <t>55495.0</t>
  </si>
  <si>
    <t>792.461</t>
  </si>
  <si>
    <t>435.1</t>
  </si>
  <si>
    <t>41035355.0</t>
  </si>
  <si>
    <t>23126976.0</t>
  </si>
  <si>
    <t>17908379.0</t>
  </si>
  <si>
    <t>147300.0</t>
  </si>
  <si>
    <t>170773.0</t>
  </si>
  <si>
    <t>28544333.0</t>
  </si>
  <si>
    <t>55051.0</t>
  </si>
  <si>
    <t>793.992</t>
  </si>
  <si>
    <t>41176166.0</t>
  </si>
  <si>
    <t>23161466.0</t>
  </si>
  <si>
    <t>18014700.0</t>
  </si>
  <si>
    <t>140811.0</t>
  </si>
  <si>
    <t>28595954.0</t>
  </si>
  <si>
    <t>795.428</t>
  </si>
  <si>
    <t>49661.0</t>
  </si>
  <si>
    <t>383.7</t>
  </si>
  <si>
    <t>41290665.0</t>
  </si>
  <si>
    <t>23187853.0</t>
  </si>
  <si>
    <t>18102812.0</t>
  </si>
  <si>
    <t>114499.0</t>
  </si>
  <si>
    <t>152239.0</t>
  </si>
  <si>
    <t>28639604.0</t>
  </si>
  <si>
    <t>796.642</t>
  </si>
  <si>
    <t>41360564.0</t>
  </si>
  <si>
    <t>23201817.0</t>
  </si>
  <si>
    <t>18158747.0</t>
  </si>
  <si>
    <t>69899.0</t>
  </si>
  <si>
    <t>125662.0</t>
  </si>
  <si>
    <t>28672153.0</t>
  </si>
  <si>
    <t>797.548</t>
  </si>
  <si>
    <t>1011.3</t>
  </si>
  <si>
    <t>41404952.0</t>
  </si>
  <si>
    <t>23211366.0</t>
  </si>
  <si>
    <t>18193586.0</t>
  </si>
  <si>
    <t>44388.0</t>
  </si>
  <si>
    <t>118724.0</t>
  </si>
  <si>
    <t>28710063.0</t>
  </si>
  <si>
    <t>798.602</t>
  </si>
  <si>
    <t>45938.0</t>
  </si>
  <si>
    <t>682.7</t>
  </si>
  <si>
    <t>41490683.0</t>
  </si>
  <si>
    <t>23228976.0</t>
  </si>
  <si>
    <t>18261707.0</t>
  </si>
  <si>
    <t>113230.0</t>
  </si>
  <si>
    <t>28754325.0</t>
  </si>
  <si>
    <t>799.833</t>
  </si>
  <si>
    <t>41641404.0</t>
  </si>
  <si>
    <t>23267880.0</t>
  </si>
  <si>
    <t>18373524.0</t>
  </si>
  <si>
    <t>150721.0</t>
  </si>
  <si>
    <t>28802841.0</t>
  </si>
  <si>
    <t>801.183</t>
  </si>
  <si>
    <t>840.6</t>
  </si>
  <si>
    <t>41770485.0</t>
  </si>
  <si>
    <t>23300944.0</t>
  </si>
  <si>
    <t>18469541.0</t>
  </si>
  <si>
    <t>129081.0</t>
  </si>
  <si>
    <t>28851867.0</t>
  </si>
  <si>
    <t>802.547</t>
  </si>
  <si>
    <t>43933.0</t>
  </si>
  <si>
    <t>868.7</t>
  </si>
  <si>
    <t>41886181.0</t>
  </si>
  <si>
    <t>23330923.0</t>
  </si>
  <si>
    <t>18555258.0</t>
  </si>
  <si>
    <t>115696.0</t>
  </si>
  <si>
    <t>28902511.0</t>
  </si>
  <si>
    <t>50644.0</t>
  </si>
  <si>
    <t>803.955</t>
  </si>
  <si>
    <t>1021.9</t>
  </si>
  <si>
    <t>41990202.0</t>
  </si>
  <si>
    <t>23357711.0</t>
  </si>
  <si>
    <t>18632491.0</t>
  </si>
  <si>
    <t>104021.0</t>
  </si>
  <si>
    <t>99934.0</t>
  </si>
  <si>
    <t>28956630.0</t>
  </si>
  <si>
    <t>54119.0</t>
  </si>
  <si>
    <t>805.461</t>
  </si>
  <si>
    <t>794.5</t>
  </si>
  <si>
    <t>42109715.0</t>
  </si>
  <si>
    <t>23387302.0</t>
  </si>
  <si>
    <t>18722413.0</t>
  </si>
  <si>
    <t>119513.0</t>
  </si>
  <si>
    <t>107022.0</t>
  </si>
  <si>
    <t>29003896.0</t>
  </si>
  <si>
    <t>47266.0</t>
  </si>
  <si>
    <t>806.775</t>
  </si>
  <si>
    <t>47392.0</t>
  </si>
  <si>
    <t>42163997.0</t>
  </si>
  <si>
    <t>23399260.0</t>
  </si>
  <si>
    <t>18764737.0</t>
  </si>
  <si>
    <t>29050395.0</t>
  </si>
  <si>
    <t>808.069</t>
  </si>
  <si>
    <t>48619.0</t>
  </si>
  <si>
    <t>1350.5</t>
  </si>
  <si>
    <t>42265381.0</t>
  </si>
  <si>
    <t>23420022.0</t>
  </si>
  <si>
    <t>18845359.0</t>
  </si>
  <si>
    <t>101384.0</t>
  </si>
  <si>
    <t>110671.0</t>
  </si>
  <si>
    <t>29097781.0</t>
  </si>
  <si>
    <t>809.387</t>
  </si>
  <si>
    <t>1651.2</t>
  </si>
  <si>
    <t>42435821.0</t>
  </si>
  <si>
    <t>23460621.0</t>
  </si>
  <si>
    <t>18975200.0</t>
  </si>
  <si>
    <t>170440.0</t>
  </si>
  <si>
    <t>29151126.0</t>
  </si>
  <si>
    <t>810.871</t>
  </si>
  <si>
    <t>2337.5</t>
  </si>
  <si>
    <t>42597949.0</t>
  </si>
  <si>
    <t>23496873.0</t>
  </si>
  <si>
    <t>19101076.0</t>
  </si>
  <si>
    <t>162128.0</t>
  </si>
  <si>
    <t>29200258.0</t>
  </si>
  <si>
    <t>812.237</t>
  </si>
  <si>
    <t>42747213.0</t>
  </si>
  <si>
    <t>23527144.0</t>
  </si>
  <si>
    <t>19220069.0</t>
  </si>
  <si>
    <t>149264.0</t>
  </si>
  <si>
    <t>123005.0</t>
  </si>
  <si>
    <t>29251941.0</t>
  </si>
  <si>
    <t>813.675</t>
  </si>
  <si>
    <t>42913322.0</t>
  </si>
  <si>
    <t>23560753.0</t>
  </si>
  <si>
    <t>19352569.0</t>
  </si>
  <si>
    <t>131874.0</t>
  </si>
  <si>
    <t>29303119.0</t>
  </si>
  <si>
    <t>815.099</t>
  </si>
  <si>
    <t>43098861.0</t>
  </si>
  <si>
    <t>23595375.0</t>
  </si>
  <si>
    <t>19503486.0</t>
  </si>
  <si>
    <t>29341462.0</t>
  </si>
  <si>
    <t>816.165</t>
  </si>
  <si>
    <t>929.9</t>
  </si>
  <si>
    <t>43191898.0</t>
  </si>
  <si>
    <t>23611050.0</t>
  </si>
  <si>
    <t>19580848.0</t>
  </si>
  <si>
    <t>93037.0</t>
  </si>
  <si>
    <t>30256.0</t>
  </si>
  <si>
    <t>29382555.0</t>
  </si>
  <si>
    <t>817.308</t>
  </si>
  <si>
    <t>834.6</t>
  </si>
  <si>
    <t>43335663.0</t>
  </si>
  <si>
    <t>23631492.0</t>
  </si>
  <si>
    <t>19704171.0</t>
  </si>
  <si>
    <t>143765.0</t>
  </si>
  <si>
    <t>152897.0</t>
  </si>
  <si>
    <t>29430910.0</t>
  </si>
  <si>
    <t>818.653</t>
  </si>
  <si>
    <t>43615548.0</t>
  </si>
  <si>
    <t>23684473.0</t>
  </si>
  <si>
    <t>19931075.0</t>
  </si>
  <si>
    <t>279885.0</t>
  </si>
  <si>
    <t>168532.0</t>
  </si>
  <si>
    <t>29484705.0</t>
  </si>
  <si>
    <t>53795.0</t>
  </si>
  <si>
    <t>820.15</t>
  </si>
  <si>
    <t>647.7</t>
  </si>
  <si>
    <t>43852647.0</t>
  </si>
  <si>
    <t>23731270.0</t>
  </si>
  <si>
    <t>20121377.0</t>
  </si>
  <si>
    <t>237099.0</t>
  </si>
  <si>
    <t>179243.0</t>
  </si>
  <si>
    <t>29538635.0</t>
  </si>
  <si>
    <t>821.65</t>
  </si>
  <si>
    <t>975.2</t>
  </si>
  <si>
    <t>44052112.0</t>
  </si>
  <si>
    <t>23774000.0</t>
  </si>
  <si>
    <t>20278112.0</t>
  </si>
  <si>
    <t>199465.0</t>
  </si>
  <si>
    <t>29590955.0</t>
  </si>
  <si>
    <t>823.105</t>
  </si>
  <si>
    <t>944.3</t>
  </si>
  <si>
    <t>44219652.0</t>
  </si>
  <si>
    <t>23810472.0</t>
  </si>
  <si>
    <t>20409180.0</t>
  </si>
  <si>
    <t>167540.0</t>
  </si>
  <si>
    <t>186619.0</t>
  </si>
  <si>
    <t>29658311.0</t>
  </si>
  <si>
    <t>824.979</t>
  </si>
  <si>
    <t>1020.7</t>
  </si>
  <si>
    <t>44374451.0</t>
  </si>
  <si>
    <t>23844426.0</t>
  </si>
  <si>
    <t>20530025.0</t>
  </si>
  <si>
    <t>154799.0</t>
  </si>
  <si>
    <t>182227.0</t>
  </si>
  <si>
    <t>29701762.0</t>
  </si>
  <si>
    <t>826.187</t>
  </si>
  <si>
    <t>1035.3</t>
  </si>
  <si>
    <t>44441515.0</t>
  </si>
  <si>
    <t>23859776.0</t>
  </si>
  <si>
    <t>20581739.0</t>
  </si>
  <si>
    <t>67064.0</t>
  </si>
  <si>
    <t>29746922.0</t>
  </si>
  <si>
    <t>827.444</t>
  </si>
  <si>
    <t>52052.0</t>
  </si>
  <si>
    <t>44521775.0</t>
  </si>
  <si>
    <t>23878391.0</t>
  </si>
  <si>
    <t>20643384.0</t>
  </si>
  <si>
    <t>80260.0</t>
  </si>
  <si>
    <t>169445.0</t>
  </si>
  <si>
    <t>29796124.0</t>
  </si>
  <si>
    <t>49202.0</t>
  </si>
  <si>
    <t>828.812</t>
  </si>
  <si>
    <t>1074.2</t>
  </si>
  <si>
    <t>44652849.0</t>
  </si>
  <si>
    <t>23912323.0</t>
  </si>
  <si>
    <t>20740526.0</t>
  </si>
  <si>
    <t>148186.0</t>
  </si>
  <si>
    <t>32550.0</t>
  </si>
  <si>
    <t>29841399.0</t>
  </si>
  <si>
    <t>830.071</t>
  </si>
  <si>
    <t>1114.7</t>
  </si>
  <si>
    <t>44698978.0</t>
  </si>
  <si>
    <t>23924621.0</t>
  </si>
  <si>
    <t>20774357.0</t>
  </si>
  <si>
    <t>46129.0</t>
  </si>
  <si>
    <t>120904.0</t>
  </si>
  <si>
    <t>27622.0</t>
  </si>
  <si>
    <t>29885716.0</t>
  </si>
  <si>
    <t>831.304</t>
  </si>
  <si>
    <t>1105.4</t>
  </si>
  <si>
    <t>44862697.0</t>
  </si>
  <si>
    <t>23967472.0</t>
  </si>
  <si>
    <t>20895225.0</t>
  </si>
  <si>
    <t>163719.0</t>
  </si>
  <si>
    <t>115798.0</t>
  </si>
  <si>
    <t>29934785.0</t>
  </si>
  <si>
    <t>832.669</t>
  </si>
  <si>
    <t>49119.0</t>
  </si>
  <si>
    <t>44950769.0</t>
  </si>
  <si>
    <t>23991079.0</t>
  </si>
  <si>
    <t>20959690.0</t>
  </si>
  <si>
    <t>104445.0</t>
  </si>
  <si>
    <t>29981415.0</t>
  </si>
  <si>
    <t>833.966</t>
  </si>
  <si>
    <t>45041861.0</t>
  </si>
  <si>
    <t>24014216.0</t>
  </si>
  <si>
    <t>21027645.0</t>
  </si>
  <si>
    <t>91092.0</t>
  </si>
  <si>
    <t>95344.0</t>
  </si>
  <si>
    <t>30018274.0</t>
  </si>
  <si>
    <t>834.991</t>
  </si>
  <si>
    <t>45216.0</t>
  </si>
  <si>
    <t>998.5</t>
  </si>
  <si>
    <t>45091787.0</t>
  </si>
  <si>
    <t>24028992.0</t>
  </si>
  <si>
    <t>21062795.0</t>
  </si>
  <si>
    <t>30055828.0</t>
  </si>
  <si>
    <t>836.036</t>
  </si>
  <si>
    <t>44129.0</t>
  </si>
  <si>
    <t>45172188.0</t>
  </si>
  <si>
    <t>24057315.0</t>
  </si>
  <si>
    <t>21114873.0</t>
  </si>
  <si>
    <t>124.07</t>
  </si>
  <si>
    <t>30095906.0</t>
  </si>
  <si>
    <t>40078.0</t>
  </si>
  <si>
    <t>837.151</t>
  </si>
  <si>
    <t>933.9</t>
  </si>
  <si>
    <t>45266839.0</t>
  </si>
  <si>
    <t>24084544.0</t>
  </si>
  <si>
    <t>21182295.0</t>
  </si>
  <si>
    <t>94651.0</t>
  </si>
  <si>
    <t>30140728.0</t>
  </si>
  <si>
    <t>838.398</t>
  </si>
  <si>
    <t>896.2</t>
  </si>
  <si>
    <t>45352626.0</t>
  </si>
  <si>
    <t>24108157.0</t>
  </si>
  <si>
    <t>21244469.0</t>
  </si>
  <si>
    <t>85787.0</t>
  </si>
  <si>
    <t>93378.0</t>
  </si>
  <si>
    <t>26219.0</t>
  </si>
  <si>
    <t>30188348.0</t>
  </si>
  <si>
    <t>47620.0</t>
  </si>
  <si>
    <t>839.722</t>
  </si>
  <si>
    <t>45428214.0</t>
  </si>
  <si>
    <t>24129578.0</t>
  </si>
  <si>
    <t>21298636.0</t>
  </si>
  <si>
    <t>75588.0</t>
  </si>
  <si>
    <t>80788.0</t>
  </si>
  <si>
    <t>30233942.0</t>
  </si>
  <si>
    <t>840.991</t>
  </si>
  <si>
    <t>42737.0</t>
  </si>
  <si>
    <t>835.6</t>
  </si>
  <si>
    <t>45497613.0</t>
  </si>
  <si>
    <t>24147841.0</t>
  </si>
  <si>
    <t>21349772.0</t>
  </si>
  <si>
    <t>30279592.0</t>
  </si>
  <si>
    <t>45650.0</t>
  </si>
  <si>
    <t>842.26</t>
  </si>
  <si>
    <t>42597.0</t>
  </si>
  <si>
    <t>821.4</t>
  </si>
  <si>
    <t>45566425.0</t>
  </si>
  <si>
    <t>24165859.0</t>
  </si>
  <si>
    <t>21400566.0</t>
  </si>
  <si>
    <t>68812.0</t>
  </si>
  <si>
    <t>30313741.0</t>
  </si>
  <si>
    <t>843.21</t>
  </si>
  <si>
    <t>802.9</t>
  </si>
  <si>
    <t>45596373.0</t>
  </si>
  <si>
    <t>24173536.0</t>
  </si>
  <si>
    <t>21422837.0</t>
  </si>
  <si>
    <t>29948.0</t>
  </si>
  <si>
    <t>30349713.0</t>
  </si>
  <si>
    <t>844.211</t>
  </si>
  <si>
    <t>45641533.0</t>
  </si>
  <si>
    <t>24185908.0</t>
  </si>
  <si>
    <t>21455625.0</t>
  </si>
  <si>
    <t>30389463.0</t>
  </si>
  <si>
    <t>845.317</t>
  </si>
  <si>
    <t>41937.0</t>
  </si>
  <si>
    <t>804.3</t>
  </si>
  <si>
    <t>45720862.0</t>
  </si>
  <si>
    <t>24208729.0</t>
  </si>
  <si>
    <t>21512133.0</t>
  </si>
  <si>
    <t>30433131.0</t>
  </si>
  <si>
    <t>43668.0</t>
  </si>
  <si>
    <t>846.531</t>
  </si>
  <si>
    <t>41772.0</t>
  </si>
  <si>
    <t>805.5</t>
  </si>
  <si>
    <t>45784362.0</t>
  </si>
  <si>
    <t>24226322.0</t>
  </si>
  <si>
    <t>21558040.0</t>
  </si>
  <si>
    <t>61677.0</t>
  </si>
  <si>
    <t>30472075.0</t>
  </si>
  <si>
    <t>847.614</t>
  </si>
  <si>
    <t>40532.0</t>
  </si>
  <si>
    <t>827.2</t>
  </si>
  <si>
    <t>46120529.0</t>
  </si>
  <si>
    <t>24248200.0</t>
  </si>
  <si>
    <t>21612557.0</t>
  </si>
  <si>
    <t>259772.0</t>
  </si>
  <si>
    <t>336167.0</t>
  </si>
  <si>
    <t>98902.0</t>
  </si>
  <si>
    <t>30523377.0</t>
  </si>
  <si>
    <t>51302.0</t>
  </si>
  <si>
    <t>849.041</t>
  </si>
  <si>
    <t>41348.0</t>
  </si>
  <si>
    <t>858.9</t>
  </si>
  <si>
    <t>46174722.0</t>
  </si>
  <si>
    <t>24261265.0</t>
  </si>
  <si>
    <t>21648540.0</t>
  </si>
  <si>
    <t>264934.0</t>
  </si>
  <si>
    <t>54193.0</t>
  </si>
  <si>
    <t>96730.0</t>
  </si>
  <si>
    <t>30540992.0</t>
  </si>
  <si>
    <t>849.531</t>
  </si>
  <si>
    <t>789.7</t>
  </si>
  <si>
    <t>46225391.0</t>
  </si>
  <si>
    <t>24273577.0</t>
  </si>
  <si>
    <t>21681961.0</t>
  </si>
  <si>
    <t>269853.0</t>
  </si>
  <si>
    <t>30558607.0</t>
  </si>
  <si>
    <t>850.021</t>
  </si>
  <si>
    <t>34981.0</t>
  </si>
  <si>
    <t>46270412.0</t>
  </si>
  <si>
    <t>24284570.0</t>
  </si>
  <si>
    <t>21710595.0</t>
  </si>
  <si>
    <t>275256.0</t>
  </si>
  <si>
    <t>96291.0</t>
  </si>
  <si>
    <t>30570042.0</t>
  </si>
  <si>
    <t>850.34</t>
  </si>
  <si>
    <t>46288357.0</t>
  </si>
  <si>
    <t>24288343.0</t>
  </si>
  <si>
    <t>21721987.0</t>
  </si>
  <si>
    <t>278027.0</t>
  </si>
  <si>
    <t>30580599.0</t>
  </si>
  <si>
    <t>850.633</t>
  </si>
  <si>
    <t>610.7</t>
  </si>
  <si>
    <t>30657679.0</t>
  </si>
  <si>
    <t>77080.0</t>
  </si>
  <si>
    <t>852.777</t>
  </si>
  <si>
    <t>91070.0</t>
  </si>
  <si>
    <t>30716480.0</t>
  </si>
  <si>
    <t>58801.0</t>
  </si>
  <si>
    <t>854.413</t>
  </si>
  <si>
    <t>785.9</t>
  </si>
  <si>
    <t>46488601.0</t>
  </si>
  <si>
    <t>24337520.0</t>
  </si>
  <si>
    <t>21857119.0</t>
  </si>
  <si>
    <t>293992.0</t>
  </si>
  <si>
    <t>52582.0</t>
  </si>
  <si>
    <t>30759221.0</t>
  </si>
  <si>
    <t>855.602</t>
  </si>
  <si>
    <t>46545444.0</t>
  </si>
  <si>
    <t>24353452.0</t>
  </si>
  <si>
    <t>21894014.0</t>
  </si>
  <si>
    <t>30799682.0</t>
  </si>
  <si>
    <t>856.727</t>
  </si>
  <si>
    <t>868.1</t>
  </si>
  <si>
    <t>46612033.0</t>
  </si>
  <si>
    <t>24372785.0</t>
  </si>
  <si>
    <t>21936792.0</t>
  </si>
  <si>
    <t>302456.0</t>
  </si>
  <si>
    <t>66589.0</t>
  </si>
  <si>
    <t>30827084.0</t>
  </si>
  <si>
    <t>857.489</t>
  </si>
  <si>
    <t>894.9</t>
  </si>
  <si>
    <t>46637027.0</t>
  </si>
  <si>
    <t>24379243.0</t>
  </si>
  <si>
    <t>21953463.0</t>
  </si>
  <si>
    <t>30863762.0</t>
  </si>
  <si>
    <t>858.51</t>
  </si>
  <si>
    <t>41960.0</t>
  </si>
  <si>
    <t>972.6</t>
  </si>
  <si>
    <t>46672541.0</t>
  </si>
  <si>
    <t>24388956.0</t>
  </si>
  <si>
    <t>21976248.0</t>
  </si>
  <si>
    <t>307344.0</t>
  </si>
  <si>
    <t>30898784.0</t>
  </si>
  <si>
    <t>859.484</t>
  </si>
  <si>
    <t>46743789.0</t>
  </si>
  <si>
    <t>24410797.0</t>
  </si>
  <si>
    <t>22022105.0</t>
  </si>
  <si>
    <t>310887.0</t>
  </si>
  <si>
    <t>71248.0</t>
  </si>
  <si>
    <t>30931537.0</t>
  </si>
  <si>
    <t>860.395</t>
  </si>
  <si>
    <t>954.2</t>
  </si>
  <si>
    <t>46806146.0</t>
  </si>
  <si>
    <t>24430380.0</t>
  </si>
  <si>
    <t>22061577.0</t>
  </si>
  <si>
    <t>314200.0</t>
  </si>
  <si>
    <t>30964745.0</t>
  </si>
  <si>
    <t>33208.0</t>
  </si>
  <si>
    <t>861.319</t>
  </si>
  <si>
    <t>902.8</t>
  </si>
  <si>
    <t>46829090.0</t>
  </si>
  <si>
    <t>24438282.0</t>
  </si>
  <si>
    <t>22075529.0</t>
  </si>
  <si>
    <t>315279.0</t>
  </si>
  <si>
    <t>30998329.0</t>
  </si>
  <si>
    <t>862.253</t>
  </si>
  <si>
    <t>46910179.0</t>
  </si>
  <si>
    <t>24463682.0</t>
  </si>
  <si>
    <t>22126411.0</t>
  </si>
  <si>
    <t>320106.0</t>
  </si>
  <si>
    <t>31030819.0</t>
  </si>
  <si>
    <t>863.157</t>
  </si>
  <si>
    <t>843.6</t>
  </si>
  <si>
    <t>46959458.0</t>
  </si>
  <si>
    <t>24477958.0</t>
  </si>
  <si>
    <t>22158110.0</t>
  </si>
  <si>
    <t>323390.0</t>
  </si>
  <si>
    <t>49632.0</t>
  </si>
  <si>
    <t>31055094.0</t>
  </si>
  <si>
    <t>863.832</t>
  </si>
  <si>
    <t>863.7</t>
  </si>
  <si>
    <t>46979616.0</t>
  </si>
  <si>
    <t>24483026.0</t>
  </si>
  <si>
    <t>22171309.0</t>
  </si>
  <si>
    <t>325281.0</t>
  </si>
  <si>
    <t>48941.0</t>
  </si>
  <si>
    <t>31082178.0</t>
  </si>
  <si>
    <t>27084.0</t>
  </si>
  <si>
    <t>864.585</t>
  </si>
  <si>
    <t>870.2</t>
  </si>
  <si>
    <t>47013241.0</t>
  </si>
  <si>
    <t>24492088.0</t>
  </si>
  <si>
    <t>22192521.0</t>
  </si>
  <si>
    <t>328632.0</t>
  </si>
  <si>
    <t>31115032.0</t>
  </si>
  <si>
    <t>865.499</t>
  </si>
  <si>
    <t>841.5</t>
  </si>
  <si>
    <t>47061187.0</t>
  </si>
  <si>
    <t>24506864.0</t>
  </si>
  <si>
    <t>22223093.0</t>
  </si>
  <si>
    <t>331250.0</t>
  </si>
  <si>
    <t>31156562.0</t>
  </si>
  <si>
    <t>866.654</t>
  </si>
  <si>
    <t>32146.0</t>
  </si>
  <si>
    <t>872.2</t>
  </si>
  <si>
    <t>47111648.0</t>
  </si>
  <si>
    <t>24522627.0</t>
  </si>
  <si>
    <t>22255376.0</t>
  </si>
  <si>
    <t>333671.0</t>
  </si>
  <si>
    <t>43643.0</t>
  </si>
  <si>
    <t>31204126.0</t>
  </si>
  <si>
    <t>867.977</t>
  </si>
  <si>
    <t>924.2</t>
  </si>
  <si>
    <t>47155332.0</t>
  </si>
  <si>
    <t>24536094.0</t>
  </si>
  <si>
    <t>22282865.0</t>
  </si>
  <si>
    <t>336373.0</t>
  </si>
  <si>
    <t>31258994.0</t>
  </si>
  <si>
    <t>869.503</t>
  </si>
  <si>
    <t>1038.5</t>
  </si>
  <si>
    <t>47200127.0</t>
  </si>
  <si>
    <t>24549813.0</t>
  </si>
  <si>
    <t>22311359.0</t>
  </si>
  <si>
    <t>338991.0</t>
  </si>
  <si>
    <t>31319305.0</t>
  </si>
  <si>
    <t>871.181</t>
  </si>
  <si>
    <t>47244948.0</t>
  </si>
  <si>
    <t>24562266.0</t>
  </si>
  <si>
    <t>22340456.0</t>
  </si>
  <si>
    <t>342228.0</t>
  </si>
  <si>
    <t>44821.0</t>
  </si>
  <si>
    <t>31362567.0</t>
  </si>
  <si>
    <t>872.384</t>
  </si>
  <si>
    <t>1336.9</t>
  </si>
  <si>
    <t>47265454.0</t>
  </si>
  <si>
    <t>24568254.0</t>
  </si>
  <si>
    <t>22353415.0</t>
  </si>
  <si>
    <t>343842.0</t>
  </si>
  <si>
    <t>31406162.0</t>
  </si>
  <si>
    <t>43595.0</t>
  </si>
  <si>
    <t>873.597</t>
  </si>
  <si>
    <t>47293262.0</t>
  </si>
  <si>
    <t>24576709.0</t>
  </si>
  <si>
    <t>22370726.0</t>
  </si>
  <si>
    <t>345852.0</t>
  </si>
  <si>
    <t>40003.0</t>
  </si>
  <si>
    <t>31449870.0</t>
  </si>
  <si>
    <t>874.813</t>
  </si>
  <si>
    <t>1550.2</t>
  </si>
  <si>
    <t>47309172.0</t>
  </si>
  <si>
    <t>24581780.0</t>
  </si>
  <si>
    <t>22380259.0</t>
  </si>
  <si>
    <t>31494154.0</t>
  </si>
  <si>
    <t>876.045</t>
  </si>
  <si>
    <t>1671.2</t>
  </si>
  <si>
    <t>47391642.0</t>
  </si>
  <si>
    <t>24605333.0</t>
  </si>
  <si>
    <t>22432544.0</t>
  </si>
  <si>
    <t>353765.0</t>
  </si>
  <si>
    <t>31536235.0</t>
  </si>
  <si>
    <t>877.215</t>
  </si>
  <si>
    <t>47444.0</t>
  </si>
  <si>
    <t>1694.4</t>
  </si>
  <si>
    <t>47444801.0</t>
  </si>
  <si>
    <t>24619259.0</t>
  </si>
  <si>
    <t>22467509.0</t>
  </si>
  <si>
    <t>358049.0</t>
  </si>
  <si>
    <t>53159.0</t>
  </si>
  <si>
    <t>31570182.0</t>
  </si>
  <si>
    <t>878.16</t>
  </si>
  <si>
    <t>1587.7</t>
  </si>
  <si>
    <t>47449878.0</t>
  </si>
  <si>
    <t>24620971.0</t>
  </si>
  <si>
    <t>22470514.0</t>
  </si>
  <si>
    <t>358393.0</t>
  </si>
  <si>
    <t>35679.0</t>
  </si>
  <si>
    <t>31610540.0</t>
  </si>
  <si>
    <t>879.282</t>
  </si>
  <si>
    <t>1516.8</t>
  </si>
  <si>
    <t>31654455.0</t>
  </si>
  <si>
    <t>880.504</t>
  </si>
  <si>
    <t>1416.9</t>
  </si>
  <si>
    <t>47536454.0</t>
  </si>
  <si>
    <t>24643207.0</t>
  </si>
  <si>
    <t>22526908.0</t>
  </si>
  <si>
    <t>38714.0</t>
  </si>
  <si>
    <t>31698370.0</t>
  </si>
  <si>
    <t>881.725</t>
  </si>
  <si>
    <t>41744.0</t>
  </si>
  <si>
    <t>1418.5</t>
  </si>
  <si>
    <t>47627391.0</t>
  </si>
  <si>
    <t>24665104.0</t>
  </si>
  <si>
    <t>22581545.0</t>
  </si>
  <si>
    <t>380742.0</t>
  </si>
  <si>
    <t>90937.0</t>
  </si>
  <si>
    <t>31741301.0</t>
  </si>
  <si>
    <t>882.919</t>
  </si>
  <si>
    <t>47701071.0</t>
  </si>
  <si>
    <t>24684104.0</t>
  </si>
  <si>
    <t>22620922.0</t>
  </si>
  <si>
    <t>55986.0</t>
  </si>
  <si>
    <t>131.02</t>
  </si>
  <si>
    <t>31787409.0</t>
  </si>
  <si>
    <t>884.202</t>
  </si>
  <si>
    <t>41894.0</t>
  </si>
  <si>
    <t>1247.9</t>
  </si>
  <si>
    <t>47766580.0</t>
  </si>
  <si>
    <t>24701843.0</t>
  </si>
  <si>
    <t>22654356.0</t>
  </si>
  <si>
    <t>410381.0</t>
  </si>
  <si>
    <t>53563.0</t>
  </si>
  <si>
    <t>31825816.0</t>
  </si>
  <si>
    <t>885.27</t>
  </si>
  <si>
    <t>41369.0</t>
  </si>
  <si>
    <t>47831664.0</t>
  </si>
  <si>
    <t>24718878.0</t>
  </si>
  <si>
    <t>22684981.0</t>
  </si>
  <si>
    <t>427836.0</t>
  </si>
  <si>
    <t>55266.0</t>
  </si>
  <si>
    <t>31867094.0</t>
  </si>
  <si>
    <t>886.418</t>
  </si>
  <si>
    <t>1155.3</t>
  </si>
  <si>
    <t>47897131.0</t>
  </si>
  <si>
    <t>24736637.0</t>
  </si>
  <si>
    <t>22715883.0</t>
  </si>
  <si>
    <t>444617.0</t>
  </si>
  <si>
    <t>65467.0</t>
  </si>
  <si>
    <t>31908463.0</t>
  </si>
  <si>
    <t>887.569</t>
  </si>
  <si>
    <t>42560.0</t>
  </si>
  <si>
    <t>47957035.0</t>
  </si>
  <si>
    <t>24751433.0</t>
  </si>
  <si>
    <t>22743817.0</t>
  </si>
  <si>
    <t>461791.0</t>
  </si>
  <si>
    <t>31942358.0</t>
  </si>
  <si>
    <t>888.512</t>
  </si>
  <si>
    <t>999.7</t>
  </si>
  <si>
    <t>47983970.0</t>
  </si>
  <si>
    <t>24757408.0</t>
  </si>
  <si>
    <t>22755094.0</t>
  </si>
  <si>
    <t>471468.0</t>
  </si>
  <si>
    <t>63931.0</t>
  </si>
  <si>
    <t>16314.0</t>
  </si>
  <si>
    <t>31980191.0</t>
  </si>
  <si>
    <t>889.564</t>
  </si>
  <si>
    <t>903.3</t>
  </si>
  <si>
    <t>48023170.0</t>
  </si>
  <si>
    <t>24766927.0</t>
  </si>
  <si>
    <t>22771497.0</t>
  </si>
  <si>
    <t>484746.0</t>
  </si>
  <si>
    <t>56540.0</t>
  </si>
  <si>
    <t>32016896.0</t>
  </si>
  <si>
    <t>890.585</t>
  </si>
  <si>
    <t>840.2</t>
  </si>
  <si>
    <t>48088092.0</t>
  </si>
  <si>
    <t>24786057.0</t>
  </si>
  <si>
    <t>22801826.0</t>
  </si>
  <si>
    <t>500209.0</t>
  </si>
  <si>
    <t>64922.0</t>
  </si>
  <si>
    <t>32066964.0</t>
  </si>
  <si>
    <t>891.978</t>
  </si>
  <si>
    <t>48104477.0</t>
  </si>
  <si>
    <t>24791173.0</t>
  </si>
  <si>
    <t>22809730.0</t>
  </si>
  <si>
    <t>503574.0</t>
  </si>
  <si>
    <t>32123480.0</t>
  </si>
  <si>
    <t>893.55</t>
  </si>
  <si>
    <t>42523.0</t>
  </si>
  <si>
    <t>48186500.0</t>
  </si>
  <si>
    <t>24815793.0</t>
  </si>
  <si>
    <t>22848054.0</t>
  </si>
  <si>
    <t>522683.0</t>
  </si>
  <si>
    <t>82023.0</t>
  </si>
  <si>
    <t>50691.0</t>
  </si>
  <si>
    <t>32183531.0</t>
  </si>
  <si>
    <t>895.22</t>
  </si>
  <si>
    <t>764.3</t>
  </si>
  <si>
    <t>48231779.0</t>
  </si>
  <si>
    <t>24829534.0</t>
  </si>
  <si>
    <t>22867825.0</t>
  </si>
  <si>
    <t>534462.0</t>
  </si>
  <si>
    <t>45279.0</t>
  </si>
  <si>
    <t>47807.0</t>
  </si>
  <si>
    <t>32250028.0</t>
  </si>
  <si>
    <t>897.07</t>
  </si>
  <si>
    <t>48795.0</t>
  </si>
  <si>
    <t>752.3</t>
  </si>
  <si>
    <t>48275299.0</t>
  </si>
  <si>
    <t>24841260.0</t>
  </si>
  <si>
    <t>22887340.0</t>
  </si>
  <si>
    <t>546718.0</t>
  </si>
  <si>
    <t>45466.0</t>
  </si>
  <si>
    <t>32302267.0</t>
  </si>
  <si>
    <t>898.523</t>
  </si>
  <si>
    <t>740.6</t>
  </si>
  <si>
    <t>48293632.0</t>
  </si>
  <si>
    <t>24845946.0</t>
  </si>
  <si>
    <t>22895205.0</t>
  </si>
  <si>
    <t>552481.0</t>
  </si>
  <si>
    <t>32362387.0</t>
  </si>
  <si>
    <t>54599.0</t>
  </si>
  <si>
    <t>696.2</t>
  </si>
  <si>
    <t>48322955.0</t>
  </si>
  <si>
    <t>24854157.0</t>
  </si>
  <si>
    <t>22908284.0</t>
  </si>
  <si>
    <t>560514.0</t>
  </si>
  <si>
    <t>32413727.0</t>
  </si>
  <si>
    <t>51340.0</t>
  </si>
  <si>
    <t>901.624</t>
  </si>
  <si>
    <t>48381592.0</t>
  </si>
  <si>
    <t>24872178.0</t>
  </si>
  <si>
    <t>22935782.0</t>
  </si>
  <si>
    <t>573632.0</t>
  </si>
  <si>
    <t>58637.0</t>
  </si>
  <si>
    <t>32471081.0</t>
  </si>
  <si>
    <t>903.219</t>
  </si>
  <si>
    <t>590.8</t>
  </si>
  <si>
    <t>48475448.0</t>
  </si>
  <si>
    <t>24887008.0</t>
  </si>
  <si>
    <t>22958830.0</t>
  </si>
  <si>
    <t>629610.0</t>
  </si>
  <si>
    <t>93856.0</t>
  </si>
  <si>
    <t>52996.0</t>
  </si>
  <si>
    <t>32536750.0</t>
  </si>
  <si>
    <t>65669.0</t>
  </si>
  <si>
    <t>905.046</t>
  </si>
  <si>
    <t>491.4</t>
  </si>
  <si>
    <t>48645367.0</t>
  </si>
  <si>
    <t>24897852.0</t>
  </si>
  <si>
    <t>22978924.0</t>
  </si>
  <si>
    <t>768591.0</t>
  </si>
  <si>
    <t>65552.0</t>
  </si>
  <si>
    <t>32600487.0</t>
  </si>
  <si>
    <t>63737.0</t>
  </si>
  <si>
    <t>906.819</t>
  </si>
  <si>
    <t>414.9</t>
  </si>
  <si>
    <t>48865162.0</t>
  </si>
  <si>
    <t>24911957.0</t>
  </si>
  <si>
    <t>23002106.0</t>
  </si>
  <si>
    <t>951099.0</t>
  </si>
  <si>
    <t>219795.0</t>
  </si>
  <si>
    <t>90483.0</t>
  </si>
  <si>
    <t>32678701.0</t>
  </si>
  <si>
    <t>78214.0</t>
  </si>
  <si>
    <t>908.994</t>
  </si>
  <si>
    <t>355.2</t>
  </si>
  <si>
    <t>49111269.0</t>
  </si>
  <si>
    <t>24927717.0</t>
  </si>
  <si>
    <t>23027139.0</t>
  </si>
  <si>
    <t>1156413.0</t>
  </si>
  <si>
    <t>246107.0</t>
  </si>
  <si>
    <t>119424.0</t>
  </si>
  <si>
    <t>32743008.0</t>
  </si>
  <si>
    <t>64307.0</t>
  </si>
  <si>
    <t>910.783</t>
  </si>
  <si>
    <t>302.1</t>
  </si>
  <si>
    <t>49253475.0</t>
  </si>
  <si>
    <t>24933604.0</t>
  </si>
  <si>
    <t>23037070.0</t>
  </si>
  <si>
    <t>1282801.0</t>
  </si>
  <si>
    <t>32809383.0</t>
  </si>
  <si>
    <t>66375.0</t>
  </si>
  <si>
    <t>912.629</t>
  </si>
  <si>
    <t>63857.0</t>
  </si>
  <si>
    <t>49423248.0</t>
  </si>
  <si>
    <t>24942157.0</t>
  </si>
  <si>
    <t>23052006.0</t>
  </si>
  <si>
    <t>1429085.0</t>
  </si>
  <si>
    <t>169773.0</t>
  </si>
  <si>
    <t>157185.0</t>
  </si>
  <si>
    <t>32885065.0</t>
  </si>
  <si>
    <t>75682.0</t>
  </si>
  <si>
    <t>914.734</t>
  </si>
  <si>
    <t>49700201.0</t>
  </si>
  <si>
    <t>24958879.0</t>
  </si>
  <si>
    <t>23078491.0</t>
  </si>
  <si>
    <t>1662831.0</t>
  </si>
  <si>
    <t>276953.0</t>
  </si>
  <si>
    <t>188373.0</t>
  </si>
  <si>
    <t>32965869.0</t>
  </si>
  <si>
    <t>80804.0</t>
  </si>
  <si>
    <t>916.982</t>
  </si>
  <si>
    <t>70684.0</t>
  </si>
  <si>
    <t>49953753.0</t>
  </si>
  <si>
    <t>24972309.0</t>
  </si>
  <si>
    <t>23101362.0</t>
  </si>
  <si>
    <t>1880082.0</t>
  </si>
  <si>
    <t>253552.0</t>
  </si>
  <si>
    <t>33049929.0</t>
  </si>
  <si>
    <t>84060.0</t>
  </si>
  <si>
    <t>919.32</t>
  </si>
  <si>
    <t>73311.0</t>
  </si>
  <si>
    <t>50215461.0</t>
  </si>
  <si>
    <t>24986423.0</t>
  </si>
  <si>
    <t>23125154.0</t>
  </si>
  <si>
    <t>2103884.0</t>
  </si>
  <si>
    <t>261708.0</t>
  </si>
  <si>
    <t>224299.0</t>
  </si>
  <si>
    <t>33134497.0</t>
  </si>
  <si>
    <t>84568.0</t>
  </si>
  <si>
    <t>921.673</t>
  </si>
  <si>
    <t>76287.0</t>
  </si>
  <si>
    <t>50477457.0</t>
  </si>
  <si>
    <t>25000071.0</t>
  </si>
  <si>
    <t>23148114.0</t>
  </si>
  <si>
    <t>2329272.0</t>
  </si>
  <si>
    <t>261996.0</t>
  </si>
  <si>
    <t>230328.0</t>
  </si>
  <si>
    <t>138.64</t>
  </si>
  <si>
    <t>33229844.0</t>
  </si>
  <si>
    <t>95347.0</t>
  </si>
  <si>
    <t>924.325</t>
  </si>
  <si>
    <t>78735.0</t>
  </si>
  <si>
    <t>50755660.0</t>
  </si>
  <si>
    <t>25011556.0</t>
  </si>
  <si>
    <t>23171018.0</t>
  </si>
  <si>
    <t>2573086.0</t>
  </si>
  <si>
    <t>278203.0</t>
  </si>
  <si>
    <t>234913.0</t>
  </si>
  <si>
    <t>33310519.0</t>
  </si>
  <si>
    <t>80675.0</t>
  </si>
  <si>
    <t>926.569</t>
  </si>
  <si>
    <t>50894142.0</t>
  </si>
  <si>
    <t>25017090.0</t>
  </si>
  <si>
    <t>23180879.0</t>
  </si>
  <si>
    <t>2696173.0</t>
  </si>
  <si>
    <t>234381.0</t>
  </si>
  <si>
    <t>33396224.0</t>
  </si>
  <si>
    <t>928.953</t>
  </si>
  <si>
    <t>51031649.0</t>
  </si>
  <si>
    <t>25023844.0</t>
  </si>
  <si>
    <t>23191521.0</t>
  </si>
  <si>
    <t>2816284.0</t>
  </si>
  <si>
    <t>137507.0</t>
  </si>
  <si>
    <t>229772.0</t>
  </si>
  <si>
    <t>33501652.0</t>
  </si>
  <si>
    <t>105428.0</t>
  </si>
  <si>
    <t>931.885</t>
  </si>
  <si>
    <t>88084.0</t>
  </si>
  <si>
    <t>51262028.0</t>
  </si>
  <si>
    <t>25038977.0</t>
  </si>
  <si>
    <t>23215439.0</t>
  </si>
  <si>
    <t>3007807.0</t>
  </si>
  <si>
    <t>230379.0</t>
  </si>
  <si>
    <t>223118.0</t>
  </si>
  <si>
    <t>33623374.0</t>
  </si>
  <si>
    <t>121722.0</t>
  </si>
  <si>
    <t>935.271</t>
  </si>
  <si>
    <t>93929.0</t>
  </si>
  <si>
    <t>51493736.0</t>
  </si>
  <si>
    <t>25053073.0</t>
  </si>
  <si>
    <t>23239344.0</t>
  </si>
  <si>
    <t>3201319.0</t>
  </si>
  <si>
    <t>231708.0</t>
  </si>
  <si>
    <t>33751227.0</t>
  </si>
  <si>
    <t>127853.0</t>
  </si>
  <si>
    <t>938.828</t>
  </si>
  <si>
    <t>100185.0</t>
  </si>
  <si>
    <t>51731312.0</t>
  </si>
  <si>
    <t>25064537.0</t>
  </si>
  <si>
    <t>23261014.0</t>
  </si>
  <si>
    <t>3405761.0</t>
  </si>
  <si>
    <t>216550.0</t>
  </si>
  <si>
    <t>142.08</t>
  </si>
  <si>
    <t>33885624.0</t>
  </si>
  <si>
    <t>134397.0</t>
  </si>
  <si>
    <t>942.566</t>
  </si>
  <si>
    <t>51965922.0</t>
  </si>
  <si>
    <t>25078227.0</t>
  </si>
  <si>
    <t>23282850.0</t>
  </si>
  <si>
    <t>3604845.0</t>
  </si>
  <si>
    <t>234610.0</t>
  </si>
  <si>
    <t>212638.0</t>
  </si>
  <si>
    <t>34036677.0</t>
  </si>
  <si>
    <t>151053.0</t>
  </si>
  <si>
    <t>946.768</t>
  </si>
  <si>
    <t>115262.0</t>
  </si>
  <si>
    <t>52214828.0</t>
  </si>
  <si>
    <t>25090342.0</t>
  </si>
  <si>
    <t>23303260.0</t>
  </si>
  <si>
    <t>3821226.0</t>
  </si>
  <si>
    <t>248906.0</t>
  </si>
  <si>
    <t>208453.0</t>
  </si>
  <si>
    <t>34161969.0</t>
  </si>
  <si>
    <t>125292.0</t>
  </si>
  <si>
    <t>950.253</t>
  </si>
  <si>
    <t>52329266.0</t>
  </si>
  <si>
    <t>25095867.0</t>
  </si>
  <si>
    <t>23311852.0</t>
  </si>
  <si>
    <t>3921547.0</t>
  </si>
  <si>
    <t>114438.0</t>
  </si>
  <si>
    <t>205018.0</t>
  </si>
  <si>
    <t>34286232.0</t>
  </si>
  <si>
    <t>124263.0</t>
  </si>
  <si>
    <t>953.709</t>
  </si>
  <si>
    <t>52468417.0</t>
  </si>
  <si>
    <t>25103177.0</t>
  </si>
  <si>
    <t>23323598.0</t>
  </si>
  <si>
    <t>4041739.0</t>
  </si>
  <si>
    <t>139151.0</t>
  </si>
  <si>
    <t>205253.0</t>
  </si>
  <si>
    <t>34414650.0</t>
  </si>
  <si>
    <t>128418.0</t>
  </si>
  <si>
    <t>957.282</t>
  </si>
  <si>
    <t>130428.0</t>
  </si>
  <si>
    <t>52689404.0</t>
  </si>
  <si>
    <t>25120095.0</t>
  </si>
  <si>
    <t>23346936.0</t>
  </si>
  <si>
    <t>4222373.0</t>
  </si>
  <si>
    <t>203911.0</t>
  </si>
  <si>
    <t>34567571.0</t>
  </si>
  <si>
    <t>152921.0</t>
  </si>
  <si>
    <t>961.535</t>
  </si>
  <si>
    <t>134885.0</t>
  </si>
  <si>
    <t>52900314.0</t>
  </si>
  <si>
    <t>25135435.0</t>
  </si>
  <si>
    <t>23368690.0</t>
  </si>
  <si>
    <t>4396189.0</t>
  </si>
  <si>
    <t>200940.0</t>
  </si>
  <si>
    <t>34728160.0</t>
  </si>
  <si>
    <t>160589.0</t>
  </si>
  <si>
    <t>966.002</t>
  </si>
  <si>
    <t>139562.0</t>
  </si>
  <si>
    <t>53099212.0</t>
  </si>
  <si>
    <t>25151615.0</t>
  </si>
  <si>
    <t>23390648.0</t>
  </si>
  <si>
    <t>4556949.0</t>
  </si>
  <si>
    <t>195414.0</t>
  </si>
  <si>
    <t>34885540.0</t>
  </si>
  <si>
    <t>157380.0</t>
  </si>
  <si>
    <t>970.38</t>
  </si>
  <si>
    <t>53314310.0</t>
  </si>
  <si>
    <t>25165017.0</t>
  </si>
  <si>
    <t>23410643.0</t>
  </si>
  <si>
    <t>4738650.0</t>
  </si>
  <si>
    <t>215098.0</t>
  </si>
  <si>
    <t>192627.0</t>
  </si>
  <si>
    <t>146.43</t>
  </si>
  <si>
    <t>35050746.0</t>
  </si>
  <si>
    <t>165206.0</t>
  </si>
  <si>
    <t>974.975</t>
  </si>
  <si>
    <t>144867.0</t>
  </si>
  <si>
    <t>53533993.0</t>
  </si>
  <si>
    <t>25177869.0</t>
  </si>
  <si>
    <t>23430259.0</t>
  </si>
  <si>
    <t>4925865.0</t>
  </si>
  <si>
    <t>219683.0</t>
  </si>
  <si>
    <t>188452.0</t>
  </si>
  <si>
    <t>35198422.0</t>
  </si>
  <si>
    <t>147676.0</t>
  </si>
  <si>
    <t>979.083</t>
  </si>
  <si>
    <t>148065.0</t>
  </si>
  <si>
    <t>53656569.0</t>
  </si>
  <si>
    <t>25183145.0</t>
  </si>
  <si>
    <t>23439432.0</t>
  </si>
  <si>
    <t>5033992.0</t>
  </si>
  <si>
    <t>122576.0</t>
  </si>
  <si>
    <t>189615.0</t>
  </si>
  <si>
    <t>35353849.0</t>
  </si>
  <si>
    <t>155427.0</t>
  </si>
  <si>
    <t>983.406</t>
  </si>
  <si>
    <t>53802512.0</t>
  </si>
  <si>
    <t>25191155.0</t>
  </si>
  <si>
    <t>23450290.0</t>
  </si>
  <si>
    <t>5161067.0</t>
  </si>
  <si>
    <t>145943.0</t>
  </si>
  <si>
    <t>35530512.0</t>
  </si>
  <si>
    <t>176663.0</t>
  </si>
  <si>
    <t>988.32</t>
  </si>
  <si>
    <t>159409.0</t>
  </si>
  <si>
    <t>53990391.0</t>
  </si>
  <si>
    <t>25206693.0</t>
  </si>
  <si>
    <t>23469793.0</t>
  </si>
  <si>
    <t>5313905.0</t>
  </si>
  <si>
    <t>187879.0</t>
  </si>
  <si>
    <t>185855.0</t>
  </si>
  <si>
    <t>35722998.0</t>
  </si>
  <si>
    <t>192486.0</t>
  </si>
  <si>
    <t>993.675</t>
  </si>
  <si>
    <t>165061.0</t>
  </si>
  <si>
    <t>54190407.0</t>
  </si>
  <si>
    <t>25220729.0</t>
  </si>
  <si>
    <t>23487465.0</t>
  </si>
  <si>
    <t>5482213.0</t>
  </si>
  <si>
    <t>200016.0</t>
  </si>
  <si>
    <t>35935167.0</t>
  </si>
  <si>
    <t>212169.0</t>
  </si>
  <si>
    <t>999.576</t>
  </si>
  <si>
    <t>172430.0</t>
  </si>
  <si>
    <t>54365950.0</t>
  </si>
  <si>
    <t>25233658.0</t>
  </si>
  <si>
    <t>23502788.0</t>
  </si>
  <si>
    <t>5629504.0</t>
  </si>
  <si>
    <t>175543.0</t>
  </si>
  <si>
    <t>180963.0</t>
  </si>
  <si>
    <t>36147998.0</t>
  </si>
  <si>
    <t>212831.0</t>
  </si>
  <si>
    <t>1005.497</t>
  </si>
  <si>
    <t>54597568.0</t>
  </si>
  <si>
    <t>25275319.0</t>
  </si>
  <si>
    <t>23519253.0</t>
  </si>
  <si>
    <t>5802996.0</t>
  </si>
  <si>
    <t>231618.0</t>
  </si>
  <si>
    <t>183323.0</t>
  </si>
  <si>
    <t>36352055.0</t>
  </si>
  <si>
    <t>204057.0</t>
  </si>
  <si>
    <t>1011.173</t>
  </si>
  <si>
    <t>5.676</t>
  </si>
  <si>
    <t>185901.0</t>
  </si>
  <si>
    <t>169351.0</t>
  </si>
  <si>
    <t>36494942.0</t>
  </si>
  <si>
    <t>1015.147</t>
  </si>
  <si>
    <t>185217.0</t>
  </si>
  <si>
    <t>54841337.0</t>
  </si>
  <si>
    <t>25312053.0</t>
  </si>
  <si>
    <t>23533435.0</t>
  </si>
  <si>
    <t>5995849.0</t>
  </si>
  <si>
    <t>169253.0</t>
  </si>
  <si>
    <t>36626704.0</t>
  </si>
  <si>
    <t>131762.0</t>
  </si>
  <si>
    <t>1018.812</t>
  </si>
  <si>
    <t>181836.0</t>
  </si>
  <si>
    <t>36791838.0</t>
  </si>
  <si>
    <t>1023.406</t>
  </si>
  <si>
    <t>55449797.0</t>
  </si>
  <si>
    <t>25394077.0</t>
  </si>
  <si>
    <t>23568074.0</t>
  </si>
  <si>
    <t>6487646.0</t>
  </si>
  <si>
    <t>208487.0</t>
  </si>
  <si>
    <t>36959727.0</t>
  </si>
  <si>
    <t>167889.0</t>
  </si>
  <si>
    <t>1028.076</t>
  </si>
  <si>
    <t>55764235.0</t>
  </si>
  <si>
    <t>25427237.0</t>
  </si>
  <si>
    <t>23592602.0</t>
  </si>
  <si>
    <t>6744396.0</t>
  </si>
  <si>
    <t>314438.0</t>
  </si>
  <si>
    <t>224833.0</t>
  </si>
  <si>
    <t>37149074.0</t>
  </si>
  <si>
    <t>189347.0</t>
  </si>
  <si>
    <t>1033.343</t>
  </si>
  <si>
    <t>173415.0</t>
  </si>
  <si>
    <t>56009853.0</t>
  </si>
  <si>
    <t>25450523.0</t>
  </si>
  <si>
    <t>23611131.0</t>
  </si>
  <si>
    <t>6948199.0</t>
  </si>
  <si>
    <t>245618.0</t>
  </si>
  <si>
    <t>234843.0</t>
  </si>
  <si>
    <t>153.84</t>
  </si>
  <si>
    <t>30981.0</t>
  </si>
  <si>
    <t>37312851.0</t>
  </si>
  <si>
    <t>1037.898</t>
  </si>
  <si>
    <t>166408.0</t>
  </si>
  <si>
    <t>56257654.0</t>
  </si>
  <si>
    <t>25475646.0</t>
  </si>
  <si>
    <t>23630622.0</t>
  </si>
  <si>
    <t>7151386.0</t>
  </si>
  <si>
    <t>247801.0</t>
  </si>
  <si>
    <t>237155.0</t>
  </si>
  <si>
    <t>37465280.0</t>
  </si>
  <si>
    <t>152429.0</t>
  </si>
  <si>
    <t>1042.138</t>
  </si>
  <si>
    <t>159032.0</t>
  </si>
  <si>
    <t>56520251.0</t>
  </si>
  <si>
    <t>25501361.0</t>
  </si>
  <si>
    <t>23647878.0</t>
  </si>
  <si>
    <t>7371012.0</t>
  </si>
  <si>
    <t>262597.0</t>
  </si>
  <si>
    <t>37596846.0</t>
  </si>
  <si>
    <t>131566.0</t>
  </si>
  <si>
    <t>1045.798</t>
  </si>
  <si>
    <t>157415.0</t>
  </si>
  <si>
    <t>56661925.0</t>
  </si>
  <si>
    <t>25515383.0</t>
  </si>
  <si>
    <t>23655344.0</t>
  </si>
  <si>
    <t>7491198.0</t>
  </si>
  <si>
    <t>141674.0</t>
  </si>
  <si>
    <t>260084.0</t>
  </si>
  <si>
    <t>37726564.0</t>
  </si>
  <si>
    <t>129718.0</t>
  </si>
  <si>
    <t>1049.406</t>
  </si>
  <si>
    <t>157123.0</t>
  </si>
  <si>
    <t>56707289.0</t>
  </si>
  <si>
    <t>25517272.0</t>
  </si>
  <si>
    <t>23656978.0</t>
  </si>
  <si>
    <t>7533039.0</t>
  </si>
  <si>
    <t>23458.0</t>
  </si>
  <si>
    <t>37872209.0</t>
  </si>
  <si>
    <t>145645.0</t>
  </si>
  <si>
    <t>1053.457</t>
  </si>
  <si>
    <t>154339.0</t>
  </si>
  <si>
    <t>224007.0</t>
  </si>
  <si>
    <t>38017744.0</t>
  </si>
  <si>
    <t>145535.0</t>
  </si>
  <si>
    <t>1057.506</t>
  </si>
  <si>
    <t>151145.0</t>
  </si>
  <si>
    <t>57328405.0</t>
  </si>
  <si>
    <t>25561741.0</t>
  </si>
  <si>
    <t>23699933.0</t>
  </si>
  <si>
    <t>8066731.0</t>
  </si>
  <si>
    <t>223453.0</t>
  </si>
  <si>
    <t>38166414.0</t>
  </si>
  <si>
    <t>148670.0</t>
  </si>
  <si>
    <t>1061.641</t>
  </si>
  <si>
    <t>145334.0</t>
  </si>
  <si>
    <t>57588459.0</t>
  </si>
  <si>
    <t>25583119.0</t>
  </si>
  <si>
    <t>23720161.0</t>
  </si>
  <si>
    <t>8285179.0</t>
  </si>
  <si>
    <t>260054.0</t>
  </si>
  <si>
    <t>225515.0</t>
  </si>
  <si>
    <t>38309090.0</t>
  </si>
  <si>
    <t>142676.0</t>
  </si>
  <si>
    <t>1065.61</t>
  </si>
  <si>
    <t>142320.0</t>
  </si>
  <si>
    <t>57852000.0</t>
  </si>
  <si>
    <t>25606327.0</t>
  </si>
  <si>
    <t>23742157.0</t>
  </si>
  <si>
    <t>8503516.0</t>
  </si>
  <si>
    <t>263541.0</t>
  </si>
  <si>
    <t>227764.0</t>
  </si>
  <si>
    <t>38442632.0</t>
  </si>
  <si>
    <t>133542.0</t>
  </si>
  <si>
    <t>1069.324</t>
  </si>
  <si>
    <t>139622.0</t>
  </si>
  <si>
    <t>58095578.0</t>
  </si>
  <si>
    <t>25624833.0</t>
  </si>
  <si>
    <t>23763036.0</t>
  </si>
  <si>
    <t>8707709.0</t>
  </si>
  <si>
    <t>243578.0</t>
  </si>
  <si>
    <t>225047.0</t>
  </si>
  <si>
    <t>38555878.0</t>
  </si>
  <si>
    <t>113246.0</t>
  </si>
  <si>
    <t>1072.474</t>
  </si>
  <si>
    <t>137005.0</t>
  </si>
  <si>
    <t>58227893.0</t>
  </si>
  <si>
    <t>25634695.0</t>
  </si>
  <si>
    <t>23772644.0</t>
  </si>
  <si>
    <t>8820554.0</t>
  </si>
  <si>
    <t>223710.0</t>
  </si>
  <si>
    <t>159.93</t>
  </si>
  <si>
    <t>38678224.0</t>
  </si>
  <si>
    <t>122346.0</t>
  </si>
  <si>
    <t>1075.878</t>
  </si>
  <si>
    <t>135951.0</t>
  </si>
  <si>
    <t>58383621.0</t>
  </si>
  <si>
    <t>25646719.0</t>
  </si>
  <si>
    <t>23785581.0</t>
  </si>
  <si>
    <t>8951321.0</t>
  </si>
  <si>
    <t>239476.0</t>
  </si>
  <si>
    <t>160.36</t>
  </si>
  <si>
    <t>38814099.0</t>
  </si>
  <si>
    <t>135875.0</t>
  </si>
  <si>
    <t>1079.657</t>
  </si>
  <si>
    <t>58565764.0</t>
  </si>
  <si>
    <t>25665576.0</t>
  </si>
  <si>
    <t>23808373.0</t>
  </si>
  <si>
    <t>9091815.0</t>
  </si>
  <si>
    <t>182143.0</t>
  </si>
  <si>
    <t>221131.0</t>
  </si>
  <si>
    <t>38945796.0</t>
  </si>
  <si>
    <t>1083.32</t>
  </si>
  <si>
    <t>58732880.0</t>
  </si>
  <si>
    <t>25684649.0</t>
  </si>
  <si>
    <t>23832585.0</t>
  </si>
  <si>
    <t>9215646.0</t>
  </si>
  <si>
    <t>167116.0</t>
  </si>
  <si>
    <t>200639.0</t>
  </si>
  <si>
    <t>39073688.0</t>
  </si>
  <si>
    <t>127892.0</t>
  </si>
  <si>
    <t>1086.878</t>
  </si>
  <si>
    <t>129611.0</t>
  </si>
  <si>
    <t>58874867.0</t>
  </si>
  <si>
    <t>25701282.0</t>
  </si>
  <si>
    <t>23851894.0</t>
  </si>
  <si>
    <t>9321691.0</t>
  </si>
  <si>
    <t>141987.0</t>
  </si>
  <si>
    <t>183773.0</t>
  </si>
  <si>
    <t>39196567.0</t>
  </si>
  <si>
    <t>1090.296</t>
  </si>
  <si>
    <t>126782.0</t>
  </si>
  <si>
    <t>59011582.0</t>
  </si>
  <si>
    <t>25717194.0</t>
  </si>
  <si>
    <t>23869335.0</t>
  </si>
  <si>
    <t>9425053.0</t>
  </si>
  <si>
    <t>136715.0</t>
  </si>
  <si>
    <t>165655.0</t>
  </si>
  <si>
    <t>162.08</t>
  </si>
  <si>
    <t>39312767.0</t>
  </si>
  <si>
    <t>1093.528</t>
  </si>
  <si>
    <t>124305.0</t>
  </si>
  <si>
    <t>59183197.0</t>
  </si>
  <si>
    <t>25734650.0</t>
  </si>
  <si>
    <t>23890532.0</t>
  </si>
  <si>
    <t>9558015.0</t>
  </si>
  <si>
    <t>171615.0</t>
  </si>
  <si>
    <t>155374.0</t>
  </si>
  <si>
    <t>39400621.0</t>
  </si>
  <si>
    <t>1095.972</t>
  </si>
  <si>
    <t>120678.0</t>
  </si>
  <si>
    <t>59262585.0</t>
  </si>
  <si>
    <t>25742662.0</t>
  </si>
  <si>
    <t>23901010.0</t>
  </si>
  <si>
    <t>9618913.0</t>
  </si>
  <si>
    <t>147813.0</t>
  </si>
  <si>
    <t>39500111.0</t>
  </si>
  <si>
    <t>1098.739</t>
  </si>
  <si>
    <t>117412.0</t>
  </si>
  <si>
    <t>59362397.0</t>
  </si>
  <si>
    <t>25752949.0</t>
  </si>
  <si>
    <t>23915410.0</t>
  </si>
  <si>
    <t>9694038.0</t>
  </si>
  <si>
    <t>163.04</t>
  </si>
  <si>
    <t>39604333.0</t>
  </si>
  <si>
    <t>104222.0</t>
  </si>
  <si>
    <t>1101.638</t>
  </si>
  <si>
    <t>112891.0</t>
  </si>
  <si>
    <t>59508036.0</t>
  </si>
  <si>
    <t>25771538.0</t>
  </si>
  <si>
    <t>23938736.0</t>
  </si>
  <si>
    <t>9797762.0</t>
  </si>
  <si>
    <t>145639.0</t>
  </si>
  <si>
    <t>134610.0</t>
  </si>
  <si>
    <t>39714549.0</t>
  </si>
  <si>
    <t>110216.0</t>
  </si>
  <si>
    <t>1104.704</t>
  </si>
  <si>
    <t>109822.0</t>
  </si>
  <si>
    <t>59639202.0</t>
  </si>
  <si>
    <t>25788728.0</t>
  </si>
  <si>
    <t>23960204.0</t>
  </si>
  <si>
    <t>9890270.0</t>
  </si>
  <si>
    <t>131166.0</t>
  </si>
  <si>
    <t>129475.0</t>
  </si>
  <si>
    <t>39813934.0</t>
  </si>
  <si>
    <t>99385.0</t>
  </si>
  <si>
    <t>1107.469</t>
  </si>
  <si>
    <t>105749.0</t>
  </si>
  <si>
    <t>59759376.0</t>
  </si>
  <si>
    <t>25804555.0</t>
  </si>
  <si>
    <t>23980248.0</t>
  </si>
  <si>
    <t>9974573.0</t>
  </si>
  <si>
    <t>120174.0</t>
  </si>
  <si>
    <t>126358.0</t>
  </si>
  <si>
    <t>39911922.0</t>
  </si>
  <si>
    <t>1110.194</t>
  </si>
  <si>
    <t>59873655.0</t>
  </si>
  <si>
    <t>25819197.0</t>
  </si>
  <si>
    <t>23999570.0</t>
  </si>
  <si>
    <t>10054888.0</t>
  </si>
  <si>
    <t>114279.0</t>
  </si>
  <si>
    <t>123153.0</t>
  </si>
  <si>
    <t>40005414.0</t>
  </si>
  <si>
    <t>1112.795</t>
  </si>
  <si>
    <t>60010342.0</t>
  </si>
  <si>
    <t>25833841.0</t>
  </si>
  <si>
    <t>24021169.0</t>
  </si>
  <si>
    <t>10155332.0</t>
  </si>
  <si>
    <t>136687.0</t>
  </si>
  <si>
    <t>118164.0</t>
  </si>
  <si>
    <t>40081083.0</t>
  </si>
  <si>
    <t>75669.0</t>
  </si>
  <si>
    <t>1114.9</t>
  </si>
  <si>
    <t>60077779.0</t>
  </si>
  <si>
    <t>25841103.0</t>
  </si>
  <si>
    <t>24033572.0</t>
  </si>
  <si>
    <t>10203104.0</t>
  </si>
  <si>
    <t>165.01</t>
  </si>
  <si>
    <t>40158791.0</t>
  </si>
  <si>
    <t>1117.061</t>
  </si>
  <si>
    <t>94097.0</t>
  </si>
  <si>
    <t>60150923.0</t>
  </si>
  <si>
    <t>25849232.0</t>
  </si>
  <si>
    <t>24045998.0</t>
  </si>
  <si>
    <t>10255693.0</t>
  </si>
  <si>
    <t>112647.0</t>
  </si>
  <si>
    <t>40241874.0</t>
  </si>
  <si>
    <t>1119.372</t>
  </si>
  <si>
    <t>91077.0</t>
  </si>
  <si>
    <t>60268103.0</t>
  </si>
  <si>
    <t>25865793.0</t>
  </si>
  <si>
    <t>24067583.0</t>
  </si>
  <si>
    <t>10334727.0</t>
  </si>
  <si>
    <t>117180.0</t>
  </si>
  <si>
    <t>108581.0</t>
  </si>
  <si>
    <t>40321585.0</t>
  </si>
  <si>
    <t>1121.589</t>
  </si>
  <si>
    <t>60372816.0</t>
  </si>
  <si>
    <t>25880963.0</t>
  </si>
  <si>
    <t>24088081.0</t>
  </si>
  <si>
    <t>10403772.0</t>
  </si>
  <si>
    <t>104713.0</t>
  </si>
  <si>
    <t>40382502.0</t>
  </si>
  <si>
    <t>60917.0</t>
  </si>
  <si>
    <t>1123.284</t>
  </si>
  <si>
    <t>81224.0</t>
  </si>
  <si>
    <t>60412101.0</t>
  </si>
  <si>
    <t>25886893.0</t>
  </si>
  <si>
    <t>24096952.0</t>
  </si>
  <si>
    <t>10428256.0</t>
  </si>
  <si>
    <t>40449725.0</t>
  </si>
  <si>
    <t>1125.154</t>
  </si>
  <si>
    <t>76829.0</t>
  </si>
  <si>
    <t>60522804.0</t>
  </si>
  <si>
    <t>25902645.0</t>
  </si>
  <si>
    <t>24117741.0</t>
  </si>
  <si>
    <t>10502418.0</t>
  </si>
  <si>
    <t>110703.0</t>
  </si>
  <si>
    <t>40519559.0</t>
  </si>
  <si>
    <t>69834.0</t>
  </si>
  <si>
    <t>1127.096</t>
  </si>
  <si>
    <t>73449.0</t>
  </si>
  <si>
    <t>60638822.0</t>
  </si>
  <si>
    <t>25915788.0</t>
  </si>
  <si>
    <t>24137624.0</t>
  </si>
  <si>
    <t>10585410.0</t>
  </si>
  <si>
    <t>116018.0</t>
  </si>
  <si>
    <t>89783.0</t>
  </si>
  <si>
    <t>40578171.0</t>
  </si>
  <si>
    <t>58612.0</t>
  </si>
  <si>
    <t>1128.727</t>
  </si>
  <si>
    <t>71013.0</t>
  </si>
  <si>
    <t>60694353.0</t>
  </si>
  <si>
    <t>25922731.0</t>
  </si>
  <si>
    <t>24148197.0</t>
  </si>
  <si>
    <t>10623425.0</t>
  </si>
  <si>
    <t>88082.0</t>
  </si>
  <si>
    <t>40641112.0</t>
  </si>
  <si>
    <t>62941.0</t>
  </si>
  <si>
    <t>1130.477</t>
  </si>
  <si>
    <t>68903.0</t>
  </si>
  <si>
    <t>60760198.0</t>
  </si>
  <si>
    <t>25931515.0</t>
  </si>
  <si>
    <t>24161007.0</t>
  </si>
  <si>
    <t>10667676.0</t>
  </si>
  <si>
    <t>65845.0</t>
  </si>
  <si>
    <t>40704052.0</t>
  </si>
  <si>
    <t>1132.228</t>
  </si>
  <si>
    <t>66025.0</t>
  </si>
  <si>
    <t>60840610.0</t>
  </si>
  <si>
    <t>25943822.0</t>
  </si>
  <si>
    <t>24177054.0</t>
  </si>
  <si>
    <t>10719734.0</t>
  </si>
  <si>
    <t>80412.0</t>
  </si>
  <si>
    <t>40769021.0</t>
  </si>
  <si>
    <t>1134.035</t>
  </si>
  <si>
    <t>60953969.0</t>
  </si>
  <si>
    <t>25960748.0</t>
  </si>
  <si>
    <t>24199236.0</t>
  </si>
  <si>
    <t>10793985.0</t>
  </si>
  <si>
    <t>83022.0</t>
  </si>
  <si>
    <t>40829579.0</t>
  </si>
  <si>
    <t>60558.0</t>
  </si>
  <si>
    <t>1135.72</t>
  </si>
  <si>
    <t>63868.0</t>
  </si>
  <si>
    <t>40887817.0</t>
  </si>
  <si>
    <t>58238.0</t>
  </si>
  <si>
    <t>1137.34</t>
  </si>
  <si>
    <t>62585.0</t>
  </si>
  <si>
    <t>40943934.0</t>
  </si>
  <si>
    <t>56117.0</t>
  </si>
  <si>
    <t>1138.901</t>
  </si>
  <si>
    <t>60625.0</t>
  </si>
  <si>
    <t>40989691.0</t>
  </si>
  <si>
    <t>1140.174</t>
  </si>
  <si>
    <t>41039706.0</t>
  </si>
  <si>
    <t>1141.565</t>
  </si>
  <si>
    <t>46101.0</t>
  </si>
  <si>
    <t>41081211.0</t>
  </si>
  <si>
    <t>1142.719</t>
  </si>
  <si>
    <t>41112600.0</t>
  </si>
  <si>
    <t>1143.592</t>
  </si>
  <si>
    <t>41140513.0</t>
  </si>
  <si>
    <t>27913.0</t>
  </si>
  <si>
    <t>1144.369</t>
  </si>
  <si>
    <t>41168491.0</t>
  </si>
  <si>
    <t>1145.147</t>
  </si>
  <si>
    <t>41197847.0</t>
  </si>
  <si>
    <t>1145.964</t>
  </si>
  <si>
    <t>41219077.0</t>
  </si>
  <si>
    <t>1146.554</t>
  </si>
  <si>
    <t>41240852.0</t>
  </si>
  <si>
    <t>1147.16</t>
  </si>
  <si>
    <t>41263565.0</t>
  </si>
  <si>
    <t>1147.792</t>
  </si>
  <si>
    <t>26051.0</t>
  </si>
  <si>
    <t>41284790.0</t>
  </si>
  <si>
    <t>1148.382</t>
  </si>
  <si>
    <t>41304165.0</t>
  </si>
  <si>
    <t>1148.921</t>
  </si>
  <si>
    <t>41320890.0</t>
  </si>
  <si>
    <t>1149.386</t>
  </si>
  <si>
    <t>41338059.0</t>
  </si>
  <si>
    <t>1149.864</t>
  </si>
  <si>
    <t>41352246.0</t>
  </si>
  <si>
    <t>1150.258</t>
  </si>
  <si>
    <t>41370138.0</t>
  </si>
  <si>
    <t>1150.756</t>
  </si>
  <si>
    <t>41387358.0</t>
  </si>
  <si>
    <t>1151.235</t>
  </si>
  <si>
    <t>41404463.0</t>
  </si>
  <si>
    <t>1151.711</t>
  </si>
  <si>
    <t>41421261.0</t>
  </si>
  <si>
    <t>1152.178</t>
  </si>
  <si>
    <t>41436288.0</t>
  </si>
  <si>
    <t>1152.596</t>
  </si>
  <si>
    <t>41451248.0</t>
  </si>
  <si>
    <t>1153.012</t>
  </si>
  <si>
    <t>41462222.0</t>
  </si>
  <si>
    <t>1153.318</t>
  </si>
  <si>
    <t>41476336.0</t>
  </si>
  <si>
    <t>1153.71</t>
  </si>
  <si>
    <t>41492799.0</t>
  </si>
  <si>
    <t>1154.168</t>
  </si>
  <si>
    <t>41508671.0</t>
  </si>
  <si>
    <t>15872.0</t>
  </si>
  <si>
    <t>1154.61</t>
  </si>
  <si>
    <t>41524968.0</t>
  </si>
  <si>
    <t>1155.063</t>
  </si>
  <si>
    <t>41542574.0</t>
  </si>
  <si>
    <t>1155.553</t>
  </si>
  <si>
    <t>41558711.0</t>
  </si>
  <si>
    <t>1156.001</t>
  </si>
  <si>
    <t>41568977.0</t>
  </si>
  <si>
    <t>1156.287</t>
  </si>
  <si>
    <t>41579921.0</t>
  </si>
  <si>
    <t>1156.591</t>
  </si>
  <si>
    <t>41592046.0</t>
  </si>
  <si>
    <t>1156.929</t>
  </si>
  <si>
    <t>41605651.0</t>
  </si>
  <si>
    <t>1157.307</t>
  </si>
  <si>
    <t>41618512.0</t>
  </si>
  <si>
    <t>1157.665</t>
  </si>
  <si>
    <t>41631441.0</t>
  </si>
  <si>
    <t>1158.025</t>
  </si>
  <si>
    <t>41643842.0</t>
  </si>
  <si>
    <t>1158.369</t>
  </si>
  <si>
    <t>41653980.0</t>
  </si>
  <si>
    <t>1158.651</t>
  </si>
  <si>
    <t>41664826.0</t>
  </si>
  <si>
    <t>1158.953</t>
  </si>
  <si>
    <t>41680662.0</t>
  </si>
  <si>
    <t>1159.394</t>
  </si>
  <si>
    <t>41693268.0</t>
  </si>
  <si>
    <t>1159.744</t>
  </si>
  <si>
    <t>41704690.0</t>
  </si>
  <si>
    <t>1160.062</t>
  </si>
  <si>
    <t>41716475.0</t>
  </si>
  <si>
    <t>1160.39</t>
  </si>
  <si>
    <t>41727951.0</t>
  </si>
  <si>
    <t>1160.709</t>
  </si>
  <si>
    <t>41737219.0</t>
  </si>
  <si>
    <t>1160.967</t>
  </si>
  <si>
    <t>41747395.0</t>
  </si>
  <si>
    <t>1161.25</t>
  </si>
  <si>
    <t>41759263.0</t>
  </si>
  <si>
    <t>1161.58</t>
  </si>
  <si>
    <t>41771765.0</t>
  </si>
  <si>
    <t>1161.928</t>
  </si>
  <si>
    <t>41783592.0</t>
  </si>
  <si>
    <t>1162.257</t>
  </si>
  <si>
    <t>41796829.0</t>
  </si>
  <si>
    <t>1162.625</t>
  </si>
  <si>
    <t>41807813.0</t>
  </si>
  <si>
    <t>1162.931</t>
  </si>
  <si>
    <t>41817866.0</t>
  </si>
  <si>
    <t>1163.21</t>
  </si>
  <si>
    <t>41827109.0</t>
  </si>
  <si>
    <t>1163.467</t>
  </si>
  <si>
    <t>41838185.0</t>
  </si>
  <si>
    <t>1163.775</t>
  </si>
  <si>
    <t>41849069.0</t>
  </si>
  <si>
    <t>1164.078</t>
  </si>
  <si>
    <t>41860482.0</t>
  </si>
  <si>
    <t>1164.396</t>
  </si>
  <si>
    <t>41872220.0</t>
  </si>
  <si>
    <t>1164.722</t>
  </si>
  <si>
    <t>41883167.0</t>
  </si>
  <si>
    <t>1165.027</t>
  </si>
  <si>
    <t>41892775.0</t>
  </si>
  <si>
    <t>1165.294</t>
  </si>
  <si>
    <t>41902465.0</t>
  </si>
  <si>
    <t>1165.563</t>
  </si>
  <si>
    <t>41912766.0</t>
  </si>
  <si>
    <t>1165.85</t>
  </si>
  <si>
    <t>41921522.0</t>
  </si>
  <si>
    <t>1166.093</t>
  </si>
  <si>
    <t>41930549.0</t>
  </si>
  <si>
    <t>1166.345</t>
  </si>
  <si>
    <t>41940947.0</t>
  </si>
  <si>
    <t>1166.634</t>
  </si>
  <si>
    <t>41954451.0</t>
  </si>
  <si>
    <t>1167.009</t>
  </si>
  <si>
    <t>41966629.0</t>
  </si>
  <si>
    <t>1167.348</t>
  </si>
  <si>
    <t>41982063.0</t>
  </si>
  <si>
    <t>1167.777</t>
  </si>
  <si>
    <t>42006583.0</t>
  </si>
  <si>
    <t>1168.46</t>
  </si>
  <si>
    <t>42027011.0</t>
  </si>
  <si>
    <t>20428.0</t>
  </si>
  <si>
    <t>1169.028</t>
  </si>
  <si>
    <t>42049904.0</t>
  </si>
  <si>
    <t>42072272.0</t>
  </si>
  <si>
    <t>1170.287</t>
  </si>
  <si>
    <t>42099496.0</t>
  </si>
  <si>
    <t>27224.0</t>
  </si>
  <si>
    <t>1171.044</t>
  </si>
  <si>
    <t>42122082.0</t>
  </si>
  <si>
    <t>1171.672</t>
  </si>
  <si>
    <t>42144179.0</t>
  </si>
  <si>
    <t>22097.0</t>
  </si>
  <si>
    <t>1172.287</t>
  </si>
  <si>
    <t>42173211.0</t>
  </si>
  <si>
    <t>1173.094</t>
  </si>
  <si>
    <t>42203144.0</t>
  </si>
  <si>
    <t>29933.0</t>
  </si>
  <si>
    <t>1173.927</t>
  </si>
  <si>
    <t>42232307.0</t>
  </si>
  <si>
    <t>29163.0</t>
  </si>
  <si>
    <t>1174.738</t>
  </si>
  <si>
    <t>42258911.0</t>
  </si>
  <si>
    <t>1175.478</t>
  </si>
  <si>
    <t>42285749.0</t>
  </si>
  <si>
    <t>1176.225</t>
  </si>
  <si>
    <t>42305979.0</t>
  </si>
  <si>
    <t>1176.788</t>
  </si>
  <si>
    <t>42329395.0</t>
  </si>
  <si>
    <t>1177.439</t>
  </si>
  <si>
    <t>42358052.0</t>
  </si>
  <si>
    <t>1178.236</t>
  </si>
  <si>
    <t>42384395.0</t>
  </si>
  <si>
    <t>1178.969</t>
  </si>
  <si>
    <t>42409621.0</t>
  </si>
  <si>
    <t>25226.0</t>
  </si>
  <si>
    <t>1179.67</t>
  </si>
  <si>
    <t>42434230.0</t>
  </si>
  <si>
    <t>1180.355</t>
  </si>
  <si>
    <t>42458064.0</t>
  </si>
  <si>
    <t>1181.018</t>
  </si>
  <si>
    <t>42476760.0</t>
  </si>
  <si>
    <t>1181.538</t>
  </si>
  <si>
    <t>42499701.0</t>
  </si>
  <si>
    <t>1182.176</t>
  </si>
  <si>
    <t>42527204.0</t>
  </si>
  <si>
    <t>27503.0</t>
  </si>
  <si>
    <t>1182.941</t>
  </si>
  <si>
    <t>24165.0</t>
  </si>
  <si>
    <t>42555915.0</t>
  </si>
  <si>
    <t>1183.74</t>
  </si>
  <si>
    <t>42579588.0</t>
  </si>
  <si>
    <t>1184.398</t>
  </si>
  <si>
    <t>42610541.0</t>
  </si>
  <si>
    <t>1185.259</t>
  </si>
  <si>
    <t>42636462.0</t>
  </si>
  <si>
    <t>1185.98</t>
  </si>
  <si>
    <t>42658581.0</t>
  </si>
  <si>
    <t>1186.596</t>
  </si>
  <si>
    <t>25974.0</t>
  </si>
  <si>
    <t>42683591.0</t>
  </si>
  <si>
    <t>1187.291</t>
  </si>
  <si>
    <t>42718111.0</t>
  </si>
  <si>
    <t>34520.0</t>
  </si>
  <si>
    <t>1188.251</t>
  </si>
  <si>
    <t>42752469.0</t>
  </si>
  <si>
    <t>1189.207</t>
  </si>
  <si>
    <t>42789062.0</t>
  </si>
  <si>
    <t>1190.225</t>
  </si>
  <si>
    <t>29925.0</t>
  </si>
  <si>
    <t>42821949.0</t>
  </si>
  <si>
    <t>1191.14</t>
  </si>
  <si>
    <t>30201.0</t>
  </si>
  <si>
    <t>42854570.0</t>
  </si>
  <si>
    <t>1192.047</t>
  </si>
  <si>
    <t>42880569.0</t>
  </si>
  <si>
    <t>25999.0</t>
  </si>
  <si>
    <t>1192.77</t>
  </si>
  <si>
    <t>42910389.0</t>
  </si>
  <si>
    <t>1193.6</t>
  </si>
  <si>
    <t>42947407.0</t>
  </si>
  <si>
    <t>37018.0</t>
  </si>
  <si>
    <t>1194.63</t>
  </si>
  <si>
    <t>42983510.0</t>
  </si>
  <si>
    <t>1195.634</t>
  </si>
  <si>
    <t>43015518.0</t>
  </si>
  <si>
    <t>1196.524</t>
  </si>
  <si>
    <t>43045779.0</t>
  </si>
  <si>
    <t>30261.0</t>
  </si>
  <si>
    <t>1197.366</t>
  </si>
  <si>
    <t>43074394.0</t>
  </si>
  <si>
    <t>1198.162</t>
  </si>
  <si>
    <t>43098042.0</t>
  </si>
  <si>
    <t>1198.82</t>
  </si>
  <si>
    <t>43125205.0</t>
  </si>
  <si>
    <t>1199.575</t>
  </si>
  <si>
    <t>43159527.0</t>
  </si>
  <si>
    <t>1200.53</t>
  </si>
  <si>
    <t>43192389.0</t>
  </si>
  <si>
    <t>1201.444</t>
  </si>
  <si>
    <t>43222717.0</t>
  </si>
  <si>
    <t>1202.288</t>
  </si>
  <si>
    <t>43251385.0</t>
  </si>
  <si>
    <t>1203.085</t>
  </si>
  <si>
    <t>29372.0</t>
  </si>
  <si>
    <t>68148406.0</t>
  </si>
  <si>
    <t>26951666.0</t>
  </si>
  <si>
    <t>25351683.0</t>
  </si>
  <si>
    <t>187.18</t>
  </si>
  <si>
    <t>OWID_SCT</t>
  </si>
  <si>
    <t>Scotland</t>
  </si>
  <si>
    <t>21.405</t>
  </si>
  <si>
    <t>49.579</t>
  </si>
  <si>
    <t>85.803</t>
  </si>
  <si>
    <t>172.704</t>
  </si>
  <si>
    <t>20.124</t>
  </si>
  <si>
    <t>18.112</t>
  </si>
  <si>
    <t>37.139</t>
  </si>
  <si>
    <t>11.526</t>
  </si>
  <si>
    <t>7.318</t>
  </si>
  <si>
    <t>12.441</t>
  </si>
  <si>
    <t>46.469</t>
  </si>
  <si>
    <t>25.064</t>
  </si>
  <si>
    <t>34.943</t>
  </si>
  <si>
    <t>165.569</t>
  </si>
  <si>
    <t>211.123</t>
  </si>
  <si>
    <t>123.308</t>
  </si>
  <si>
    <t>218.99</t>
  </si>
  <si>
    <t>11.892</t>
  </si>
  <si>
    <t>188.804</t>
  </si>
  <si>
    <t>144.896</t>
  </si>
  <si>
    <t>183.132</t>
  </si>
  <si>
    <t>166135.0</t>
  </si>
  <si>
    <t>163377.0</t>
  </si>
  <si>
    <t>178799.0</t>
  </si>
  <si>
    <t>194955.0</t>
  </si>
  <si>
    <t>191965.0</t>
  </si>
  <si>
    <t>208207.0</t>
  </si>
  <si>
    <t>228171.0</t>
  </si>
  <si>
    <t>224840.0</t>
  </si>
  <si>
    <t>245436.0</t>
  </si>
  <si>
    <t>241924.0</t>
  </si>
  <si>
    <t>263797.0</t>
  </si>
  <si>
    <t>260140.0</t>
  </si>
  <si>
    <t>268689.0</t>
  </si>
  <si>
    <t>264991.0</t>
  </si>
  <si>
    <t>288468.0</t>
  </si>
  <si>
    <t>309909.0</t>
  </si>
  <si>
    <t>339337.0</t>
  </si>
  <si>
    <t>334871.0</t>
  </si>
  <si>
    <t>363143.0</t>
  </si>
  <si>
    <t>358454.0</t>
  </si>
  <si>
    <t>23806.0</t>
  </si>
  <si>
    <t>19088.0</t>
  </si>
  <si>
    <t>380667.0</t>
  </si>
  <si>
    <t>20060.0</t>
  </si>
  <si>
    <t>409421.0</t>
  </si>
  <si>
    <t>404038.0</t>
  </si>
  <si>
    <t>23566.0</t>
  </si>
  <si>
    <t>420940.0</t>
  </si>
  <si>
    <t>415402.0</t>
  </si>
  <si>
    <t>443960.0</t>
  </si>
  <si>
    <t>437900.0</t>
  </si>
  <si>
    <t>21903.0</t>
  </si>
  <si>
    <t>468688.0</t>
  </si>
  <si>
    <t>462092.0</t>
  </si>
  <si>
    <t>498441.0</t>
  </si>
  <si>
    <t>491658.0</t>
  </si>
  <si>
    <t>522950.0</t>
  </si>
  <si>
    <t>515855.0</t>
  </si>
  <si>
    <t>551008.0</t>
  </si>
  <si>
    <t>543370.0</t>
  </si>
  <si>
    <t>574063.0</t>
  </si>
  <si>
    <t>566269.0</t>
  </si>
  <si>
    <t>583746.0</t>
  </si>
  <si>
    <t>575897.0</t>
  </si>
  <si>
    <t>619123.0</t>
  </si>
  <si>
    <t>610778.0</t>
  </si>
  <si>
    <t>25023.0</t>
  </si>
  <si>
    <t>658020.0</t>
  </si>
  <si>
    <t>649262.0</t>
  </si>
  <si>
    <t>27047.0</t>
  </si>
  <si>
    <t>341.2</t>
  </si>
  <si>
    <t>703378.0</t>
  </si>
  <si>
    <t>694347.0</t>
  </si>
  <si>
    <t>29277.0</t>
  </si>
  <si>
    <t>752041.0</t>
  </si>
  <si>
    <t>742512.0</t>
  </si>
  <si>
    <t>796759.0</t>
  </si>
  <si>
    <t>786427.0</t>
  </si>
  <si>
    <t>44718.0</t>
  </si>
  <si>
    <t>35107.0</t>
  </si>
  <si>
    <t>849848.0</t>
  </si>
  <si>
    <t>839266.0</t>
  </si>
  <si>
    <t>53089.0</t>
  </si>
  <si>
    <t>877513.0</t>
  </si>
  <si>
    <t>866823.0</t>
  </si>
  <si>
    <t>940379.0</t>
  </si>
  <si>
    <t>928122.0</t>
  </si>
  <si>
    <t>62866.0</t>
  </si>
  <si>
    <t>45335.0</t>
  </si>
  <si>
    <t>998435.0</t>
  </si>
  <si>
    <t>985569.0</t>
  </si>
  <si>
    <t>48631.0</t>
  </si>
  <si>
    <t>48044.0</t>
  </si>
  <si>
    <t>1061942.0</t>
  </si>
  <si>
    <t>1048747.0</t>
  </si>
  <si>
    <t>63507.0</t>
  </si>
  <si>
    <t>50629.0</t>
  </si>
  <si>
    <t>1127191.0</t>
  </si>
  <si>
    <t>1113625.0</t>
  </si>
  <si>
    <t>53593.0</t>
  </si>
  <si>
    <t>1187454.0</t>
  </si>
  <si>
    <t>1173445.0</t>
  </si>
  <si>
    <t>55288.0</t>
  </si>
  <si>
    <t>1238055.0</t>
  </si>
  <si>
    <t>1223774.0</t>
  </si>
  <si>
    <t>55458.0</t>
  </si>
  <si>
    <t>1269691.0</t>
  </si>
  <si>
    <t>1255190.0</t>
  </si>
  <si>
    <t>1305141.0</t>
  </si>
  <si>
    <t>1288004.0</t>
  </si>
  <si>
    <t>52109.0</t>
  </si>
  <si>
    <t>1340483.0</t>
  </si>
  <si>
    <t>1320074.0</t>
  </si>
  <si>
    <t>47786.0</t>
  </si>
  <si>
    <t>1379135.0</t>
  </si>
  <si>
    <t>1354966.0</t>
  </si>
  <si>
    <t>24169.0</t>
  </si>
  <si>
    <t>1415167.0</t>
  </si>
  <si>
    <t>1386152.0</t>
  </si>
  <si>
    <t>41139.0</t>
  </si>
  <si>
    <t>1446116.0</t>
  </si>
  <si>
    <t>1412643.0</t>
  </si>
  <si>
    <t>33473.0</t>
  </si>
  <si>
    <t>1467421.0</t>
  </si>
  <si>
    <t>1431942.0</t>
  </si>
  <si>
    <t>35479.0</t>
  </si>
  <si>
    <t>1482830.0</t>
  </si>
  <si>
    <t>1445488.0</t>
  </si>
  <si>
    <t>27185.0</t>
  </si>
  <si>
    <t>1465241.0</t>
  </si>
  <si>
    <t>25320.0</t>
  </si>
  <si>
    <t>1538198.0</t>
  </si>
  <si>
    <t>1488077.0</t>
  </si>
  <si>
    <t>1572641.0</t>
  </si>
  <si>
    <t>1515980.0</t>
  </si>
  <si>
    <t>56661.0</t>
  </si>
  <si>
    <t>27644.0</t>
  </si>
  <si>
    <t>1608269.0</t>
  </si>
  <si>
    <t>1542929.0</t>
  </si>
  <si>
    <t>65340.0</t>
  </si>
  <si>
    <t>1642331.0</t>
  </si>
  <si>
    <t>1570153.0</t>
  </si>
  <si>
    <t>72178.0</t>
  </si>
  <si>
    <t>28031.0</t>
  </si>
  <si>
    <t>1670207.0</t>
  </si>
  <si>
    <t>1593695.0</t>
  </si>
  <si>
    <t>76512.0</t>
  </si>
  <si>
    <t>1690443.0</t>
  </si>
  <si>
    <t>1611578.0</t>
  </si>
  <si>
    <t>78865.0</t>
  </si>
  <si>
    <t>1718806.0</t>
  </si>
  <si>
    <t>1634361.0</t>
  </si>
  <si>
    <t>84445.0</t>
  </si>
  <si>
    <t>24160.0</t>
  </si>
  <si>
    <t>1754429.0</t>
  </si>
  <si>
    <t>1661879.0</t>
  </si>
  <si>
    <t>1788666.0</t>
  </si>
  <si>
    <t>1688608.0</t>
  </si>
  <si>
    <t>100058.0</t>
  </si>
  <si>
    <t>1825869.0</t>
  </si>
  <si>
    <t>1717672.0</t>
  </si>
  <si>
    <t>108197.0</t>
  </si>
  <si>
    <t>37203.0</t>
  </si>
  <si>
    <t>24963.0</t>
  </si>
  <si>
    <t>1857950.0</t>
  </si>
  <si>
    <t>1743869.0</t>
  </si>
  <si>
    <t>114081.0</t>
  </si>
  <si>
    <t>32081.0</t>
  </si>
  <si>
    <t>1875680.0</t>
  </si>
  <si>
    <t>1759750.0</t>
  </si>
  <si>
    <t>1893391.0</t>
  </si>
  <si>
    <t>1774659.0</t>
  </si>
  <si>
    <t>118732.0</t>
  </si>
  <si>
    <t>1913063.0</t>
  </si>
  <si>
    <t>1789377.0</t>
  </si>
  <si>
    <t>123686.0</t>
  </si>
  <si>
    <t>1941918.0</t>
  </si>
  <si>
    <t>1809158.0</t>
  </si>
  <si>
    <t>132760.0</t>
  </si>
  <si>
    <t>1967233.0</t>
  </si>
  <si>
    <t>1825800.0</t>
  </si>
  <si>
    <t>1994045.0</t>
  </si>
  <si>
    <t>1844636.0</t>
  </si>
  <si>
    <t>2023373.0</t>
  </si>
  <si>
    <t>1867123.0</t>
  </si>
  <si>
    <t>156250.0</t>
  </si>
  <si>
    <t>2048735.0</t>
  </si>
  <si>
    <t>1888697.0</t>
  </si>
  <si>
    <t>160038.0</t>
  </si>
  <si>
    <t>2070936.0</t>
  </si>
  <si>
    <t>1908991.0</t>
  </si>
  <si>
    <t>161945.0</t>
  </si>
  <si>
    <t>2114399.0</t>
  </si>
  <si>
    <t>1943507.0</t>
  </si>
  <si>
    <t>170892.0</t>
  </si>
  <si>
    <t>28762.0</t>
  </si>
  <si>
    <t>2163697.0</t>
  </si>
  <si>
    <t>1981818.0</t>
  </si>
  <si>
    <t>2215102.0</t>
  </si>
  <si>
    <t>2023002.0</t>
  </si>
  <si>
    <t>192100.0</t>
  </si>
  <si>
    <t>74.094</t>
  </si>
  <si>
    <t>2267895.0</t>
  </si>
  <si>
    <t>2066460.0</t>
  </si>
  <si>
    <t>201435.0</t>
  </si>
  <si>
    <t>52793.0</t>
  </si>
  <si>
    <t>2322052.0</t>
  </si>
  <si>
    <t>2110780.0</t>
  </si>
  <si>
    <t>211272.0</t>
  </si>
  <si>
    <t>34808.0</t>
  </si>
  <si>
    <t>2365128.0</t>
  </si>
  <si>
    <t>2144940.0</t>
  </si>
  <si>
    <t>220188.0</t>
  </si>
  <si>
    <t>2407496.0</t>
  </si>
  <si>
    <t>2182400.0</t>
  </si>
  <si>
    <t>225096.0</t>
  </si>
  <si>
    <t>42368.0</t>
  </si>
  <si>
    <t>2450343.0</t>
  </si>
  <si>
    <t>2214672.0</t>
  </si>
  <si>
    <t>235671.0</t>
  </si>
  <si>
    <t>38738.0</t>
  </si>
  <si>
    <t>2498864.0</t>
  </si>
  <si>
    <t>2249612.0</t>
  </si>
  <si>
    <t>249252.0</t>
  </si>
  <si>
    <t>48521.0</t>
  </si>
  <si>
    <t>2548947.0</t>
  </si>
  <si>
    <t>2285711.0</t>
  </si>
  <si>
    <t>263236.0</t>
  </si>
  <si>
    <t>50083.0</t>
  </si>
  <si>
    <t>2602646.0</t>
  </si>
  <si>
    <t>2322832.0</t>
  </si>
  <si>
    <t>279814.0</t>
  </si>
  <si>
    <t>2653521.0</t>
  </si>
  <si>
    <t>2358807.0</t>
  </si>
  <si>
    <t>294714.0</t>
  </si>
  <si>
    <t>2703375.0</t>
  </si>
  <si>
    <t>2386158.0</t>
  </si>
  <si>
    <t>34460.0</t>
  </si>
  <si>
    <t>2742250.0</t>
  </si>
  <si>
    <t>2410281.0</t>
  </si>
  <si>
    <t>331969.0</t>
  </si>
  <si>
    <t>38875.0</t>
  </si>
  <si>
    <t>2786178.0</t>
  </si>
  <si>
    <t>2437543.0</t>
  </si>
  <si>
    <t>348635.0</t>
  </si>
  <si>
    <t>31839.0</t>
  </si>
  <si>
    <t>2837645.0</t>
  </si>
  <si>
    <t>2465541.0</t>
  </si>
  <si>
    <t>372104.0</t>
  </si>
  <si>
    <t>30847.0</t>
  </si>
  <si>
    <t>2892389.0</t>
  </si>
  <si>
    <t>2493327.0</t>
  </si>
  <si>
    <t>399062.0</t>
  </si>
  <si>
    <t>54744.0</t>
  </si>
  <si>
    <t>49063.0</t>
  </si>
  <si>
    <t>2930288.0</t>
  </si>
  <si>
    <t>2515748.0</t>
  </si>
  <si>
    <t>414540.0</t>
  </si>
  <si>
    <t>2970830.0</t>
  </si>
  <si>
    <t>2535889.0</t>
  </si>
  <si>
    <t>434941.0</t>
  </si>
  <si>
    <t>45330.0</t>
  </si>
  <si>
    <t>3004894.0</t>
  </si>
  <si>
    <t>2553837.0</t>
  </si>
  <si>
    <t>451057.0</t>
  </si>
  <si>
    <t>23954.0</t>
  </si>
  <si>
    <t>3021654.0</t>
  </si>
  <si>
    <t>2565280.0</t>
  </si>
  <si>
    <t>456374.0</t>
  </si>
  <si>
    <t>3041596.0</t>
  </si>
  <si>
    <t>2577816.0</t>
  </si>
  <si>
    <t>463780.0</t>
  </si>
  <si>
    <t>3073171.0</t>
  </si>
  <si>
    <t>2593932.0</t>
  </si>
  <si>
    <t>479239.0</t>
  </si>
  <si>
    <t>31575.0</t>
  </si>
  <si>
    <t>3109207.0</t>
  </si>
  <si>
    <t>2608831.0</t>
  </si>
  <si>
    <t>500376.0</t>
  </si>
  <si>
    <t>36036.0</t>
  </si>
  <si>
    <t>3150389.0</t>
  </si>
  <si>
    <t>2625577.0</t>
  </si>
  <si>
    <t>524812.0</t>
  </si>
  <si>
    <t>41182.0</t>
  </si>
  <si>
    <t>3195223.0</t>
  </si>
  <si>
    <t>2643524.0</t>
  </si>
  <si>
    <t>551699.0</t>
  </si>
  <si>
    <t>3226453.0</t>
  </si>
  <si>
    <t>2657578.0</t>
  </si>
  <si>
    <t>568875.0</t>
  </si>
  <si>
    <t>3258897.0</t>
  </si>
  <si>
    <t>2668723.0</t>
  </si>
  <si>
    <t>590174.0</t>
  </si>
  <si>
    <t>3287832.0</t>
  </si>
  <si>
    <t>2682706.0</t>
  </si>
  <si>
    <t>605126.0</t>
  </si>
  <si>
    <t>3329393.0</t>
  </si>
  <si>
    <t>2694971.0</t>
  </si>
  <si>
    <t>634422.0</t>
  </si>
  <si>
    <t>36603.0</t>
  </si>
  <si>
    <t>3370666.0</t>
  </si>
  <si>
    <t>2708691.0</t>
  </si>
  <si>
    <t>661975.0</t>
  </si>
  <si>
    <t>3410845.0</t>
  </si>
  <si>
    <t>2722084.0</t>
  </si>
  <si>
    <t>688761.0</t>
  </si>
  <si>
    <t>37208.0</t>
  </si>
  <si>
    <t>3449101.0</t>
  </si>
  <si>
    <t>2733387.0</t>
  </si>
  <si>
    <t>3482651.0</t>
  </si>
  <si>
    <t>2744231.0</t>
  </si>
  <si>
    <t>738420.0</t>
  </si>
  <si>
    <t>3504809.0</t>
  </si>
  <si>
    <t>2747694.0</t>
  </si>
  <si>
    <t>757115.0</t>
  </si>
  <si>
    <t>35130.0</t>
  </si>
  <si>
    <t>3547319.0</t>
  </si>
  <si>
    <t>2750052.0</t>
  </si>
  <si>
    <t>797267.0</t>
  </si>
  <si>
    <t>3600230.0</t>
  </si>
  <si>
    <t>2752575.0</t>
  </si>
  <si>
    <t>847655.0</t>
  </si>
  <si>
    <t>52911.0</t>
  </si>
  <si>
    <t>3653406.0</t>
  </si>
  <si>
    <t>2755175.0</t>
  </si>
  <si>
    <t>898231.0</t>
  </si>
  <si>
    <t>53176.0</t>
  </si>
  <si>
    <t>3707609.0</t>
  </si>
  <si>
    <t>2758381.0</t>
  </si>
  <si>
    <t>949228.0</t>
  </si>
  <si>
    <t>42395.0</t>
  </si>
  <si>
    <t>3757787.0</t>
  </si>
  <si>
    <t>2764607.0</t>
  </si>
  <si>
    <t>993180.0</t>
  </si>
  <si>
    <t>50178.0</t>
  </si>
  <si>
    <t>44098.0</t>
  </si>
  <si>
    <t>3813545.0</t>
  </si>
  <si>
    <t>2771159.0</t>
  </si>
  <si>
    <t>1042386.0</t>
  </si>
  <si>
    <t>55758.0</t>
  </si>
  <si>
    <t>3842474.0</t>
  </si>
  <si>
    <t>2773770.0</t>
  </si>
  <si>
    <t>1068704.0</t>
  </si>
  <si>
    <t>28929.0</t>
  </si>
  <si>
    <t>48238.0</t>
  </si>
  <si>
    <t>3884852.0</t>
  </si>
  <si>
    <t>2782162.0</t>
  </si>
  <si>
    <t>1102690.0</t>
  </si>
  <si>
    <t>42378.0</t>
  </si>
  <si>
    <t>48219.0</t>
  </si>
  <si>
    <t>3932925.0</t>
  </si>
  <si>
    <t>2789978.0</t>
  </si>
  <si>
    <t>1142947.0</t>
  </si>
  <si>
    <t>48073.0</t>
  </si>
  <si>
    <t>47528.0</t>
  </si>
  <si>
    <t>3981439.0</t>
  </si>
  <si>
    <t>2796810.0</t>
  </si>
  <si>
    <t>1184629.0</t>
  </si>
  <si>
    <t>48514.0</t>
  </si>
  <si>
    <t>4027013.0</t>
  </si>
  <si>
    <t>2802152.0</t>
  </si>
  <si>
    <t>1224861.0</t>
  </si>
  <si>
    <t>45574.0</t>
  </si>
  <si>
    <t>4075205.0</t>
  </si>
  <si>
    <t>2811343.0</t>
  </si>
  <si>
    <t>1263862.0</t>
  </si>
  <si>
    <t>48192.0</t>
  </si>
  <si>
    <t>45345.0</t>
  </si>
  <si>
    <t>4115416.0</t>
  </si>
  <si>
    <t>2817752.0</t>
  </si>
  <si>
    <t>1297664.0</t>
  </si>
  <si>
    <t>4151554.0</t>
  </si>
  <si>
    <t>2824955.0</t>
  </si>
  <si>
    <t>1326599.0</t>
  </si>
  <si>
    <t>4181811.0</t>
  </si>
  <si>
    <t>2833761.0</t>
  </si>
  <si>
    <t>1348050.0</t>
  </si>
  <si>
    <t>4220716.0</t>
  </si>
  <si>
    <t>2846834.0</t>
  </si>
  <si>
    <t>1373882.0</t>
  </si>
  <si>
    <t>4260931.0</t>
  </si>
  <si>
    <t>2860635.0</t>
  </si>
  <si>
    <t>1400296.0</t>
  </si>
  <si>
    <t>4300841.0</t>
  </si>
  <si>
    <t>2876633.0</t>
  </si>
  <si>
    <t>1424208.0</t>
  </si>
  <si>
    <t>4334182.0</t>
  </si>
  <si>
    <t>2883384.0</t>
  </si>
  <si>
    <t>4366271.0</t>
  </si>
  <si>
    <t>2897975.0</t>
  </si>
  <si>
    <t>1468296.0</t>
  </si>
  <si>
    <t>35836.0</t>
  </si>
  <si>
    <t>4394452.0</t>
  </si>
  <si>
    <t>2909156.0</t>
  </si>
  <si>
    <t>1485296.0</t>
  </si>
  <si>
    <t>28181.0</t>
  </si>
  <si>
    <t>4435576.0</t>
  </si>
  <si>
    <t>2928963.0</t>
  </si>
  <si>
    <t>1506613.0</t>
  </si>
  <si>
    <t>4475493.0</t>
  </si>
  <si>
    <t>2948604.0</t>
  </si>
  <si>
    <t>1526889.0</t>
  </si>
  <si>
    <t>4519508.0</t>
  </si>
  <si>
    <t>2968169.0</t>
  </si>
  <si>
    <t>1551339.0</t>
  </si>
  <si>
    <t>4561322.0</t>
  </si>
  <si>
    <t>2985557.0</t>
  </si>
  <si>
    <t>1575765.0</t>
  </si>
  <si>
    <t>41814.0</t>
  </si>
  <si>
    <t>3003339.0</t>
  </si>
  <si>
    <t>1599519.0</t>
  </si>
  <si>
    <t>4641366.0</t>
  </si>
  <si>
    <t>3020335.0</t>
  </si>
  <si>
    <t>1621031.0</t>
  </si>
  <si>
    <t>4674326.0</t>
  </si>
  <si>
    <t>3035790.0</t>
  </si>
  <si>
    <t>1638536.0</t>
  </si>
  <si>
    <t>32960.0</t>
  </si>
  <si>
    <t>39982.0</t>
  </si>
  <si>
    <t>4714621.0</t>
  </si>
  <si>
    <t>3045152.0</t>
  </si>
  <si>
    <t>1669469.0</t>
  </si>
  <si>
    <t>4755771.0</t>
  </si>
  <si>
    <t>3051383.0</t>
  </si>
  <si>
    <t>1704388.0</t>
  </si>
  <si>
    <t>41150.0</t>
  </si>
  <si>
    <t>4805720.0</t>
  </si>
  <si>
    <t>3063648.0</t>
  </si>
  <si>
    <t>1742072.0</t>
  </si>
  <si>
    <t>4851291.0</t>
  </si>
  <si>
    <t>3082251.0</t>
  </si>
  <si>
    <t>1769040.0</t>
  </si>
  <si>
    <t>45571.0</t>
  </si>
  <si>
    <t>41424.0</t>
  </si>
  <si>
    <t>4896297.0</t>
  </si>
  <si>
    <t>3096341.0</t>
  </si>
  <si>
    <t>1799956.0</t>
  </si>
  <si>
    <t>4937749.0</t>
  </si>
  <si>
    <t>3108819.0</t>
  </si>
  <si>
    <t>1828930.0</t>
  </si>
  <si>
    <t>42340.0</t>
  </si>
  <si>
    <t>4974124.0</t>
  </si>
  <si>
    <t>1852179.0</t>
  </si>
  <si>
    <t>5019580.0</t>
  </si>
  <si>
    <t>3138366.0</t>
  </si>
  <si>
    <t>1881214.0</t>
  </si>
  <si>
    <t>43566.0</t>
  </si>
  <si>
    <t>5069542.0</t>
  </si>
  <si>
    <t>3155733.0</t>
  </si>
  <si>
    <t>1913809.0</t>
  </si>
  <si>
    <t>49962.0</t>
  </si>
  <si>
    <t>44824.0</t>
  </si>
  <si>
    <t>5117092.0</t>
  </si>
  <si>
    <t>3174807.0</t>
  </si>
  <si>
    <t>1942285.0</t>
  </si>
  <si>
    <t>47550.0</t>
  </si>
  <si>
    <t>5167057.0</t>
  </si>
  <si>
    <t>3196051.0</t>
  </si>
  <si>
    <t>1971006.0</t>
  </si>
  <si>
    <t>8253.0</t>
  </si>
  <si>
    <t>5214179.0</t>
  </si>
  <si>
    <t>3215770.0</t>
  </si>
  <si>
    <t>1998409.0</t>
  </si>
  <si>
    <t>5257039.0</t>
  </si>
  <si>
    <t>3234311.0</t>
  </si>
  <si>
    <t>2022728.0</t>
  </si>
  <si>
    <t>5295391.0</t>
  </si>
  <si>
    <t>3251138.0</t>
  </si>
  <si>
    <t>2044253.0</t>
  </si>
  <si>
    <t>45895.0</t>
  </si>
  <si>
    <t>5342521.0</t>
  </si>
  <si>
    <t>3267290.0</t>
  </si>
  <si>
    <t>2075231.0</t>
  </si>
  <si>
    <t>47130.0</t>
  </si>
  <si>
    <t>5392438.0</t>
  </si>
  <si>
    <t>3286261.0</t>
  </si>
  <si>
    <t>2106177.0</t>
  </si>
  <si>
    <t>98.65</t>
  </si>
  <si>
    <t>5443430.0</t>
  </si>
  <si>
    <t>3305812.0</t>
  </si>
  <si>
    <t>2137618.0</t>
  </si>
  <si>
    <t>99.59</t>
  </si>
  <si>
    <t>5496575.0</t>
  </si>
  <si>
    <t>3326005.0</t>
  </si>
  <si>
    <t>2170570.0</t>
  </si>
  <si>
    <t>47074.0</t>
  </si>
  <si>
    <t>5548389.0</t>
  </si>
  <si>
    <t>3345842.0</t>
  </si>
  <si>
    <t>2202547.0</t>
  </si>
  <si>
    <t>5593272.0</t>
  </si>
  <si>
    <t>3365779.0</t>
  </si>
  <si>
    <t>2227493.0</t>
  </si>
  <si>
    <t>48033.0</t>
  </si>
  <si>
    <t>5637580.0</t>
  </si>
  <si>
    <t>3386321.0</t>
  </si>
  <si>
    <t>2251259.0</t>
  </si>
  <si>
    <t>44308.0</t>
  </si>
  <si>
    <t>5686069.0</t>
  </si>
  <si>
    <t>3403866.0</t>
  </si>
  <si>
    <t>2282203.0</t>
  </si>
  <si>
    <t>48489.0</t>
  </si>
  <si>
    <t>22.137</t>
  </si>
  <si>
    <t>5736126.0</t>
  </si>
  <si>
    <t>3422431.0</t>
  </si>
  <si>
    <t>2313695.0</t>
  </si>
  <si>
    <t>5786398.0</t>
  </si>
  <si>
    <t>3441217.0</t>
  </si>
  <si>
    <t>2345181.0</t>
  </si>
  <si>
    <t>5834309.0</t>
  </si>
  <si>
    <t>3459063.0</t>
  </si>
  <si>
    <t>2375246.0</t>
  </si>
  <si>
    <t>47911.0</t>
  </si>
  <si>
    <t>5880078.0</t>
  </si>
  <si>
    <t>3477378.0</t>
  </si>
  <si>
    <t>2402700.0</t>
  </si>
  <si>
    <t>5923112.0</t>
  </si>
  <si>
    <t>3497287.0</t>
  </si>
  <si>
    <t>43034.0</t>
  </si>
  <si>
    <t>5964502.0</t>
  </si>
  <si>
    <t>3517668.0</t>
  </si>
  <si>
    <t>2446834.0</t>
  </si>
  <si>
    <t>6001642.0</t>
  </si>
  <si>
    <t>3531461.0</t>
  </si>
  <si>
    <t>2470181.0</t>
  </si>
  <si>
    <t>45082.0</t>
  </si>
  <si>
    <t>6045097.0</t>
  </si>
  <si>
    <t>3551739.0</t>
  </si>
  <si>
    <t>2493358.0</t>
  </si>
  <si>
    <t>6087792.0</t>
  </si>
  <si>
    <t>3571726.0</t>
  </si>
  <si>
    <t>2516066.0</t>
  </si>
  <si>
    <t>6127441.0</t>
  </si>
  <si>
    <t>3591638.0</t>
  </si>
  <si>
    <t>2535803.0</t>
  </si>
  <si>
    <t>39649.0</t>
  </si>
  <si>
    <t>18939.0</t>
  </si>
  <si>
    <t>6166574.0</t>
  </si>
  <si>
    <t>3611266.0</t>
  </si>
  <si>
    <t>2555308.0</t>
  </si>
  <si>
    <t>40928.0</t>
  </si>
  <si>
    <t>6202226.0</t>
  </si>
  <si>
    <t>3630589.0</t>
  </si>
  <si>
    <t>2571637.0</t>
  </si>
  <si>
    <t>6234407.0</t>
  </si>
  <si>
    <t>3647437.0</t>
  </si>
  <si>
    <t>2586970.0</t>
  </si>
  <si>
    <t>38558.0</t>
  </si>
  <si>
    <t>6267324.0</t>
  </si>
  <si>
    <t>3664571.0</t>
  </si>
  <si>
    <t>2602753.0</t>
  </si>
  <si>
    <t>37955.0</t>
  </si>
  <si>
    <t>6299070.0</t>
  </si>
  <si>
    <t>3681620.0</t>
  </si>
  <si>
    <t>2617450.0</t>
  </si>
  <si>
    <t>31.101</t>
  </si>
  <si>
    <t>6326836.0</t>
  </si>
  <si>
    <t>3695303.0</t>
  </si>
  <si>
    <t>2631533.0</t>
  </si>
  <si>
    <t>6357198.0</t>
  </si>
  <si>
    <t>3709801.0</t>
  </si>
  <si>
    <t>2647397.0</t>
  </si>
  <si>
    <t>32822.0</t>
  </si>
  <si>
    <t>6396928.0</t>
  </si>
  <si>
    <t>3730101.0</t>
  </si>
  <si>
    <t>2666827.0</t>
  </si>
  <si>
    <t>39730.0</t>
  </si>
  <si>
    <t>32908.0</t>
  </si>
  <si>
    <t>53.787</t>
  </si>
  <si>
    <t>6426867.0</t>
  </si>
  <si>
    <t>3747510.0</t>
  </si>
  <si>
    <t>2679357.0</t>
  </si>
  <si>
    <t>6457154.0</t>
  </si>
  <si>
    <t>3765379.0</t>
  </si>
  <si>
    <t>2691775.0</t>
  </si>
  <si>
    <t>6483082.0</t>
  </si>
  <si>
    <t>3781887.0</t>
  </si>
  <si>
    <t>2701195.0</t>
  </si>
  <si>
    <t>6511704.0</t>
  </si>
  <si>
    <t>3799467.0</t>
  </si>
  <si>
    <t>2712237.0</t>
  </si>
  <si>
    <t>6538976.0</t>
  </si>
  <si>
    <t>3816251.0</t>
  </si>
  <si>
    <t>2722725.0</t>
  </si>
  <si>
    <t>6569117.0</t>
  </si>
  <si>
    <t>3831770.0</t>
  </si>
  <si>
    <t>2737347.0</t>
  </si>
  <si>
    <t>30141.0</t>
  </si>
  <si>
    <t>6593744.0</t>
  </si>
  <si>
    <t>3844371.0</t>
  </si>
  <si>
    <t>2749373.0</t>
  </si>
  <si>
    <t>120.63</t>
  </si>
  <si>
    <t>6619740.0</t>
  </si>
  <si>
    <t>3857584.0</t>
  </si>
  <si>
    <t>2762156.0</t>
  </si>
  <si>
    <t>6643359.0</t>
  </si>
  <si>
    <t>3869223.0</t>
  </si>
  <si>
    <t>2774136.0</t>
  </si>
  <si>
    <t>6670529.0</t>
  </si>
  <si>
    <t>3879458.0</t>
  </si>
  <si>
    <t>2791071.0</t>
  </si>
  <si>
    <t>6699078.0</t>
  </si>
  <si>
    <t>3890176.0</t>
  </si>
  <si>
    <t>2808902.0</t>
  </si>
  <si>
    <t>26768.0</t>
  </si>
  <si>
    <t>6726750.0</t>
  </si>
  <si>
    <t>3900864.0</t>
  </si>
  <si>
    <t>2825886.0</t>
  </si>
  <si>
    <t>26825.0</t>
  </si>
  <si>
    <t>6755127.0</t>
  </si>
  <si>
    <t>3911189.0</t>
  </si>
  <si>
    <t>2843938.0</t>
  </si>
  <si>
    <t>6781255.0</t>
  </si>
  <si>
    <t>3920145.0</t>
  </si>
  <si>
    <t>2861110.0</t>
  </si>
  <si>
    <t>6805735.0</t>
  </si>
  <si>
    <t>3928409.0</t>
  </si>
  <si>
    <t>2877326.0</t>
  </si>
  <si>
    <t>6827679.0</t>
  </si>
  <si>
    <t>3934408.0</t>
  </si>
  <si>
    <t>2893271.0</t>
  </si>
  <si>
    <t>6845128.0</t>
  </si>
  <si>
    <t>3941571.0</t>
  </si>
  <si>
    <t>2903557.0</t>
  </si>
  <si>
    <t>6863350.0</t>
  </si>
  <si>
    <t>3948446.0</t>
  </si>
  <si>
    <t>2914904.0</t>
  </si>
  <si>
    <t>6883679.0</t>
  </si>
  <si>
    <t>3956549.0</t>
  </si>
  <si>
    <t>2927130.0</t>
  </si>
  <si>
    <t>125.94</t>
  </si>
  <si>
    <t>6903704.0</t>
  </si>
  <si>
    <t>3963502.0</t>
  </si>
  <si>
    <t>2940202.0</t>
  </si>
  <si>
    <t>6924802.0</t>
  </si>
  <si>
    <t>3970026.0</t>
  </si>
  <si>
    <t>6942076.0</t>
  </si>
  <si>
    <t>3976022.0</t>
  </si>
  <si>
    <t>2966054.0</t>
  </si>
  <si>
    <t>6960696.0</t>
  </si>
  <si>
    <t>3981950.0</t>
  </si>
  <si>
    <t>2978746.0</t>
  </si>
  <si>
    <t>6979519.0</t>
  </si>
  <si>
    <t>3984433.0</t>
  </si>
  <si>
    <t>2995086.0</t>
  </si>
  <si>
    <t>96.78</t>
  </si>
  <si>
    <t>6997579.0</t>
  </si>
  <si>
    <t>3987074.0</t>
  </si>
  <si>
    <t>3010505.0</t>
  </si>
  <si>
    <t>7018198.0</t>
  </si>
  <si>
    <t>3989927.0</t>
  </si>
  <si>
    <t>3028271.0</t>
  </si>
  <si>
    <t>7037130.0</t>
  </si>
  <si>
    <t>3992327.0</t>
  </si>
  <si>
    <t>3044803.0</t>
  </si>
  <si>
    <t>7059324.0</t>
  </si>
  <si>
    <t>3994883.0</t>
  </si>
  <si>
    <t>3064441.0</t>
  </si>
  <si>
    <t>7076597.0</t>
  </si>
  <si>
    <t>3997105.0</t>
  </si>
  <si>
    <t>3079492.0</t>
  </si>
  <si>
    <t>7090729.0</t>
  </si>
  <si>
    <t>3998627.0</t>
  </si>
  <si>
    <t>3092102.0</t>
  </si>
  <si>
    <t>7109586.0</t>
  </si>
  <si>
    <t>4000658.0</t>
  </si>
  <si>
    <t>3108928.0</t>
  </si>
  <si>
    <t>7128593.0</t>
  </si>
  <si>
    <t>4002903.0</t>
  </si>
  <si>
    <t>3125690.0</t>
  </si>
  <si>
    <t>7150438.0</t>
  </si>
  <si>
    <t>4005421.0</t>
  </si>
  <si>
    <t>3145017.0</t>
  </si>
  <si>
    <t>7170239.0</t>
  </si>
  <si>
    <t>4007577.0</t>
  </si>
  <si>
    <t>3162662.0</t>
  </si>
  <si>
    <t>7189771.0</t>
  </si>
  <si>
    <t>4009611.0</t>
  </si>
  <si>
    <t>3180160.0</t>
  </si>
  <si>
    <t>131.54</t>
  </si>
  <si>
    <t>7208959.0</t>
  </si>
  <si>
    <t>4011060.0</t>
  </si>
  <si>
    <t>3197899.0</t>
  </si>
  <si>
    <t>7227297.0</t>
  </si>
  <si>
    <t>4012496.0</t>
  </si>
  <si>
    <t>3214801.0</t>
  </si>
  <si>
    <t>19510.0</t>
  </si>
  <si>
    <t>7245543.0</t>
  </si>
  <si>
    <t>4014212.0</t>
  </si>
  <si>
    <t>3231331.0</t>
  </si>
  <si>
    <t>7265948.0</t>
  </si>
  <si>
    <t>4016326.0</t>
  </si>
  <si>
    <t>3249622.0</t>
  </si>
  <si>
    <t>7287390.0</t>
  </si>
  <si>
    <t>4018503.0</t>
  </si>
  <si>
    <t>3268887.0</t>
  </si>
  <si>
    <t>7306865.0</t>
  </si>
  <si>
    <t>4020712.0</t>
  </si>
  <si>
    <t>3286153.0</t>
  </si>
  <si>
    <t>7328239.0</t>
  </si>
  <si>
    <t>4022914.0</t>
  </si>
  <si>
    <t>3305325.0</t>
  </si>
  <si>
    <t>7348318.0</t>
  </si>
  <si>
    <t>4024852.0</t>
  </si>
  <si>
    <t>3323466.0</t>
  </si>
  <si>
    <t>134.44</t>
  </si>
  <si>
    <t>7368883.0</t>
  </si>
  <si>
    <t>4026827.0</t>
  </si>
  <si>
    <t>3342056.0</t>
  </si>
  <si>
    <t>7387282.0</t>
  </si>
  <si>
    <t>4029479.0</t>
  </si>
  <si>
    <t>3357803.0</t>
  </si>
  <si>
    <t>20248.0</t>
  </si>
  <si>
    <t>7409944.0</t>
  </si>
  <si>
    <t>4034420.0</t>
  </si>
  <si>
    <t>3375524.0</t>
  </si>
  <si>
    <t>135.56</t>
  </si>
  <si>
    <t>7433126.0</t>
  </si>
  <si>
    <t>4039226.0</t>
  </si>
  <si>
    <t>3393900.0</t>
  </si>
  <si>
    <t>7457001.0</t>
  </si>
  <si>
    <t>4044950.0</t>
  </si>
  <si>
    <t>3412051.0</t>
  </si>
  <si>
    <t>23875.0</t>
  </si>
  <si>
    <t>21448.0</t>
  </si>
  <si>
    <t>7481073.0</t>
  </si>
  <si>
    <t>4050011.0</t>
  </si>
  <si>
    <t>3431062.0</t>
  </si>
  <si>
    <t>7504743.0</t>
  </si>
  <si>
    <t>4054842.0</t>
  </si>
  <si>
    <t>3449901.0</t>
  </si>
  <si>
    <t>7526299.0</t>
  </si>
  <si>
    <t>4058482.0</t>
  </si>
  <si>
    <t>3467817.0</t>
  </si>
  <si>
    <t>22488.0</t>
  </si>
  <si>
    <t>7543875.0</t>
  </si>
  <si>
    <t>4061687.0</t>
  </si>
  <si>
    <t>3482188.0</t>
  </si>
  <si>
    <t>7564227.0</t>
  </si>
  <si>
    <t>4065970.0</t>
  </si>
  <si>
    <t>3498257.0</t>
  </si>
  <si>
    <t>7581479.0</t>
  </si>
  <si>
    <t>4068806.0</t>
  </si>
  <si>
    <t>3512673.0</t>
  </si>
  <si>
    <t>7598291.0</t>
  </si>
  <si>
    <t>4071537.0</t>
  </si>
  <si>
    <t>3526754.0</t>
  </si>
  <si>
    <t>7617263.0</t>
  </si>
  <si>
    <t>4075555.0</t>
  </si>
  <si>
    <t>3541708.0</t>
  </si>
  <si>
    <t>7636443.0</t>
  </si>
  <si>
    <t>4079496.0</t>
  </si>
  <si>
    <t>3556947.0</t>
  </si>
  <si>
    <t>7654740.0</t>
  </si>
  <si>
    <t>4082698.0</t>
  </si>
  <si>
    <t>3572042.0</t>
  </si>
  <si>
    <t>7672697.0</t>
  </si>
  <si>
    <t>4085552.0</t>
  </si>
  <si>
    <t>3587145.0</t>
  </si>
  <si>
    <t>7692323.0</t>
  </si>
  <si>
    <t>4088894.0</t>
  </si>
  <si>
    <t>3603429.0</t>
  </si>
  <si>
    <t>7709982.0</t>
  </si>
  <si>
    <t>4092295.0</t>
  </si>
  <si>
    <t>3617687.0</t>
  </si>
  <si>
    <t>7724945.0</t>
  </si>
  <si>
    <t>4095463.0</t>
  </si>
  <si>
    <t>3629482.0</t>
  </si>
  <si>
    <t>7738943.0</t>
  </si>
  <si>
    <t>4098078.0</t>
  </si>
  <si>
    <t>3640865.0</t>
  </si>
  <si>
    <t>7756598.0</t>
  </si>
  <si>
    <t>4101311.0</t>
  </si>
  <si>
    <t>3655287.0</t>
  </si>
  <si>
    <t>7771728.0</t>
  </si>
  <si>
    <t>4103687.0</t>
  </si>
  <si>
    <t>3668041.0</t>
  </si>
  <si>
    <t>7787169.0</t>
  </si>
  <si>
    <t>4106408.0</t>
  </si>
  <si>
    <t>3680761.0</t>
  </si>
  <si>
    <t>142.47</t>
  </si>
  <si>
    <t>7799870.0</t>
  </si>
  <si>
    <t>4108804.0</t>
  </si>
  <si>
    <t>3691066.0</t>
  </si>
  <si>
    <t>7810763.0</t>
  </si>
  <si>
    <t>4111513.0</t>
  </si>
  <si>
    <t>3699250.0</t>
  </si>
  <si>
    <t>7823880.0</t>
  </si>
  <si>
    <t>4114552.0</t>
  </si>
  <si>
    <t>3709328.0</t>
  </si>
  <si>
    <t>7834734.0</t>
  </si>
  <si>
    <t>4117147.0</t>
  </si>
  <si>
    <t>3717587.0</t>
  </si>
  <si>
    <t>7848731.0</t>
  </si>
  <si>
    <t>4121962.0</t>
  </si>
  <si>
    <t>3726769.0</t>
  </si>
  <si>
    <t>7863025.0</t>
  </si>
  <si>
    <t>4126263.0</t>
  </si>
  <si>
    <t>3736762.0</t>
  </si>
  <si>
    <t>7871824.0</t>
  </si>
  <si>
    <t>4128998.0</t>
  </si>
  <si>
    <t>3742826.0</t>
  </si>
  <si>
    <t>7880608.0</t>
  </si>
  <si>
    <t>4130841.0</t>
  </si>
  <si>
    <t>3749767.0</t>
  </si>
  <si>
    <t>7890943.0</t>
  </si>
  <si>
    <t>4133606.0</t>
  </si>
  <si>
    <t>3757337.0</t>
  </si>
  <si>
    <t>7897696.0</t>
  </si>
  <si>
    <t>4135329.0</t>
  </si>
  <si>
    <t>7907030.0</t>
  </si>
  <si>
    <t>4137710.0</t>
  </si>
  <si>
    <t>3769320.0</t>
  </si>
  <si>
    <t>7918077.0</t>
  </si>
  <si>
    <t>4140616.0</t>
  </si>
  <si>
    <t>3777461.0</t>
  </si>
  <si>
    <t>7927997.0</t>
  </si>
  <si>
    <t>3785214.0</t>
  </si>
  <si>
    <t>145.04</t>
  </si>
  <si>
    <t>7933455.0</t>
  </si>
  <si>
    <t>4144904.0</t>
  </si>
  <si>
    <t>3788551.0</t>
  </si>
  <si>
    <t>145.14</t>
  </si>
  <si>
    <t>7938444.0</t>
  </si>
  <si>
    <t>4146847.0</t>
  </si>
  <si>
    <t>3791597.0</t>
  </si>
  <si>
    <t>7944631.0</t>
  </si>
  <si>
    <t>4148734.0</t>
  </si>
  <si>
    <t>3795897.0</t>
  </si>
  <si>
    <t>7949095.0</t>
  </si>
  <si>
    <t>4150157.0</t>
  </si>
  <si>
    <t>3798938.0</t>
  </si>
  <si>
    <t>7953918.0</t>
  </si>
  <si>
    <t>4151735.0</t>
  </si>
  <si>
    <t>3802183.0</t>
  </si>
  <si>
    <t>7962028.0</t>
  </si>
  <si>
    <t>4155048.0</t>
  </si>
  <si>
    <t>3806980.0</t>
  </si>
  <si>
    <t>7968388.0</t>
  </si>
  <si>
    <t>4157613.0</t>
  </si>
  <si>
    <t>3810775.0</t>
  </si>
  <si>
    <t>145.78</t>
  </si>
  <si>
    <t>7974382.0</t>
  </si>
  <si>
    <t>4160835.0</t>
  </si>
  <si>
    <t>3813547.0</t>
  </si>
  <si>
    <t>7979142.0</t>
  </si>
  <si>
    <t>4163235.0</t>
  </si>
  <si>
    <t>3815907.0</t>
  </si>
  <si>
    <t>7984484.0</t>
  </si>
  <si>
    <t>4166056.0</t>
  </si>
  <si>
    <t>3818428.0</t>
  </si>
  <si>
    <t>7988460.0</t>
  </si>
  <si>
    <t>4168278.0</t>
  </si>
  <si>
    <t>3820182.0</t>
  </si>
  <si>
    <t>7996647.0</t>
  </si>
  <si>
    <t>4172573.0</t>
  </si>
  <si>
    <t>3824074.0</t>
  </si>
  <si>
    <t>8003942.0</t>
  </si>
  <si>
    <t>4176832.0</t>
  </si>
  <si>
    <t>3827110.0</t>
  </si>
  <si>
    <t>8011498.0</t>
  </si>
  <si>
    <t>4181617.0</t>
  </si>
  <si>
    <t>3829881.0</t>
  </si>
  <si>
    <t>8017072.0</t>
  </si>
  <si>
    <t>4184574.0</t>
  </si>
  <si>
    <t>3832498.0</t>
  </si>
  <si>
    <t>146.67</t>
  </si>
  <si>
    <t>8021756.0</t>
  </si>
  <si>
    <t>4186743.0</t>
  </si>
  <si>
    <t>3835013.0</t>
  </si>
  <si>
    <t>146.76</t>
  </si>
  <si>
    <t>8027390.0</t>
  </si>
  <si>
    <t>4189701.0</t>
  </si>
  <si>
    <t>3837689.0</t>
  </si>
  <si>
    <t>8034463.0</t>
  </si>
  <si>
    <t>4194212.0</t>
  </si>
  <si>
    <t>3840251.0</t>
  </si>
  <si>
    <t>8042724.0</t>
  </si>
  <si>
    <t>4199724.0</t>
  </si>
  <si>
    <t>3843000.0</t>
  </si>
  <si>
    <t>8053726.0</t>
  </si>
  <si>
    <t>4208546.0</t>
  </si>
  <si>
    <t>3845180.0</t>
  </si>
  <si>
    <t>8065058.0</t>
  </si>
  <si>
    <t>4217940.0</t>
  </si>
  <si>
    <t>3847118.0</t>
  </si>
  <si>
    <t>133.553</t>
  </si>
  <si>
    <t>8073375.0</t>
  </si>
  <si>
    <t>4223719.0</t>
  </si>
  <si>
    <t>3849656.0</t>
  </si>
  <si>
    <t>8081245.0</t>
  </si>
  <si>
    <t>4229178.0</t>
  </si>
  <si>
    <t>3852067.0</t>
  </si>
  <si>
    <t>8089922.0</t>
  </si>
  <si>
    <t>4235075.0</t>
  </si>
  <si>
    <t>3854847.0</t>
  </si>
  <si>
    <t>8098426.0</t>
  </si>
  <si>
    <t>4240984.0</t>
  </si>
  <si>
    <t>3857442.0</t>
  </si>
  <si>
    <t>8105940.0</t>
  </si>
  <si>
    <t>4246101.0</t>
  </si>
  <si>
    <t>3859839.0</t>
  </si>
  <si>
    <t>8115664.0</t>
  </si>
  <si>
    <t>4253765.0</t>
  </si>
  <si>
    <t>3861899.0</t>
  </si>
  <si>
    <t>8125794.0</t>
  </si>
  <si>
    <t>4261124.0</t>
  </si>
  <si>
    <t>3864670.0</t>
  </si>
  <si>
    <t>8132127.0</t>
  </si>
  <si>
    <t>4265755.0</t>
  </si>
  <si>
    <t>3866372.0</t>
  </si>
  <si>
    <t>8138782.0</t>
  </si>
  <si>
    <t>4270126.0</t>
  </si>
  <si>
    <t>3868656.0</t>
  </si>
  <si>
    <t>8415940.0</t>
  </si>
  <si>
    <t>4275208.0</t>
  </si>
  <si>
    <t>3871406.0</t>
  </si>
  <si>
    <t>269326.0</t>
  </si>
  <si>
    <t>277158.0</t>
  </si>
  <si>
    <t>46574.0</t>
  </si>
  <si>
    <t>8443047.0</t>
  </si>
  <si>
    <t>4278937.0</t>
  </si>
  <si>
    <t>3873790.0</t>
  </si>
  <si>
    <t>290320.0</t>
  </si>
  <si>
    <t>8469879.0</t>
  </si>
  <si>
    <t>4282132.0</t>
  </si>
  <si>
    <t>3875966.0</t>
  </si>
  <si>
    <t>311781.0</t>
  </si>
  <si>
    <t>8495424.0</t>
  </si>
  <si>
    <t>4286044.0</t>
  </si>
  <si>
    <t>3877849.0</t>
  </si>
  <si>
    <t>331531.0</t>
  </si>
  <si>
    <t>54251.0</t>
  </si>
  <si>
    <t>8518084.0</t>
  </si>
  <si>
    <t>4289119.0</t>
  </si>
  <si>
    <t>3879942.0</t>
  </si>
  <si>
    <t>349023.0</t>
  </si>
  <si>
    <t>8547701.0</t>
  </si>
  <si>
    <t>4291650.0</t>
  </si>
  <si>
    <t>3881744.0</t>
  </si>
  <si>
    <t>374307.0</t>
  </si>
  <si>
    <t>8579794.0</t>
  </si>
  <si>
    <t>4294116.0</t>
  </si>
  <si>
    <t>3883886.0</t>
  </si>
  <si>
    <t>401792.0</t>
  </si>
  <si>
    <t>63002.0</t>
  </si>
  <si>
    <t>156.97</t>
  </si>
  <si>
    <t>8614260.0</t>
  </si>
  <si>
    <t>4297028.0</t>
  </si>
  <si>
    <t>3886176.0</t>
  </si>
  <si>
    <t>431056.0</t>
  </si>
  <si>
    <t>8648901.0</t>
  </si>
  <si>
    <t>4299649.0</t>
  </si>
  <si>
    <t>3888408.0</t>
  </si>
  <si>
    <t>460844.0</t>
  </si>
  <si>
    <t>34641.0</t>
  </si>
  <si>
    <t>8682013.0</t>
  </si>
  <si>
    <t>4302382.0</t>
  </si>
  <si>
    <t>3890477.0</t>
  </si>
  <si>
    <t>489154.0</t>
  </si>
  <si>
    <t>30305.0</t>
  </si>
  <si>
    <t>158.84</t>
  </si>
  <si>
    <t>8719161.0</t>
  </si>
  <si>
    <t>4305582.0</t>
  </si>
  <si>
    <t>3892224.0</t>
  </si>
  <si>
    <t>521355.0</t>
  </si>
  <si>
    <t>37148.0</t>
  </si>
  <si>
    <t>8748203.0</t>
  </si>
  <si>
    <t>4308371.0</t>
  </si>
  <si>
    <t>3895239.0</t>
  </si>
  <si>
    <t>8780276.0</t>
  </si>
  <si>
    <t>4309932.0</t>
  </si>
  <si>
    <t>3897133.0</t>
  </si>
  <si>
    <t>573211.0</t>
  </si>
  <si>
    <t>8812547.0</t>
  </si>
  <si>
    <t>4311339.0</t>
  </si>
  <si>
    <t>3899153.0</t>
  </si>
  <si>
    <t>602055.0</t>
  </si>
  <si>
    <t>8846353.0</t>
  </si>
  <si>
    <t>4312204.0</t>
  </si>
  <si>
    <t>3900427.0</t>
  </si>
  <si>
    <t>33806.0</t>
  </si>
  <si>
    <t>8880914.0</t>
  </si>
  <si>
    <t>4314144.0</t>
  </si>
  <si>
    <t>3903299.0</t>
  </si>
  <si>
    <t>663471.0</t>
  </si>
  <si>
    <t>8913326.0</t>
  </si>
  <si>
    <t>3905177.0</t>
  </si>
  <si>
    <t>692347.0</t>
  </si>
  <si>
    <t>33045.0</t>
  </si>
  <si>
    <t>8945911.0</t>
  </si>
  <si>
    <t>4317601.0</t>
  </si>
  <si>
    <t>3907056.0</t>
  </si>
  <si>
    <t>721254.0</t>
  </si>
  <si>
    <t>32585.0</t>
  </si>
  <si>
    <t>8971589.0</t>
  </si>
  <si>
    <t>4318783.0</t>
  </si>
  <si>
    <t>744562.0</t>
  </si>
  <si>
    <t>31912.0</t>
  </si>
  <si>
    <t>8998026.0</t>
  </si>
  <si>
    <t>3910253.0</t>
  </si>
  <si>
    <t>767403.0</t>
  </si>
  <si>
    <t>9025948.0</t>
  </si>
  <si>
    <t>792355.0</t>
  </si>
  <si>
    <t>27922.0</t>
  </si>
  <si>
    <t>9088541.0</t>
  </si>
  <si>
    <t>4318790.0</t>
  </si>
  <si>
    <t>3911105.0</t>
  </si>
  <si>
    <t>9124613.0</t>
  </si>
  <si>
    <t>4319877.0</t>
  </si>
  <si>
    <t>3912518.0</t>
  </si>
  <si>
    <t>892218.0</t>
  </si>
  <si>
    <t>36072.0</t>
  </si>
  <si>
    <t>9161208.0</t>
  </si>
  <si>
    <t>4321350.0</t>
  </si>
  <si>
    <t>3914397.0</t>
  </si>
  <si>
    <t>925461.0</t>
  </si>
  <si>
    <t>36595.0</t>
  </si>
  <si>
    <t>9195218.0</t>
  </si>
  <si>
    <t>4322157.0</t>
  </si>
  <si>
    <t>3915116.0</t>
  </si>
  <si>
    <t>957945.0</t>
  </si>
  <si>
    <t>34010.0</t>
  </si>
  <si>
    <t>9227500.0</t>
  </si>
  <si>
    <t>4323549.0</t>
  </si>
  <si>
    <t>3917210.0</t>
  </si>
  <si>
    <t>986741.0</t>
  </si>
  <si>
    <t>9260327.0</t>
  </si>
  <si>
    <t>3918528.0</t>
  </si>
  <si>
    <t>1017359.0</t>
  </si>
  <si>
    <t>32827.0</t>
  </si>
  <si>
    <t>37472.0</t>
  </si>
  <si>
    <t>9295912.0</t>
  </si>
  <si>
    <t>4325307.0</t>
  </si>
  <si>
    <t>3920006.0</t>
  </si>
  <si>
    <t>1050599.0</t>
  </si>
  <si>
    <t>35585.0</t>
  </si>
  <si>
    <t>9333254.0</t>
  </si>
  <si>
    <t>3921971.0</t>
  </si>
  <si>
    <t>1084891.0</t>
  </si>
  <si>
    <t>9368681.0</t>
  </si>
  <si>
    <t>4325523.0</t>
  </si>
  <si>
    <t>3922893.0</t>
  </si>
  <si>
    <t>1120265.0</t>
  </si>
  <si>
    <t>34867.0</t>
  </si>
  <si>
    <t>9402825.0</t>
  </si>
  <si>
    <t>4326637.0</t>
  </si>
  <si>
    <t>3924305.0</t>
  </si>
  <si>
    <t>1151883.0</t>
  </si>
  <si>
    <t>9435979.0</t>
  </si>
  <si>
    <t>4327340.0</t>
  </si>
  <si>
    <t>3924870.0</t>
  </si>
  <si>
    <t>1183769.0</t>
  </si>
  <si>
    <t>172.63</t>
  </si>
  <si>
    <t>9467720.0</t>
  </si>
  <si>
    <t>4330321.0</t>
  </si>
  <si>
    <t>3929012.0</t>
  </si>
  <si>
    <t>1208387.0</t>
  </si>
  <si>
    <t>9499267.0</t>
  </si>
  <si>
    <t>4331574.0</t>
  </si>
  <si>
    <t>3930317.0</t>
  </si>
  <si>
    <t>1237376.0</t>
  </si>
  <si>
    <t>9534554.0</t>
  </si>
  <si>
    <t>4332835.0</t>
  </si>
  <si>
    <t>3931709.0</t>
  </si>
  <si>
    <t>1270010.0</t>
  </si>
  <si>
    <t>9575110.0</t>
  </si>
  <si>
    <t>4334346.0</t>
  </si>
  <si>
    <t>3933493.0</t>
  </si>
  <si>
    <t>1307271.0</t>
  </si>
  <si>
    <t>34551.0</t>
  </si>
  <si>
    <t>9613817.0</t>
  </si>
  <si>
    <t>4335881.0</t>
  </si>
  <si>
    <t>3935095.0</t>
  </si>
  <si>
    <t>1342841.0</t>
  </si>
  <si>
    <t>9649462.0</t>
  </si>
  <si>
    <t>4337089.0</t>
  </si>
  <si>
    <t>3936594.0</t>
  </si>
  <si>
    <t>1375779.0</t>
  </si>
  <si>
    <t>9684836.0</t>
  </si>
  <si>
    <t>4338322.0</t>
  </si>
  <si>
    <t>3937949.0</t>
  </si>
  <si>
    <t>1408565.0</t>
  </si>
  <si>
    <t>35551.0</t>
  </si>
  <si>
    <t>9716228.0</t>
  </si>
  <si>
    <t>4339277.0</t>
  </si>
  <si>
    <t>3939128.0</t>
  </si>
  <si>
    <t>1437823.0</t>
  </si>
  <si>
    <t>9749899.0</t>
  </si>
  <si>
    <t>4340162.0</t>
  </si>
  <si>
    <t>3940314.0</t>
  </si>
  <si>
    <t>1469423.0</t>
  </si>
  <si>
    <t>9785205.0</t>
  </si>
  <si>
    <t>4341224.0</t>
  </si>
  <si>
    <t>3941715.0</t>
  </si>
  <si>
    <t>1502266.0</t>
  </si>
  <si>
    <t>35306.0</t>
  </si>
  <si>
    <t>9820657.0</t>
  </si>
  <si>
    <t>4342107.0</t>
  </si>
  <si>
    <t>3942927.0</t>
  </si>
  <si>
    <t>1535623.0</t>
  </si>
  <si>
    <t>9855968.0</t>
  </si>
  <si>
    <t>4343208.0</t>
  </si>
  <si>
    <t>3944225.0</t>
  </si>
  <si>
    <t>1568535.0</t>
  </si>
  <si>
    <t>180.31</t>
  </si>
  <si>
    <t>9888243.0</t>
  </si>
  <si>
    <t>4344043.0</t>
  </si>
  <si>
    <t>3945451.0</t>
  </si>
  <si>
    <t>1598749.0</t>
  </si>
  <si>
    <t>9921071.0</t>
  </si>
  <si>
    <t>4344985.0</t>
  </si>
  <si>
    <t>3946514.0</t>
  </si>
  <si>
    <t>1629572.0</t>
  </si>
  <si>
    <t>32828.0</t>
  </si>
  <si>
    <t>9953802.0</t>
  </si>
  <si>
    <t>4345855.0</t>
  </si>
  <si>
    <t>3948483.0</t>
  </si>
  <si>
    <t>1659464.0</t>
  </si>
  <si>
    <t>9984264.0</t>
  </si>
  <si>
    <t>4346736.0</t>
  </si>
  <si>
    <t>3949736.0</t>
  </si>
  <si>
    <t>1687792.0</t>
  </si>
  <si>
    <t>33481.0</t>
  </si>
  <si>
    <t>10021469.0</t>
  </si>
  <si>
    <t>4347880.0</t>
  </si>
  <si>
    <t>3951364.0</t>
  </si>
  <si>
    <t>1722225.0</t>
  </si>
  <si>
    <t>10057922.0</t>
  </si>
  <si>
    <t>4349058.0</t>
  </si>
  <si>
    <t>3953170.0</t>
  </si>
  <si>
    <t>1755694.0</t>
  </si>
  <si>
    <t>36453.0</t>
  </si>
  <si>
    <t>10095853.0</t>
  </si>
  <si>
    <t>4350133.0</t>
  </si>
  <si>
    <t>3954992.0</t>
  </si>
  <si>
    <t>1790728.0</t>
  </si>
  <si>
    <t>10131448.0</t>
  </si>
  <si>
    <t>4351214.0</t>
  </si>
  <si>
    <t>3956719.0</t>
  </si>
  <si>
    <t>1823515.0</t>
  </si>
  <si>
    <t>34744.0</t>
  </si>
  <si>
    <t>10170001.0</t>
  </si>
  <si>
    <t>4352104.0</t>
  </si>
  <si>
    <t>3958162.0</t>
  </si>
  <si>
    <t>1859735.0</t>
  </si>
  <si>
    <t>186.06</t>
  </si>
  <si>
    <t>10204030.0</t>
  </si>
  <si>
    <t>4354064.0</t>
  </si>
  <si>
    <t>3960681.0</t>
  </si>
  <si>
    <t>1889285.0</t>
  </si>
  <si>
    <t>34029.0</t>
  </si>
  <si>
    <t>35747.0</t>
  </si>
  <si>
    <t>10239870.0</t>
  </si>
  <si>
    <t>4355063.0</t>
  </si>
  <si>
    <t>3962203.0</t>
  </si>
  <si>
    <t>1922604.0</t>
  </si>
  <si>
    <t>10284592.0</t>
  </si>
  <si>
    <t>4357567.0</t>
  </si>
  <si>
    <t>3965437.0</t>
  </si>
  <si>
    <t>1961588.0</t>
  </si>
  <si>
    <t>10327117.0</t>
  </si>
  <si>
    <t>4358725.0</t>
  </si>
  <si>
    <t>3967477.0</t>
  </si>
  <si>
    <t>2000915.0</t>
  </si>
  <si>
    <t>42525.0</t>
  </si>
  <si>
    <t>38456.0</t>
  </si>
  <si>
    <t>10369523.0</t>
  </si>
  <si>
    <t>4359959.0</t>
  </si>
  <si>
    <t>3969494.0</t>
  </si>
  <si>
    <t>2040070.0</t>
  </si>
  <si>
    <t>42406.0</t>
  </si>
  <si>
    <t>39096.0</t>
  </si>
  <si>
    <t>10408769.0</t>
  </si>
  <si>
    <t>4361197.0</t>
  </si>
  <si>
    <t>3971488.0</t>
  </si>
  <si>
    <t>2076084.0</t>
  </si>
  <si>
    <t>39246.0</t>
  </si>
  <si>
    <t>10452457.0</t>
  </si>
  <si>
    <t>4362468.0</t>
  </si>
  <si>
    <t>3973761.0</t>
  </si>
  <si>
    <t>2116228.0</t>
  </si>
  <si>
    <t>10495760.0</t>
  </si>
  <si>
    <t>3976670.0</t>
  </si>
  <si>
    <t>2154571.0</t>
  </si>
  <si>
    <t>43303.0</t>
  </si>
  <si>
    <t>41676.0</t>
  </si>
  <si>
    <t>10541454.0</t>
  </si>
  <si>
    <t>4363074.0</t>
  </si>
  <si>
    <t>3978208.0</t>
  </si>
  <si>
    <t>2200172.0</t>
  </si>
  <si>
    <t>45694.0</t>
  </si>
  <si>
    <t>10600388.0</t>
  </si>
  <si>
    <t>4364802.0</t>
  </si>
  <si>
    <t>3981180.0</t>
  </si>
  <si>
    <t>2254406.0</t>
  </si>
  <si>
    <t>193.93</t>
  </si>
  <si>
    <t>10664257.0</t>
  </si>
  <si>
    <t>4366439.0</t>
  </si>
  <si>
    <t>3983975.0</t>
  </si>
  <si>
    <t>2313843.0</t>
  </si>
  <si>
    <t>63869.0</t>
  </si>
  <si>
    <t>10731273.0</t>
  </si>
  <si>
    <t>4367798.0</t>
  </si>
  <si>
    <t>3986305.0</t>
  </si>
  <si>
    <t>2377170.0</t>
  </si>
  <si>
    <t>67016.0</t>
  </si>
  <si>
    <t>51679.0</t>
  </si>
  <si>
    <t>10795311.0</t>
  </si>
  <si>
    <t>4369398.0</t>
  </si>
  <si>
    <t>3988961.0</t>
  </si>
  <si>
    <t>2436952.0</t>
  </si>
  <si>
    <t>10864083.0</t>
  </si>
  <si>
    <t>4371171.0</t>
  </si>
  <si>
    <t>3991879.0</t>
  </si>
  <si>
    <t>2501033.0</t>
  </si>
  <si>
    <t>58804.0</t>
  </si>
  <si>
    <t>10927251.0</t>
  </si>
  <si>
    <t>4372129.0</t>
  </si>
  <si>
    <t>3993642.0</t>
  </si>
  <si>
    <t>2561480.0</t>
  </si>
  <si>
    <t>61642.0</t>
  </si>
  <si>
    <t>11001724.0</t>
  </si>
  <si>
    <t>4373917.0</t>
  </si>
  <si>
    <t>3997192.0</t>
  </si>
  <si>
    <t>2630615.0</t>
  </si>
  <si>
    <t>65753.0</t>
  </si>
  <si>
    <t>11084520.0</t>
  </si>
  <si>
    <t>4375588.0</t>
  </si>
  <si>
    <t>4000171.0</t>
  </si>
  <si>
    <t>2708761.0</t>
  </si>
  <si>
    <t>82796.0</t>
  </si>
  <si>
    <t>11162841.0</t>
  </si>
  <si>
    <t>4377002.0</t>
  </si>
  <si>
    <t>4003377.0</t>
  </si>
  <si>
    <t>2782462.0</t>
  </si>
  <si>
    <t>78321.0</t>
  </si>
  <si>
    <t>71226.0</t>
  </si>
  <si>
    <t>11225951.0</t>
  </si>
  <si>
    <t>4378172.0</t>
  </si>
  <si>
    <t>4006076.0</t>
  </si>
  <si>
    <t>2841703.0</t>
  </si>
  <si>
    <t>63110.0</t>
  </si>
  <si>
    <t>70668.0</t>
  </si>
  <si>
    <t>54452.0</t>
  </si>
  <si>
    <t>11264550.0</t>
  </si>
  <si>
    <t>4379460.0</t>
  </si>
  <si>
    <t>4008222.0</t>
  </si>
  <si>
    <t>2876868.0</t>
  </si>
  <si>
    <t>206.08</t>
  </si>
  <si>
    <t>11291713.0</t>
  </si>
  <si>
    <t>4380108.0</t>
  </si>
  <si>
    <t>4009886.0</t>
  </si>
  <si>
    <t>2901719.0</t>
  </si>
  <si>
    <t>11338693.0</t>
  </si>
  <si>
    <t>4381226.0</t>
  </si>
  <si>
    <t>4012490.0</t>
  </si>
  <si>
    <t>2944977.0</t>
  </si>
  <si>
    <t>11377375.0</t>
  </si>
  <si>
    <t>4382665.0</t>
  </si>
  <si>
    <t>4015376.0</t>
  </si>
  <si>
    <t>2979334.0</t>
  </si>
  <si>
    <t>11392828.0</t>
  </si>
  <si>
    <t>4383209.0</t>
  </si>
  <si>
    <t>4017043.0</t>
  </si>
  <si>
    <t>11392833.0</t>
  </si>
  <si>
    <t>4383212.0</t>
  </si>
  <si>
    <t>4017045.0</t>
  </si>
  <si>
    <t>11392846.0</t>
  </si>
  <si>
    <t>4017051.0</t>
  </si>
  <si>
    <t>2992583.0</t>
  </si>
  <si>
    <t>11413297.0</t>
  </si>
  <si>
    <t>4384343.0</t>
  </si>
  <si>
    <t>4022821.0</t>
  </si>
  <si>
    <t>3006133.0</t>
  </si>
  <si>
    <t>11428303.0</t>
  </si>
  <si>
    <t>4385227.0</t>
  </si>
  <si>
    <t>4026878.0</t>
  </si>
  <si>
    <t>3016198.0</t>
  </si>
  <si>
    <t>11462788.0</t>
  </si>
  <si>
    <t>4387192.0</t>
  </si>
  <si>
    <t>4033635.0</t>
  </si>
  <si>
    <t>3041961.0</t>
  </si>
  <si>
    <t>11488977.0</t>
  </si>
  <si>
    <t>4388543.0</t>
  </si>
  <si>
    <t>4037434.0</t>
  </si>
  <si>
    <t>3063000.0</t>
  </si>
  <si>
    <t>11513857.0</t>
  </si>
  <si>
    <t>4390076.0</t>
  </si>
  <si>
    <t>4041550.0</t>
  </si>
  <si>
    <t>3082231.0</t>
  </si>
  <si>
    <t>11538321.0</t>
  </si>
  <si>
    <t>4391558.0</t>
  </si>
  <si>
    <t>4045667.0</t>
  </si>
  <si>
    <t>3101096.0</t>
  </si>
  <si>
    <t>11556415.0</t>
  </si>
  <si>
    <t>4392694.0</t>
  </si>
  <si>
    <t>4048656.0</t>
  </si>
  <si>
    <t>3115065.0</t>
  </si>
  <si>
    <t>11575826.0</t>
  </si>
  <si>
    <t>4393689.0</t>
  </si>
  <si>
    <t>4051635.0</t>
  </si>
  <si>
    <t>3130502.0</t>
  </si>
  <si>
    <t>11595045.0</t>
  </si>
  <si>
    <t>4394756.0</t>
  </si>
  <si>
    <t>4054752.0</t>
  </si>
  <si>
    <t>3145537.0</t>
  </si>
  <si>
    <t>19219.0</t>
  </si>
  <si>
    <t>11612508.0</t>
  </si>
  <si>
    <t>4395793.0</t>
  </si>
  <si>
    <t>4057606.0</t>
  </si>
  <si>
    <t>3159109.0</t>
  </si>
  <si>
    <t>11628950.0</t>
  </si>
  <si>
    <t>4396802.0</t>
  </si>
  <si>
    <t>4060859.0</t>
  </si>
  <si>
    <t>3171289.0</t>
  </si>
  <si>
    <t>11647145.0</t>
  </si>
  <si>
    <t>4397912.0</t>
  </si>
  <si>
    <t>4064533.0</t>
  </si>
  <si>
    <t>3184700.0</t>
  </si>
  <si>
    <t>11672046.0</t>
  </si>
  <si>
    <t>4398881.0</t>
  </si>
  <si>
    <t>4077145.0</t>
  </si>
  <si>
    <t>3196020.0</t>
  </si>
  <si>
    <t>24901.0</t>
  </si>
  <si>
    <t>11692057.0</t>
  </si>
  <si>
    <t>4400229.0</t>
  </si>
  <si>
    <t>4087517.0</t>
  </si>
  <si>
    <t>3204311.0</t>
  </si>
  <si>
    <t>213.91</t>
  </si>
  <si>
    <t>11705338.0</t>
  </si>
  <si>
    <t>4401034.0</t>
  </si>
  <si>
    <t>4090242.0</t>
  </si>
  <si>
    <t>3214062.0</t>
  </si>
  <si>
    <t>11717547.0</t>
  </si>
  <si>
    <t>4401876.0</t>
  </si>
  <si>
    <t>4092558.0</t>
  </si>
  <si>
    <t>3223113.0</t>
  </si>
  <si>
    <t>11728113.0</t>
  </si>
  <si>
    <t>4402666.0</t>
  </si>
  <si>
    <t>4094680.0</t>
  </si>
  <si>
    <t>3230767.0</t>
  </si>
  <si>
    <t>11741617.0</t>
  </si>
  <si>
    <t>4404268.0</t>
  </si>
  <si>
    <t>4099222.0</t>
  </si>
  <si>
    <t>3238127.0</t>
  </si>
  <si>
    <t>11752982.0</t>
  </si>
  <si>
    <t>4405059.0</t>
  </si>
  <si>
    <t>4102038.0</t>
  </si>
  <si>
    <t>3245885.0</t>
  </si>
  <si>
    <t>11763860.0</t>
  </si>
  <si>
    <t>4405821.0</t>
  </si>
  <si>
    <t>4105220.0</t>
  </si>
  <si>
    <t>3252819.0</t>
  </si>
  <si>
    <t>215.22</t>
  </si>
  <si>
    <t>11772764.0</t>
  </si>
  <si>
    <t>4406439.0</t>
  </si>
  <si>
    <t>4108252.0</t>
  </si>
  <si>
    <t>3258073.0</t>
  </si>
  <si>
    <t>215.38</t>
  </si>
  <si>
    <t>11783244.0</t>
  </si>
  <si>
    <t>4406999.0</t>
  </si>
  <si>
    <t>4112264.0</t>
  </si>
  <si>
    <t>3263981.0</t>
  </si>
  <si>
    <t>11792662.0</t>
  </si>
  <si>
    <t>4407738.0</t>
  </si>
  <si>
    <t>4115341.0</t>
  </si>
  <si>
    <t>3269583.0</t>
  </si>
  <si>
    <t>11801083.0</t>
  </si>
  <si>
    <t>4408534.0</t>
  </si>
  <si>
    <t>4117631.0</t>
  </si>
  <si>
    <t>3274918.0</t>
  </si>
  <si>
    <t>11809217.0</t>
  </si>
  <si>
    <t>4409367.0</t>
  </si>
  <si>
    <t>4119889.0</t>
  </si>
  <si>
    <t>3279961.0</t>
  </si>
  <si>
    <t>11818797.0</t>
  </si>
  <si>
    <t>4410290.0</t>
  </si>
  <si>
    <t>4122152.0</t>
  </si>
  <si>
    <t>3286355.0</t>
  </si>
  <si>
    <t>216.22</t>
  </si>
  <si>
    <t>11826501.0</t>
  </si>
  <si>
    <t>4410990.0</t>
  </si>
  <si>
    <t>4124546.0</t>
  </si>
  <si>
    <t>3290965.0</t>
  </si>
  <si>
    <t>11834201.0</t>
  </si>
  <si>
    <t>4411649.0</t>
  </si>
  <si>
    <t>4127051.0</t>
  </si>
  <si>
    <t>3295501.0</t>
  </si>
  <si>
    <t>11844646.0</t>
  </si>
  <si>
    <t>4416119.0</t>
  </si>
  <si>
    <t>4129347.0</t>
  </si>
  <si>
    <t>3299180.0</t>
  </si>
  <si>
    <t>11850415.0</t>
  </si>
  <si>
    <t>4417105.0</t>
  </si>
  <si>
    <t>4130639.0</t>
  </si>
  <si>
    <t>3302671.0</t>
  </si>
  <si>
    <t>11856948.0</t>
  </si>
  <si>
    <t>4417967.0</t>
  </si>
  <si>
    <t>4131914.0</t>
  </si>
  <si>
    <t>3307067.0</t>
  </si>
  <si>
    <t>11862358.0</t>
  </si>
  <si>
    <t>4418804.0</t>
  </si>
  <si>
    <t>4132928.0</t>
  </si>
  <si>
    <t>3310626.0</t>
  </si>
  <si>
    <t>11868841.0</t>
  </si>
  <si>
    <t>4419733.0</t>
  </si>
  <si>
    <t>4134606.0</t>
  </si>
  <si>
    <t>3314502.0</t>
  </si>
  <si>
    <t>11874872.0</t>
  </si>
  <si>
    <t>4421427.0</t>
  </si>
  <si>
    <t>4135751.0</t>
  </si>
  <si>
    <t>3317694.0</t>
  </si>
  <si>
    <t>11879712.0</t>
  </si>
  <si>
    <t>4422719.0</t>
  </si>
  <si>
    <t>4136739.0</t>
  </si>
  <si>
    <t>3320254.0</t>
  </si>
  <si>
    <t>11886038.0</t>
  </si>
  <si>
    <t>4423415.0</t>
  </si>
  <si>
    <t>4137747.0</t>
  </si>
  <si>
    <t>3324876.0</t>
  </si>
  <si>
    <t>11891524.0</t>
  </si>
  <si>
    <t>4423943.0</t>
  </si>
  <si>
    <t>4138634.0</t>
  </si>
  <si>
    <t>3328947.0</t>
  </si>
  <si>
    <t>11897174.0</t>
  </si>
  <si>
    <t>4424596.0</t>
  </si>
  <si>
    <t>4139618.0</t>
  </si>
  <si>
    <t>3332960.0</t>
  </si>
  <si>
    <t>217.66</t>
  </si>
  <si>
    <t>11903556.0</t>
  </si>
  <si>
    <t>4425282.0</t>
  </si>
  <si>
    <t>4140451.0</t>
  </si>
  <si>
    <t>3337823.0</t>
  </si>
  <si>
    <t>11912358.0</t>
  </si>
  <si>
    <t>4426094.0</t>
  </si>
  <si>
    <t>4141713.0</t>
  </si>
  <si>
    <t>3344551.0</t>
  </si>
  <si>
    <t>11918789.0</t>
  </si>
  <si>
    <t>4427052.0</t>
  </si>
  <si>
    <t>4142683.0</t>
  </si>
  <si>
    <t>3349054.0</t>
  </si>
  <si>
    <t>218.05</t>
  </si>
  <si>
    <t>11923771.0</t>
  </si>
  <si>
    <t>4428021.0</t>
  </si>
  <si>
    <t>4143511.0</t>
  </si>
  <si>
    <t>3352239.0</t>
  </si>
  <si>
    <t>218.14</t>
  </si>
  <si>
    <t>11932332.0</t>
  </si>
  <si>
    <t>4428684.0</t>
  </si>
  <si>
    <t>4144534.0</t>
  </si>
  <si>
    <t>3359114.0</t>
  </si>
  <si>
    <t>11941140.0</t>
  </si>
  <si>
    <t>4429337.0</t>
  </si>
  <si>
    <t>4145785.0</t>
  </si>
  <si>
    <t>3366018.0</t>
  </si>
  <si>
    <t>11948588.0</t>
  </si>
  <si>
    <t>4429979.0</t>
  </si>
  <si>
    <t>4146918.0</t>
  </si>
  <si>
    <t>3371691.0</t>
  </si>
  <si>
    <t>11956847.0</t>
  </si>
  <si>
    <t>4430717.0</t>
  </si>
  <si>
    <t>4148237.0</t>
  </si>
  <si>
    <t>3377893.0</t>
  </si>
  <si>
    <t>11965142.0</t>
  </si>
  <si>
    <t>4431254.0</t>
  </si>
  <si>
    <t>4149521.0</t>
  </si>
  <si>
    <t>3384367.0</t>
  </si>
  <si>
    <t>11973063.0</t>
  </si>
  <si>
    <t>4431881.0</t>
  </si>
  <si>
    <t>4150430.0</t>
  </si>
  <si>
    <t>3390752.0</t>
  </si>
  <si>
    <t>11981239.0</t>
  </si>
  <si>
    <t>4432566.0</t>
  </si>
  <si>
    <t>4151403.0</t>
  </si>
  <si>
    <t>3397270.0</t>
  </si>
  <si>
    <t>11989604.0</t>
  </si>
  <si>
    <t>4433160.0</t>
  </si>
  <si>
    <t>4152325.0</t>
  </si>
  <si>
    <t>3404119.0</t>
  </si>
  <si>
    <t>11997515.0</t>
  </si>
  <si>
    <t>4433601.0</t>
  </si>
  <si>
    <t>4153359.0</t>
  </si>
  <si>
    <t>3410555.0</t>
  </si>
  <si>
    <t>12004085.0</t>
  </si>
  <si>
    <t>4433961.0</t>
  </si>
  <si>
    <t>4154182.0</t>
  </si>
  <si>
    <t>3415942.0</t>
  </si>
  <si>
    <t>12009256.0</t>
  </si>
  <si>
    <t>4434404.0</t>
  </si>
  <si>
    <t>4154924.0</t>
  </si>
  <si>
    <t>3419928.0</t>
  </si>
  <si>
    <t>12015868.0</t>
  </si>
  <si>
    <t>4434953.0</t>
  </si>
  <si>
    <t>4155979.0</t>
  </si>
  <si>
    <t>3424936.0</t>
  </si>
  <si>
    <t>12020733.0</t>
  </si>
  <si>
    <t>4435562.0</t>
  </si>
  <si>
    <t>4156667.0</t>
  </si>
  <si>
    <t>3428504.0</t>
  </si>
  <si>
    <t>12024069.0</t>
  </si>
  <si>
    <t>4436113.0</t>
  </si>
  <si>
    <t>4157209.0</t>
  </si>
  <si>
    <t>3430747.0</t>
  </si>
  <si>
    <t>12028503.0</t>
  </si>
  <si>
    <t>4436511.0</t>
  </si>
  <si>
    <t>4157929.0</t>
  </si>
  <si>
    <t>3434063.0</t>
  </si>
  <si>
    <t>4436867.0</t>
  </si>
  <si>
    <t>4158818.0</t>
  </si>
  <si>
    <t>3437398.0</t>
  </si>
  <si>
    <t>12037211.0</t>
  </si>
  <si>
    <t>4437162.0</t>
  </si>
  <si>
    <t>4159556.0</t>
  </si>
  <si>
    <t>3440493.0</t>
  </si>
  <si>
    <t>12041566.0</t>
  </si>
  <si>
    <t>4437559.0</t>
  </si>
  <si>
    <t>4160391.0</t>
  </si>
  <si>
    <t>3443616.0</t>
  </si>
  <si>
    <t>12045411.0</t>
  </si>
  <si>
    <t>4437902.0</t>
  </si>
  <si>
    <t>4161058.0</t>
  </si>
  <si>
    <t>3446451.0</t>
  </si>
  <si>
    <t>12048856.0</t>
  </si>
  <si>
    <t>4438252.0</t>
  </si>
  <si>
    <t>4161737.0</t>
  </si>
  <si>
    <t>3448867.0</t>
  </si>
  <si>
    <t>12052337.0</t>
  </si>
  <si>
    <t>4438528.0</t>
  </si>
  <si>
    <t>4162451.0</t>
  </si>
  <si>
    <t>3451358.0</t>
  </si>
  <si>
    <t>234.907</t>
  </si>
  <si>
    <t>12056576.0</t>
  </si>
  <si>
    <t>4438843.0</t>
  </si>
  <si>
    <t>4163548.0</t>
  </si>
  <si>
    <t>3454185.0</t>
  </si>
  <si>
    <t>12060798.0</t>
  </si>
  <si>
    <t>4439150.0</t>
  </si>
  <si>
    <t>4164671.0</t>
  </si>
  <si>
    <t>3456977.0</t>
  </si>
  <si>
    <t>12064282.0</t>
  </si>
  <si>
    <t>4439451.0</t>
  </si>
  <si>
    <t>4165704.0</t>
  </si>
  <si>
    <t>3459127.0</t>
  </si>
  <si>
    <t>12067385.0</t>
  </si>
  <si>
    <t>4439695.0</t>
  </si>
  <si>
    <t>4166614.0</t>
  </si>
  <si>
    <t>3461076.0</t>
  </si>
  <si>
    <t>12080807.0</t>
  </si>
  <si>
    <t>4441175.0</t>
  </si>
  <si>
    <t>3468504.0</t>
  </si>
  <si>
    <t>12083894.0</t>
  </si>
  <si>
    <t>4441461.0</t>
  </si>
  <si>
    <t>3470435.0</t>
  </si>
  <si>
    <t>12089272.0</t>
  </si>
  <si>
    <t>4441944.0</t>
  </si>
  <si>
    <t>3473650.0</t>
  </si>
  <si>
    <t>12091860.0</t>
  </si>
  <si>
    <t>4442211.0</t>
  </si>
  <si>
    <t>3475122.0</t>
  </si>
  <si>
    <t>12096358.0</t>
  </si>
  <si>
    <t>3475680.0</t>
  </si>
  <si>
    <t>376.875</t>
  </si>
  <si>
    <t>12100734.0</t>
  </si>
  <si>
    <t>3476291.0</t>
  </si>
  <si>
    <t>12104193.0</t>
  </si>
  <si>
    <t>3477790.0</t>
  </si>
  <si>
    <t>12107175.0</t>
  </si>
  <si>
    <t>3479040.0</t>
  </si>
  <si>
    <t>12150474.0</t>
  </si>
  <si>
    <t>4445003.0</t>
  </si>
  <si>
    <t>4168798.0</t>
  </si>
  <si>
    <t>3479826.0</t>
  </si>
  <si>
    <t>12156497.0</t>
  </si>
  <si>
    <t>4446369.0</t>
  </si>
  <si>
    <t>4169550.0</t>
  </si>
  <si>
    <t>3481073.0</t>
  </si>
  <si>
    <t>12160155.0</t>
  </si>
  <si>
    <t>4448008.0</t>
  </si>
  <si>
    <t>4170285.0</t>
  </si>
  <si>
    <t>3482357.0</t>
  </si>
  <si>
    <t>12166379.0</t>
  </si>
  <si>
    <t>4452674.0</t>
  </si>
  <si>
    <t>4171133.0</t>
  </si>
  <si>
    <t>3483067.0</t>
  </si>
  <si>
    <t>12175772.0</t>
  </si>
  <si>
    <t>4456870.0</t>
  </si>
  <si>
    <t>4171767.0</t>
  </si>
  <si>
    <t>3483642.0</t>
  </si>
  <si>
    <t>12188122.0</t>
  </si>
  <si>
    <t>4458008.0</t>
  </si>
  <si>
    <t>4172472.0</t>
  </si>
  <si>
    <t>3484968.0</t>
  </si>
  <si>
    <t>12198692.0</t>
  </si>
  <si>
    <t>4459092.0</t>
  </si>
  <si>
    <t>4173136.0</t>
  </si>
  <si>
    <t>3486236.0</t>
  </si>
  <si>
    <t>12208631.0</t>
  </si>
  <si>
    <t>4460114.0</t>
  </si>
  <si>
    <t>4173786.0</t>
  </si>
  <si>
    <t>3487227.0</t>
  </si>
  <si>
    <t>12219306.0</t>
  </si>
  <si>
    <t>4461103.0</t>
  </si>
  <si>
    <t>4174374.0</t>
  </si>
  <si>
    <t>3488367.0</t>
  </si>
  <si>
    <t>12230825.0</t>
  </si>
  <si>
    <t>4461791.0</t>
  </si>
  <si>
    <t>4175161.0</t>
  </si>
  <si>
    <t>3489601.0</t>
  </si>
  <si>
    <t>12239179.0</t>
  </si>
  <si>
    <t>4465114.0</t>
  </si>
  <si>
    <t>4175957.0</t>
  </si>
  <si>
    <t>3490509.0</t>
  </si>
  <si>
    <t>12246763.0</t>
  </si>
  <si>
    <t>4468259.0</t>
  </si>
  <si>
    <t>4176725.0</t>
  </si>
  <si>
    <t>3491255.0</t>
  </si>
  <si>
    <t>12255821.0</t>
  </si>
  <si>
    <t>4470307.0</t>
  </si>
  <si>
    <t>4177362.0</t>
  </si>
  <si>
    <t>3492109.0</t>
  </si>
  <si>
    <t>224.22</t>
  </si>
  <si>
    <t>12264726.0</t>
  </si>
  <si>
    <t>4472049.0</t>
  </si>
  <si>
    <t>4177948.0</t>
  </si>
  <si>
    <t>3492859.0</t>
  </si>
  <si>
    <t>12285079.0</t>
  </si>
  <si>
    <t>4475149.0</t>
  </si>
  <si>
    <t>4179057.0</t>
  </si>
  <si>
    <t>3494368.0</t>
  </si>
  <si>
    <t>12297405.0</t>
  </si>
  <si>
    <t>4476953.0</t>
  </si>
  <si>
    <t>4179837.0</t>
  </si>
  <si>
    <t>3495397.0</t>
  </si>
  <si>
    <t>224.98</t>
  </si>
  <si>
    <t>12309654.0</t>
  </si>
  <si>
    <t>4478896.0</t>
  </si>
  <si>
    <t>4180591.0</t>
  </si>
  <si>
    <t>3496541.0</t>
  </si>
  <si>
    <t>12319300.0</t>
  </si>
  <si>
    <t>4482100.0</t>
  </si>
  <si>
    <t>4181344.0</t>
  </si>
  <si>
    <t>3497365.0</t>
  </si>
  <si>
    <t>12329026.0</t>
  </si>
  <si>
    <t>4484840.0</t>
  </si>
  <si>
    <t>4181969.0</t>
  </si>
  <si>
    <t>3498084.0</t>
  </si>
  <si>
    <t>12349556.0</t>
  </si>
  <si>
    <t>4486150.0</t>
  </si>
  <si>
    <t>4182917.0</t>
  </si>
  <si>
    <t>3499483.0</t>
  </si>
  <si>
    <t>12369054.0</t>
  </si>
  <si>
    <t>4487259.0</t>
  </si>
  <si>
    <t>4183790.0</t>
  </si>
  <si>
    <t>3500750.0</t>
  </si>
  <si>
    <t>226.29</t>
  </si>
  <si>
    <t>12387491.0</t>
  </si>
  <si>
    <t>4488396.0</t>
  </si>
  <si>
    <t>4184645.0</t>
  </si>
  <si>
    <t>3502047.0</t>
  </si>
  <si>
    <t>12406518.0</t>
  </si>
  <si>
    <t>4489500.0</t>
  </si>
  <si>
    <t>4185542.0</t>
  </si>
  <si>
    <t>3503362.0</t>
  </si>
  <si>
    <t>12413621.0</t>
  </si>
  <si>
    <t>4489837.0</t>
  </si>
  <si>
    <t>4186066.0</t>
  </si>
  <si>
    <t>3503994.0</t>
  </si>
  <si>
    <t>12425554.0</t>
  </si>
  <si>
    <t>4491647.0</t>
  </si>
  <si>
    <t>4186857.0</t>
  </si>
  <si>
    <t>3504902.0</t>
  </si>
  <si>
    <t>12435378.0</t>
  </si>
  <si>
    <t>4492654.0</t>
  </si>
  <si>
    <t>4187342.0</t>
  </si>
  <si>
    <t>3505532.0</t>
  </si>
  <si>
    <t>12440209.0</t>
  </si>
  <si>
    <t>4492931.0</t>
  </si>
  <si>
    <t>4187622.0</t>
  </si>
  <si>
    <t>3505946.0</t>
  </si>
  <si>
    <t>12454829.0</t>
  </si>
  <si>
    <t>4493560.0</t>
  </si>
  <si>
    <t>4188259.0</t>
  </si>
  <si>
    <t>3507123.0</t>
  </si>
  <si>
    <t>12467880.0</t>
  </si>
  <si>
    <t>4493986.0</t>
  </si>
  <si>
    <t>4188795.0</t>
  </si>
  <si>
    <t>3508126.0</t>
  </si>
  <si>
    <t>12484084.0</t>
  </si>
  <si>
    <t>4494567.0</t>
  </si>
  <si>
    <t>4189407.0</t>
  </si>
  <si>
    <t>3509378.0</t>
  </si>
  <si>
    <t>12499574.0</t>
  </si>
  <si>
    <t>4495544.0</t>
  </si>
  <si>
    <t>4189980.0</t>
  </si>
  <si>
    <t>3510422.0</t>
  </si>
  <si>
    <t>228.68</t>
  </si>
  <si>
    <t>12512257.0</t>
  </si>
  <si>
    <t>4498521.0</t>
  </si>
  <si>
    <t>4190760.0</t>
  </si>
  <si>
    <t>3511274.0</t>
  </si>
  <si>
    <t>228.91</t>
  </si>
  <si>
    <t>12523026.0</t>
  </si>
  <si>
    <t>4501137.0</t>
  </si>
  <si>
    <t>4191376.0</t>
  </si>
  <si>
    <t>3512032.0</t>
  </si>
  <si>
    <t>12537854.0</t>
  </si>
  <si>
    <t>4501564.0</t>
  </si>
  <si>
    <t>4192064.0</t>
  </si>
  <si>
    <t>3513259.0</t>
  </si>
  <si>
    <t>229.38</t>
  </si>
  <si>
    <t>12551697.0</t>
  </si>
  <si>
    <t>4501919.0</t>
  </si>
  <si>
    <t>4192646.0</t>
  </si>
  <si>
    <t>3514326.0</t>
  </si>
  <si>
    <t>12564477.0</t>
  </si>
  <si>
    <t>4502241.0</t>
  </si>
  <si>
    <t>4193191.0</t>
  </si>
  <si>
    <t>3515296.0</t>
  </si>
  <si>
    <t>229.87</t>
  </si>
  <si>
    <t>266.74</t>
  </si>
  <si>
    <t>12575652.0</t>
  </si>
  <si>
    <t>4502546.0</t>
  </si>
  <si>
    <t>4193745.0</t>
  </si>
  <si>
    <t>3516361.0</t>
  </si>
  <si>
    <t>12590578.0</t>
  </si>
  <si>
    <t>4502944.0</t>
  </si>
  <si>
    <t>4194482.0</t>
  </si>
  <si>
    <t>3517495.0</t>
  </si>
  <si>
    <t>230.34</t>
  </si>
  <si>
    <t>12599768.0</t>
  </si>
  <si>
    <t>4505080.0</t>
  </si>
  <si>
    <t>4195199.0</t>
  </si>
  <si>
    <t>3518378.0</t>
  </si>
  <si>
    <t>12606661.0</t>
  </si>
  <si>
    <t>4506320.0</t>
  </si>
  <si>
    <t>4195714.0</t>
  </si>
  <si>
    <t>3519001.0</t>
  </si>
  <si>
    <t>12610531.0</t>
  </si>
  <si>
    <t>4506474.0</t>
  </si>
  <si>
    <t>4196004.0</t>
  </si>
  <si>
    <t>3519479.0</t>
  </si>
  <si>
    <t>12623094.0</t>
  </si>
  <si>
    <t>4506854.0</t>
  </si>
  <si>
    <t>4196615.0</t>
  </si>
  <si>
    <t>3520559.0</t>
  </si>
  <si>
    <t>12632866.0</t>
  </si>
  <si>
    <t>4507189.0</t>
  </si>
  <si>
    <t>4197253.0</t>
  </si>
  <si>
    <t>3521601.0</t>
  </si>
  <si>
    <t>231.12</t>
  </si>
  <si>
    <t>12641407.0</t>
  </si>
  <si>
    <t>4507428.0</t>
  </si>
  <si>
    <t>4197771.0</t>
  </si>
  <si>
    <t>3522455.0</t>
  </si>
  <si>
    <t>12651308.0</t>
  </si>
  <si>
    <t>4507855.0</t>
  </si>
  <si>
    <t>4198446.0</t>
  </si>
  <si>
    <t>3523733.0</t>
  </si>
  <si>
    <t>12659577.0</t>
  </si>
  <si>
    <t>4509766.0</t>
  </si>
  <si>
    <t>4199979.0</t>
  </si>
  <si>
    <t>3524835.0</t>
  </si>
  <si>
    <t>231.61</t>
  </si>
  <si>
    <t>12665704.0</t>
  </si>
  <si>
    <t>4510702.0</t>
  </si>
  <si>
    <t>4201056.0</t>
  </si>
  <si>
    <t>3525701.0</t>
  </si>
  <si>
    <t>231.72</t>
  </si>
  <si>
    <t>12675410.0</t>
  </si>
  <si>
    <t>4511017.0</t>
  </si>
  <si>
    <t>4201682.0</t>
  </si>
  <si>
    <t>3527123.0</t>
  </si>
  <si>
    <t>12684268.0</t>
  </si>
  <si>
    <t>4511287.0</t>
  </si>
  <si>
    <t>4202119.0</t>
  </si>
  <si>
    <t>3528236.0</t>
  </si>
  <si>
    <t>232.06</t>
  </si>
  <si>
    <t>12693269.0</t>
  </si>
  <si>
    <t>4511645.0</t>
  </si>
  <si>
    <t>4202683.0</t>
  </si>
  <si>
    <t>3529529.0</t>
  </si>
  <si>
    <t>12700070.0</t>
  </si>
  <si>
    <t>4511869.0</t>
  </si>
  <si>
    <t>4203086.0</t>
  </si>
  <si>
    <t>3530475.0</t>
  </si>
  <si>
    <t>232.35</t>
  </si>
  <si>
    <t>12707354.0</t>
  </si>
  <si>
    <t>4512179.0</t>
  </si>
  <si>
    <t>4203607.0</t>
  </si>
  <si>
    <t>3531558.0</t>
  </si>
  <si>
    <t>12713952.0</t>
  </si>
  <si>
    <t>4513770.0</t>
  </si>
  <si>
    <t>4204287.0</t>
  </si>
  <si>
    <t>3532455.0</t>
  </si>
  <si>
    <t>12719463.0</t>
  </si>
  <si>
    <t>4514919.0</t>
  </si>
  <si>
    <t>4204874.0</t>
  </si>
  <si>
    <t>3533397.0</t>
  </si>
  <si>
    <t>12726563.0</t>
  </si>
  <si>
    <t>4515155.0</t>
  </si>
  <si>
    <t>4205304.0</t>
  </si>
  <si>
    <t>3534404.0</t>
  </si>
  <si>
    <t>12732562.0</t>
  </si>
  <si>
    <t>4515338.0</t>
  </si>
  <si>
    <t>4205651.0</t>
  </si>
  <si>
    <t>3535180.0</t>
  </si>
  <si>
    <t>12738811.0</t>
  </si>
  <si>
    <t>4515594.0</t>
  </si>
  <si>
    <t>4206095.0</t>
  </si>
  <si>
    <t>3536022.0</t>
  </si>
  <si>
    <t>12744416.0</t>
  </si>
  <si>
    <t>4515803.0</t>
  </si>
  <si>
    <t>4206531.0</t>
  </si>
  <si>
    <t>3536870.0</t>
  </si>
  <si>
    <t>12749699.0</t>
  </si>
  <si>
    <t>4516227.0</t>
  </si>
  <si>
    <t>4207077.0</t>
  </si>
  <si>
    <t>3537782.0</t>
  </si>
  <si>
    <t>233.25</t>
  </si>
  <si>
    <t>12753978.0</t>
  </si>
  <si>
    <t>4517342.0</t>
  </si>
  <si>
    <t>4207812.0</t>
  </si>
  <si>
    <t>3538732.0</t>
  </si>
  <si>
    <t>233.33</t>
  </si>
  <si>
    <t>12757755.0</t>
  </si>
  <si>
    <t>4518301.0</t>
  </si>
  <si>
    <t>4208589.0</t>
  </si>
  <si>
    <t>3539832.0</t>
  </si>
  <si>
    <t>233.4</t>
  </si>
  <si>
    <t>12762408.0</t>
  </si>
  <si>
    <t>4518519.0</t>
  </si>
  <si>
    <t>4209149.0</t>
  </si>
  <si>
    <t>3540789.0</t>
  </si>
  <si>
    <t>12766518.0</t>
  </si>
  <si>
    <t>4518668.0</t>
  </si>
  <si>
    <t>4209491.0</t>
  </si>
  <si>
    <t>3541478.0</t>
  </si>
  <si>
    <t>12770506.0</t>
  </si>
  <si>
    <t>4518929.0</t>
  </si>
  <si>
    <t>4210009.0</t>
  </si>
  <si>
    <t>3542327.0</t>
  </si>
  <si>
    <t>233.64</t>
  </si>
  <si>
    <t>12775359.0</t>
  </si>
  <si>
    <t>4519176.0</t>
  </si>
  <si>
    <t>4210539.0</t>
  </si>
  <si>
    <t>3543282.0</t>
  </si>
  <si>
    <t>12780662.0</t>
  </si>
  <si>
    <t>4519418.0</t>
  </si>
  <si>
    <t>4211132.0</t>
  </si>
  <si>
    <t>3544228.0</t>
  </si>
  <si>
    <t>12784710.0</t>
  </si>
  <si>
    <t>4520770.0</t>
  </si>
  <si>
    <t>4211708.0</t>
  </si>
  <si>
    <t>3544908.0</t>
  </si>
  <si>
    <t>12788317.0</t>
  </si>
  <si>
    <t>4521675.0</t>
  </si>
  <si>
    <t>4212355.0</t>
  </si>
  <si>
    <t>3545657.0</t>
  </si>
  <si>
    <t>12794078.0</t>
  </si>
  <si>
    <t>4521921.0</t>
  </si>
  <si>
    <t>4212816.0</t>
  </si>
  <si>
    <t>3546838.0</t>
  </si>
  <si>
    <t>12798177.0</t>
  </si>
  <si>
    <t>4522135.0</t>
  </si>
  <si>
    <t>4213257.0</t>
  </si>
  <si>
    <t>3547932.0</t>
  </si>
  <si>
    <t>12803430.0</t>
  </si>
  <si>
    <t>4522563.0</t>
  </si>
  <si>
    <t>4213818.0</t>
  </si>
  <si>
    <t>3549180.0</t>
  </si>
  <si>
    <t>12807418.0</t>
  </si>
  <si>
    <t>4522814.0</t>
  </si>
  <si>
    <t>4214300.0</t>
  </si>
  <si>
    <t>3550981.0</t>
  </si>
  <si>
    <t>12808190.0</t>
  </si>
  <si>
    <t>4522880.0</t>
  </si>
  <si>
    <t>4214461.0</t>
  </si>
  <si>
    <t>3551197.0</t>
  </si>
  <si>
    <t>12812270.0</t>
  </si>
  <si>
    <t>4523926.0</t>
  </si>
  <si>
    <t>4215013.0</t>
  </si>
  <si>
    <t>3552636.0</t>
  </si>
  <si>
    <t>12837314.0</t>
  </si>
  <si>
    <t>4524633.0</t>
  </si>
  <si>
    <t>4215736.0</t>
  </si>
  <si>
    <t>3554213.0</t>
  </si>
  <si>
    <t>25044.0</t>
  </si>
  <si>
    <t>12840242.0</t>
  </si>
  <si>
    <t>4524812.0</t>
  </si>
  <si>
    <t>4216229.0</t>
  </si>
  <si>
    <t>3554974.0</t>
  </si>
  <si>
    <t>12843250.0</t>
  </si>
  <si>
    <t>4525032.0</t>
  </si>
  <si>
    <t>4216811.0</t>
  </si>
  <si>
    <t>3555686.0</t>
  </si>
  <si>
    <t>12846403.0</t>
  </si>
  <si>
    <t>4525269.0</t>
  </si>
  <si>
    <t>4217389.0</t>
  </si>
  <si>
    <t>3556524.0</t>
  </si>
  <si>
    <t>235.02</t>
  </si>
  <si>
    <t>12849677.0</t>
  </si>
  <si>
    <t>4525445.0</t>
  </si>
  <si>
    <t>4217863.0</t>
  </si>
  <si>
    <t>3557512.0</t>
  </si>
  <si>
    <t>12853319.0</t>
  </si>
  <si>
    <t>4525644.0</t>
  </si>
  <si>
    <t>4218384.0</t>
  </si>
  <si>
    <t>3558821.0</t>
  </si>
  <si>
    <t>12857343.0</t>
  </si>
  <si>
    <t>4526931.0</t>
  </si>
  <si>
    <t>4219516.0</t>
  </si>
  <si>
    <t>3559799.0</t>
  </si>
  <si>
    <t>12860332.0</t>
  </si>
  <si>
    <t>4527540.0</t>
  </si>
  <si>
    <t>4220400.0</t>
  </si>
  <si>
    <t>3560762.0</t>
  </si>
  <si>
    <t>12863301.0</t>
  </si>
  <si>
    <t>4527715.0</t>
  </si>
  <si>
    <t>4220823.0</t>
  </si>
  <si>
    <t>3561718.0</t>
  </si>
  <si>
    <t>12865769.0</t>
  </si>
  <si>
    <t>4527883.0</t>
  </si>
  <si>
    <t>4221245.0</t>
  </si>
  <si>
    <t>3562459.0</t>
  </si>
  <si>
    <t>12868311.0</t>
  </si>
  <si>
    <t>4528035.0</t>
  </si>
  <si>
    <t>4221590.0</t>
  </si>
  <si>
    <t>3563224.0</t>
  </si>
  <si>
    <t>235.42</t>
  </si>
  <si>
    <t>12871354.0</t>
  </si>
  <si>
    <t>4528277.0</t>
  </si>
  <si>
    <t>4222221.0</t>
  </si>
  <si>
    <t>3564083.0</t>
  </si>
  <si>
    <t>12874015.0</t>
  </si>
  <si>
    <t>4528674.0</t>
  </si>
  <si>
    <t>4222800.0</t>
  </si>
  <si>
    <t>3564767.0</t>
  </si>
  <si>
    <t>12878734.0</t>
  </si>
  <si>
    <t>4530243.0</t>
  </si>
  <si>
    <t>4224902.0</t>
  </si>
  <si>
    <t>3565273.0</t>
  </si>
  <si>
    <t>12883447.0</t>
  </si>
  <si>
    <t>4531393.0</t>
  </si>
  <si>
    <t>4227351.0</t>
  </si>
  <si>
    <t>3565965.0</t>
  </si>
  <si>
    <t>12886569.0</t>
  </si>
  <si>
    <t>4531631.0</t>
  </si>
  <si>
    <t>4227974.0</t>
  </si>
  <si>
    <t>3566684.0</t>
  </si>
  <si>
    <t>189.901</t>
  </si>
  <si>
    <t>12888834.0</t>
  </si>
  <si>
    <t>4531784.0</t>
  </si>
  <si>
    <t>4228451.0</t>
  </si>
  <si>
    <t>3567208.0</t>
  </si>
  <si>
    <t>12891032.0</t>
  </si>
  <si>
    <t>4531955.0</t>
  </si>
  <si>
    <t>4228930.0</t>
  </si>
  <si>
    <t>3567844.0</t>
  </si>
  <si>
    <t>12893591.0</t>
  </si>
  <si>
    <t>4532174.0</t>
  </si>
  <si>
    <t>4229656.0</t>
  </si>
  <si>
    <t>3568459.0</t>
  </si>
  <si>
    <t>12896141.0</t>
  </si>
  <si>
    <t>4532471.0</t>
  </si>
  <si>
    <t>4230278.0</t>
  </si>
  <si>
    <t>3569090.0</t>
  </si>
  <si>
    <t>12901374.0</t>
  </si>
  <si>
    <t>4533533.0</t>
  </si>
  <si>
    <t>4233467.0</t>
  </si>
  <si>
    <t>3569609.0</t>
  </si>
  <si>
    <t>12905587.0</t>
  </si>
  <si>
    <t>4534104.0</t>
  </si>
  <si>
    <t>4236131.0</t>
  </si>
  <si>
    <t>3570098.0</t>
  </si>
  <si>
    <t>12908794.0</t>
  </si>
  <si>
    <t>4534338.0</t>
  </si>
  <si>
    <t>4237359.0</t>
  </si>
  <si>
    <t>3570792.0</t>
  </si>
  <si>
    <t>236.17</t>
  </si>
  <si>
    <t>12911414.0</t>
  </si>
  <si>
    <t>4534515.0</t>
  </si>
  <si>
    <t>4238323.0</t>
  </si>
  <si>
    <t>3571400.0</t>
  </si>
  <si>
    <t>12914344.0</t>
  </si>
  <si>
    <t>4534691.0</t>
  </si>
  <si>
    <t>4239217.0</t>
  </si>
  <si>
    <t>3571981.0</t>
  </si>
  <si>
    <t>12918235.0</t>
  </si>
  <si>
    <t>4534957.0</t>
  </si>
  <si>
    <t>4240521.0</t>
  </si>
  <si>
    <t>3572698.0</t>
  </si>
  <si>
    <t>12920405.0</t>
  </si>
  <si>
    <t>4535124.0</t>
  </si>
  <si>
    <t>4241258.0</t>
  </si>
  <si>
    <t>3573306.0</t>
  </si>
  <si>
    <t>12921268.0</t>
  </si>
  <si>
    <t>4535283.0</t>
  </si>
  <si>
    <t>4241781.0</t>
  </si>
  <si>
    <t>3573405.0</t>
  </si>
  <si>
    <t>236.39</t>
  </si>
  <si>
    <t>12924540.0</t>
  </si>
  <si>
    <t>4535843.0</t>
  </si>
  <si>
    <t>4243382.0</t>
  </si>
  <si>
    <t>3574000.0</t>
  </si>
  <si>
    <t>12928121.0</t>
  </si>
  <si>
    <t>4536567.0</t>
  </si>
  <si>
    <t>4244785.0</t>
  </si>
  <si>
    <t>3574669.0</t>
  </si>
  <si>
    <t>12930290.0</t>
  </si>
  <si>
    <t>4536789.0</t>
  </si>
  <si>
    <t>4245676.0</t>
  </si>
  <si>
    <t>3575148.0</t>
  </si>
  <si>
    <t>236.56</t>
  </si>
  <si>
    <t>12932684.0</t>
  </si>
  <si>
    <t>4537089.0</t>
  </si>
  <si>
    <t>4246602.0</t>
  </si>
  <si>
    <t>3575626.0</t>
  </si>
  <si>
    <t>12935642.0</t>
  </si>
  <si>
    <t>4537525.0</t>
  </si>
  <si>
    <t>4247862.0</t>
  </si>
  <si>
    <t>3576189.0</t>
  </si>
  <si>
    <t>12937859.0</t>
  </si>
  <si>
    <t>4537808.0</t>
  </si>
  <si>
    <t>4248810.0</t>
  </si>
  <si>
    <t>3576576.0</t>
  </si>
  <si>
    <t>12941190.0</t>
  </si>
  <si>
    <t>4538520.0</t>
  </si>
  <si>
    <t>3576879.0</t>
  </si>
  <si>
    <t>12943014.0</t>
  </si>
  <si>
    <t>4538781.0</t>
  </si>
  <si>
    <t>4251795.0</t>
  </si>
  <si>
    <t>3577213.0</t>
  </si>
  <si>
    <t>236.79</t>
  </si>
  <si>
    <t>12944692.0</t>
  </si>
  <si>
    <t>4539000.0</t>
  </si>
  <si>
    <t>4252332.0</t>
  </si>
  <si>
    <t>3577608.0</t>
  </si>
  <si>
    <t>12946618.0</t>
  </si>
  <si>
    <t>4539177.0</t>
  </si>
  <si>
    <t>4252917.0</t>
  </si>
  <si>
    <t>3578089.0</t>
  </si>
  <si>
    <t>236.86</t>
  </si>
  <si>
    <t>12948450.0</t>
  </si>
  <si>
    <t>4539362.0</t>
  </si>
  <si>
    <t>4253495.0</t>
  </si>
  <si>
    <t>3578533.0</t>
  </si>
  <si>
    <t>236.89</t>
  </si>
  <si>
    <t>12950648.0</t>
  </si>
  <si>
    <t>4539570.0</t>
  </si>
  <si>
    <t>4254270.0</t>
  </si>
  <si>
    <t>3579115.0</t>
  </si>
  <si>
    <t>236.93</t>
  </si>
  <si>
    <t>12952455.0</t>
  </si>
  <si>
    <t>4539713.0</t>
  </si>
  <si>
    <t>4254909.0</t>
  </si>
  <si>
    <t>3579614.0</t>
  </si>
  <si>
    <t>236.96</t>
  </si>
  <si>
    <t>12955183.0</t>
  </si>
  <si>
    <t>4540336.0</t>
  </si>
  <si>
    <t>4256408.0</t>
  </si>
  <si>
    <t>3579948.0</t>
  </si>
  <si>
    <t>237.01</t>
  </si>
  <si>
    <t>317.051</t>
  </si>
  <si>
    <t>12956204.0</t>
  </si>
  <si>
    <t>4540464.0</t>
  </si>
  <si>
    <t>4256821.0</t>
  </si>
  <si>
    <t>3580210.0</t>
  </si>
  <si>
    <t>12957607.0</t>
  </si>
  <si>
    <t>4540646.0</t>
  </si>
  <si>
    <t>4257273.0</t>
  </si>
  <si>
    <t>3580575.0</t>
  </si>
  <si>
    <t>12958740.0</t>
  </si>
  <si>
    <t>4540726.0</t>
  </si>
  <si>
    <t>4257575.0</t>
  </si>
  <si>
    <t>3580889.0</t>
  </si>
  <si>
    <t>237.08</t>
  </si>
  <si>
    <t>12960112.0</t>
  </si>
  <si>
    <t>4540892.0</t>
  </si>
  <si>
    <t>4257980.0</t>
  </si>
  <si>
    <t>3581264.0</t>
  </si>
  <si>
    <t>12961646.0</t>
  </si>
  <si>
    <t>4541048.0</t>
  </si>
  <si>
    <t>4258457.0</t>
  </si>
  <si>
    <t>3581771.0</t>
  </si>
  <si>
    <t>237.13</t>
  </si>
  <si>
    <t>12964108.0</t>
  </si>
  <si>
    <t>4541316.0</t>
  </si>
  <si>
    <t>4259874.0</t>
  </si>
  <si>
    <t>3582193.0</t>
  </si>
  <si>
    <t>237.18</t>
  </si>
  <si>
    <t>12966559.0</t>
  </si>
  <si>
    <t>4541817.0</t>
  </si>
  <si>
    <t>4261242.0</t>
  </si>
  <si>
    <t>3582587.0</t>
  </si>
  <si>
    <t>237.22</t>
  </si>
  <si>
    <t>12967921.0</t>
  </si>
  <si>
    <t>4541991.0</t>
  </si>
  <si>
    <t>4261896.0</t>
  </si>
  <si>
    <t>3582941.0</t>
  </si>
  <si>
    <t>237.25</t>
  </si>
  <si>
    <t>12969467.0</t>
  </si>
  <si>
    <t>4542134.0</t>
  </si>
  <si>
    <t>4262441.0</t>
  </si>
  <si>
    <t>3583433.0</t>
  </si>
  <si>
    <t>12970567.0</t>
  </si>
  <si>
    <t>4542258.0</t>
  </si>
  <si>
    <t>4262736.0</t>
  </si>
  <si>
    <t>3583821.0</t>
  </si>
  <si>
    <t>12971855.0</t>
  </si>
  <si>
    <t>4542449.0</t>
  </si>
  <si>
    <t>4263137.0</t>
  </si>
  <si>
    <t>3584190.0</t>
  </si>
  <si>
    <t>12973139.0</t>
  </si>
  <si>
    <t>4542598.0</t>
  </si>
  <si>
    <t>4263499.0</t>
  </si>
  <si>
    <t>3584646.0</t>
  </si>
  <si>
    <t>237.34</t>
  </si>
  <si>
    <t>12974853.0</t>
  </si>
  <si>
    <t>4542811.0</t>
  </si>
  <si>
    <t>4264433.0</t>
  </si>
  <si>
    <t>3584997.0</t>
  </si>
  <si>
    <t>12977012.0</t>
  </si>
  <si>
    <t>4543243.0</t>
  </si>
  <si>
    <t>4265686.0</t>
  </si>
  <si>
    <t>3585280.0</t>
  </si>
  <si>
    <t>12978152.0</t>
  </si>
  <si>
    <t>4543463.0</t>
  </si>
  <si>
    <t>4266172.0</t>
  </si>
  <si>
    <t>3585574.0</t>
  </si>
  <si>
    <t>12979281.0</t>
  </si>
  <si>
    <t>4543637.0</t>
  </si>
  <si>
    <t>4266593.0</t>
  </si>
  <si>
    <t>3585974.0</t>
  </si>
  <si>
    <t>237.45</t>
  </si>
  <si>
    <t>12980188.0</t>
  </si>
  <si>
    <t>4543781.0</t>
  </si>
  <si>
    <t>4266894.0</t>
  </si>
  <si>
    <t>3586284.0</t>
  </si>
  <si>
    <t>12981262.0</t>
  </si>
  <si>
    <t>4543963.0</t>
  </si>
  <si>
    <t>4267254.0</t>
  </si>
  <si>
    <t>3586650.0</t>
  </si>
  <si>
    <t>12982556.0</t>
  </si>
  <si>
    <t>4544182.0</t>
  </si>
  <si>
    <t>4267921.0</t>
  </si>
  <si>
    <t>3586895.0</t>
  </si>
  <si>
    <t>12983841.0</t>
  </si>
  <si>
    <t>4544386.0</t>
  </si>
  <si>
    <t>4268608.0</t>
  </si>
  <si>
    <t>3587183.0</t>
  </si>
  <si>
    <t>237.54</t>
  </si>
  <si>
    <t>12985839.0</t>
  </si>
  <si>
    <t>4544762.0</t>
  </si>
  <si>
    <t>3587454.0</t>
  </si>
  <si>
    <t>12986820.0</t>
  </si>
  <si>
    <t>4544893.0</t>
  </si>
  <si>
    <t>4270454.0</t>
  </si>
  <si>
    <t>3587663.0</t>
  </si>
  <si>
    <t>12987797.0</t>
  </si>
  <si>
    <t>4545018.0</t>
  </si>
  <si>
    <t>4270984.0</t>
  </si>
  <si>
    <t>3587867.0</t>
  </si>
  <si>
    <t>12988718.0</t>
  </si>
  <si>
    <t>4545147.0</t>
  </si>
  <si>
    <t>4271576.0</t>
  </si>
  <si>
    <t>3587931.0</t>
  </si>
  <si>
    <t>237.63</t>
  </si>
  <si>
    <t>12989235.0</t>
  </si>
  <si>
    <t>4545229.0</t>
  </si>
  <si>
    <t>4271890.0</t>
  </si>
  <si>
    <t>3587995.0</t>
  </si>
  <si>
    <t>12991080.0</t>
  </si>
  <si>
    <t>4545509.0</t>
  </si>
  <si>
    <t>4272670.0</t>
  </si>
  <si>
    <t>3588537.0</t>
  </si>
  <si>
    <t>12991867.0</t>
  </si>
  <si>
    <t>4545634.0</t>
  </si>
  <si>
    <t>3588819.0</t>
  </si>
  <si>
    <t>12994012.0</t>
  </si>
  <si>
    <t>4546056.0</t>
  </si>
  <si>
    <t>4274369.0</t>
  </si>
  <si>
    <t>3589059.0</t>
  </si>
  <si>
    <t>237.72</t>
  </si>
  <si>
    <t>12994803.0</t>
  </si>
  <si>
    <t>4546183.0</t>
  </si>
  <si>
    <t>4274775.0</t>
  </si>
  <si>
    <t>3589267.0</t>
  </si>
  <si>
    <t>12995773.0</t>
  </si>
  <si>
    <t>4546433.0</t>
  </si>
  <si>
    <t>4275105.0</t>
  </si>
  <si>
    <t>3589588.0</t>
  </si>
  <si>
    <t>12996571.0</t>
  </si>
  <si>
    <t>4546523.0</t>
  </si>
  <si>
    <t>4275400.0</t>
  </si>
  <si>
    <t>3589892.0</t>
  </si>
  <si>
    <t>237.77</t>
  </si>
  <si>
    <t>12997115.0</t>
  </si>
  <si>
    <t>4546583.0</t>
  </si>
  <si>
    <t>4275597.0</t>
  </si>
  <si>
    <t>3590112.0</t>
  </si>
  <si>
    <t>12998000.0</t>
  </si>
  <si>
    <t>4546696.0</t>
  </si>
  <si>
    <t>4276009.0</t>
  </si>
  <si>
    <t>3590305.0</t>
  </si>
  <si>
    <t>12998798.0</t>
  </si>
  <si>
    <t>4546828.0</t>
  </si>
  <si>
    <t>4276255.0</t>
  </si>
  <si>
    <t>3590649.0</t>
  </si>
  <si>
    <t>13001070.0</t>
  </si>
  <si>
    <t>4547236.0</t>
  </si>
  <si>
    <t>4277763.0</t>
  </si>
  <si>
    <t>3590966.0</t>
  </si>
  <si>
    <t>13002114.0</t>
  </si>
  <si>
    <t>4547376.0</t>
  </si>
  <si>
    <t>4278396.0</t>
  </si>
  <si>
    <t>3591185.0</t>
  </si>
  <si>
    <t>237.87</t>
  </si>
  <si>
    <t>13003081.0</t>
  </si>
  <si>
    <t>4547509.0</t>
  </si>
  <si>
    <t>4278769.0</t>
  </si>
  <si>
    <t>3591557.0</t>
  </si>
  <si>
    <t>13003628.0</t>
  </si>
  <si>
    <t>4547569.0</t>
  </si>
  <si>
    <t>4278927.0</t>
  </si>
  <si>
    <t>3591832.0</t>
  </si>
  <si>
    <t>13004113.0</t>
  </si>
  <si>
    <t>4547635.0</t>
  </si>
  <si>
    <t>4279071.0</t>
  </si>
  <si>
    <t>3592039.0</t>
  </si>
  <si>
    <t>13004669.0</t>
  </si>
  <si>
    <t>4547709.0</t>
  </si>
  <si>
    <t>4279245.0</t>
  </si>
  <si>
    <t>3592300.0</t>
  </si>
  <si>
    <t>13005283.0</t>
  </si>
  <si>
    <t>4547810.0</t>
  </si>
  <si>
    <t>4279452.0</t>
  </si>
  <si>
    <t>3592547.0</t>
  </si>
  <si>
    <t>13007316.0</t>
  </si>
  <si>
    <t>4548098.0</t>
  </si>
  <si>
    <t>4280884.0</t>
  </si>
  <si>
    <t>3592825.0</t>
  </si>
  <si>
    <t>13008411.0</t>
  </si>
  <si>
    <t>4548292.0</t>
  </si>
  <si>
    <t>4281510.0</t>
  </si>
  <si>
    <t>3593085.0</t>
  </si>
  <si>
    <t>13008954.0</t>
  </si>
  <si>
    <t>4548361.0</t>
  </si>
  <si>
    <t>4281687.0</t>
  </si>
  <si>
    <t>3593341.0</t>
  </si>
  <si>
    <t>13009433.0</t>
  </si>
  <si>
    <t>4548406.0</t>
  </si>
  <si>
    <t>4281848.0</t>
  </si>
  <si>
    <t>3593568.0</t>
  </si>
  <si>
    <t>13010095.0</t>
  </si>
  <si>
    <t>4548464.0</t>
  </si>
  <si>
    <t>3593865.0</t>
  </si>
  <si>
    <t>13010846.0</t>
  </si>
  <si>
    <t>4548582.0</t>
  </si>
  <si>
    <t>4282373.0</t>
  </si>
  <si>
    <t>3594211.0</t>
  </si>
  <si>
    <t>238.03</t>
  </si>
  <si>
    <t>13011425.0</t>
  </si>
  <si>
    <t>4548682.0</t>
  </si>
  <si>
    <t>4282552.0</t>
  </si>
  <si>
    <t>3594481.0</t>
  </si>
  <si>
    <t>13013472.0</t>
  </si>
  <si>
    <t>4548992.0</t>
  </si>
  <si>
    <t>4284070.0</t>
  </si>
  <si>
    <t>3594689.0</t>
  </si>
  <si>
    <t>238.08</t>
  </si>
  <si>
    <t>13014285.0</t>
  </si>
  <si>
    <t>4549084.0</t>
  </si>
  <si>
    <t>4284632.0</t>
  </si>
  <si>
    <t>3594835.0</t>
  </si>
  <si>
    <t>4549148.0</t>
  </si>
  <si>
    <t>4284774.0</t>
  </si>
  <si>
    <t>4549330.0</t>
  </si>
  <si>
    <t>4285205.0</t>
  </si>
  <si>
    <t>4549396.0</t>
  </si>
  <si>
    <t>4285355.0</t>
  </si>
  <si>
    <t>4549473.0</t>
  </si>
  <si>
    <t>4285660.0</t>
  </si>
  <si>
    <t>4549556.0</t>
  </si>
  <si>
    <t>4285946.0</t>
  </si>
  <si>
    <t>SEN</t>
  </si>
  <si>
    <t>Senegal</t>
  </si>
  <si>
    <t>31517.0</t>
  </si>
  <si>
    <t>38357.0</t>
  </si>
  <si>
    <t>42978.0</t>
  </si>
  <si>
    <t>46137.0</t>
  </si>
  <si>
    <t>47686.0</t>
  </si>
  <si>
    <t>51900.0</t>
  </si>
  <si>
    <t>56783.0</t>
  </si>
  <si>
    <t>62807.0</t>
  </si>
  <si>
    <t>69046.0</t>
  </si>
  <si>
    <t>72109.0</t>
  </si>
  <si>
    <t>75138.0</t>
  </si>
  <si>
    <t>76147.0</t>
  </si>
  <si>
    <t>77326.0</t>
  </si>
  <si>
    <t>78282.0</t>
  </si>
  <si>
    <t>82701.0</t>
  </si>
  <si>
    <t>83660.0</t>
  </si>
  <si>
    <t>84416.0</t>
  </si>
  <si>
    <t>85947.0</t>
  </si>
  <si>
    <t>89363.0</t>
  </si>
  <si>
    <t>90471.0</t>
  </si>
  <si>
    <t>5.361</t>
  </si>
  <si>
    <t>91181.0</t>
  </si>
  <si>
    <t>91945.0</t>
  </si>
  <si>
    <t>93922.0</t>
  </si>
  <si>
    <t>94996.0</t>
  </si>
  <si>
    <t>95786.0</t>
  </si>
  <si>
    <t>97137.0</t>
  </si>
  <si>
    <t>97506.0</t>
  </si>
  <si>
    <t>98750.0</t>
  </si>
  <si>
    <t>99920.0</t>
  </si>
  <si>
    <t>101522.0</t>
  </si>
  <si>
    <t>102837.0</t>
  </si>
  <si>
    <t>104204.0</t>
  </si>
  <si>
    <t>6.287</t>
  </si>
  <si>
    <t>111845.0</t>
  </si>
  <si>
    <t>112760.0</t>
  </si>
  <si>
    <t>113706.0</t>
  </si>
  <si>
    <t>114784.0</t>
  </si>
  <si>
    <t>116025.0</t>
  </si>
  <si>
    <t>117942.0</t>
  </si>
  <si>
    <t>119653.0</t>
  </si>
  <si>
    <t>121229.0</t>
  </si>
  <si>
    <t>122885.0</t>
  </si>
  <si>
    <t>124287.0</t>
  </si>
  <si>
    <t>125163.0</t>
  </si>
  <si>
    <t>128735.0</t>
  </si>
  <si>
    <t>130687.0</t>
  </si>
  <si>
    <t>132573.0</t>
  </si>
  <si>
    <t>134939.0</t>
  </si>
  <si>
    <t>135865.0</t>
  </si>
  <si>
    <t>137328.0</t>
  </si>
  <si>
    <t>138847.0</t>
  </si>
  <si>
    <t>140268.0</t>
  </si>
  <si>
    <t>143070.0</t>
  </si>
  <si>
    <t>143882.0</t>
  </si>
  <si>
    <t>8.525</t>
  </si>
  <si>
    <t>144698.0</t>
  </si>
  <si>
    <t>146082.0</t>
  </si>
  <si>
    <t>147324.0</t>
  </si>
  <si>
    <t>148574.0</t>
  </si>
  <si>
    <t>151188.0</t>
  </si>
  <si>
    <t>152278.0</t>
  </si>
  <si>
    <t>153222.0</t>
  </si>
  <si>
    <t>154409.0</t>
  </si>
  <si>
    <t>155441.0</t>
  </si>
  <si>
    <t>156787.0</t>
  </si>
  <si>
    <t>159266.0</t>
  </si>
  <si>
    <t>160348.0</t>
  </si>
  <si>
    <t>161136.0</t>
  </si>
  <si>
    <t>9.548</t>
  </si>
  <si>
    <t>164647.0</t>
  </si>
  <si>
    <t>165740.0</t>
  </si>
  <si>
    <t>166946.0</t>
  </si>
  <si>
    <t>167798.0</t>
  </si>
  <si>
    <t>168525.0</t>
  </si>
  <si>
    <t>9.986</t>
  </si>
  <si>
    <t>169694.0</t>
  </si>
  <si>
    <t>10.055</t>
  </si>
  <si>
    <t>171006.0</t>
  </si>
  <si>
    <t>172160.0</t>
  </si>
  <si>
    <t>174718.0</t>
  </si>
  <si>
    <t>10.353</t>
  </si>
  <si>
    <t>175715.0</t>
  </si>
  <si>
    <t>176572.0</t>
  </si>
  <si>
    <t>177577.0</t>
  </si>
  <si>
    <t>178582.0</t>
  </si>
  <si>
    <t>179752.0</t>
  </si>
  <si>
    <t>180893.0</t>
  </si>
  <si>
    <t>182188.0</t>
  </si>
  <si>
    <t>183117.0</t>
  </si>
  <si>
    <t>186654.0</t>
  </si>
  <si>
    <t>187867.0</t>
  </si>
  <si>
    <t>189204.0</t>
  </si>
  <si>
    <t>190335.0</t>
  </si>
  <si>
    <t>191264.0</t>
  </si>
  <si>
    <t>192041.0</t>
  </si>
  <si>
    <t>11.379</t>
  </si>
  <si>
    <t>193083.0</t>
  </si>
  <si>
    <t>194070.0</t>
  </si>
  <si>
    <t>195129.0</t>
  </si>
  <si>
    <t>196306.0</t>
  </si>
  <si>
    <t>197397.0</t>
  </si>
  <si>
    <t>198036.0</t>
  </si>
  <si>
    <t>198960.0</t>
  </si>
  <si>
    <t>200253.0</t>
  </si>
  <si>
    <t>201358.0</t>
  </si>
  <si>
    <t>202442.0</t>
  </si>
  <si>
    <t>203424.0</t>
  </si>
  <si>
    <t>12.054</t>
  </si>
  <si>
    <t>204580.0</t>
  </si>
  <si>
    <t>205409.0</t>
  </si>
  <si>
    <t>206225.0</t>
  </si>
  <si>
    <t>207235.0</t>
  </si>
  <si>
    <t>208134.0</t>
  </si>
  <si>
    <t>209513.0</t>
  </si>
  <si>
    <t>211467.0</t>
  </si>
  <si>
    <t>212496.0</t>
  </si>
  <si>
    <t>213217.0</t>
  </si>
  <si>
    <t>213906.0</t>
  </si>
  <si>
    <t>12.675</t>
  </si>
  <si>
    <t>214711.0</t>
  </si>
  <si>
    <t>215665.0</t>
  </si>
  <si>
    <t>12.779</t>
  </si>
  <si>
    <t>216703.0</t>
  </si>
  <si>
    <t>217356.0</t>
  </si>
  <si>
    <t>12.879</t>
  </si>
  <si>
    <t>217756.0</t>
  </si>
  <si>
    <t>218525.0</t>
  </si>
  <si>
    <t>12.948</t>
  </si>
  <si>
    <t>219265.0</t>
  </si>
  <si>
    <t>220033.0</t>
  </si>
  <si>
    <t>221001.0</t>
  </si>
  <si>
    <t>221798.0</t>
  </si>
  <si>
    <t>222342.0</t>
  </si>
  <si>
    <t>222939.0</t>
  </si>
  <si>
    <t>223677.0</t>
  </si>
  <si>
    <t>224390.0</t>
  </si>
  <si>
    <t>13.296</t>
  </si>
  <si>
    <t>225039.0</t>
  </si>
  <si>
    <t>226108.0</t>
  </si>
  <si>
    <t>226970.0</t>
  </si>
  <si>
    <t>228129.0</t>
  </si>
  <si>
    <t>13.517</t>
  </si>
  <si>
    <t>228915.0</t>
  </si>
  <si>
    <t>229715.0</t>
  </si>
  <si>
    <t>13.611</t>
  </si>
  <si>
    <t>230509.0</t>
  </si>
  <si>
    <t>231487.0</t>
  </si>
  <si>
    <t>232378.0</t>
  </si>
  <si>
    <t>13.769</t>
  </si>
  <si>
    <t>233062.0</t>
  </si>
  <si>
    <t>233586.0</t>
  </si>
  <si>
    <t>234329.0</t>
  </si>
  <si>
    <t>235288.0</t>
  </si>
  <si>
    <t>13.942</t>
  </si>
  <si>
    <t>236209.0</t>
  </si>
  <si>
    <t>237259.0</t>
  </si>
  <si>
    <t>238288.0</t>
  </si>
  <si>
    <t>239010.0</t>
  </si>
  <si>
    <t>239690.0</t>
  </si>
  <si>
    <t>240743.0</t>
  </si>
  <si>
    <t>241659.0</t>
  </si>
  <si>
    <t>242713.0</t>
  </si>
  <si>
    <t>243937.0</t>
  </si>
  <si>
    <t>14.454</t>
  </si>
  <si>
    <t>246093.0</t>
  </si>
  <si>
    <t>246937.0</t>
  </si>
  <si>
    <t>247938.0</t>
  </si>
  <si>
    <t>249222.0</t>
  </si>
  <si>
    <t>250619.0</t>
  </si>
  <si>
    <t>251947.0</t>
  </si>
  <si>
    <t>253174.0</t>
  </si>
  <si>
    <t>254296.0</t>
  </si>
  <si>
    <t>15.068</t>
  </si>
  <si>
    <t>255234.0</t>
  </si>
  <si>
    <t>256513.0</t>
  </si>
  <si>
    <t>258057.0</t>
  </si>
  <si>
    <t>261365.0</t>
  </si>
  <si>
    <t>262721.0</t>
  </si>
  <si>
    <t>264125.0</t>
  </si>
  <si>
    <t>265078.0</t>
  </si>
  <si>
    <t>266517.0</t>
  </si>
  <si>
    <t>268677.0</t>
  </si>
  <si>
    <t>270041.0</t>
  </si>
  <si>
    <t>271590.0</t>
  </si>
  <si>
    <t>16.093</t>
  </si>
  <si>
    <t>272790.0</t>
  </si>
  <si>
    <t>273984.0</t>
  </si>
  <si>
    <t>16.234</t>
  </si>
  <si>
    <t>274968.0</t>
  </si>
  <si>
    <t>16.293</t>
  </si>
  <si>
    <t>276347.0</t>
  </si>
  <si>
    <t>277749.0</t>
  </si>
  <si>
    <t>279467.0</t>
  </si>
  <si>
    <t>16.657</t>
  </si>
  <si>
    <t>282824.0</t>
  </si>
  <si>
    <t>284117.0</t>
  </si>
  <si>
    <t>16.835</t>
  </si>
  <si>
    <t>285446.0</t>
  </si>
  <si>
    <t>286986.0</t>
  </si>
  <si>
    <t>288761.0</t>
  </si>
  <si>
    <t>293586.0</t>
  </si>
  <si>
    <t>17.501</t>
  </si>
  <si>
    <t>297294.0</t>
  </si>
  <si>
    <t>298356.0</t>
  </si>
  <si>
    <t>301902.0</t>
  </si>
  <si>
    <t>17.889</t>
  </si>
  <si>
    <t>304188.0</t>
  </si>
  <si>
    <t>18.024</t>
  </si>
  <si>
    <t>306715.0</t>
  </si>
  <si>
    <t>18.174</t>
  </si>
  <si>
    <t>308954.0</t>
  </si>
  <si>
    <t>18.418</t>
  </si>
  <si>
    <t>312285.0</t>
  </si>
  <si>
    <t>313665.0</t>
  </si>
  <si>
    <t>318435.0</t>
  </si>
  <si>
    <t>320824.0</t>
  </si>
  <si>
    <t>323272.0</t>
  </si>
  <si>
    <t>325371.0</t>
  </si>
  <si>
    <t>19.279</t>
  </si>
  <si>
    <t>326886.0</t>
  </si>
  <si>
    <t>19.369</t>
  </si>
  <si>
    <t>328584.0</t>
  </si>
  <si>
    <t>330846.0</t>
  </si>
  <si>
    <t>19.604</t>
  </si>
  <si>
    <t>332948.0</t>
  </si>
  <si>
    <t>335128.0</t>
  </si>
  <si>
    <t>337211.0</t>
  </si>
  <si>
    <t>339622.0</t>
  </si>
  <si>
    <t>341079.0</t>
  </si>
  <si>
    <t>20.316</t>
  </si>
  <si>
    <t>345389.0</t>
  </si>
  <si>
    <t>347720.0</t>
  </si>
  <si>
    <t>20.604</t>
  </si>
  <si>
    <t>353047.0</t>
  </si>
  <si>
    <t>355408.0</t>
  </si>
  <si>
    <t>356737.0</t>
  </si>
  <si>
    <t>358390.0</t>
  </si>
  <si>
    <t>21.236</t>
  </si>
  <si>
    <t>361250.0</t>
  </si>
  <si>
    <t>363938.0</t>
  </si>
  <si>
    <t>366225.0</t>
  </si>
  <si>
    <t>368341.0</t>
  </si>
  <si>
    <t>21.825</t>
  </si>
  <si>
    <t>370397.0</t>
  </si>
  <si>
    <t>21.947</t>
  </si>
  <si>
    <t>371952.0</t>
  </si>
  <si>
    <t>22.039</t>
  </si>
  <si>
    <t>374144.0</t>
  </si>
  <si>
    <t>376272.0</t>
  </si>
  <si>
    <t>378440.0</t>
  </si>
  <si>
    <t>381026.0</t>
  </si>
  <si>
    <t>22.577</t>
  </si>
  <si>
    <t>383374.0</t>
  </si>
  <si>
    <t>385305.0</t>
  </si>
  <si>
    <t>386938.0</t>
  </si>
  <si>
    <t>388978.0</t>
  </si>
  <si>
    <t>23.048</t>
  </si>
  <si>
    <t>391525.0</t>
  </si>
  <si>
    <t>23.199</t>
  </si>
  <si>
    <t>394287.0</t>
  </si>
  <si>
    <t>396497.0</t>
  </si>
  <si>
    <t>25653.0</t>
  </si>
  <si>
    <t>398805.0</t>
  </si>
  <si>
    <t>27018.0</t>
  </si>
  <si>
    <t>400551.0</t>
  </si>
  <si>
    <t>401824.0</t>
  </si>
  <si>
    <t>23.809</t>
  </si>
  <si>
    <t>403841.0</t>
  </si>
  <si>
    <t>405911.0</t>
  </si>
  <si>
    <t>408000.0</t>
  </si>
  <si>
    <t>24.175</t>
  </si>
  <si>
    <t>62060.0</t>
  </si>
  <si>
    <t>409856.0</t>
  </si>
  <si>
    <t>24.285</t>
  </si>
  <si>
    <t>411913.0</t>
  </si>
  <si>
    <t>24.407</t>
  </si>
  <si>
    <t>413140.0</t>
  </si>
  <si>
    <t>66768.0</t>
  </si>
  <si>
    <t>414168.0</t>
  </si>
  <si>
    <t>24.541</t>
  </si>
  <si>
    <t>415558.0</t>
  </si>
  <si>
    <t>417506.0</t>
  </si>
  <si>
    <t>24.739</t>
  </si>
  <si>
    <t>419441.0</t>
  </si>
  <si>
    <t>24.853</t>
  </si>
  <si>
    <t>421143.0</t>
  </si>
  <si>
    <t>24.954</t>
  </si>
  <si>
    <t>131186.0</t>
  </si>
  <si>
    <t>422960.0</t>
  </si>
  <si>
    <t>25.062</t>
  </si>
  <si>
    <t>424290.0</t>
  </si>
  <si>
    <t>25.141</t>
  </si>
  <si>
    <t>139118.0</t>
  </si>
  <si>
    <t>425406.0</t>
  </si>
  <si>
    <t>25.207</t>
  </si>
  <si>
    <t>427298.0</t>
  </si>
  <si>
    <t>25.319</t>
  </si>
  <si>
    <t>146208.0</t>
  </si>
  <si>
    <t>429187.0</t>
  </si>
  <si>
    <t>25.431</t>
  </si>
  <si>
    <t>430842.0</t>
  </si>
  <si>
    <t>150857.0</t>
  </si>
  <si>
    <t>433056.0</t>
  </si>
  <si>
    <t>434950.0</t>
  </si>
  <si>
    <t>436348.0</t>
  </si>
  <si>
    <t>25.855</t>
  </si>
  <si>
    <t>169653.0</t>
  </si>
  <si>
    <t>437080.0</t>
  </si>
  <si>
    <t>25.898</t>
  </si>
  <si>
    <t>180463.0</t>
  </si>
  <si>
    <t>438986.0</t>
  </si>
  <si>
    <t>26.011</t>
  </si>
  <si>
    <t>197900.0</t>
  </si>
  <si>
    <t>440557.0</t>
  </si>
  <si>
    <t>26.104</t>
  </si>
  <si>
    <t>211323.0</t>
  </si>
  <si>
    <t>26.198</t>
  </si>
  <si>
    <t>443985.0</t>
  </si>
  <si>
    <t>26.308</t>
  </si>
  <si>
    <t>231723.0</t>
  </si>
  <si>
    <t>445835.0</t>
  </si>
  <si>
    <t>26.417</t>
  </si>
  <si>
    <t>446974.0</t>
  </si>
  <si>
    <t>26.485</t>
  </si>
  <si>
    <t>234099.0</t>
  </si>
  <si>
    <t>448047.0</t>
  </si>
  <si>
    <t>247750.0</t>
  </si>
  <si>
    <t>26.643</t>
  </si>
  <si>
    <t>260754.0</t>
  </si>
  <si>
    <t>26.742</t>
  </si>
  <si>
    <t>274942.0</t>
  </si>
  <si>
    <t>453136.0</t>
  </si>
  <si>
    <t>288319.0</t>
  </si>
  <si>
    <t>454771.0</t>
  </si>
  <si>
    <t>26.947</t>
  </si>
  <si>
    <t>299178.0</t>
  </si>
  <si>
    <t>456605.0</t>
  </si>
  <si>
    <t>27.055</t>
  </si>
  <si>
    <t>302857.0</t>
  </si>
  <si>
    <t>458026.0</t>
  </si>
  <si>
    <t>305364.0</t>
  </si>
  <si>
    <t>458819.0</t>
  </si>
  <si>
    <t>27.187</t>
  </si>
  <si>
    <t>308318.0</t>
  </si>
  <si>
    <t>459686.0</t>
  </si>
  <si>
    <t>461107.0</t>
  </si>
  <si>
    <t>27.322</t>
  </si>
  <si>
    <t>326910.0</t>
  </si>
  <si>
    <t>462548.0</t>
  </si>
  <si>
    <t>334236.0</t>
  </si>
  <si>
    <t>464063.0</t>
  </si>
  <si>
    <t>343222.0</t>
  </si>
  <si>
    <t>27.604</t>
  </si>
  <si>
    <t>349108.0</t>
  </si>
  <si>
    <t>467160.0</t>
  </si>
  <si>
    <t>27.681</t>
  </si>
  <si>
    <t>351372.0</t>
  </si>
  <si>
    <t>468159.0</t>
  </si>
  <si>
    <t>362271.0</t>
  </si>
  <si>
    <t>469670.0</t>
  </si>
  <si>
    <t>27.829</t>
  </si>
  <si>
    <t>370037.0</t>
  </si>
  <si>
    <t>470985.0</t>
  </si>
  <si>
    <t>27.907</t>
  </si>
  <si>
    <t>376974.0</t>
  </si>
  <si>
    <t>472560.0</t>
  </si>
  <si>
    <t>28.001</t>
  </si>
  <si>
    <t>474232.0</t>
  </si>
  <si>
    <t>380665.0</t>
  </si>
  <si>
    <t>475768.0</t>
  </si>
  <si>
    <t>476989.0</t>
  </si>
  <si>
    <t>28.263</t>
  </si>
  <si>
    <t>477900.0</t>
  </si>
  <si>
    <t>28.317</t>
  </si>
  <si>
    <t>479549.0</t>
  </si>
  <si>
    <t>28.415</t>
  </si>
  <si>
    <t>480941.0</t>
  </si>
  <si>
    <t>28.497</t>
  </si>
  <si>
    <t>392439.0</t>
  </si>
  <si>
    <t>482166.0</t>
  </si>
  <si>
    <t>395635.0</t>
  </si>
  <si>
    <t>483804.0</t>
  </si>
  <si>
    <t>28.667</t>
  </si>
  <si>
    <t>398109.0</t>
  </si>
  <si>
    <t>485256.0</t>
  </si>
  <si>
    <t>28.753</t>
  </si>
  <si>
    <t>398941.0</t>
  </si>
  <si>
    <t>399915.0</t>
  </si>
  <si>
    <t>487330.0</t>
  </si>
  <si>
    <t>28.876</t>
  </si>
  <si>
    <t>403935.0</t>
  </si>
  <si>
    <t>488561.0</t>
  </si>
  <si>
    <t>28.949</t>
  </si>
  <si>
    <t>406981.0</t>
  </si>
  <si>
    <t>489870.0</t>
  </si>
  <si>
    <t>29.026</t>
  </si>
  <si>
    <t>410924.0</t>
  </si>
  <si>
    <t>491150.0</t>
  </si>
  <si>
    <t>29.102</t>
  </si>
  <si>
    <t>411343.0</t>
  </si>
  <si>
    <t>492702.0</t>
  </si>
  <si>
    <t>29.194</t>
  </si>
  <si>
    <t>413031.0</t>
  </si>
  <si>
    <t>494482.0</t>
  </si>
  <si>
    <t>495450.0</t>
  </si>
  <si>
    <t>29.357</t>
  </si>
  <si>
    <t>414229.0</t>
  </si>
  <si>
    <t>496398.0</t>
  </si>
  <si>
    <t>416956.0</t>
  </si>
  <si>
    <t>497597.0</t>
  </si>
  <si>
    <t>418828.0</t>
  </si>
  <si>
    <t>498626.0</t>
  </si>
  <si>
    <t>421993.0</t>
  </si>
  <si>
    <t>499939.0</t>
  </si>
  <si>
    <t>29.623</t>
  </si>
  <si>
    <t>423451.0</t>
  </si>
  <si>
    <t>501311.0</t>
  </si>
  <si>
    <t>29.704</t>
  </si>
  <si>
    <t>427377.0</t>
  </si>
  <si>
    <t>503203.0</t>
  </si>
  <si>
    <t>29.816</t>
  </si>
  <si>
    <t>504045.0</t>
  </si>
  <si>
    <t>29.866</t>
  </si>
  <si>
    <t>29.931</t>
  </si>
  <si>
    <t>431468.0</t>
  </si>
  <si>
    <t>506129.0</t>
  </si>
  <si>
    <t>431916.0</t>
  </si>
  <si>
    <t>507184.0</t>
  </si>
  <si>
    <t>30.052</t>
  </si>
  <si>
    <t>508145.0</t>
  </si>
  <si>
    <t>30.109</t>
  </si>
  <si>
    <t>509653.0</t>
  </si>
  <si>
    <t>510757.0</t>
  </si>
  <si>
    <t>511626.0</t>
  </si>
  <si>
    <t>30.315</t>
  </si>
  <si>
    <t>512984.0</t>
  </si>
  <si>
    <t>30.396</t>
  </si>
  <si>
    <t>514219.0</t>
  </si>
  <si>
    <t>515657.0</t>
  </si>
  <si>
    <t>30.554</t>
  </si>
  <si>
    <t>506388.0</t>
  </si>
  <si>
    <t>437792.0</t>
  </si>
  <si>
    <t>517290.0</t>
  </si>
  <si>
    <t>519065.0</t>
  </si>
  <si>
    <t>30.756</t>
  </si>
  <si>
    <t>520421.0</t>
  </si>
  <si>
    <t>30.837</t>
  </si>
  <si>
    <t>511286.0</t>
  </si>
  <si>
    <t>442133.0</t>
  </si>
  <si>
    <t>69153.0</t>
  </si>
  <si>
    <t>521314.0</t>
  </si>
  <si>
    <t>30.955</t>
  </si>
  <si>
    <t>513332.0</t>
  </si>
  <si>
    <t>444007.0</t>
  </si>
  <si>
    <t>524183.0</t>
  </si>
  <si>
    <t>525625.0</t>
  </si>
  <si>
    <t>527562.0</t>
  </si>
  <si>
    <t>529397.0</t>
  </si>
  <si>
    <t>530923.0</t>
  </si>
  <si>
    <t>522575.0</t>
  </si>
  <si>
    <t>452735.0</t>
  </si>
  <si>
    <t>69840.0</t>
  </si>
  <si>
    <t>531974.0</t>
  </si>
  <si>
    <t>31.521</t>
  </si>
  <si>
    <t>533660.0</t>
  </si>
  <si>
    <t>534935.0</t>
  </si>
  <si>
    <t>31.697</t>
  </si>
  <si>
    <t>536146.0</t>
  </si>
  <si>
    <t>31.768</t>
  </si>
  <si>
    <t>537894.0</t>
  </si>
  <si>
    <t>31.872</t>
  </si>
  <si>
    <t>539763.0</t>
  </si>
  <si>
    <t>31.983</t>
  </si>
  <si>
    <t>541131.0</t>
  </si>
  <si>
    <t>542110.0</t>
  </si>
  <si>
    <t>32.122</t>
  </si>
  <si>
    <t>537467.0</t>
  </si>
  <si>
    <t>466578.0</t>
  </si>
  <si>
    <t>543752.0</t>
  </si>
  <si>
    <t>32.219</t>
  </si>
  <si>
    <t>545101.0</t>
  </si>
  <si>
    <t>32.299</t>
  </si>
  <si>
    <t>545915.0</t>
  </si>
  <si>
    <t>474136.0</t>
  </si>
  <si>
    <t>546423.0</t>
  </si>
  <si>
    <t>548407.0</t>
  </si>
  <si>
    <t>550202.0</t>
  </si>
  <si>
    <t>551528.0</t>
  </si>
  <si>
    <t>625448.0</t>
  </si>
  <si>
    <t>477957.0</t>
  </si>
  <si>
    <t>147491.0</t>
  </si>
  <si>
    <t>552501.0</t>
  </si>
  <si>
    <t>632648.0</t>
  </si>
  <si>
    <t>13597.0</t>
  </si>
  <si>
    <t>554128.0</t>
  </si>
  <si>
    <t>32.834</t>
  </si>
  <si>
    <t>555475.0</t>
  </si>
  <si>
    <t>556891.0</t>
  </si>
  <si>
    <t>32.998</t>
  </si>
  <si>
    <t>558697.0</t>
  </si>
  <si>
    <t>33.105</t>
  </si>
  <si>
    <t>560596.0</t>
  </si>
  <si>
    <t>33.217</t>
  </si>
  <si>
    <t>562025.0</t>
  </si>
  <si>
    <t>33.302</t>
  </si>
  <si>
    <t>563098.0</t>
  </si>
  <si>
    <t>33.365</t>
  </si>
  <si>
    <t>33.475</t>
  </si>
  <si>
    <t>566525.0</t>
  </si>
  <si>
    <t>567710.0</t>
  </si>
  <si>
    <t>33.639</t>
  </si>
  <si>
    <t>569655.0</t>
  </si>
  <si>
    <t>33.754</t>
  </si>
  <si>
    <t>571515.0</t>
  </si>
  <si>
    <t>33.864</t>
  </si>
  <si>
    <t>572968.0</t>
  </si>
  <si>
    <t>664826.0</t>
  </si>
  <si>
    <t>149482.0</t>
  </si>
  <si>
    <t>574168.0</t>
  </si>
  <si>
    <t>576200.0</t>
  </si>
  <si>
    <t>34.142</t>
  </si>
  <si>
    <t>578224.0</t>
  </si>
  <si>
    <t>34.262</t>
  </si>
  <si>
    <t>580434.0</t>
  </si>
  <si>
    <t>582516.0</t>
  </si>
  <si>
    <t>34.516</t>
  </si>
  <si>
    <t>584620.0</t>
  </si>
  <si>
    <t>34.641</t>
  </si>
  <si>
    <t>586437.0</t>
  </si>
  <si>
    <t>751129.0</t>
  </si>
  <si>
    <t>549768.0</t>
  </si>
  <si>
    <t>201361.0</t>
  </si>
  <si>
    <t>587692.0</t>
  </si>
  <si>
    <t>34.823</t>
  </si>
  <si>
    <t>590080.0</t>
  </si>
  <si>
    <t>34.964</t>
  </si>
  <si>
    <t>592246.0</t>
  </si>
  <si>
    <t>35.092</t>
  </si>
  <si>
    <t>594350.0</t>
  </si>
  <si>
    <t>35.217</t>
  </si>
  <si>
    <t>597112.0</t>
  </si>
  <si>
    <t>599827.0</t>
  </si>
  <si>
    <t>35.542</t>
  </si>
  <si>
    <t>601852.0</t>
  </si>
  <si>
    <t>35.662</t>
  </si>
  <si>
    <t>816481.0</t>
  </si>
  <si>
    <t>582725.0</t>
  </si>
  <si>
    <t>603659.0</t>
  </si>
  <si>
    <t>35.769</t>
  </si>
  <si>
    <t>823610.0</t>
  </si>
  <si>
    <t>236522.0</t>
  </si>
  <si>
    <t>606513.0</t>
  </si>
  <si>
    <t>609130.0</t>
  </si>
  <si>
    <t>36.093</t>
  </si>
  <si>
    <t>612043.0</t>
  </si>
  <si>
    <t>36.266</t>
  </si>
  <si>
    <t>615858.0</t>
  </si>
  <si>
    <t>36.492</t>
  </si>
  <si>
    <t>620277.0</t>
  </si>
  <si>
    <t>36.753</t>
  </si>
  <si>
    <t>622634.0</t>
  </si>
  <si>
    <t>36.893</t>
  </si>
  <si>
    <t>870251.0</t>
  </si>
  <si>
    <t>611166.0</t>
  </si>
  <si>
    <t>259085.0</t>
  </si>
  <si>
    <t>625207.0</t>
  </si>
  <si>
    <t>37.046</t>
  </si>
  <si>
    <t>628257.0</t>
  </si>
  <si>
    <t>37.226</t>
  </si>
  <si>
    <t>630382.0</t>
  </si>
  <si>
    <t>37.352</t>
  </si>
  <si>
    <t>633335.0</t>
  </si>
  <si>
    <t>37.527</t>
  </si>
  <si>
    <t>636583.0</t>
  </si>
  <si>
    <t>889854.0</t>
  </si>
  <si>
    <t>264344.0</t>
  </si>
  <si>
    <t>638924.0</t>
  </si>
  <si>
    <t>37.858</t>
  </si>
  <si>
    <t>641606.0</t>
  </si>
  <si>
    <t>38.017</t>
  </si>
  <si>
    <t>906557.0</t>
  </si>
  <si>
    <t>640013.0</t>
  </si>
  <si>
    <t>644192.0</t>
  </si>
  <si>
    <t>647502.0</t>
  </si>
  <si>
    <t>38.367</t>
  </si>
  <si>
    <t>650666.0</t>
  </si>
  <si>
    <t>654867.0</t>
  </si>
  <si>
    <t>658655.0</t>
  </si>
  <si>
    <t>39.027</t>
  </si>
  <si>
    <t>28965.0</t>
  </si>
  <si>
    <t>662198.0</t>
  </si>
  <si>
    <t>28990.0</t>
  </si>
  <si>
    <t>664754.0</t>
  </si>
  <si>
    <t>39.389</t>
  </si>
  <si>
    <t>667477.0</t>
  </si>
  <si>
    <t>1204245.0</t>
  </si>
  <si>
    <t>900914.0</t>
  </si>
  <si>
    <t>303331.0</t>
  </si>
  <si>
    <t>670556.0</t>
  </si>
  <si>
    <t>39.733</t>
  </si>
  <si>
    <t>35606.0</t>
  </si>
  <si>
    <t>673759.0</t>
  </si>
  <si>
    <t>39.922</t>
  </si>
  <si>
    <t>678230.0</t>
  </si>
  <si>
    <t>40.187</t>
  </si>
  <si>
    <t>682280.0</t>
  </si>
  <si>
    <t>40.427</t>
  </si>
  <si>
    <t>686373.0</t>
  </si>
  <si>
    <t>689594.0</t>
  </si>
  <si>
    <t>40.861</t>
  </si>
  <si>
    <t>1360095.0</t>
  </si>
  <si>
    <t>1035558.0</t>
  </si>
  <si>
    <t>324537.0</t>
  </si>
  <si>
    <t>691802.0</t>
  </si>
  <si>
    <t>40.991</t>
  </si>
  <si>
    <t>695974.0</t>
  </si>
  <si>
    <t>41.239</t>
  </si>
  <si>
    <t>22268.0</t>
  </si>
  <si>
    <t>699252.0</t>
  </si>
  <si>
    <t>41.645</t>
  </si>
  <si>
    <t>706507.0</t>
  </si>
  <si>
    <t>710004.0</t>
  </si>
  <si>
    <t>712812.0</t>
  </si>
  <si>
    <t>42.236</t>
  </si>
  <si>
    <t>1451106.0</t>
  </si>
  <si>
    <t>1109720.0</t>
  </si>
  <si>
    <t>341386.0</t>
  </si>
  <si>
    <t>714791.0</t>
  </si>
  <si>
    <t>42.354</t>
  </si>
  <si>
    <t>717841.0</t>
  </si>
  <si>
    <t>42.534</t>
  </si>
  <si>
    <t>720412.0</t>
  </si>
  <si>
    <t>42.687</t>
  </si>
  <si>
    <t>1690202.0</t>
  </si>
  <si>
    <t>1125204.0</t>
  </si>
  <si>
    <t>564998.0</t>
  </si>
  <si>
    <t>723384.0</t>
  </si>
  <si>
    <t>42.863</t>
  </si>
  <si>
    <t>726264.0</t>
  </si>
  <si>
    <t>43.033</t>
  </si>
  <si>
    <t>729768.0</t>
  </si>
  <si>
    <t>43.241</t>
  </si>
  <si>
    <t>732145.0</t>
  </si>
  <si>
    <t>43.382</t>
  </si>
  <si>
    <t>36285.0</t>
  </si>
  <si>
    <t>736997.0</t>
  </si>
  <si>
    <t>1712551.0</t>
  </si>
  <si>
    <t>1147553.0</t>
  </si>
  <si>
    <t>739238.0</t>
  </si>
  <si>
    <t>43.802</t>
  </si>
  <si>
    <t>741932.0</t>
  </si>
  <si>
    <t>744595.0</t>
  </si>
  <si>
    <t>747797.0</t>
  </si>
  <si>
    <t>44.309</t>
  </si>
  <si>
    <t>750083.0</t>
  </si>
  <si>
    <t>751536.0</t>
  </si>
  <si>
    <t>44.531</t>
  </si>
  <si>
    <t>754568.0</t>
  </si>
  <si>
    <t>1732362.0</t>
  </si>
  <si>
    <t>1167364.0</t>
  </si>
  <si>
    <t>756743.0</t>
  </si>
  <si>
    <t>44.839</t>
  </si>
  <si>
    <t>759189.0</t>
  </si>
  <si>
    <t>44.984</t>
  </si>
  <si>
    <t>761496.0</t>
  </si>
  <si>
    <t>45.121</t>
  </si>
  <si>
    <t>764247.0</t>
  </si>
  <si>
    <t>45.284</t>
  </si>
  <si>
    <t>766255.0</t>
  </si>
  <si>
    <t>45.403</t>
  </si>
  <si>
    <t>768084.0</t>
  </si>
  <si>
    <t>45.511</t>
  </si>
  <si>
    <t>770483.0</t>
  </si>
  <si>
    <t>45.654</t>
  </si>
  <si>
    <t>772305.0</t>
  </si>
  <si>
    <t>45.762</t>
  </si>
  <si>
    <t>1744098.0</t>
  </si>
  <si>
    <t>1179100.0</t>
  </si>
  <si>
    <t>774592.0</t>
  </si>
  <si>
    <t>45.897</t>
  </si>
  <si>
    <t>776801.0</t>
  </si>
  <si>
    <t>46.028</t>
  </si>
  <si>
    <t>779532.0</t>
  </si>
  <si>
    <t>781275.0</t>
  </si>
  <si>
    <t>782718.0</t>
  </si>
  <si>
    <t>46.379</t>
  </si>
  <si>
    <t>784792.0</t>
  </si>
  <si>
    <t>46.501</t>
  </si>
  <si>
    <t>1768064.0</t>
  </si>
  <si>
    <t>787356.0</t>
  </si>
  <si>
    <t>789268.0</t>
  </si>
  <si>
    <t>791537.0</t>
  </si>
  <si>
    <t>46.901</t>
  </si>
  <si>
    <t>793724.0</t>
  </si>
  <si>
    <t>795203.0</t>
  </si>
  <si>
    <t>796429.0</t>
  </si>
  <si>
    <t>47.191</t>
  </si>
  <si>
    <t>798337.0</t>
  </si>
  <si>
    <t>47.304</t>
  </si>
  <si>
    <t>1784832.0</t>
  </si>
  <si>
    <t>1219834.0</t>
  </si>
  <si>
    <t>800025.0</t>
  </si>
  <si>
    <t>47.404</t>
  </si>
  <si>
    <t>801576.0</t>
  </si>
  <si>
    <t>47.496</t>
  </si>
  <si>
    <t>803446.0</t>
  </si>
  <si>
    <t>47.607</t>
  </si>
  <si>
    <t>805334.0</t>
  </si>
  <si>
    <t>806766.0</t>
  </si>
  <si>
    <t>47.803</t>
  </si>
  <si>
    <t>807939.0</t>
  </si>
  <si>
    <t>809338.0</t>
  </si>
  <si>
    <t>47.956</t>
  </si>
  <si>
    <t>811094.0</t>
  </si>
  <si>
    <t>1812874.0</t>
  </si>
  <si>
    <t>1247876.0</t>
  </si>
  <si>
    <t>812527.0</t>
  </si>
  <si>
    <t>48.145</t>
  </si>
  <si>
    <t>814246.0</t>
  </si>
  <si>
    <t>815963.0</t>
  </si>
  <si>
    <t>817374.0</t>
  </si>
  <si>
    <t>48.432</t>
  </si>
  <si>
    <t>818785.0</t>
  </si>
  <si>
    <t>820434.0</t>
  </si>
  <si>
    <t>822101.0</t>
  </si>
  <si>
    <t>48.712</t>
  </si>
  <si>
    <t>1263844.0</t>
  </si>
  <si>
    <t>823440.0</t>
  </si>
  <si>
    <t>48.898</t>
  </si>
  <si>
    <t>827148.0</t>
  </si>
  <si>
    <t>828577.0</t>
  </si>
  <si>
    <t>49.096</t>
  </si>
  <si>
    <t>829561.0</t>
  </si>
  <si>
    <t>49.154</t>
  </si>
  <si>
    <t>831209.0</t>
  </si>
  <si>
    <t>336.7</t>
  </si>
  <si>
    <t>832662.0</t>
  </si>
  <si>
    <t>49.338</t>
  </si>
  <si>
    <t>1836019.0</t>
  </si>
  <si>
    <t>1271021.0</t>
  </si>
  <si>
    <t>833928.0</t>
  </si>
  <si>
    <t>374.5</t>
  </si>
  <si>
    <t>835772.0</t>
  </si>
  <si>
    <t>49.522</t>
  </si>
  <si>
    <t>351.1</t>
  </si>
  <si>
    <t>837495.0</t>
  </si>
  <si>
    <t>49.624</t>
  </si>
  <si>
    <t>356.7</t>
  </si>
  <si>
    <t>838802.0</t>
  </si>
  <si>
    <t>49.702</t>
  </si>
  <si>
    <t>839841.0</t>
  </si>
  <si>
    <t>49.763</t>
  </si>
  <si>
    <t>841143.0</t>
  </si>
  <si>
    <t>842279.0</t>
  </si>
  <si>
    <t>418.1</t>
  </si>
  <si>
    <t>843476.0</t>
  </si>
  <si>
    <t>49.979</t>
  </si>
  <si>
    <t>845084.0</t>
  </si>
  <si>
    <t>846451.0</t>
  </si>
  <si>
    <t>50.155</t>
  </si>
  <si>
    <t>331.6</t>
  </si>
  <si>
    <t>847604.0</t>
  </si>
  <si>
    <t>382.5</t>
  </si>
  <si>
    <t>848454.0</t>
  </si>
  <si>
    <t>849866.0</t>
  </si>
  <si>
    <t>50.357</t>
  </si>
  <si>
    <t>851024.0</t>
  </si>
  <si>
    <t>852703.0</t>
  </si>
  <si>
    <t>854382.0</t>
  </si>
  <si>
    <t>357.6</t>
  </si>
  <si>
    <t>855795.0</t>
  </si>
  <si>
    <t>50.709</t>
  </si>
  <si>
    <t>389.3</t>
  </si>
  <si>
    <t>856875.0</t>
  </si>
  <si>
    <t>50.773</t>
  </si>
  <si>
    <t>386.1</t>
  </si>
  <si>
    <t>857659.0</t>
  </si>
  <si>
    <t>50.819</t>
  </si>
  <si>
    <t>368.2</t>
  </si>
  <si>
    <t>858732.0</t>
  </si>
  <si>
    <t>369.5</t>
  </si>
  <si>
    <t>859945.0</t>
  </si>
  <si>
    <t>50.955</t>
  </si>
  <si>
    <t>330.3</t>
  </si>
  <si>
    <t>861066.0</t>
  </si>
  <si>
    <t>51.021</t>
  </si>
  <si>
    <t>348.5</t>
  </si>
  <si>
    <t>862423.0</t>
  </si>
  <si>
    <t>51.101</t>
  </si>
  <si>
    <t>863977.0</t>
  </si>
  <si>
    <t>51.193</t>
  </si>
  <si>
    <t>865088.0</t>
  </si>
  <si>
    <t>51.259</t>
  </si>
  <si>
    <t>865850.0</t>
  </si>
  <si>
    <t>409.5</t>
  </si>
  <si>
    <t>867430.0</t>
  </si>
  <si>
    <t>51.398</t>
  </si>
  <si>
    <t>868970.0</t>
  </si>
  <si>
    <t>51.489</t>
  </si>
  <si>
    <t>563.9</t>
  </si>
  <si>
    <t>869957.0</t>
  </si>
  <si>
    <t>592.6</t>
  </si>
  <si>
    <t>869971.0</t>
  </si>
  <si>
    <t>51.549</t>
  </si>
  <si>
    <t>871444.0</t>
  </si>
  <si>
    <t>393.1</t>
  </si>
  <si>
    <t>872713.0</t>
  </si>
  <si>
    <t>51.711</t>
  </si>
  <si>
    <t>873527.0</t>
  </si>
  <si>
    <t>874726.0</t>
  </si>
  <si>
    <t>486.2</t>
  </si>
  <si>
    <t>875870.0</t>
  </si>
  <si>
    <t>51.898</t>
  </si>
  <si>
    <t>460.1</t>
  </si>
  <si>
    <t>876833.0</t>
  </si>
  <si>
    <t>51.955</t>
  </si>
  <si>
    <t>404.3</t>
  </si>
  <si>
    <t>878163.0</t>
  </si>
  <si>
    <t>879609.0</t>
  </si>
  <si>
    <t>880693.0</t>
  </si>
  <si>
    <t>725.7</t>
  </si>
  <si>
    <t>1903098.0</t>
  </si>
  <si>
    <t>1316401.0</t>
  </si>
  <si>
    <t>918359.0</t>
  </si>
  <si>
    <t>881385.0</t>
  </si>
  <si>
    <t>714.8</t>
  </si>
  <si>
    <t>881705.0</t>
  </si>
  <si>
    <t>52.244</t>
  </si>
  <si>
    <t>882741.0</t>
  </si>
  <si>
    <t>52.305</t>
  </si>
  <si>
    <t>528.8</t>
  </si>
  <si>
    <t>884070.0</t>
  </si>
  <si>
    <t>52.384</t>
  </si>
  <si>
    <t>885508.0</t>
  </si>
  <si>
    <t>52.469</t>
  </si>
  <si>
    <t>458.9</t>
  </si>
  <si>
    <t>886903.0</t>
  </si>
  <si>
    <t>52.552</t>
  </si>
  <si>
    <t>888002.0</t>
  </si>
  <si>
    <t>52.617</t>
  </si>
  <si>
    <t>888766.0</t>
  </si>
  <si>
    <t>52.662</t>
  </si>
  <si>
    <t>433.9</t>
  </si>
  <si>
    <t>889995.0</t>
  </si>
  <si>
    <t>52.735</t>
  </si>
  <si>
    <t>487.4</t>
  </si>
  <si>
    <t>891092.0</t>
  </si>
  <si>
    <t>892082.0</t>
  </si>
  <si>
    <t>52.859</t>
  </si>
  <si>
    <t>893411.0</t>
  </si>
  <si>
    <t>52.937</t>
  </si>
  <si>
    <t>895354.0</t>
  </si>
  <si>
    <t>53.053</t>
  </si>
  <si>
    <t>896721.0</t>
  </si>
  <si>
    <t>897715.0</t>
  </si>
  <si>
    <t>53.193</t>
  </si>
  <si>
    <t>899288.0</t>
  </si>
  <si>
    <t>53.286</t>
  </si>
  <si>
    <t>900672.0</t>
  </si>
  <si>
    <t>902022.0</t>
  </si>
  <si>
    <t>53.448</t>
  </si>
  <si>
    <t>903475.0</t>
  </si>
  <si>
    <t>53.534</t>
  </si>
  <si>
    <t>905375.0</t>
  </si>
  <si>
    <t>53.646</t>
  </si>
  <si>
    <t>906765.0</t>
  </si>
  <si>
    <t>53.729</t>
  </si>
  <si>
    <t>907728.0</t>
  </si>
  <si>
    <t>53.786</t>
  </si>
  <si>
    <t>909390.0</t>
  </si>
  <si>
    <t>53.884</t>
  </si>
  <si>
    <t>910784.0</t>
  </si>
  <si>
    <t>53.967</t>
  </si>
  <si>
    <t>912656.0</t>
  </si>
  <si>
    <t>54.078</t>
  </si>
  <si>
    <t>914471.0</t>
  </si>
  <si>
    <t>54.185</t>
  </si>
  <si>
    <t>916573.0</t>
  </si>
  <si>
    <t>918253.0</t>
  </si>
  <si>
    <t>54.409</t>
  </si>
  <si>
    <t>919490.0</t>
  </si>
  <si>
    <t>921286.0</t>
  </si>
  <si>
    <t>54.589</t>
  </si>
  <si>
    <t>922832.0</t>
  </si>
  <si>
    <t>54.681</t>
  </si>
  <si>
    <t>924333.0</t>
  </si>
  <si>
    <t>925695.0</t>
  </si>
  <si>
    <t>927270.0</t>
  </si>
  <si>
    <t>928437.0</t>
  </si>
  <si>
    <t>931158.0</t>
  </si>
  <si>
    <t>932764.0</t>
  </si>
  <si>
    <t>934399.0</t>
  </si>
  <si>
    <t>55.366</t>
  </si>
  <si>
    <t>936321.0</t>
  </si>
  <si>
    <t>938783.0</t>
  </si>
  <si>
    <t>55.626</t>
  </si>
  <si>
    <t>940725.0</t>
  </si>
  <si>
    <t>942554.0</t>
  </si>
  <si>
    <t>55.849</t>
  </si>
  <si>
    <t>944952.0</t>
  </si>
  <si>
    <t>55.991</t>
  </si>
  <si>
    <t>946814.0</t>
  </si>
  <si>
    <t>1923773.0</t>
  </si>
  <si>
    <t>1316775.0</t>
  </si>
  <si>
    <t>963489.0</t>
  </si>
  <si>
    <t>949307.0</t>
  </si>
  <si>
    <t>951673.0</t>
  </si>
  <si>
    <t>954190.0</t>
  </si>
  <si>
    <t>956176.0</t>
  </si>
  <si>
    <t>56.657</t>
  </si>
  <si>
    <t>957802.0</t>
  </si>
  <si>
    <t>960386.0</t>
  </si>
  <si>
    <t>56.906</t>
  </si>
  <si>
    <t>962628.0</t>
  </si>
  <si>
    <t>57.039</t>
  </si>
  <si>
    <t>964949.0</t>
  </si>
  <si>
    <t>966889.0</t>
  </si>
  <si>
    <t>969373.0</t>
  </si>
  <si>
    <t>970966.0</t>
  </si>
  <si>
    <t>57.533</t>
  </si>
  <si>
    <t>57.611</t>
  </si>
  <si>
    <t>974794.0</t>
  </si>
  <si>
    <t>976673.0</t>
  </si>
  <si>
    <t>57.871</t>
  </si>
  <si>
    <t>978460.0</t>
  </si>
  <si>
    <t>57.977</t>
  </si>
  <si>
    <t>982386.0</t>
  </si>
  <si>
    <t>983828.0</t>
  </si>
  <si>
    <t>984839.0</t>
  </si>
  <si>
    <t>986724.0</t>
  </si>
  <si>
    <t>58.467</t>
  </si>
  <si>
    <t>58.557</t>
  </si>
  <si>
    <t>989749.0</t>
  </si>
  <si>
    <t>58.646</t>
  </si>
  <si>
    <t>991280.0</t>
  </si>
  <si>
    <t>58.737</t>
  </si>
  <si>
    <t>993130.0</t>
  </si>
  <si>
    <t>994395.0</t>
  </si>
  <si>
    <t>995431.0</t>
  </si>
  <si>
    <t>996823.0</t>
  </si>
  <si>
    <t>59.065</t>
  </si>
  <si>
    <t>2044504.0</t>
  </si>
  <si>
    <t>1415371.0</t>
  </si>
  <si>
    <t>1003584.0</t>
  </si>
  <si>
    <t>998110.0</t>
  </si>
  <si>
    <t>59.141</t>
  </si>
  <si>
    <t>999300.0</t>
  </si>
  <si>
    <t>59.212</t>
  </si>
  <si>
    <t>1000756.0</t>
  </si>
  <si>
    <t>1002478.0</t>
  </si>
  <si>
    <t>1004096.0</t>
  </si>
  <si>
    <t>59.496</t>
  </si>
  <si>
    <t>1005391.0</t>
  </si>
  <si>
    <t>59.573</t>
  </si>
  <si>
    <t>1006763.0</t>
  </si>
  <si>
    <t>1421720.0</t>
  </si>
  <si>
    <t>1008421.0</t>
  </si>
  <si>
    <t>1008076.0</t>
  </si>
  <si>
    <t>1009644.0</t>
  </si>
  <si>
    <t>59.825</t>
  </si>
  <si>
    <t>1011252.0</t>
  </si>
  <si>
    <t>1012979.0</t>
  </si>
  <si>
    <t>60.022</t>
  </si>
  <si>
    <t>1015100.0</t>
  </si>
  <si>
    <t>1016116.0</t>
  </si>
  <si>
    <t>60.208</t>
  </si>
  <si>
    <t>1017581.0</t>
  </si>
  <si>
    <t>60.295</t>
  </si>
  <si>
    <t>1018773.0</t>
  </si>
  <si>
    <t>60.366</t>
  </si>
  <si>
    <t>1020030.0</t>
  </si>
  <si>
    <t>2064199.0</t>
  </si>
  <si>
    <t>1438609.0</t>
  </si>
  <si>
    <t>1022478.0</t>
  </si>
  <si>
    <t>1021230.0</t>
  </si>
  <si>
    <t>1022799.0</t>
  </si>
  <si>
    <t>60.604</t>
  </si>
  <si>
    <t>1024222.0</t>
  </si>
  <si>
    <t>60.688</t>
  </si>
  <si>
    <t>1025131.0</t>
  </si>
  <si>
    <t>1440720.0</t>
  </si>
  <si>
    <t>1028842.0</t>
  </si>
  <si>
    <t>1026477.0</t>
  </si>
  <si>
    <t>60.822</t>
  </si>
  <si>
    <t>1027648.0</t>
  </si>
  <si>
    <t>60.891</t>
  </si>
  <si>
    <t>1028844.0</t>
  </si>
  <si>
    <t>60.962</t>
  </si>
  <si>
    <t>1030066.0</t>
  </si>
  <si>
    <t>61.035</t>
  </si>
  <si>
    <t>1031415.0</t>
  </si>
  <si>
    <t>61.115</t>
  </si>
  <si>
    <t>1032768.0</t>
  </si>
  <si>
    <t>61.195</t>
  </si>
  <si>
    <t>1033707.0</t>
  </si>
  <si>
    <t>1448125.0</t>
  </si>
  <si>
    <t>1031849.0</t>
  </si>
  <si>
    <t>1035129.0</t>
  </si>
  <si>
    <t>61.335</t>
  </si>
  <si>
    <t>1036061.0</t>
  </si>
  <si>
    <t>1037247.0</t>
  </si>
  <si>
    <t>1038734.0</t>
  </si>
  <si>
    <t>61.548</t>
  </si>
  <si>
    <t>1040643.0</t>
  </si>
  <si>
    <t>61.661</t>
  </si>
  <si>
    <t>1041950.0</t>
  </si>
  <si>
    <t>1042734.0</t>
  </si>
  <si>
    <t>1044112.0</t>
  </si>
  <si>
    <t>61.867</t>
  </si>
  <si>
    <t>1452996.0</t>
  </si>
  <si>
    <t>1035675.0</t>
  </si>
  <si>
    <t>1045190.0</t>
  </si>
  <si>
    <t>61.931</t>
  </si>
  <si>
    <t>1046496.0</t>
  </si>
  <si>
    <t>62.008</t>
  </si>
  <si>
    <t>62.082</t>
  </si>
  <si>
    <t>1049404.0</t>
  </si>
  <si>
    <t>62.181</t>
  </si>
  <si>
    <t>1050700.0</t>
  </si>
  <si>
    <t>62.257</t>
  </si>
  <si>
    <t>1051407.0</t>
  </si>
  <si>
    <t>62.299</t>
  </si>
  <si>
    <t>1457116.0</t>
  </si>
  <si>
    <t>1039257.0</t>
  </si>
  <si>
    <t>1052776.0</t>
  </si>
  <si>
    <t>1053857.0</t>
  </si>
  <si>
    <t>62.444</t>
  </si>
  <si>
    <t>1055056.0</t>
  </si>
  <si>
    <t>62.515</t>
  </si>
  <si>
    <t>1056477.0</t>
  </si>
  <si>
    <t>1057945.0</t>
  </si>
  <si>
    <t>62.687</t>
  </si>
  <si>
    <t>1059287.0</t>
  </si>
  <si>
    <t>62.766</t>
  </si>
  <si>
    <t>1060000.0</t>
  </si>
  <si>
    <t>1061230.0</t>
  </si>
  <si>
    <t>62.881</t>
  </si>
  <si>
    <t>1062278.0</t>
  </si>
  <si>
    <t>1063456.0</t>
  </si>
  <si>
    <t>63.013</t>
  </si>
  <si>
    <t>1065052.0</t>
  </si>
  <si>
    <t>1068046.0</t>
  </si>
  <si>
    <t>63.285</t>
  </si>
  <si>
    <t>1069292.0</t>
  </si>
  <si>
    <t>63.359</t>
  </si>
  <si>
    <t>1070478.0</t>
  </si>
  <si>
    <t>63.429</t>
  </si>
  <si>
    <t>1071738.0</t>
  </si>
  <si>
    <t>63.504</t>
  </si>
  <si>
    <t>1072958.0</t>
  </si>
  <si>
    <t>63.576</t>
  </si>
  <si>
    <t>1074154.0</t>
  </si>
  <si>
    <t>63.647</t>
  </si>
  <si>
    <t>63.725</t>
  </si>
  <si>
    <t>1076533.0</t>
  </si>
  <si>
    <t>63.788</t>
  </si>
  <si>
    <t>1077296.0</t>
  </si>
  <si>
    <t>63.833</t>
  </si>
  <si>
    <t>1078299.0</t>
  </si>
  <si>
    <t>63.893</t>
  </si>
  <si>
    <t>1079259.0</t>
  </si>
  <si>
    <t>1080113.0</t>
  </si>
  <si>
    <t>1081079.0</t>
  </si>
  <si>
    <t>64.057</t>
  </si>
  <si>
    <t>1082090.0</t>
  </si>
  <si>
    <t>1083008.0</t>
  </si>
  <si>
    <t>64.172</t>
  </si>
  <si>
    <t>1083565.0</t>
  </si>
  <si>
    <t>64.205</t>
  </si>
  <si>
    <t>1084422.0</t>
  </si>
  <si>
    <t>64.255</t>
  </si>
  <si>
    <t>1085151.0</t>
  </si>
  <si>
    <t>1086039.0</t>
  </si>
  <si>
    <t>64.351</t>
  </si>
  <si>
    <t>329.4</t>
  </si>
  <si>
    <t>1087095.0</t>
  </si>
  <si>
    <t>334.1</t>
  </si>
  <si>
    <t>1087929.0</t>
  </si>
  <si>
    <t>64.463</t>
  </si>
  <si>
    <t>1088864.0</t>
  </si>
  <si>
    <t>64.519</t>
  </si>
  <si>
    <t>308.4</t>
  </si>
  <si>
    <t>1089509.0</t>
  </si>
  <si>
    <t>64.557</t>
  </si>
  <si>
    <t>297.2</t>
  </si>
  <si>
    <t>1090292.0</t>
  </si>
  <si>
    <t>64.603</t>
  </si>
  <si>
    <t>1091128.0</t>
  </si>
  <si>
    <t>64.653</t>
  </si>
  <si>
    <t>351.6</t>
  </si>
  <si>
    <t>1091923.0</t>
  </si>
  <si>
    <t>1093089.0</t>
  </si>
  <si>
    <t>352.4</t>
  </si>
  <si>
    <t>1093963.0</t>
  </si>
  <si>
    <t>64.821</t>
  </si>
  <si>
    <t>1094774.0</t>
  </si>
  <si>
    <t>64.869</t>
  </si>
  <si>
    <t>328.3</t>
  </si>
  <si>
    <t>1095363.0</t>
  </si>
  <si>
    <t>2469499.0</t>
  </si>
  <si>
    <t>1096149.0</t>
  </si>
  <si>
    <t>1096835.0</t>
  </si>
  <si>
    <t>64.991</t>
  </si>
  <si>
    <t>1097611.0</t>
  </si>
  <si>
    <t>65.037</t>
  </si>
  <si>
    <t>1098662.0</t>
  </si>
  <si>
    <t>1099446.0</t>
  </si>
  <si>
    <t>65.146</t>
  </si>
  <si>
    <t>608.9</t>
  </si>
  <si>
    <t>1100111.0</t>
  </si>
  <si>
    <t>65.185</t>
  </si>
  <si>
    <t>1100659.0</t>
  </si>
  <si>
    <t>65.218</t>
  </si>
  <si>
    <t>331.1</t>
  </si>
  <si>
    <t>1101285.0</t>
  </si>
  <si>
    <t>302.2</t>
  </si>
  <si>
    <t>1102099.0</t>
  </si>
  <si>
    <t>65.303</t>
  </si>
  <si>
    <t>292.5</t>
  </si>
  <si>
    <t>1047236.0</t>
  </si>
  <si>
    <t>1051041.0</t>
  </si>
  <si>
    <t>1069859.0</t>
  </si>
  <si>
    <t>1071360.0</t>
  </si>
  <si>
    <t>1458935.0</t>
  </si>
  <si>
    <t>1460773.0</t>
  </si>
  <si>
    <t>1079255.0</t>
  </si>
  <si>
    <t>1471829.0</t>
  </si>
  <si>
    <t>1088857.0</t>
  </si>
  <si>
    <t>1473795.0</t>
  </si>
  <si>
    <t>1090400.0</t>
  </si>
  <si>
    <t>1480613.0</t>
  </si>
  <si>
    <t>1096047.0</t>
  </si>
  <si>
    <t>1504180.0</t>
  </si>
  <si>
    <t>1563871.0</t>
  </si>
  <si>
    <t>1150222.0</t>
  </si>
  <si>
    <t>499879.0</t>
  </si>
  <si>
    <t>1732282.0</t>
  </si>
  <si>
    <t>1263032.0</t>
  </si>
  <si>
    <t>591916.0</t>
  </si>
  <si>
    <t>2657183.0</t>
  </si>
  <si>
    <t>1910386.0</t>
  </si>
  <si>
    <t>612714.0</t>
  </si>
  <si>
    <t>2709648.0</t>
  </si>
  <si>
    <t>1949419.0</t>
  </si>
  <si>
    <t>1356436.0</t>
  </si>
  <si>
    <t>616751.0</t>
  </si>
  <si>
    <t>SRB</t>
  </si>
  <si>
    <t>Serbia</t>
  </si>
  <si>
    <t>-426.6</t>
  </si>
  <si>
    <t>-62.0820901028546</t>
  </si>
  <si>
    <t>0.4416</t>
  </si>
  <si>
    <t>0.3451</t>
  </si>
  <si>
    <t>-520.1</t>
  </si>
  <si>
    <t>-75.6889241971277</t>
  </si>
  <si>
    <t>18312.0</t>
  </si>
  <si>
    <t>437.456</t>
  </si>
  <si>
    <t>23398.0</t>
  </si>
  <si>
    <t>14.989</t>
  </si>
  <si>
    <t>48636.0</t>
  </si>
  <si>
    <t>78942.0</t>
  </si>
  <si>
    <t>12.464</t>
  </si>
  <si>
    <t>-184.6</t>
  </si>
  <si>
    <t>-26.8644018588536</t>
  </si>
  <si>
    <t>91551.0</t>
  </si>
  <si>
    <t>96637.0</t>
  </si>
  <si>
    <t>14.831</t>
  </si>
  <si>
    <t>106461.0</t>
  </si>
  <si>
    <t>111278.0</t>
  </si>
  <si>
    <t>117474.0</t>
  </si>
  <si>
    <t>122995.0</t>
  </si>
  <si>
    <t>17.899</t>
  </si>
  <si>
    <t>18.745</t>
  </si>
  <si>
    <t>140592.0</t>
  </si>
  <si>
    <t>145604.0</t>
  </si>
  <si>
    <t>21.189</t>
  </si>
  <si>
    <t>151304.0</t>
  </si>
  <si>
    <t>156603.0</t>
  </si>
  <si>
    <t>162797.0</t>
  </si>
  <si>
    <t>168670.0</t>
  </si>
  <si>
    <t>24.546</t>
  </si>
  <si>
    <t>174746.0</t>
  </si>
  <si>
    <t>181272.0</t>
  </si>
  <si>
    <t>117.15</t>
  </si>
  <si>
    <t>185385.0</t>
  </si>
  <si>
    <t>26.979</t>
  </si>
  <si>
    <t>190683.0</t>
  </si>
  <si>
    <t>196881.0</t>
  </si>
  <si>
    <t>203799.0</t>
  </si>
  <si>
    <t>29.658</t>
  </si>
  <si>
    <t>209797.0</t>
  </si>
  <si>
    <t>30.531</t>
  </si>
  <si>
    <t>214212.0</t>
  </si>
  <si>
    <t>31.174</t>
  </si>
  <si>
    <t>217856.0</t>
  </si>
  <si>
    <t>31.704</t>
  </si>
  <si>
    <t>32.066</t>
  </si>
  <si>
    <t>32.565</t>
  </si>
  <si>
    <t>229485.0</t>
  </si>
  <si>
    <t>33.396</t>
  </si>
  <si>
    <t>234019.0</t>
  </si>
  <si>
    <t>239234.0</t>
  </si>
  <si>
    <t>34.815</t>
  </si>
  <si>
    <t>242782.0</t>
  </si>
  <si>
    <t>245445.0</t>
  </si>
  <si>
    <t>35.719</t>
  </si>
  <si>
    <t>-349.9</t>
  </si>
  <si>
    <t>-50.9201203164295</t>
  </si>
  <si>
    <t>247760.0</t>
  </si>
  <si>
    <t>36.056</t>
  </si>
  <si>
    <t>252132.0</t>
  </si>
  <si>
    <t>36.692</t>
  </si>
  <si>
    <t>257242.0</t>
  </si>
  <si>
    <t>261266.0</t>
  </si>
  <si>
    <t>38.021</t>
  </si>
  <si>
    <t>38.719</t>
  </si>
  <si>
    <t>39.174</t>
  </si>
  <si>
    <t>272502.0</t>
  </si>
  <si>
    <t>39.657</t>
  </si>
  <si>
    <t>66.506</t>
  </si>
  <si>
    <t>276810.0</t>
  </si>
  <si>
    <t>282049.0</t>
  </si>
  <si>
    <t>41.046</t>
  </si>
  <si>
    <t>287064.0</t>
  </si>
  <si>
    <t>41.776</t>
  </si>
  <si>
    <t>42.493</t>
  </si>
  <si>
    <t>297789.0</t>
  </si>
  <si>
    <t>43.822</t>
  </si>
  <si>
    <t>302928.0</t>
  </si>
  <si>
    <t>44.084</t>
  </si>
  <si>
    <t>308013.0</t>
  </si>
  <si>
    <t>44.824</t>
  </si>
  <si>
    <t>313483.0</t>
  </si>
  <si>
    <t>319581.0</t>
  </si>
  <si>
    <t>46.508</t>
  </si>
  <si>
    <t>325613.0</t>
  </si>
  <si>
    <t>47.386</t>
  </si>
  <si>
    <t>332342.0</t>
  </si>
  <si>
    <t>336553.0</t>
  </si>
  <si>
    <t>48.978</t>
  </si>
  <si>
    <t>339822.0</t>
  </si>
  <si>
    <t>49.453</t>
  </si>
  <si>
    <t>345260.0</t>
  </si>
  <si>
    <t>50.245</t>
  </si>
  <si>
    <t>351285.0</t>
  </si>
  <si>
    <t>51.122</t>
  </si>
  <si>
    <t>359069.0</t>
  </si>
  <si>
    <t>52.254</t>
  </si>
  <si>
    <t>138.833</t>
  </si>
  <si>
    <t>366380.0</t>
  </si>
  <si>
    <t>53.318</t>
  </si>
  <si>
    <t>374875.0</t>
  </si>
  <si>
    <t>54.555</t>
  </si>
  <si>
    <t>380808.0</t>
  </si>
  <si>
    <t>55.418</t>
  </si>
  <si>
    <t>385713.0</t>
  </si>
  <si>
    <t>56.132</t>
  </si>
  <si>
    <t>392863.0</t>
  </si>
  <si>
    <t>57.172</t>
  </si>
  <si>
    <t>401240.0</t>
  </si>
  <si>
    <t>27.7084621556107</t>
  </si>
  <si>
    <t>10.624</t>
  </si>
  <si>
    <t>409866.0</t>
  </si>
  <si>
    <t>59.647</t>
  </si>
  <si>
    <t>418879.0</t>
  </si>
  <si>
    <t>426981.0</t>
  </si>
  <si>
    <t>62.138</t>
  </si>
  <si>
    <t>434415.0</t>
  </si>
  <si>
    <t>63.219</t>
  </si>
  <si>
    <t>439445.0</t>
  </si>
  <si>
    <t>63.951</t>
  </si>
  <si>
    <t>447317.0</t>
  </si>
  <si>
    <t>65.097</t>
  </si>
  <si>
    <t>455604.0</t>
  </si>
  <si>
    <t>66.303</t>
  </si>
  <si>
    <t>464171.0</t>
  </si>
  <si>
    <t>471700.0</t>
  </si>
  <si>
    <t>68.645</t>
  </si>
  <si>
    <t>480346.0</t>
  </si>
  <si>
    <t>69.904</t>
  </si>
  <si>
    <t>487378.0</t>
  </si>
  <si>
    <t>70.927</t>
  </si>
  <si>
    <t>71.516</t>
  </si>
  <si>
    <t>498343.0</t>
  </si>
  <si>
    <t>72.523</t>
  </si>
  <si>
    <t>507002.0</t>
  </si>
  <si>
    <t>73.783</t>
  </si>
  <si>
    <t>515395.0</t>
  </si>
  <si>
    <t>25.758</t>
  </si>
  <si>
    <t>524578.0</t>
  </si>
  <si>
    <t>76.341</t>
  </si>
  <si>
    <t>534488.0</t>
  </si>
  <si>
    <t>77.783</t>
  </si>
  <si>
    <t>542136.0</t>
  </si>
  <si>
    <t>78.896</t>
  </si>
  <si>
    <t>550091.0</t>
  </si>
  <si>
    <t>80.053</t>
  </si>
  <si>
    <t>558440.0</t>
  </si>
  <si>
    <t>81.268</t>
  </si>
  <si>
    <t>568750.0</t>
  </si>
  <si>
    <t>82.769</t>
  </si>
  <si>
    <t>580271.0</t>
  </si>
  <si>
    <t>84.445</t>
  </si>
  <si>
    <t>591350.0</t>
  </si>
  <si>
    <t>86.058</t>
  </si>
  <si>
    <t>601984.0</t>
  </si>
  <si>
    <t>611333.0</t>
  </si>
  <si>
    <t>88.966</t>
  </si>
  <si>
    <t>621714.0</t>
  </si>
  <si>
    <t>90.477</t>
  </si>
  <si>
    <t>631274.0</t>
  </si>
  <si>
    <t>91.868</t>
  </si>
  <si>
    <t>641091.0</t>
  </si>
  <si>
    <t>93.296</t>
  </si>
  <si>
    <t>650744.0</t>
  </si>
  <si>
    <t>94.701</t>
  </si>
  <si>
    <t>659548.0</t>
  </si>
  <si>
    <t>668984.0</t>
  </si>
  <si>
    <t>97.356</t>
  </si>
  <si>
    <t>329.139857444037</t>
  </si>
  <si>
    <t>678093.0</t>
  </si>
  <si>
    <t>98.681</t>
  </si>
  <si>
    <t>686488.0</t>
  </si>
  <si>
    <t>99.903</t>
  </si>
  <si>
    <t>693656.0</t>
  </si>
  <si>
    <t>100.946</t>
  </si>
  <si>
    <t>102.342</t>
  </si>
  <si>
    <t>713104.0</t>
  </si>
  <si>
    <t>103.776</t>
  </si>
  <si>
    <t>723137.0</t>
  </si>
  <si>
    <t>105.236</t>
  </si>
  <si>
    <t>741073.0</t>
  </si>
  <si>
    <t>107.847</t>
  </si>
  <si>
    <t>747324.0</t>
  </si>
  <si>
    <t>108.756</t>
  </si>
  <si>
    <t>754143.0</t>
  </si>
  <si>
    <t>109.749</t>
  </si>
  <si>
    <t>762229.0</t>
  </si>
  <si>
    <t>110.925</t>
  </si>
  <si>
    <t>770997.0</t>
  </si>
  <si>
    <t>112.201</t>
  </si>
  <si>
    <t>780097.0</t>
  </si>
  <si>
    <t>113.526</t>
  </si>
  <si>
    <t>789480.0</t>
  </si>
  <si>
    <t>114.891</t>
  </si>
  <si>
    <t>798009.0</t>
  </si>
  <si>
    <t>116.132</t>
  </si>
  <si>
    <t>804568.0</t>
  </si>
  <si>
    <t>811920.0</t>
  </si>
  <si>
    <t>118.157</t>
  </si>
  <si>
    <t>821106.0</t>
  </si>
  <si>
    <t>119.494</t>
  </si>
  <si>
    <t>831677.0</t>
  </si>
  <si>
    <t>121.032</t>
  </si>
  <si>
    <t>842441.0</t>
  </si>
  <si>
    <t>122.598</t>
  </si>
  <si>
    <t>854059.0</t>
  </si>
  <si>
    <t>124.289</t>
  </si>
  <si>
    <t>862729.0</t>
  </si>
  <si>
    <t>869668.0</t>
  </si>
  <si>
    <t>876929.0</t>
  </si>
  <si>
    <t>127.617</t>
  </si>
  <si>
    <t>885575.0</t>
  </si>
  <si>
    <t>128.876</t>
  </si>
  <si>
    <t>895507.0</t>
  </si>
  <si>
    <t>130.321</t>
  </si>
  <si>
    <t>904343.0</t>
  </si>
  <si>
    <t>913856.0</t>
  </si>
  <si>
    <t>132.991</t>
  </si>
  <si>
    <t>920852.0</t>
  </si>
  <si>
    <t>134.009</t>
  </si>
  <si>
    <t>925208.0</t>
  </si>
  <si>
    <t>134.643</t>
  </si>
  <si>
    <t>931037.0</t>
  </si>
  <si>
    <t>459.867334095219</t>
  </si>
  <si>
    <t>938546.0</t>
  </si>
  <si>
    <t>136.584</t>
  </si>
  <si>
    <t>947298.0</t>
  </si>
  <si>
    <t>137.858</t>
  </si>
  <si>
    <t>955730.0</t>
  </si>
  <si>
    <t>139.085</t>
  </si>
  <si>
    <t>966563.0</t>
  </si>
  <si>
    <t>140.662</t>
  </si>
  <si>
    <t>974411.0</t>
  </si>
  <si>
    <t>978600.0</t>
  </si>
  <si>
    <t>142.413</t>
  </si>
  <si>
    <t>984798.0</t>
  </si>
  <si>
    <t>143.315</t>
  </si>
  <si>
    <t>993140.0</t>
  </si>
  <si>
    <t>144.529</t>
  </si>
  <si>
    <t>1001425.0</t>
  </si>
  <si>
    <t>145.735</t>
  </si>
  <si>
    <t>1009401.0</t>
  </si>
  <si>
    <t>1018908.0</t>
  </si>
  <si>
    <t>1024976.0</t>
  </si>
  <si>
    <t>149.162</t>
  </si>
  <si>
    <t>1028058.0</t>
  </si>
  <si>
    <t>149.611</t>
  </si>
  <si>
    <t>1033988.0</t>
  </si>
  <si>
    <t>150.474</t>
  </si>
  <si>
    <t>1041697.0</t>
  </si>
  <si>
    <t>151.596</t>
  </si>
  <si>
    <t>1049379.0</t>
  </si>
  <si>
    <t>152.714</t>
  </si>
  <si>
    <t>1056256.0</t>
  </si>
  <si>
    <t>153.714</t>
  </si>
  <si>
    <t>1063667.0</t>
  </si>
  <si>
    <t>154.793</t>
  </si>
  <si>
    <t>1069626.0</t>
  </si>
  <si>
    <t>1072801.0</t>
  </si>
  <si>
    <t>156.122</t>
  </si>
  <si>
    <t>1078079.0</t>
  </si>
  <si>
    <t>1084893.0</t>
  </si>
  <si>
    <t>157.882</t>
  </si>
  <si>
    <t>1092359.0</t>
  </si>
  <si>
    <t>1099022.0</t>
  </si>
  <si>
    <t>159.938</t>
  </si>
  <si>
    <t>1106444.0</t>
  </si>
  <si>
    <t>161.018</t>
  </si>
  <si>
    <t>1111957.0</t>
  </si>
  <si>
    <t>1115095.0</t>
  </si>
  <si>
    <t>162.277</t>
  </si>
  <si>
    <t>1120363.0</t>
  </si>
  <si>
    <t>163.044</t>
  </si>
  <si>
    <t>1127678.0</t>
  </si>
  <si>
    <t>164.108</t>
  </si>
  <si>
    <t>1134239.0</t>
  </si>
  <si>
    <t>165.063</t>
  </si>
  <si>
    <t>3449.1</t>
  </si>
  <si>
    <t>501.939374059437</t>
  </si>
  <si>
    <t>1140378.0</t>
  </si>
  <si>
    <t>165.957</t>
  </si>
  <si>
    <t>1147039.0</t>
  </si>
  <si>
    <t>166.926</t>
  </si>
  <si>
    <t>1151790.0</t>
  </si>
  <si>
    <t>167.617</t>
  </si>
  <si>
    <t>1154457.0</t>
  </si>
  <si>
    <t>168.005</t>
  </si>
  <si>
    <t>1159806.0</t>
  </si>
  <si>
    <t>168.784</t>
  </si>
  <si>
    <t>1166882.0</t>
  </si>
  <si>
    <t>169.814</t>
  </si>
  <si>
    <t>1173582.0</t>
  </si>
  <si>
    <t>170.789</t>
  </si>
  <si>
    <t>42.349</t>
  </si>
  <si>
    <t>1179721.0</t>
  </si>
  <si>
    <t>171.682</t>
  </si>
  <si>
    <t>1186654.0</t>
  </si>
  <si>
    <t>172.691</t>
  </si>
  <si>
    <t>1191630.0</t>
  </si>
  <si>
    <t>1194536.0</t>
  </si>
  <si>
    <t>173.838</t>
  </si>
  <si>
    <t>1199799.0</t>
  </si>
  <si>
    <t>1206976.0</t>
  </si>
  <si>
    <t>175.648</t>
  </si>
  <si>
    <t>1213404.0</t>
  </si>
  <si>
    <t>1219908.0</t>
  </si>
  <si>
    <t>177.53</t>
  </si>
  <si>
    <t>1227337.0</t>
  </si>
  <si>
    <t>178.611</t>
  </si>
  <si>
    <t>1232793.0</t>
  </si>
  <si>
    <t>179.405</t>
  </si>
  <si>
    <t>1236118.0</t>
  </si>
  <si>
    <t>179.889</t>
  </si>
  <si>
    <t>1241864.0</t>
  </si>
  <si>
    <t>180.726</t>
  </si>
  <si>
    <t>1249106.0</t>
  </si>
  <si>
    <t>181.779</t>
  </si>
  <si>
    <t>1256531.0</t>
  </si>
  <si>
    <t>182.86</t>
  </si>
  <si>
    <t>1263246.0</t>
  </si>
  <si>
    <t>183.837</t>
  </si>
  <si>
    <t>1271455.0</t>
  </si>
  <si>
    <t>185.032</t>
  </si>
  <si>
    <t>1278277.0</t>
  </si>
  <si>
    <t>186.025</t>
  </si>
  <si>
    <t>1283016.0</t>
  </si>
  <si>
    <t>186.714</t>
  </si>
  <si>
    <t>1289519.0</t>
  </si>
  <si>
    <t>187.661</t>
  </si>
  <si>
    <t>1298949.0</t>
  </si>
  <si>
    <t>189.033</t>
  </si>
  <si>
    <t>1308639.0</t>
  </si>
  <si>
    <t>190.443</t>
  </si>
  <si>
    <t>1318096.0</t>
  </si>
  <si>
    <t>191.819</t>
  </si>
  <si>
    <t>1329100.0</t>
  </si>
  <si>
    <t>1338631.0</t>
  </si>
  <si>
    <t>194.808</t>
  </si>
  <si>
    <t>3627.8</t>
  </si>
  <si>
    <t>527.945162857796</t>
  </si>
  <si>
    <t>195.759</t>
  </si>
  <si>
    <t>1352657.0</t>
  </si>
  <si>
    <t>196.849</t>
  </si>
  <si>
    <t>1363619.0</t>
  </si>
  <si>
    <t>198.444</t>
  </si>
  <si>
    <t>1376236.0</t>
  </si>
  <si>
    <t>1388716.0</t>
  </si>
  <si>
    <t>202.097</t>
  </si>
  <si>
    <t>1401663.0</t>
  </si>
  <si>
    <t>203.981</t>
  </si>
  <si>
    <t>1412855.0</t>
  </si>
  <si>
    <t>205.609</t>
  </si>
  <si>
    <t>1421154.0</t>
  </si>
  <si>
    <t>206.817</t>
  </si>
  <si>
    <t>1429551.0</t>
  </si>
  <si>
    <t>208.039</t>
  </si>
  <si>
    <t>1442642.0</t>
  </si>
  <si>
    <t>209.944</t>
  </si>
  <si>
    <t>1455156.0</t>
  </si>
  <si>
    <t>211.765</t>
  </si>
  <si>
    <t>1468164.0</t>
  </si>
  <si>
    <t>213.658</t>
  </si>
  <si>
    <t>1482280.0</t>
  </si>
  <si>
    <t>215.713</t>
  </si>
  <si>
    <t>1496295.0</t>
  </si>
  <si>
    <t>217.752</t>
  </si>
  <si>
    <t>1507822.0</t>
  </si>
  <si>
    <t>1519315.0</t>
  </si>
  <si>
    <t>221.102</t>
  </si>
  <si>
    <t>1536960.0</t>
  </si>
  <si>
    <t>1555000.0</t>
  </si>
  <si>
    <t>226.295</t>
  </si>
  <si>
    <t>1573980.0</t>
  </si>
  <si>
    <t>229.058</t>
  </si>
  <si>
    <t>1593281.0</t>
  </si>
  <si>
    <t>231.866</t>
  </si>
  <si>
    <t>1610219.0</t>
  </si>
  <si>
    <t>234.331</t>
  </si>
  <si>
    <t>0.3076</t>
  </si>
  <si>
    <t>1623648.0</t>
  </si>
  <si>
    <t>236.286</t>
  </si>
  <si>
    <t>1638709.0</t>
  </si>
  <si>
    <t>238.477</t>
  </si>
  <si>
    <t>1660185.0</t>
  </si>
  <si>
    <t>241.603</t>
  </si>
  <si>
    <t>1682416.0</t>
  </si>
  <si>
    <t>244.838</t>
  </si>
  <si>
    <t>1703985.0</t>
  </si>
  <si>
    <t>247.977</t>
  </si>
  <si>
    <t>1726389.0</t>
  </si>
  <si>
    <t>251.237</t>
  </si>
  <si>
    <t>1744981.0</t>
  </si>
  <si>
    <t>253.943</t>
  </si>
  <si>
    <t>19252.0</t>
  </si>
  <si>
    <t>1760489.0</t>
  </si>
  <si>
    <t>1777582.0</t>
  </si>
  <si>
    <t>258.687</t>
  </si>
  <si>
    <t>0.3546</t>
  </si>
  <si>
    <t>7404.1</t>
  </si>
  <si>
    <t>1077.50117986532</t>
  </si>
  <si>
    <t>1800419.0</t>
  </si>
  <si>
    <t>262.011</t>
  </si>
  <si>
    <t>39.292</t>
  </si>
  <si>
    <t>1822488.0</t>
  </si>
  <si>
    <t>265.222</t>
  </si>
  <si>
    <t>1844731.0</t>
  </si>
  <si>
    <t>268.459</t>
  </si>
  <si>
    <t>0.3619</t>
  </si>
  <si>
    <t>1867228.0</t>
  </si>
  <si>
    <t>22497.0</t>
  </si>
  <si>
    <t>271.733</t>
  </si>
  <si>
    <t>1885460.0</t>
  </si>
  <si>
    <t>18232.0</t>
  </si>
  <si>
    <t>274.387</t>
  </si>
  <si>
    <t>1899946.0</t>
  </si>
  <si>
    <t>276.495</t>
  </si>
  <si>
    <t>1915643.0</t>
  </si>
  <si>
    <t>278.779</t>
  </si>
  <si>
    <t>19723.0</t>
  </si>
  <si>
    <t>0.3677</t>
  </si>
  <si>
    <t>1936157.0</t>
  </si>
  <si>
    <t>281.764</t>
  </si>
  <si>
    <t>0.3727</t>
  </si>
  <si>
    <t>1235.384</t>
  </si>
  <si>
    <t>1958473.0</t>
  </si>
  <si>
    <t>285.012</t>
  </si>
  <si>
    <t>1980272.0</t>
  </si>
  <si>
    <t>288.184</t>
  </si>
  <si>
    <t>2000098.0</t>
  </si>
  <si>
    <t>291.07</t>
  </si>
  <si>
    <t>2016984.0</t>
  </si>
  <si>
    <t>293.527</t>
  </si>
  <si>
    <t>2030691.0</t>
  </si>
  <si>
    <t>295.522</t>
  </si>
  <si>
    <t>2046456.0</t>
  </si>
  <si>
    <t>297.816</t>
  </si>
  <si>
    <t>2065445.0</t>
  </si>
  <si>
    <t>300.579</t>
  </si>
  <si>
    <t>2083929.0</t>
  </si>
  <si>
    <t>303.269</t>
  </si>
  <si>
    <t>2101389.0</t>
  </si>
  <si>
    <t>305.81</t>
  </si>
  <si>
    <t>2118129.0</t>
  </si>
  <si>
    <t>308.246</t>
  </si>
  <si>
    <t>2130707.0</t>
  </si>
  <si>
    <t>310.077</t>
  </si>
  <si>
    <t>2141775.0</t>
  </si>
  <si>
    <t>311.687</t>
  </si>
  <si>
    <t>2155365.0</t>
  </si>
  <si>
    <t>313.665</t>
  </si>
  <si>
    <t>0.2973</t>
  </si>
  <si>
    <t>2171387.0</t>
  </si>
  <si>
    <t>315.997</t>
  </si>
  <si>
    <t>2188004.0</t>
  </si>
  <si>
    <t>318.415</t>
  </si>
  <si>
    <t>0.2849</t>
  </si>
  <si>
    <t>2203391.0</t>
  </si>
  <si>
    <t>320.654</t>
  </si>
  <si>
    <t>2218185.0</t>
  </si>
  <si>
    <t>14794.0</t>
  </si>
  <si>
    <t>322.807</t>
  </si>
  <si>
    <t>2231386.0</t>
  </si>
  <si>
    <t>324.728</t>
  </si>
  <si>
    <t>2242785.0</t>
  </si>
  <si>
    <t>326.387</t>
  </si>
  <si>
    <t>2253975.0</t>
  </si>
  <si>
    <t>328.016</t>
  </si>
  <si>
    <t>2268962.0</t>
  </si>
  <si>
    <t>330.197</t>
  </si>
  <si>
    <t>2283406.0</t>
  </si>
  <si>
    <t>2296303.0</t>
  </si>
  <si>
    <t>334.176</t>
  </si>
  <si>
    <t>15666.6</t>
  </si>
  <si>
    <t>2279.92328365068</t>
  </si>
  <si>
    <t>2305585.0</t>
  </si>
  <si>
    <t>2312861.0</t>
  </si>
  <si>
    <t>336.585</t>
  </si>
  <si>
    <t>2320434.0</t>
  </si>
  <si>
    <t>337.687</t>
  </si>
  <si>
    <t>2331636.0</t>
  </si>
  <si>
    <t>339.317</t>
  </si>
  <si>
    <t>2344590.0</t>
  </si>
  <si>
    <t>341.203</t>
  </si>
  <si>
    <t>2358102.0</t>
  </si>
  <si>
    <t>343.169</t>
  </si>
  <si>
    <t>2366947.0</t>
  </si>
  <si>
    <t>344.456</t>
  </si>
  <si>
    <t>879.86</t>
  </si>
  <si>
    <t>2378015.0</t>
  </si>
  <si>
    <t>346.067</t>
  </si>
  <si>
    <t>2389138.0</t>
  </si>
  <si>
    <t>347.686</t>
  </si>
  <si>
    <t>2399702.0</t>
  </si>
  <si>
    <t>349.223</t>
  </si>
  <si>
    <t>2410824.0</t>
  </si>
  <si>
    <t>350.842</t>
  </si>
  <si>
    <t>2424147.0</t>
  </si>
  <si>
    <t>352.78</t>
  </si>
  <si>
    <t>2437036.0</t>
  </si>
  <si>
    <t>354.656</t>
  </si>
  <si>
    <t>2448761.0</t>
  </si>
  <si>
    <t>356.362</t>
  </si>
  <si>
    <t>2459722.0</t>
  </si>
  <si>
    <t>357.958</t>
  </si>
  <si>
    <t>2468821.0</t>
  </si>
  <si>
    <t>359.282</t>
  </si>
  <si>
    <t>2476551.0</t>
  </si>
  <si>
    <t>360.407</t>
  </si>
  <si>
    <t>2485591.0</t>
  </si>
  <si>
    <t>361.722</t>
  </si>
  <si>
    <t>2496125.0</t>
  </si>
  <si>
    <t>363.255</t>
  </si>
  <si>
    <t>2506636.0</t>
  </si>
  <si>
    <t>364.785</t>
  </si>
  <si>
    <t>2516876.0</t>
  </si>
  <si>
    <t>366.275</t>
  </si>
  <si>
    <t>2527514.0</t>
  </si>
  <si>
    <t>367.823</t>
  </si>
  <si>
    <t>119711.0</t>
  </si>
  <si>
    <t>2536948.0</t>
  </si>
  <si>
    <t>369.196</t>
  </si>
  <si>
    <t>163355.0</t>
  </si>
  <si>
    <t>43644.0</t>
  </si>
  <si>
    <t>2544497.0</t>
  </si>
  <si>
    <t>370.295</t>
  </si>
  <si>
    <t>217800.0</t>
  </si>
  <si>
    <t>2553276.0</t>
  </si>
  <si>
    <t>371.572</t>
  </si>
  <si>
    <t>256521.0</t>
  </si>
  <si>
    <t>24.449</t>
  </si>
  <si>
    <t>2566764.0</t>
  </si>
  <si>
    <t>373.535</t>
  </si>
  <si>
    <t>319504.0</t>
  </si>
  <si>
    <t>2578207.0</t>
  </si>
  <si>
    <t>361830.0</t>
  </si>
  <si>
    <t>45317.0</t>
  </si>
  <si>
    <t>2588844.0</t>
  </si>
  <si>
    <t>376.748</t>
  </si>
  <si>
    <t>401556.0</t>
  </si>
  <si>
    <t>2600004.0</t>
  </si>
  <si>
    <t>378.372</t>
  </si>
  <si>
    <t>430759.0</t>
  </si>
  <si>
    <t>29203.0</t>
  </si>
  <si>
    <t>2609580.0</t>
  </si>
  <si>
    <t>379.766</t>
  </si>
  <si>
    <t>437380.0</t>
  </si>
  <si>
    <t>2617473.0</t>
  </si>
  <si>
    <t>2288.13104239846</t>
  </si>
  <si>
    <t>2627944.0</t>
  </si>
  <si>
    <t>382.438</t>
  </si>
  <si>
    <t>2640135.0</t>
  </si>
  <si>
    <t>384.213</t>
  </si>
  <si>
    <t>495964.0</t>
  </si>
  <si>
    <t>2652095.0</t>
  </si>
  <si>
    <t>385.953</t>
  </si>
  <si>
    <t>2664142.0</t>
  </si>
  <si>
    <t>387.706</t>
  </si>
  <si>
    <t>526930.0</t>
  </si>
  <si>
    <t>2675996.0</t>
  </si>
  <si>
    <t>389.431</t>
  </si>
  <si>
    <t>538373.0</t>
  </si>
  <si>
    <t>15373.0</t>
  </si>
  <si>
    <t>2685755.0</t>
  </si>
  <si>
    <t>390.852</t>
  </si>
  <si>
    <t>2693265.0</t>
  </si>
  <si>
    <t>391.944</t>
  </si>
  <si>
    <t>544209.0</t>
  </si>
  <si>
    <t>2703723.0</t>
  </si>
  <si>
    <t>393.466</t>
  </si>
  <si>
    <t>2716553.0</t>
  </si>
  <si>
    <t>395.334</t>
  </si>
  <si>
    <t>2729540.0</t>
  </si>
  <si>
    <t>397.224</t>
  </si>
  <si>
    <t>640299.0</t>
  </si>
  <si>
    <t>592634.0</t>
  </si>
  <si>
    <t>2742087.0</t>
  </si>
  <si>
    <t>399.049</t>
  </si>
  <si>
    <t>2753786.0</t>
  </si>
  <si>
    <t>400.752</t>
  </si>
  <si>
    <t>836287.0</t>
  </si>
  <si>
    <t>710138.0</t>
  </si>
  <si>
    <t>126149.0</t>
  </si>
  <si>
    <t>2762877.0</t>
  </si>
  <si>
    <t>402.075</t>
  </si>
  <si>
    <t>52908.0</t>
  </si>
  <si>
    <t>2770169.0</t>
  </si>
  <si>
    <t>403.136</t>
  </si>
  <si>
    <t>987000.0</t>
  </si>
  <si>
    <t>805000.0</t>
  </si>
  <si>
    <t>63256.0</t>
  </si>
  <si>
    <t>2775719.0</t>
  </si>
  <si>
    <t>403.944</t>
  </si>
  <si>
    <t>2784210.0</t>
  </si>
  <si>
    <t>405.18</t>
  </si>
  <si>
    <t>64051.0</t>
  </si>
  <si>
    <t>33360.0</t>
  </si>
  <si>
    <t>2797273.0</t>
  </si>
  <si>
    <t>407.081</t>
  </si>
  <si>
    <t>64449.0</t>
  </si>
  <si>
    <t>21.538</t>
  </si>
  <si>
    <t>2810689.0</t>
  </si>
  <si>
    <t>409.033</t>
  </si>
  <si>
    <t>23377.0</t>
  </si>
  <si>
    <t>2824207.0</t>
  </si>
  <si>
    <t>412.695</t>
  </si>
  <si>
    <t>2846122.0</t>
  </si>
  <si>
    <t>414.189</t>
  </si>
  <si>
    <t>2858176.0</t>
  </si>
  <si>
    <t>415.944</t>
  </si>
  <si>
    <t>2873176.0</t>
  </si>
  <si>
    <t>418.127</t>
  </si>
  <si>
    <t>1300330.0</t>
  </si>
  <si>
    <t>827561.0</t>
  </si>
  <si>
    <t>472769.0</t>
  </si>
  <si>
    <t>2888376.0</t>
  </si>
  <si>
    <t>420.339</t>
  </si>
  <si>
    <t>1343718.0</t>
  </si>
  <si>
    <t>856359.0</t>
  </si>
  <si>
    <t>487359.0</t>
  </si>
  <si>
    <t>2903450.0</t>
  </si>
  <si>
    <t>422.532</t>
  </si>
  <si>
    <t>1375872.0</t>
  </si>
  <si>
    <t>878143.0</t>
  </si>
  <si>
    <t>497729.0</t>
  </si>
  <si>
    <t>35659.0</t>
  </si>
  <si>
    <t>2917578.0</t>
  </si>
  <si>
    <t>1393086.0</t>
  </si>
  <si>
    <t>886086.0</t>
  </si>
  <si>
    <t>507000.0</t>
  </si>
  <si>
    <t>2930139.0</t>
  </si>
  <si>
    <t>426.416</t>
  </si>
  <si>
    <t>1433055.0</t>
  </si>
  <si>
    <t>921248.0</t>
  </si>
  <si>
    <t>511807.0</t>
  </si>
  <si>
    <t>39969.0</t>
  </si>
  <si>
    <t>2940507.0</t>
  </si>
  <si>
    <t>427.925</t>
  </si>
  <si>
    <t>1436682.0</t>
  </si>
  <si>
    <t>924683.0</t>
  </si>
  <si>
    <t>511999.0</t>
  </si>
  <si>
    <t>16792.2</t>
  </si>
  <si>
    <t>2443.7291922765</t>
  </si>
  <si>
    <t>2953793.0</t>
  </si>
  <si>
    <t>429.859</t>
  </si>
  <si>
    <t>1470606.0</t>
  </si>
  <si>
    <t>946375.0</t>
  </si>
  <si>
    <t>524231.0</t>
  </si>
  <si>
    <t>2970536.0</t>
  </si>
  <si>
    <t>432.295</t>
  </si>
  <si>
    <t>1501917.0</t>
  </si>
  <si>
    <t>971054.0</t>
  </si>
  <si>
    <t>530863.0</t>
  </si>
  <si>
    <t>2986711.0</t>
  </si>
  <si>
    <t>434.649</t>
  </si>
  <si>
    <t>1535274.0</t>
  </si>
  <si>
    <t>1000523.0</t>
  </si>
  <si>
    <t>534751.0</t>
  </si>
  <si>
    <t>27365.0</t>
  </si>
  <si>
    <t>3002480.0</t>
  </si>
  <si>
    <t>15769.0</t>
  </si>
  <si>
    <t>436.944</t>
  </si>
  <si>
    <t>1576983.0</t>
  </si>
  <si>
    <t>1013061.0</t>
  </si>
  <si>
    <t>563922.0</t>
  </si>
  <si>
    <t>3018254.0</t>
  </si>
  <si>
    <t>439.239</t>
  </si>
  <si>
    <t>1618754.0</t>
  </si>
  <si>
    <t>1025137.0</t>
  </si>
  <si>
    <t>593617.0</t>
  </si>
  <si>
    <t>3031341.0</t>
  </si>
  <si>
    <t>441.144</t>
  </si>
  <si>
    <t>1650030.0</t>
  </si>
  <si>
    <t>1029963.0</t>
  </si>
  <si>
    <t>620067.0</t>
  </si>
  <si>
    <t>3041684.0</t>
  </si>
  <si>
    <t>442.649</t>
  </si>
  <si>
    <t>14454.0</t>
  </si>
  <si>
    <t>1651293.0</t>
  </si>
  <si>
    <t>1030440.0</t>
  </si>
  <si>
    <t>620853.0</t>
  </si>
  <si>
    <t>3055280.0</t>
  </si>
  <si>
    <t>444.628</t>
  </si>
  <si>
    <t>1704790.0</t>
  </si>
  <si>
    <t>1081366.0</t>
  </si>
  <si>
    <t>623424.0</t>
  </si>
  <si>
    <t>3072096.0</t>
  </si>
  <si>
    <t>447.075</t>
  </si>
  <si>
    <t>1750533.0</t>
  </si>
  <si>
    <t>1124826.0</t>
  </si>
  <si>
    <t>625707.0</t>
  </si>
  <si>
    <t>35517.0</t>
  </si>
  <si>
    <t>3089025.0</t>
  </si>
  <si>
    <t>449.539</t>
  </si>
  <si>
    <t>1792912.0</t>
  </si>
  <si>
    <t>1145893.0</t>
  </si>
  <si>
    <t>647019.0</t>
  </si>
  <si>
    <t>36805.0</t>
  </si>
  <si>
    <t>3106074.0</t>
  </si>
  <si>
    <t>452.02</t>
  </si>
  <si>
    <t>1827340.0</t>
  </si>
  <si>
    <t>1161194.0</t>
  </si>
  <si>
    <t>666146.0</t>
  </si>
  <si>
    <t>3122905.0</t>
  </si>
  <si>
    <t>454.469</t>
  </si>
  <si>
    <t>1897335.0</t>
  </si>
  <si>
    <t>1196235.0</t>
  </si>
  <si>
    <t>701100.0</t>
  </si>
  <si>
    <t>69995.0</t>
  </si>
  <si>
    <t>3136899.0</t>
  </si>
  <si>
    <t>456.506</t>
  </si>
  <si>
    <t>1957065.0</t>
  </si>
  <si>
    <t>738756.0</t>
  </si>
  <si>
    <t>3149048.0</t>
  </si>
  <si>
    <t>458.274</t>
  </si>
  <si>
    <t>2007650.0</t>
  </si>
  <si>
    <t>1224982.0</t>
  </si>
  <si>
    <t>3164313.0</t>
  </si>
  <si>
    <t>460.495</t>
  </si>
  <si>
    <t>2040313.0</t>
  </si>
  <si>
    <t>1249044.0</t>
  </si>
  <si>
    <t>791269.0</t>
  </si>
  <si>
    <t>30.706</t>
  </si>
  <si>
    <t>3182095.0</t>
  </si>
  <si>
    <t>463.083</t>
  </si>
  <si>
    <t>2052402.0</t>
  </si>
  <si>
    <t>1258476.0</t>
  </si>
  <si>
    <t>793926.0</t>
  </si>
  <si>
    <t>3200383.0</t>
  </si>
  <si>
    <t>465.744</t>
  </si>
  <si>
    <t>2077197.0</t>
  </si>
  <si>
    <t>1267822.0</t>
  </si>
  <si>
    <t>809375.0</t>
  </si>
  <si>
    <t>24795.0</t>
  </si>
  <si>
    <t>3218400.0</t>
  </si>
  <si>
    <t>468.366</t>
  </si>
  <si>
    <t>2112074.0</t>
  </si>
  <si>
    <t>1285223.0</t>
  </si>
  <si>
    <t>826851.0</t>
  </si>
  <si>
    <t>3235608.0</t>
  </si>
  <si>
    <t>470.87</t>
  </si>
  <si>
    <t>0.3039</t>
  </si>
  <si>
    <t>2161595.0</t>
  </si>
  <si>
    <t>1303661.0</t>
  </si>
  <si>
    <t>857934.0</t>
  </si>
  <si>
    <t>3250474.0</t>
  </si>
  <si>
    <t>473.034</t>
  </si>
  <si>
    <t>2163593.0</t>
  </si>
  <si>
    <t>1305132.0</t>
  </si>
  <si>
    <t>858461.0</t>
  </si>
  <si>
    <t>3262916.0</t>
  </si>
  <si>
    <t>474.844</t>
  </si>
  <si>
    <t>2169862.0</t>
  </si>
  <si>
    <t>1308036.0</t>
  </si>
  <si>
    <t>861826.0</t>
  </si>
  <si>
    <t>3277390.0</t>
  </si>
  <si>
    <t>476.951</t>
  </si>
  <si>
    <t>2178930.0</t>
  </si>
  <si>
    <t>1313912.0</t>
  </si>
  <si>
    <t>865018.0</t>
  </si>
  <si>
    <t>3295548.0</t>
  </si>
  <si>
    <t>479.593</t>
  </si>
  <si>
    <t>2206821.0</t>
  </si>
  <si>
    <t>1330385.0</t>
  </si>
  <si>
    <t>876436.0</t>
  </si>
  <si>
    <t>27891.0</t>
  </si>
  <si>
    <t>3313232.0</t>
  </si>
  <si>
    <t>17684.0</t>
  </si>
  <si>
    <t>482.167</t>
  </si>
  <si>
    <t>2241510.0</t>
  </si>
  <si>
    <t>1338010.0</t>
  </si>
  <si>
    <t>903500.0</t>
  </si>
  <si>
    <t>3330762.0</t>
  </si>
  <si>
    <t>484.718</t>
  </si>
  <si>
    <t>3348198.0</t>
  </si>
  <si>
    <t>487.255</t>
  </si>
  <si>
    <t>2282876.0</t>
  </si>
  <si>
    <t>1366442.0</t>
  </si>
  <si>
    <t>916434.0</t>
  </si>
  <si>
    <t>3362593.0</t>
  </si>
  <si>
    <t>489.35</t>
  </si>
  <si>
    <t>3374035.0</t>
  </si>
  <si>
    <t>491.015</t>
  </si>
  <si>
    <t>2323689.0</t>
  </si>
  <si>
    <t>919499.0</t>
  </si>
  <si>
    <t>3388114.0</t>
  </si>
  <si>
    <t>493.064</t>
  </si>
  <si>
    <t>3406642.0</t>
  </si>
  <si>
    <t>495.761</t>
  </si>
  <si>
    <t>2420995.0</t>
  </si>
  <si>
    <t>1414983.0</t>
  </si>
  <si>
    <t>1006012.0</t>
  </si>
  <si>
    <t>3424443.0</t>
  </si>
  <si>
    <t>498.351</t>
  </si>
  <si>
    <t>2444395.0</t>
  </si>
  <si>
    <t>1015507.0</t>
  </si>
  <si>
    <t>20630.8</t>
  </si>
  <si>
    <t>3002.35158109229</t>
  </si>
  <si>
    <t>3441136.0</t>
  </si>
  <si>
    <t>500.78</t>
  </si>
  <si>
    <t>2488631.0</t>
  </si>
  <si>
    <t>1450922.0</t>
  </si>
  <si>
    <t>1037709.0</t>
  </si>
  <si>
    <t>44236.0</t>
  </si>
  <si>
    <t>32348.0</t>
  </si>
  <si>
    <t>3458046.0</t>
  </si>
  <si>
    <t>503.241</t>
  </si>
  <si>
    <t>2521863.0</t>
  </si>
  <si>
    <t>1458304.0</t>
  </si>
  <si>
    <t>1063559.0</t>
  </si>
  <si>
    <t>3471955.0</t>
  </si>
  <si>
    <t>505.265</t>
  </si>
  <si>
    <t>34499.0</t>
  </si>
  <si>
    <t>3483666.0</t>
  </si>
  <si>
    <t>506.97</t>
  </si>
  <si>
    <t>2567692.0</t>
  </si>
  <si>
    <t>1476929.0</t>
  </si>
  <si>
    <t>1090763.0</t>
  </si>
  <si>
    <t>3497640.0</t>
  </si>
  <si>
    <t>509.003</t>
  </si>
  <si>
    <t>2593838.0</t>
  </si>
  <si>
    <t>1481015.0</t>
  </si>
  <si>
    <t>1112823.0</t>
  </si>
  <si>
    <t>3515873.0</t>
  </si>
  <si>
    <t>511.657</t>
  </si>
  <si>
    <t>2625670.0</t>
  </si>
  <si>
    <t>1504755.0</t>
  </si>
  <si>
    <t>1120915.0</t>
  </si>
  <si>
    <t>3531777.0</t>
  </si>
  <si>
    <t>513.971</t>
  </si>
  <si>
    <t>0.2683</t>
  </si>
  <si>
    <t>2687311.0</t>
  </si>
  <si>
    <t>1552535.0</t>
  </si>
  <si>
    <t>1134776.0</t>
  </si>
  <si>
    <t>3547832.0</t>
  </si>
  <si>
    <t>516.308</t>
  </si>
  <si>
    <t>39004.0</t>
  </si>
  <si>
    <t>3563364.0</t>
  </si>
  <si>
    <t>518.568</t>
  </si>
  <si>
    <t>1677268.0</t>
  </si>
  <si>
    <t>1158744.0</t>
  </si>
  <si>
    <t>44878.0</t>
  </si>
  <si>
    <t>3577398.0</t>
  </si>
  <si>
    <t>520.61</t>
  </si>
  <si>
    <t>2882854.0</t>
  </si>
  <si>
    <t>1716843.0</t>
  </si>
  <si>
    <t>1166011.0</t>
  </si>
  <si>
    <t>3588296.0</t>
  </si>
  <si>
    <t>10898.0</t>
  </si>
  <si>
    <t>522.196</t>
  </si>
  <si>
    <t>48579.0</t>
  </si>
  <si>
    <t>3601063.0</t>
  </si>
  <si>
    <t>524.054</t>
  </si>
  <si>
    <t>3617179.0</t>
  </si>
  <si>
    <t>526.4</t>
  </si>
  <si>
    <t>37163.0</t>
  </si>
  <si>
    <t>3632392.0</t>
  </si>
  <si>
    <t>528.613</t>
  </si>
  <si>
    <t>2982427.0</t>
  </si>
  <si>
    <t>1780918.0</t>
  </si>
  <si>
    <t>1201509.0</t>
  </si>
  <si>
    <t>3646957.0</t>
  </si>
  <si>
    <t>530.733</t>
  </si>
  <si>
    <t>3020401.0</t>
  </si>
  <si>
    <t>1807404.0</t>
  </si>
  <si>
    <t>1212997.0</t>
  </si>
  <si>
    <t>3661150.0</t>
  </si>
  <si>
    <t>532.799</t>
  </si>
  <si>
    <t>3041740.0</t>
  </si>
  <si>
    <t>1820747.0</t>
  </si>
  <si>
    <t>1220993.0</t>
  </si>
  <si>
    <t>3673249.0</t>
  </si>
  <si>
    <t>3055007.0</t>
  </si>
  <si>
    <t>1827563.0</t>
  </si>
  <si>
    <t>1227444.0</t>
  </si>
  <si>
    <t>3683511.0</t>
  </si>
  <si>
    <t>536.053</t>
  </si>
  <si>
    <t>3068643.0</t>
  </si>
  <si>
    <t>1829772.0</t>
  </si>
  <si>
    <t>1238871.0</t>
  </si>
  <si>
    <t>3695993.0</t>
  </si>
  <si>
    <t>537.869</t>
  </si>
  <si>
    <t>13561.0</t>
  </si>
  <si>
    <t>3711555.0</t>
  </si>
  <si>
    <t>540.134</t>
  </si>
  <si>
    <t>3726602.0</t>
  </si>
  <si>
    <t>542.324</t>
  </si>
  <si>
    <t>3136478.0</t>
  </si>
  <si>
    <t>1868861.0</t>
  </si>
  <si>
    <t>3741146.0</t>
  </si>
  <si>
    <t>544.44</t>
  </si>
  <si>
    <t>3176769.0</t>
  </si>
  <si>
    <t>1892399.0</t>
  </si>
  <si>
    <t>1284370.0</t>
  </si>
  <si>
    <t>3754852.0</t>
  </si>
  <si>
    <t>3192950.0</t>
  </si>
  <si>
    <t>1900150.0</t>
  </si>
  <si>
    <t>1292800.0</t>
  </si>
  <si>
    <t>3766407.0</t>
  </si>
  <si>
    <t>548.116</t>
  </si>
  <si>
    <t>3253039.0</t>
  </si>
  <si>
    <t>1944492.0</t>
  </si>
  <si>
    <t>1308547.0</t>
  </si>
  <si>
    <t>60089.0</t>
  </si>
  <si>
    <t>3775363.0</t>
  </si>
  <si>
    <t>549.42</t>
  </si>
  <si>
    <t>3787020.0</t>
  </si>
  <si>
    <t>551.116</t>
  </si>
  <si>
    <t>3274776.0</t>
  </si>
  <si>
    <t>1954709.0</t>
  </si>
  <si>
    <t>1320067.0</t>
  </si>
  <si>
    <t>3800708.0</t>
  </si>
  <si>
    <t>553.108</t>
  </si>
  <si>
    <t>3814540.0</t>
  </si>
  <si>
    <t>555.121</t>
  </si>
  <si>
    <t>3410440.0</t>
  </si>
  <si>
    <t>2005629.0</t>
  </si>
  <si>
    <t>1404811.0</t>
  </si>
  <si>
    <t>39137.0</t>
  </si>
  <si>
    <t>3828544.0</t>
  </si>
  <si>
    <t>557.159</t>
  </si>
  <si>
    <t>3839381.0</t>
  </si>
  <si>
    <t>558.736</t>
  </si>
  <si>
    <t>3514605.0</t>
  </si>
  <si>
    <t>2026571.0</t>
  </si>
  <si>
    <t>1488034.0</t>
  </si>
  <si>
    <t>24945.4</t>
  </si>
  <si>
    <t>3630.24512529711</t>
  </si>
  <si>
    <t>3847549.0</t>
  </si>
  <si>
    <t>559.925</t>
  </si>
  <si>
    <t>3525819.0</t>
  </si>
  <si>
    <t>2028302.0</t>
  </si>
  <si>
    <t>1497517.0</t>
  </si>
  <si>
    <t>38969.0</t>
  </si>
  <si>
    <t>3853869.0</t>
  </si>
  <si>
    <t>560.844</t>
  </si>
  <si>
    <t>3526876.0</t>
  </si>
  <si>
    <t>2028490.0</t>
  </si>
  <si>
    <t>1498386.0</t>
  </si>
  <si>
    <t>3860140.0</t>
  </si>
  <si>
    <t>561.757</t>
  </si>
  <si>
    <t>43897.0</t>
  </si>
  <si>
    <t>3869214.0</t>
  </si>
  <si>
    <t>563.078</t>
  </si>
  <si>
    <t>3881861.0</t>
  </si>
  <si>
    <t>564.918</t>
  </si>
  <si>
    <t>3692416.0</t>
  </si>
  <si>
    <t>2071635.0</t>
  </si>
  <si>
    <t>1620781.0</t>
  </si>
  <si>
    <t>3894730.0</t>
  </si>
  <si>
    <t>566.791</t>
  </si>
  <si>
    <t>3715103.0</t>
  </si>
  <si>
    <t>2088102.0</t>
  </si>
  <si>
    <t>1627001.0</t>
  </si>
  <si>
    <t>36083.0</t>
  </si>
  <si>
    <t>3907936.0</t>
  </si>
  <si>
    <t>568.713</t>
  </si>
  <si>
    <t>3757088.0</t>
  </si>
  <si>
    <t>2116586.0</t>
  </si>
  <si>
    <t>1640502.0</t>
  </si>
  <si>
    <t>3919856.0</t>
  </si>
  <si>
    <t>570.447</t>
  </si>
  <si>
    <t>3786348.0</t>
  </si>
  <si>
    <t>2140266.0</t>
  </si>
  <si>
    <t>1646082.0</t>
  </si>
  <si>
    <t>29260.0</t>
  </si>
  <si>
    <t>3929245.0</t>
  </si>
  <si>
    <t>571.814</t>
  </si>
  <si>
    <t>3798942.0</t>
  </si>
  <si>
    <t>2149705.0</t>
  </si>
  <si>
    <t>1649237.0</t>
  </si>
  <si>
    <t>3939470.0</t>
  </si>
  <si>
    <t>573.302</t>
  </si>
  <si>
    <t>3826563.0</t>
  </si>
  <si>
    <t>2169340.0</t>
  </si>
  <si>
    <t>1657223.0</t>
  </si>
  <si>
    <t>16.736</t>
  </si>
  <si>
    <t>3952559.0</t>
  </si>
  <si>
    <t>575.207</t>
  </si>
  <si>
    <t>3964964.0</t>
  </si>
  <si>
    <t>577.012</t>
  </si>
  <si>
    <t>3915922.0</t>
  </si>
  <si>
    <t>2219205.0</t>
  </si>
  <si>
    <t>1696717.0</t>
  </si>
  <si>
    <t>21081.0</t>
  </si>
  <si>
    <t>3977053.0</t>
  </si>
  <si>
    <t>578.771</t>
  </si>
  <si>
    <t>33716.0</t>
  </si>
  <si>
    <t>3989567.0</t>
  </si>
  <si>
    <t>580.592</t>
  </si>
  <si>
    <t>4001180.0</t>
  </si>
  <si>
    <t>582.282</t>
  </si>
  <si>
    <t>4021493.0</t>
  </si>
  <si>
    <t>2278826.0</t>
  </si>
  <si>
    <t>1742667.0</t>
  </si>
  <si>
    <t>4009511.0</t>
  </si>
  <si>
    <t>583.495</t>
  </si>
  <si>
    <t>4038392.0</t>
  </si>
  <si>
    <t>2286468.0</t>
  </si>
  <si>
    <t>1751924.0</t>
  </si>
  <si>
    <t>4018840.0</t>
  </si>
  <si>
    <t>584.852</t>
  </si>
  <si>
    <t>4076567.0</t>
  </si>
  <si>
    <t>2304204.0</t>
  </si>
  <si>
    <t>1772363.0</t>
  </si>
  <si>
    <t>4030710.0</t>
  </si>
  <si>
    <t>586.58</t>
  </si>
  <si>
    <t>4128263.0</t>
  </si>
  <si>
    <t>2320325.0</t>
  </si>
  <si>
    <t>1807938.0</t>
  </si>
  <si>
    <t>4041471.0</t>
  </si>
  <si>
    <t>588.146</t>
  </si>
  <si>
    <t>4184634.0</t>
  </si>
  <si>
    <t>2338805.0</t>
  </si>
  <si>
    <t>1845829.0</t>
  </si>
  <si>
    <t>17086.0</t>
  </si>
  <si>
    <t>4051533.0</t>
  </si>
  <si>
    <t>589.61</t>
  </si>
  <si>
    <t>4061461.0</t>
  </si>
  <si>
    <t>591.055</t>
  </si>
  <si>
    <t>4242175.0</t>
  </si>
  <si>
    <t>2370788.0</t>
  </si>
  <si>
    <t>1871387.0</t>
  </si>
  <si>
    <t>4070548.0</t>
  </si>
  <si>
    <t>592.377</t>
  </si>
  <si>
    <t>4077396.0</t>
  </si>
  <si>
    <t>593.374</t>
  </si>
  <si>
    <t>2388000.0</t>
  </si>
  <si>
    <t>1882016.0</t>
  </si>
  <si>
    <t>4086694.0</t>
  </si>
  <si>
    <t>594.727</t>
  </si>
  <si>
    <t>4312710.0</t>
  </si>
  <si>
    <t>2406387.0</t>
  </si>
  <si>
    <t>1906323.0</t>
  </si>
  <si>
    <t>42694.0</t>
  </si>
  <si>
    <t>4097597.0</t>
  </si>
  <si>
    <t>596.314</t>
  </si>
  <si>
    <t>4354888.0</t>
  </si>
  <si>
    <t>2427733.0</t>
  </si>
  <si>
    <t>1927155.0</t>
  </si>
  <si>
    <t>4107942.0</t>
  </si>
  <si>
    <t>597.819</t>
  </si>
  <si>
    <t>4117928.0</t>
  </si>
  <si>
    <t>599.272</t>
  </si>
  <si>
    <t>4437750.0</t>
  </si>
  <si>
    <t>2472221.0</t>
  </si>
  <si>
    <t>1965529.0</t>
  </si>
  <si>
    <t>4128117.0</t>
  </si>
  <si>
    <t>600.755</t>
  </si>
  <si>
    <t>4137413.0</t>
  </si>
  <si>
    <t>602.108</t>
  </si>
  <si>
    <t>4144092.0</t>
  </si>
  <si>
    <t>603.08</t>
  </si>
  <si>
    <t>4552842.0</t>
  </si>
  <si>
    <t>2516852.0</t>
  </si>
  <si>
    <t>2035990.0</t>
  </si>
  <si>
    <t>4152776.0</t>
  </si>
  <si>
    <t>604.344</t>
  </si>
  <si>
    <t>27392.2</t>
  </si>
  <si>
    <t>3986.32214841869</t>
  </si>
  <si>
    <t>4164197.0</t>
  </si>
  <si>
    <t>606.006</t>
  </si>
  <si>
    <t>4175109.0</t>
  </si>
  <si>
    <t>607.594</t>
  </si>
  <si>
    <t>4668282.0</t>
  </si>
  <si>
    <t>2568739.0</t>
  </si>
  <si>
    <t>2099543.0</t>
  </si>
  <si>
    <t>4185210.0</t>
  </si>
  <si>
    <t>609.064</t>
  </si>
  <si>
    <t>4720552.0</t>
  </si>
  <si>
    <t>2582213.0</t>
  </si>
  <si>
    <t>2138339.0</t>
  </si>
  <si>
    <t>52270.0</t>
  </si>
  <si>
    <t>4196260.0</t>
  </si>
  <si>
    <t>610.672</t>
  </si>
  <si>
    <t>38494.0</t>
  </si>
  <si>
    <t>4205174.0</t>
  </si>
  <si>
    <t>611.969</t>
  </si>
  <si>
    <t>4770589.0</t>
  </si>
  <si>
    <t>2599345.0</t>
  </si>
  <si>
    <t>2171244.0</t>
  </si>
  <si>
    <t>4211448.0</t>
  </si>
  <si>
    <t>612.882</t>
  </si>
  <si>
    <t>4220000.0</t>
  </si>
  <si>
    <t>614.127</t>
  </si>
  <si>
    <t>4230788.0</t>
  </si>
  <si>
    <t>615.697</t>
  </si>
  <si>
    <t>4240178.0</t>
  </si>
  <si>
    <t>617.063</t>
  </si>
  <si>
    <t>4882120.0</t>
  </si>
  <si>
    <t>2632697.0</t>
  </si>
  <si>
    <t>2249423.0</t>
  </si>
  <si>
    <t>4249908.0</t>
  </si>
  <si>
    <t>618.479</t>
  </si>
  <si>
    <t>4259803.0</t>
  </si>
  <si>
    <t>619.919</t>
  </si>
  <si>
    <t>4267670.0</t>
  </si>
  <si>
    <t>621.064</t>
  </si>
  <si>
    <t>4955746.0</t>
  </si>
  <si>
    <t>2656065.0</t>
  </si>
  <si>
    <t>2299681.0</t>
  </si>
  <si>
    <t>4274129.0</t>
  </si>
  <si>
    <t>622.004</t>
  </si>
  <si>
    <t>25754.0</t>
  </si>
  <si>
    <t>4282416.0</t>
  </si>
  <si>
    <t>623.21</t>
  </si>
  <si>
    <t>4293037.0</t>
  </si>
  <si>
    <t>624.756</t>
  </si>
  <si>
    <t>4302390.0</t>
  </si>
  <si>
    <t>626.117</t>
  </si>
  <si>
    <t>23662.0</t>
  </si>
  <si>
    <t>4311577.0</t>
  </si>
  <si>
    <t>627.454</t>
  </si>
  <si>
    <t>5070754.0</t>
  </si>
  <si>
    <t>2681511.0</t>
  </si>
  <si>
    <t>2389243.0</t>
  </si>
  <si>
    <t>4321518.0</t>
  </si>
  <si>
    <t>628.9</t>
  </si>
  <si>
    <t>4329845.0</t>
  </si>
  <si>
    <t>630.112</t>
  </si>
  <si>
    <t>4335783.0</t>
  </si>
  <si>
    <t>630.976</t>
  </si>
  <si>
    <t>5146241.0</t>
  </si>
  <si>
    <t>2693998.0</t>
  </si>
  <si>
    <t>2452243.0</t>
  </si>
  <si>
    <t>4343775.0</t>
  </si>
  <si>
    <t>632.139</t>
  </si>
  <si>
    <t>4353024.0</t>
  </si>
  <si>
    <t>633.485</t>
  </si>
  <si>
    <t>4361392.0</t>
  </si>
  <si>
    <t>634.703</t>
  </si>
  <si>
    <t>4369744.0</t>
  </si>
  <si>
    <t>635.919</t>
  </si>
  <si>
    <t>4377474.0</t>
  </si>
  <si>
    <t>637.043</t>
  </si>
  <si>
    <t>4384783.0</t>
  </si>
  <si>
    <t>638.107</t>
  </si>
  <si>
    <t>4389686.0</t>
  </si>
  <si>
    <t>638.821</t>
  </si>
  <si>
    <t>4397216.0</t>
  </si>
  <si>
    <t>639.916</t>
  </si>
  <si>
    <t>4406080.0</t>
  </si>
  <si>
    <t>641.206</t>
  </si>
  <si>
    <t>4414477.0</t>
  </si>
  <si>
    <t>642.428</t>
  </si>
  <si>
    <t>28838.6</t>
  </si>
  <si>
    <t>4196.81332311341</t>
  </si>
  <si>
    <t>4422502.0</t>
  </si>
  <si>
    <t>643.596</t>
  </si>
  <si>
    <t>4430567.0</t>
  </si>
  <si>
    <t>644.77</t>
  </si>
  <si>
    <t>4437454.0</t>
  </si>
  <si>
    <t>645.772</t>
  </si>
  <si>
    <t>4442861.0</t>
  </si>
  <si>
    <t>646.559</t>
  </si>
  <si>
    <t>4450742.0</t>
  </si>
  <si>
    <t>647.706</t>
  </si>
  <si>
    <t>5318975.0</t>
  </si>
  <si>
    <t>2729560.0</t>
  </si>
  <si>
    <t>649.07</t>
  </si>
  <si>
    <t>4468634.0</t>
  </si>
  <si>
    <t>650.31</t>
  </si>
  <si>
    <t>4476746.0</t>
  </si>
  <si>
    <t>651.49</t>
  </si>
  <si>
    <t>4485151.0</t>
  </si>
  <si>
    <t>652.713</t>
  </si>
  <si>
    <t>4492111.0</t>
  </si>
  <si>
    <t>653.726</t>
  </si>
  <si>
    <t>4496985.0</t>
  </si>
  <si>
    <t>654.436</t>
  </si>
  <si>
    <t>4505390.0</t>
  </si>
  <si>
    <t>655.659</t>
  </si>
  <si>
    <t>4514773.0</t>
  </si>
  <si>
    <t>657.024</t>
  </si>
  <si>
    <t>4523641.0</t>
  </si>
  <si>
    <t>658.315</t>
  </si>
  <si>
    <t>5409274.0</t>
  </si>
  <si>
    <t>2767797.0</t>
  </si>
  <si>
    <t>2641477.0</t>
  </si>
  <si>
    <t>4532259.0</t>
  </si>
  <si>
    <t>659.569</t>
  </si>
  <si>
    <t>4540946.0</t>
  </si>
  <si>
    <t>660.833</t>
  </si>
  <si>
    <t>5425182.0</t>
  </si>
  <si>
    <t>2776609.0</t>
  </si>
  <si>
    <t>2648573.0</t>
  </si>
  <si>
    <t>661.936</t>
  </si>
  <si>
    <t>4554099.0</t>
  </si>
  <si>
    <t>662.747</t>
  </si>
  <si>
    <t>4563171.0</t>
  </si>
  <si>
    <t>664.067</t>
  </si>
  <si>
    <t>5443932.0</t>
  </si>
  <si>
    <t>2787809.0</t>
  </si>
  <si>
    <t>2656123.0</t>
  </si>
  <si>
    <t>4572957.0</t>
  </si>
  <si>
    <t>665.492</t>
  </si>
  <si>
    <t>4582288.0</t>
  </si>
  <si>
    <t>666.85</t>
  </si>
  <si>
    <t>4591257.0</t>
  </si>
  <si>
    <t>668.155</t>
  </si>
  <si>
    <t>5469960.0</t>
  </si>
  <si>
    <t>2804002.0</t>
  </si>
  <si>
    <t>2665958.0</t>
  </si>
  <si>
    <t>4600110.0</t>
  </si>
  <si>
    <t>669.443</t>
  </si>
  <si>
    <t>5479383.0</t>
  </si>
  <si>
    <t>2808969.0</t>
  </si>
  <si>
    <t>2670414.0</t>
  </si>
  <si>
    <t>4608706.0</t>
  </si>
  <si>
    <t>670.694</t>
  </si>
  <si>
    <t>4614863.0</t>
  </si>
  <si>
    <t>671.59</t>
  </si>
  <si>
    <t>4623680.0</t>
  </si>
  <si>
    <t>672.873</t>
  </si>
  <si>
    <t>5487620.0</t>
  </si>
  <si>
    <t>2812641.0</t>
  </si>
  <si>
    <t>2674979.0</t>
  </si>
  <si>
    <t>4634126.0</t>
  </si>
  <si>
    <t>674.393</t>
  </si>
  <si>
    <t>4643835.0</t>
  </si>
  <si>
    <t>675.806</t>
  </si>
  <si>
    <t>5505207.0</t>
  </si>
  <si>
    <t>2821702.0</t>
  </si>
  <si>
    <t>2683505.0</t>
  </si>
  <si>
    <t>4653071.0</t>
  </si>
  <si>
    <t>677.15</t>
  </si>
  <si>
    <t>5514565.0</t>
  </si>
  <si>
    <t>2825616.0</t>
  </si>
  <si>
    <t>2688949.0</t>
  </si>
  <si>
    <t>4663159.0</t>
  </si>
  <si>
    <t>678.619</t>
  </si>
  <si>
    <t>5530791.0</t>
  </si>
  <si>
    <t>2833947.0</t>
  </si>
  <si>
    <t>2696844.0</t>
  </si>
  <si>
    <t>4671408.0</t>
  </si>
  <si>
    <t>679.819</t>
  </si>
  <si>
    <t>5536170.0</t>
  </si>
  <si>
    <t>2835895.0</t>
  </si>
  <si>
    <t>2700275.0</t>
  </si>
  <si>
    <t>4278.22148345926</t>
  </si>
  <si>
    <t>4677471.0</t>
  </si>
  <si>
    <t>680.701</t>
  </si>
  <si>
    <t>4686746.0</t>
  </si>
  <si>
    <t>682.051</t>
  </si>
  <si>
    <t>4697822.0</t>
  </si>
  <si>
    <t>683.663</t>
  </si>
  <si>
    <t>5547620.0</t>
  </si>
  <si>
    <t>2840778.0</t>
  </si>
  <si>
    <t>2706842.0</t>
  </si>
  <si>
    <t>4708532.0</t>
  </si>
  <si>
    <t>685.222</t>
  </si>
  <si>
    <t>5554237.0</t>
  </si>
  <si>
    <t>2843970.0</t>
  </si>
  <si>
    <t>2710267.0</t>
  </si>
  <si>
    <t>4718892.0</t>
  </si>
  <si>
    <t>686.729</t>
  </si>
  <si>
    <t>5562125.0</t>
  </si>
  <si>
    <t>2847534.0</t>
  </si>
  <si>
    <t>2714591.0</t>
  </si>
  <si>
    <t>4729413.0</t>
  </si>
  <si>
    <t>688.26</t>
  </si>
  <si>
    <t>5568401.0</t>
  </si>
  <si>
    <t>2850401.0</t>
  </si>
  <si>
    <t>2718119.0</t>
  </si>
  <si>
    <t>4738996.0</t>
  </si>
  <si>
    <t>689.655</t>
  </si>
  <si>
    <t>5576247.0</t>
  </si>
  <si>
    <t>2853790.0</t>
  </si>
  <si>
    <t>2722457.0</t>
  </si>
  <si>
    <t>4745124.0</t>
  </si>
  <si>
    <t>690.547</t>
  </si>
  <si>
    <t>5583030.0</t>
  </si>
  <si>
    <t>2856145.0</t>
  </si>
  <si>
    <t>2726885.0</t>
  </si>
  <si>
    <t>4755787.0</t>
  </si>
  <si>
    <t>692.098</t>
  </si>
  <si>
    <t>5592904.0</t>
  </si>
  <si>
    <t>2860213.0</t>
  </si>
  <si>
    <t>2732691.0</t>
  </si>
  <si>
    <t>4767198.0</t>
  </si>
  <si>
    <t>693.759</t>
  </si>
  <si>
    <t>5600945.0</t>
  </si>
  <si>
    <t>2863357.0</t>
  </si>
  <si>
    <t>2737588.0</t>
  </si>
  <si>
    <t>4778427.0</t>
  </si>
  <si>
    <t>695.393</t>
  </si>
  <si>
    <t>5609331.0</t>
  </si>
  <si>
    <t>2866367.0</t>
  </si>
  <si>
    <t>2742964.0</t>
  </si>
  <si>
    <t>4789840.0</t>
  </si>
  <si>
    <t>697.054</t>
  </si>
  <si>
    <t>5617810.0</t>
  </si>
  <si>
    <t>2869322.0</t>
  </si>
  <si>
    <t>2748488.0</t>
  </si>
  <si>
    <t>4801164.0</t>
  </si>
  <si>
    <t>698.702</t>
  </si>
  <si>
    <t>5626081.0</t>
  </si>
  <si>
    <t>2872770.0</t>
  </si>
  <si>
    <t>2753311.0</t>
  </si>
  <si>
    <t>4811876.0</t>
  </si>
  <si>
    <t>700.261</t>
  </si>
  <si>
    <t>4819797.0</t>
  </si>
  <si>
    <t>701.414</t>
  </si>
  <si>
    <t>5632567.0</t>
  </si>
  <si>
    <t>2875491.0</t>
  </si>
  <si>
    <t>2757076.0</t>
  </si>
  <si>
    <t>4831558.0</t>
  </si>
  <si>
    <t>703.125</t>
  </si>
  <si>
    <t>5640620.0</t>
  </si>
  <si>
    <t>2878697.0</t>
  </si>
  <si>
    <t>2761921.0</t>
  </si>
  <si>
    <t>4845253.0</t>
  </si>
  <si>
    <t>705.118</t>
  </si>
  <si>
    <t>5649434.0</t>
  </si>
  <si>
    <t>2881963.0</t>
  </si>
  <si>
    <t>2766182.0</t>
  </si>
  <si>
    <t>4858071.0</t>
  </si>
  <si>
    <t>706.984</t>
  </si>
  <si>
    <t>5656592.0</t>
  </si>
  <si>
    <t>2884393.0</t>
  </si>
  <si>
    <t>2768776.0</t>
  </si>
  <si>
    <t>4870940.0</t>
  </si>
  <si>
    <t>708.856</t>
  </si>
  <si>
    <t>5670011.0</t>
  </si>
  <si>
    <t>2887708.0</t>
  </si>
  <si>
    <t>2771947.0</t>
  </si>
  <si>
    <t>4883713.0</t>
  </si>
  <si>
    <t>710.715</t>
  </si>
  <si>
    <t>136.505</t>
  </si>
  <si>
    <t>4895234.0</t>
  </si>
  <si>
    <t>712.392</t>
  </si>
  <si>
    <t>4903335.0</t>
  </si>
  <si>
    <t>713.571</t>
  </si>
  <si>
    <t>5704042.0</t>
  </si>
  <si>
    <t>2895304.0</t>
  </si>
  <si>
    <t>2779723.0</t>
  </si>
  <si>
    <t>4915426.0</t>
  </si>
  <si>
    <t>715.33</t>
  </si>
  <si>
    <t>5728761.0</t>
  </si>
  <si>
    <t>2899188.0</t>
  </si>
  <si>
    <t>2784053.0</t>
  </si>
  <si>
    <t>45520.0</t>
  </si>
  <si>
    <t>24719.0</t>
  </si>
  <si>
    <t>4931082.0</t>
  </si>
  <si>
    <t>717.609</t>
  </si>
  <si>
    <t>5754198.0</t>
  </si>
  <si>
    <t>2903057.0</t>
  </si>
  <si>
    <t>2787457.0</t>
  </si>
  <si>
    <t>63684.0</t>
  </si>
  <si>
    <t>25437.0</t>
  </si>
  <si>
    <t>4946395.0</t>
  </si>
  <si>
    <t>719.837</t>
  </si>
  <si>
    <t>5779396.0</t>
  </si>
  <si>
    <t>2906891.0</t>
  </si>
  <si>
    <t>2791137.0</t>
  </si>
  <si>
    <t>81368.0</t>
  </si>
  <si>
    <t>25198.0</t>
  </si>
  <si>
    <t>4960665.0</t>
  </si>
  <si>
    <t>721.914</t>
  </si>
  <si>
    <t>5805280.0</t>
  </si>
  <si>
    <t>2910536.0</t>
  </si>
  <si>
    <t>2794111.0</t>
  </si>
  <si>
    <t>100633.0</t>
  </si>
  <si>
    <t>4975112.0</t>
  </si>
  <si>
    <t>724.016</t>
  </si>
  <si>
    <t>4987618.0</t>
  </si>
  <si>
    <t>725.836</t>
  </si>
  <si>
    <t>5845933.0</t>
  </si>
  <si>
    <t>2916835.0</t>
  </si>
  <si>
    <t>2799563.0</t>
  </si>
  <si>
    <t>129535.0</t>
  </si>
  <si>
    <t>4997121.0</t>
  </si>
  <si>
    <t>727.219</t>
  </si>
  <si>
    <t>5851158.0</t>
  </si>
  <si>
    <t>2917843.0</t>
  </si>
  <si>
    <t>2800338.0</t>
  </si>
  <si>
    <t>5009861.0</t>
  </si>
  <si>
    <t>729.073</t>
  </si>
  <si>
    <t>5882966.0</t>
  </si>
  <si>
    <t>2923123.0</t>
  </si>
  <si>
    <t>2804423.0</t>
  </si>
  <si>
    <t>155420.0</t>
  </si>
  <si>
    <t>5025390.0</t>
  </si>
  <si>
    <t>731.333</t>
  </si>
  <si>
    <t>30147.4</t>
  </si>
  <si>
    <t>4387.27989490576</t>
  </si>
  <si>
    <t>5042425.0</t>
  </si>
  <si>
    <t>17035.0</t>
  </si>
  <si>
    <t>733.812</t>
  </si>
  <si>
    <t>5934117.0</t>
  </si>
  <si>
    <t>2931512.0</t>
  </si>
  <si>
    <t>2810921.0</t>
  </si>
  <si>
    <t>191684.0</t>
  </si>
  <si>
    <t>5058559.0</t>
  </si>
  <si>
    <t>736.16</t>
  </si>
  <si>
    <t>5957327.0</t>
  </si>
  <si>
    <t>2935212.0</t>
  </si>
  <si>
    <t>2813848.0</t>
  </si>
  <si>
    <t>208267.0</t>
  </si>
  <si>
    <t>5074749.0</t>
  </si>
  <si>
    <t>738.516</t>
  </si>
  <si>
    <t>5089876.0</t>
  </si>
  <si>
    <t>740.718</t>
  </si>
  <si>
    <t>5101239.0</t>
  </si>
  <si>
    <t>742.371</t>
  </si>
  <si>
    <t>14874.0</t>
  </si>
  <si>
    <t>5997420.0</t>
  </si>
  <si>
    <t>2942946.0</t>
  </si>
  <si>
    <t>2820139.0</t>
  </si>
  <si>
    <t>234335.0</t>
  </si>
  <si>
    <t>5117688.0</t>
  </si>
  <si>
    <t>744.765</t>
  </si>
  <si>
    <t>6022878.0</t>
  </si>
  <si>
    <t>2947071.0</t>
  </si>
  <si>
    <t>2823513.0</t>
  </si>
  <si>
    <t>5138131.0</t>
  </si>
  <si>
    <t>747.74</t>
  </si>
  <si>
    <t>6047208.0</t>
  </si>
  <si>
    <t>2951187.0</t>
  </si>
  <si>
    <t>2826635.0</t>
  </si>
  <si>
    <t>269386.0</t>
  </si>
  <si>
    <t>5159888.0</t>
  </si>
  <si>
    <t>750.906</t>
  </si>
  <si>
    <t>6069521.0</t>
  </si>
  <si>
    <t>2955866.0</t>
  </si>
  <si>
    <t>2829578.0</t>
  </si>
  <si>
    <t>284077.0</t>
  </si>
  <si>
    <t>5182519.0</t>
  </si>
  <si>
    <t>754.2</t>
  </si>
  <si>
    <t>6089871.0</t>
  </si>
  <si>
    <t>2960217.0</t>
  </si>
  <si>
    <t>2832387.0</t>
  </si>
  <si>
    <t>20350.0</t>
  </si>
  <si>
    <t>5205343.0</t>
  </si>
  <si>
    <t>757.521</t>
  </si>
  <si>
    <t>5225186.0</t>
  </si>
  <si>
    <t>760.409</t>
  </si>
  <si>
    <t>5241284.0</t>
  </si>
  <si>
    <t>762.752</t>
  </si>
  <si>
    <t>6129144.0</t>
  </si>
  <si>
    <t>2969719.0</t>
  </si>
  <si>
    <t>2839752.0</t>
  </si>
  <si>
    <t>323139.0</t>
  </si>
  <si>
    <t>5262447.0</t>
  </si>
  <si>
    <t>765.831</t>
  </si>
  <si>
    <t>5290374.0</t>
  </si>
  <si>
    <t>769.896</t>
  </si>
  <si>
    <t>6186509.0</t>
  </si>
  <si>
    <t>2981529.0</t>
  </si>
  <si>
    <t>2847165.0</t>
  </si>
  <si>
    <t>357815.0</t>
  </si>
  <si>
    <t>5316382.0</t>
  </si>
  <si>
    <t>773.681</t>
  </si>
  <si>
    <t>5342565.0</t>
  </si>
  <si>
    <t>777.491</t>
  </si>
  <si>
    <t>6238655.0</t>
  </si>
  <si>
    <t>2990502.0</t>
  </si>
  <si>
    <t>2854142.0</t>
  </si>
  <si>
    <t>394011.0</t>
  </si>
  <si>
    <t>5368692.0</t>
  </si>
  <si>
    <t>781.293</t>
  </si>
  <si>
    <t>5391239.0</t>
  </si>
  <si>
    <t>784.574</t>
  </si>
  <si>
    <t>0.2922</t>
  </si>
  <si>
    <t>6275408.0</t>
  </si>
  <si>
    <t>2997580.0</t>
  </si>
  <si>
    <t>2860241.0</t>
  </si>
  <si>
    <t>5407881.0</t>
  </si>
  <si>
    <t>786.996</t>
  </si>
  <si>
    <t>6281265.0</t>
  </si>
  <si>
    <t>2998753.0</t>
  </si>
  <si>
    <t>2861250.0</t>
  </si>
  <si>
    <t>421262.0</t>
  </si>
  <si>
    <t>5428465.0</t>
  </si>
  <si>
    <t>789.992</t>
  </si>
  <si>
    <t>5453479.0</t>
  </si>
  <si>
    <t>793.632</t>
  </si>
  <si>
    <t>6332498.0</t>
  </si>
  <si>
    <t>3006623.0</t>
  </si>
  <si>
    <t>2869773.0</t>
  </si>
  <si>
    <t>456102.0</t>
  </si>
  <si>
    <t>5476887.0</t>
  </si>
  <si>
    <t>797.038</t>
  </si>
  <si>
    <t>6352644.0</t>
  </si>
  <si>
    <t>3010835.0</t>
  </si>
  <si>
    <t>2873259.0</t>
  </si>
  <si>
    <t>468550.0</t>
  </si>
  <si>
    <t>5498341.0</t>
  </si>
  <si>
    <t>800.161</t>
  </si>
  <si>
    <t>6371972.0</t>
  </si>
  <si>
    <t>3014528.0</t>
  </si>
  <si>
    <t>2876832.0</t>
  </si>
  <si>
    <t>480612.0</t>
  </si>
  <si>
    <t>5519631.0</t>
  </si>
  <si>
    <t>21290.0</t>
  </si>
  <si>
    <t>803.259</t>
  </si>
  <si>
    <t>6392974.0</t>
  </si>
  <si>
    <t>3018918.0</t>
  </si>
  <si>
    <t>2880984.0</t>
  </si>
  <si>
    <t>493072.0</t>
  </si>
  <si>
    <t>5539038.0</t>
  </si>
  <si>
    <t>806.083</t>
  </si>
  <si>
    <t>5554717.0</t>
  </si>
  <si>
    <t>808.365</t>
  </si>
  <si>
    <t>6409263.0</t>
  </si>
  <si>
    <t>3022660.0</t>
  </si>
  <si>
    <t>2884386.0</t>
  </si>
  <si>
    <t>502217.0</t>
  </si>
  <si>
    <t>5575278.0</t>
  </si>
  <si>
    <t>811.357</t>
  </si>
  <si>
    <t>5601570.0</t>
  </si>
  <si>
    <t>815.183</t>
  </si>
  <si>
    <t>6456710.0</t>
  </si>
  <si>
    <t>3032496.0</t>
  </si>
  <si>
    <t>2893605.0</t>
  </si>
  <si>
    <t>530609.0</t>
  </si>
  <si>
    <t>5626417.0</t>
  </si>
  <si>
    <t>818.799</t>
  </si>
  <si>
    <t>6477199.0</t>
  </si>
  <si>
    <t>3036601.0</t>
  </si>
  <si>
    <t>2897947.0</t>
  </si>
  <si>
    <t>542651.0</t>
  </si>
  <si>
    <t>5650408.0</t>
  </si>
  <si>
    <t>822.291</t>
  </si>
  <si>
    <t>6497670.0</t>
  </si>
  <si>
    <t>3040293.0</t>
  </si>
  <si>
    <t>2901882.0</t>
  </si>
  <si>
    <t>555495.0</t>
  </si>
  <si>
    <t>94.56</t>
  </si>
  <si>
    <t>33852.6</t>
  </si>
  <si>
    <t>4926.48889689614</t>
  </si>
  <si>
    <t>5673123.0</t>
  </si>
  <si>
    <t>825.596</t>
  </si>
  <si>
    <t>21927.0</t>
  </si>
  <si>
    <t>5692875.0</t>
  </si>
  <si>
    <t>828.471</t>
  </si>
  <si>
    <t>6540692.0</t>
  </si>
  <si>
    <t>3046445.0</t>
  </si>
  <si>
    <t>2909965.0</t>
  </si>
  <si>
    <t>584282.0</t>
  </si>
  <si>
    <t>5707825.0</t>
  </si>
  <si>
    <t>830.646</t>
  </si>
  <si>
    <t>5727277.0</t>
  </si>
  <si>
    <t>833.477</t>
  </si>
  <si>
    <t>5751180.0</t>
  </si>
  <si>
    <t>836.956</t>
  </si>
  <si>
    <t>6605835.0</t>
  </si>
  <si>
    <t>3053911.0</t>
  </si>
  <si>
    <t>2921046.0</t>
  </si>
  <si>
    <t>630878.0</t>
  </si>
  <si>
    <t>5775117.0</t>
  </si>
  <si>
    <t>23937.0</t>
  </si>
  <si>
    <t>840.439</t>
  </si>
  <si>
    <t>0.3153</t>
  </si>
  <si>
    <t>6632125.0</t>
  </si>
  <si>
    <t>2925578.0</t>
  </si>
  <si>
    <t>649572.0</t>
  </si>
  <si>
    <t>96.52</t>
  </si>
  <si>
    <t>5798095.0</t>
  </si>
  <si>
    <t>843.783</t>
  </si>
  <si>
    <t>6655878.0</t>
  </si>
  <si>
    <t>3061127.0</t>
  </si>
  <si>
    <t>2929468.0</t>
  </si>
  <si>
    <t>665283.0</t>
  </si>
  <si>
    <t>5819214.0</t>
  </si>
  <si>
    <t>846.856</t>
  </si>
  <si>
    <t>41.475</t>
  </si>
  <si>
    <t>5839285.0</t>
  </si>
  <si>
    <t>849.777</t>
  </si>
  <si>
    <t>5855069.0</t>
  </si>
  <si>
    <t>852.074</t>
  </si>
  <si>
    <t>0.2999</t>
  </si>
  <si>
    <t>854.892</t>
  </si>
  <si>
    <t>5898089.0</t>
  </si>
  <si>
    <t>858.335</t>
  </si>
  <si>
    <t>6678484.0</t>
  </si>
  <si>
    <t>3064730.0</t>
  </si>
  <si>
    <t>2933395.0</t>
  </si>
  <si>
    <t>680271.0</t>
  </si>
  <si>
    <t>5920403.0</t>
  </si>
  <si>
    <t>861.582</t>
  </si>
  <si>
    <t>5943113.0</t>
  </si>
  <si>
    <t>864.887</t>
  </si>
  <si>
    <t>5964658.0</t>
  </si>
  <si>
    <t>868.023</t>
  </si>
  <si>
    <t>5984140.0</t>
  </si>
  <si>
    <t>870.858</t>
  </si>
  <si>
    <t>5999577.0</t>
  </si>
  <si>
    <t>873.104</t>
  </si>
  <si>
    <t>6020429.0</t>
  </si>
  <si>
    <t>876.139</t>
  </si>
  <si>
    <t>20857.0</t>
  </si>
  <si>
    <t>6045768.0</t>
  </si>
  <si>
    <t>879.826</t>
  </si>
  <si>
    <t>6721216.0</t>
  </si>
  <si>
    <t>3071523.0</t>
  </si>
  <si>
    <t>2941696.0</t>
  </si>
  <si>
    <t>707997.0</t>
  </si>
  <si>
    <t>6070752.0</t>
  </si>
  <si>
    <t>883.462</t>
  </si>
  <si>
    <t>6095791.0</t>
  </si>
  <si>
    <t>887.106</t>
  </si>
  <si>
    <t>6120952.0</t>
  </si>
  <si>
    <t>27789.0</t>
  </si>
  <si>
    <t>6142335.0</t>
  </si>
  <si>
    <t>893.88</t>
  </si>
  <si>
    <t>6948020.0</t>
  </si>
  <si>
    <t>3118348.0</t>
  </si>
  <si>
    <t>2982313.0</t>
  </si>
  <si>
    <t>847359.0</t>
  </si>
  <si>
    <t>35017.0</t>
  </si>
  <si>
    <t>101.11</t>
  </si>
  <si>
    <t>6159689.0</t>
  </si>
  <si>
    <t>896.405</t>
  </si>
  <si>
    <t>0.3084</t>
  </si>
  <si>
    <t>3120462.0</t>
  </si>
  <si>
    <t>2983451.0</t>
  </si>
  <si>
    <t>852015.0</t>
  </si>
  <si>
    <t>35274.0</t>
  </si>
  <si>
    <t>6179407.0</t>
  </si>
  <si>
    <t>899.275</t>
  </si>
  <si>
    <t>6205905.0</t>
  </si>
  <si>
    <t>903.131</t>
  </si>
  <si>
    <t>7007327.0</t>
  </si>
  <si>
    <t>3132700.0</t>
  </si>
  <si>
    <t>2990317.0</t>
  </si>
  <si>
    <t>884310.0</t>
  </si>
  <si>
    <t>40873.0</t>
  </si>
  <si>
    <t>6230395.0</t>
  </si>
  <si>
    <t>906.695</t>
  </si>
  <si>
    <t>36516.0</t>
  </si>
  <si>
    <t>6253869.0</t>
  </si>
  <si>
    <t>910.111</t>
  </si>
  <si>
    <t>6276443.0</t>
  </si>
  <si>
    <t>913.396</t>
  </si>
  <si>
    <t>7085931.0</t>
  </si>
  <si>
    <t>3150109.0</t>
  </si>
  <si>
    <t>935208.0</t>
  </si>
  <si>
    <t>6296571.0</t>
  </si>
  <si>
    <t>916.325</t>
  </si>
  <si>
    <t>22034.0</t>
  </si>
  <si>
    <t>7104240.0</t>
  </si>
  <si>
    <t>3153364.0</t>
  </si>
  <si>
    <t>3002829.0</t>
  </si>
  <si>
    <t>948047.0</t>
  </si>
  <si>
    <t>6312619.0</t>
  </si>
  <si>
    <t>918.661</t>
  </si>
  <si>
    <t>40147.4</t>
  </si>
  <si>
    <t>5842.55626862481</t>
  </si>
  <si>
    <t>6332571.0</t>
  </si>
  <si>
    <t>921.564</t>
  </si>
  <si>
    <t>7143331.0</t>
  </si>
  <si>
    <t>3159568.0</t>
  </si>
  <si>
    <t>3007111.0</t>
  </si>
  <si>
    <t>976652.0</t>
  </si>
  <si>
    <t>6357224.0</t>
  </si>
  <si>
    <t>925.152</t>
  </si>
  <si>
    <t>7171439.0</t>
  </si>
  <si>
    <t>3163952.0</t>
  </si>
  <si>
    <t>3010468.0</t>
  </si>
  <si>
    <t>997019.0</t>
  </si>
  <si>
    <t>6381373.0</t>
  </si>
  <si>
    <t>928.666</t>
  </si>
  <si>
    <t>7200245.0</t>
  </si>
  <si>
    <t>3167796.0</t>
  </si>
  <si>
    <t>3013629.0</t>
  </si>
  <si>
    <t>1018820.0</t>
  </si>
  <si>
    <t>6403925.0</t>
  </si>
  <si>
    <t>22552.0</t>
  </si>
  <si>
    <t>931.948</t>
  </si>
  <si>
    <t>21437.0</t>
  </si>
  <si>
    <t>24321.0</t>
  </si>
  <si>
    <t>6425079.0</t>
  </si>
  <si>
    <t>935.027</t>
  </si>
  <si>
    <t>7259706.0</t>
  </si>
  <si>
    <t>3176748.0</t>
  </si>
  <si>
    <t>3020573.0</t>
  </si>
  <si>
    <t>1062385.0</t>
  </si>
  <si>
    <t>6442010.0</t>
  </si>
  <si>
    <t>16931.0</t>
  </si>
  <si>
    <t>937.49</t>
  </si>
  <si>
    <t>6455396.0</t>
  </si>
  <si>
    <t>939.439</t>
  </si>
  <si>
    <t>7290148.0</t>
  </si>
  <si>
    <t>3182096.0</t>
  </si>
  <si>
    <t>3024890.0</t>
  </si>
  <si>
    <t>1083162.0</t>
  </si>
  <si>
    <t>6472195.0</t>
  </si>
  <si>
    <t>941.883</t>
  </si>
  <si>
    <t>7329816.0</t>
  </si>
  <si>
    <t>3188667.0</t>
  </si>
  <si>
    <t>3029363.0</t>
  </si>
  <si>
    <t>1111786.0</t>
  </si>
  <si>
    <t>39668.0</t>
  </si>
  <si>
    <t>6492623.0</t>
  </si>
  <si>
    <t>944.856</t>
  </si>
  <si>
    <t>7365849.0</t>
  </si>
  <si>
    <t>3194810.0</t>
  </si>
  <si>
    <t>3033202.0</t>
  </si>
  <si>
    <t>1137837.0</t>
  </si>
  <si>
    <t>6511436.0</t>
  </si>
  <si>
    <t>947.594</t>
  </si>
  <si>
    <t>6526611.0</t>
  </si>
  <si>
    <t>949.802</t>
  </si>
  <si>
    <t>6542905.0</t>
  </si>
  <si>
    <t>952.174</t>
  </si>
  <si>
    <t>6557604.0</t>
  </si>
  <si>
    <t>954.313</t>
  </si>
  <si>
    <t>26178.0</t>
  </si>
  <si>
    <t>6569003.0</t>
  </si>
  <si>
    <t>955.971</t>
  </si>
  <si>
    <t>7481252.0</t>
  </si>
  <si>
    <t>3212804.0</t>
  </si>
  <si>
    <t>3052529.0</t>
  </si>
  <si>
    <t>1215919.0</t>
  </si>
  <si>
    <t>6584767.0</t>
  </si>
  <si>
    <t>958.266</t>
  </si>
  <si>
    <t>6603023.0</t>
  </si>
  <si>
    <t>960.922</t>
  </si>
  <si>
    <t>6621039.0</t>
  </si>
  <si>
    <t>963.544</t>
  </si>
  <si>
    <t>28338.0</t>
  </si>
  <si>
    <t>6637903.0</t>
  </si>
  <si>
    <t>965.998</t>
  </si>
  <si>
    <t>7622643.0</t>
  </si>
  <si>
    <t>3229702.0</t>
  </si>
  <si>
    <t>3074665.0</t>
  </si>
  <si>
    <t>1318276.0</t>
  </si>
  <si>
    <t>6654238.0</t>
  </si>
  <si>
    <t>968.376</t>
  </si>
  <si>
    <t>7660179.0</t>
  </si>
  <si>
    <t>3234195.0</t>
  </si>
  <si>
    <t>3080133.0</t>
  </si>
  <si>
    <t>1345851.0</t>
  </si>
  <si>
    <t>37536.0</t>
  </si>
  <si>
    <t>6668289.0</t>
  </si>
  <si>
    <t>970.42</t>
  </si>
  <si>
    <t>6678129.0</t>
  </si>
  <si>
    <t>971.852</t>
  </si>
  <si>
    <t>6693075.0</t>
  </si>
  <si>
    <t>974.027</t>
  </si>
  <si>
    <t>7722943.0</t>
  </si>
  <si>
    <t>3241625.0</t>
  </si>
  <si>
    <t>3089641.0</t>
  </si>
  <si>
    <t>1391677.0</t>
  </si>
  <si>
    <t>6710926.0</t>
  </si>
  <si>
    <t>976.625</t>
  </si>
  <si>
    <t>7752661.0</t>
  </si>
  <si>
    <t>3245207.0</t>
  </si>
  <si>
    <t>3094282.0</t>
  </si>
  <si>
    <t>1413172.0</t>
  </si>
  <si>
    <t>6727663.0</t>
  </si>
  <si>
    <t>979.061</t>
  </si>
  <si>
    <t>7779147.0</t>
  </si>
  <si>
    <t>3248569.0</t>
  </si>
  <si>
    <t>3098262.0</t>
  </si>
  <si>
    <t>1432313.0</t>
  </si>
  <si>
    <t>6743631.0</t>
  </si>
  <si>
    <t>981.385</t>
  </si>
  <si>
    <t>6759262.0</t>
  </si>
  <si>
    <t>983.659</t>
  </si>
  <si>
    <t>6773079.0</t>
  </si>
  <si>
    <t>985.67</t>
  </si>
  <si>
    <t>7844822.0</t>
  </si>
  <si>
    <t>3256757.0</t>
  </si>
  <si>
    <t>3110021.0</t>
  </si>
  <si>
    <t>1478036.0</t>
  </si>
  <si>
    <t>6782905.0</t>
  </si>
  <si>
    <t>987.1</t>
  </si>
  <si>
    <t>7852268.0</t>
  </si>
  <si>
    <t>3257828.0</t>
  </si>
  <si>
    <t>3111853.0</t>
  </si>
  <si>
    <t>1482578.0</t>
  </si>
  <si>
    <t>6797349.0</t>
  </si>
  <si>
    <t>989.202</t>
  </si>
  <si>
    <t>7877441.0</t>
  </si>
  <si>
    <t>3261104.0</t>
  </si>
  <si>
    <t>3118088.0</t>
  </si>
  <si>
    <t>1498240.0</t>
  </si>
  <si>
    <t>25173.0</t>
  </si>
  <si>
    <t>114.64</t>
  </si>
  <si>
    <t>6814207.0</t>
  </si>
  <si>
    <t>991.655</t>
  </si>
  <si>
    <t>7899611.0</t>
  </si>
  <si>
    <t>3263835.0</t>
  </si>
  <si>
    <t>3123638.0</t>
  </si>
  <si>
    <t>1512129.0</t>
  </si>
  <si>
    <t>114.96</t>
  </si>
  <si>
    <t>47152.8</t>
  </si>
  <si>
    <t>6862.03557946995</t>
  </si>
  <si>
    <t>6830241.0</t>
  </si>
  <si>
    <t>993.989</t>
  </si>
  <si>
    <t>6845489.0</t>
  </si>
  <si>
    <t>996.208</t>
  </si>
  <si>
    <t>7940609.0</t>
  </si>
  <si>
    <t>3269036.0</t>
  </si>
  <si>
    <t>3131587.0</t>
  </si>
  <si>
    <t>1539973.0</t>
  </si>
  <si>
    <t>6860373.0</t>
  </si>
  <si>
    <t>998.374</t>
  </si>
  <si>
    <t>7963609.0</t>
  </si>
  <si>
    <t>3272681.0</t>
  </si>
  <si>
    <t>3136806.0</t>
  </si>
  <si>
    <t>1554127.0</t>
  </si>
  <si>
    <t>6872899.0</t>
  </si>
  <si>
    <t>1000.197</t>
  </si>
  <si>
    <t>6881800.0</t>
  </si>
  <si>
    <t>1001.492</t>
  </si>
  <si>
    <t>6895637.0</t>
  </si>
  <si>
    <t>1003.506</t>
  </si>
  <si>
    <t>8000989.0</t>
  </si>
  <si>
    <t>3278080.0</t>
  </si>
  <si>
    <t>3146226.0</t>
  </si>
  <si>
    <t>1576667.0</t>
  </si>
  <si>
    <t>6911480.0</t>
  </si>
  <si>
    <t>1005.811</t>
  </si>
  <si>
    <t>8016666.0</t>
  </si>
  <si>
    <t>3280630.0</t>
  </si>
  <si>
    <t>3150067.0</t>
  </si>
  <si>
    <t>1585953.0</t>
  </si>
  <si>
    <t>6927098.0</t>
  </si>
  <si>
    <t>1008.084</t>
  </si>
  <si>
    <t>8032168.0</t>
  </si>
  <si>
    <t>3282950.0</t>
  </si>
  <si>
    <t>3153923.0</t>
  </si>
  <si>
    <t>1595279.0</t>
  </si>
  <si>
    <t>6941684.0</t>
  </si>
  <si>
    <t>1010.207</t>
  </si>
  <si>
    <t>8046012.0</t>
  </si>
  <si>
    <t>3284917.0</t>
  </si>
  <si>
    <t>3157418.0</t>
  </si>
  <si>
    <t>1603661.0</t>
  </si>
  <si>
    <t>6955451.0</t>
  </si>
  <si>
    <t>1012.21</t>
  </si>
  <si>
    <t>6968519.0</t>
  </si>
  <si>
    <t>1014.112</t>
  </si>
  <si>
    <t>6976359.0</t>
  </si>
  <si>
    <t>1015.253</t>
  </si>
  <si>
    <t>8075369.0</t>
  </si>
  <si>
    <t>3288762.0</t>
  </si>
  <si>
    <t>3165137.0</t>
  </si>
  <si>
    <t>1621453.0</t>
  </si>
  <si>
    <t>6988132.0</t>
  </si>
  <si>
    <t>1016.966</t>
  </si>
  <si>
    <t>7003767.0</t>
  </si>
  <si>
    <t>1019.242</t>
  </si>
  <si>
    <t>8099998.0</t>
  </si>
  <si>
    <t>3291994.0</t>
  </si>
  <si>
    <t>3172131.0</t>
  </si>
  <si>
    <t>1635856.0</t>
  </si>
  <si>
    <t>7018345.0</t>
  </si>
  <si>
    <t>1021.363</t>
  </si>
  <si>
    <t>7032035.0</t>
  </si>
  <si>
    <t>1023.355</t>
  </si>
  <si>
    <t>7045574.0</t>
  </si>
  <si>
    <t>1025.326</t>
  </si>
  <si>
    <t>7056373.0</t>
  </si>
  <si>
    <t>1026.897</t>
  </si>
  <si>
    <t>7064541.0</t>
  </si>
  <si>
    <t>1028.086</t>
  </si>
  <si>
    <t>7077197.0</t>
  </si>
  <si>
    <t>1029.928</t>
  </si>
  <si>
    <t>7093043.0</t>
  </si>
  <si>
    <t>1032.234</t>
  </si>
  <si>
    <t>7107851.0</t>
  </si>
  <si>
    <t>1034.389</t>
  </si>
  <si>
    <t>8183520.0</t>
  </si>
  <si>
    <t>3302585.0</t>
  </si>
  <si>
    <t>3193149.0</t>
  </si>
  <si>
    <t>1687756.0</t>
  </si>
  <si>
    <t>7122142.0</t>
  </si>
  <si>
    <t>1036.468</t>
  </si>
  <si>
    <t>7136798.0</t>
  </si>
  <si>
    <t>1038.601</t>
  </si>
  <si>
    <t>7149667.0</t>
  </si>
  <si>
    <t>1040.474</t>
  </si>
  <si>
    <t>7158932.0</t>
  </si>
  <si>
    <t>1041.822</t>
  </si>
  <si>
    <t>8218178.0</t>
  </si>
  <si>
    <t>3306626.0</t>
  </si>
  <si>
    <t>3202009.0</t>
  </si>
  <si>
    <t>1709543.0</t>
  </si>
  <si>
    <t>7172506.0</t>
  </si>
  <si>
    <t>1043.798</t>
  </si>
  <si>
    <t>7189047.0</t>
  </si>
  <si>
    <t>1046.205</t>
  </si>
  <si>
    <t>8239799.0</t>
  </si>
  <si>
    <t>3309157.0</t>
  </si>
  <si>
    <t>3207534.0</t>
  </si>
  <si>
    <t>1723108.0</t>
  </si>
  <si>
    <t>7205213.0</t>
  </si>
  <si>
    <t>1048.558</t>
  </si>
  <si>
    <t>7221585.0</t>
  </si>
  <si>
    <t>1050.94</t>
  </si>
  <si>
    <t>14206.0</t>
  </si>
  <si>
    <t>7239853.0</t>
  </si>
  <si>
    <t>1053.599</t>
  </si>
  <si>
    <t>50745.4</t>
  </si>
  <si>
    <t>7384.85816949226</t>
  </si>
  <si>
    <t>306.918</t>
  </si>
  <si>
    <t>7250349.0</t>
  </si>
  <si>
    <t>1055.126</t>
  </si>
  <si>
    <t>8290461.0</t>
  </si>
  <si>
    <t>3316151.0</t>
  </si>
  <si>
    <t>3220977.0</t>
  </si>
  <si>
    <t>1753333.0</t>
  </si>
  <si>
    <t>7261237.0</t>
  </si>
  <si>
    <t>1056.711</t>
  </si>
  <si>
    <t>7275299.0</t>
  </si>
  <si>
    <t>1058.757</t>
  </si>
  <si>
    <t>7297175.0</t>
  </si>
  <si>
    <t>1061.941</t>
  </si>
  <si>
    <t>7322691.0</t>
  </si>
  <si>
    <t>1065.654</t>
  </si>
  <si>
    <t>7349981.0</t>
  </si>
  <si>
    <t>1069.625</t>
  </si>
  <si>
    <t>7372174.0</t>
  </si>
  <si>
    <t>1072.855</t>
  </si>
  <si>
    <t>7395121.0</t>
  </si>
  <si>
    <t>1076.194</t>
  </si>
  <si>
    <t>7418399.0</t>
  </si>
  <si>
    <t>1079.582</t>
  </si>
  <si>
    <t>8296523.0</t>
  </si>
  <si>
    <t>3317049.0</t>
  </si>
  <si>
    <t>3222809.0</t>
  </si>
  <si>
    <t>1756665.0</t>
  </si>
  <si>
    <t>7444532.0</t>
  </si>
  <si>
    <t>1083.385</t>
  </si>
  <si>
    <t>7481934.0</t>
  </si>
  <si>
    <t>1088.828</t>
  </si>
  <si>
    <t>7515129.0</t>
  </si>
  <si>
    <t>33195.0</t>
  </si>
  <si>
    <t>1093.659</t>
  </si>
  <si>
    <t>7548292.0</t>
  </si>
  <si>
    <t>1098.485</t>
  </si>
  <si>
    <t>7579832.0</t>
  </si>
  <si>
    <t>1103.075</t>
  </si>
  <si>
    <t>8324076.0</t>
  </si>
  <si>
    <t>3321143.0</t>
  </si>
  <si>
    <t>3229603.0</t>
  </si>
  <si>
    <t>1773330.0</t>
  </si>
  <si>
    <t>7609197.0</t>
  </si>
  <si>
    <t>1107.348</t>
  </si>
  <si>
    <t>7634520.0</t>
  </si>
  <si>
    <t>1111.034</t>
  </si>
  <si>
    <t>8338285.0</t>
  </si>
  <si>
    <t>3323350.0</t>
  </si>
  <si>
    <t>3232588.0</t>
  </si>
  <si>
    <t>1782347.0</t>
  </si>
  <si>
    <t>7663963.0</t>
  </si>
  <si>
    <t>1115.318</t>
  </si>
  <si>
    <t>0.4086</t>
  </si>
  <si>
    <t>7703703.0</t>
  </si>
  <si>
    <t>1121.102</t>
  </si>
  <si>
    <t>0.4854</t>
  </si>
  <si>
    <t>8351144.0</t>
  </si>
  <si>
    <t>3235514.0</t>
  </si>
  <si>
    <t>1790239.0</t>
  </si>
  <si>
    <t>7740137.0</t>
  </si>
  <si>
    <t>1126.404</t>
  </si>
  <si>
    <t>8356720.0</t>
  </si>
  <si>
    <t>3236600.0</t>
  </si>
  <si>
    <t>1793763.0</t>
  </si>
  <si>
    <t>7776967.0</t>
  </si>
  <si>
    <t>1131.764</t>
  </si>
  <si>
    <t>16.445</t>
  </si>
  <si>
    <t>397.145</t>
  </si>
  <si>
    <t>7811784.0</t>
  </si>
  <si>
    <t>1136.83</t>
  </si>
  <si>
    <t>7842072.0</t>
  </si>
  <si>
    <t>30288.0</t>
  </si>
  <si>
    <t>1141.238</t>
  </si>
  <si>
    <t>7866264.0</t>
  </si>
  <si>
    <t>1144.759</t>
  </si>
  <si>
    <t>0.4682</t>
  </si>
  <si>
    <t>8371669.0</t>
  </si>
  <si>
    <t>3329025.0</t>
  </si>
  <si>
    <t>3239226.0</t>
  </si>
  <si>
    <t>1803418.0</t>
  </si>
  <si>
    <t>7897262.0</t>
  </si>
  <si>
    <t>1149.27</t>
  </si>
  <si>
    <t>0.4747</t>
  </si>
  <si>
    <t>7936544.0</t>
  </si>
  <si>
    <t>1154.986</t>
  </si>
  <si>
    <t>7974355.0</t>
  </si>
  <si>
    <t>37811.0</t>
  </si>
  <si>
    <t>1160.489</t>
  </si>
  <si>
    <t>8010329.0</t>
  </si>
  <si>
    <t>35974.0</t>
  </si>
  <si>
    <t>1165.724</t>
  </si>
  <si>
    <t>0.4926</t>
  </si>
  <si>
    <t>8389858.0</t>
  </si>
  <si>
    <t>3331955.0</t>
  </si>
  <si>
    <t>3242876.0</t>
  </si>
  <si>
    <t>1815027.0</t>
  </si>
  <si>
    <t>8045107.0</t>
  </si>
  <si>
    <t>1170.785</t>
  </si>
  <si>
    <t>33332.0</t>
  </si>
  <si>
    <t>8075136.0</t>
  </si>
  <si>
    <t>1175.155</t>
  </si>
  <si>
    <t>33295.0</t>
  </si>
  <si>
    <t>0.5001</t>
  </si>
  <si>
    <t>8100567.0</t>
  </si>
  <si>
    <t>1178.856</t>
  </si>
  <si>
    <t>8398208.0</t>
  </si>
  <si>
    <t>3333349.0</t>
  </si>
  <si>
    <t>3244297.0</t>
  </si>
  <si>
    <t>1820562.0</t>
  </si>
  <si>
    <t>8132088.0</t>
  </si>
  <si>
    <t>1183.444</t>
  </si>
  <si>
    <t>0.5019</t>
  </si>
  <si>
    <t>8402695.0</t>
  </si>
  <si>
    <t>3334002.0</t>
  </si>
  <si>
    <t>3245307.0</t>
  </si>
  <si>
    <t>1823386.0</t>
  </si>
  <si>
    <t>51807.0</t>
  </si>
  <si>
    <t>7539.35030932627</t>
  </si>
  <si>
    <t>8171561.0</t>
  </si>
  <si>
    <t>39473.0</t>
  </si>
  <si>
    <t>1189.188</t>
  </si>
  <si>
    <t>8208435.0</t>
  </si>
  <si>
    <t>1194.554</t>
  </si>
  <si>
    <t>0.5768</t>
  </si>
  <si>
    <t>8410883.0</t>
  </si>
  <si>
    <t>3335402.0</t>
  </si>
  <si>
    <t>3247144.0</t>
  </si>
  <si>
    <t>1828337.0</t>
  </si>
  <si>
    <t>8242567.0</t>
  </si>
  <si>
    <t>34132.0</t>
  </si>
  <si>
    <t>1199.521</t>
  </si>
  <si>
    <t>8414783.0</t>
  </si>
  <si>
    <t>3335963.0</t>
  </si>
  <si>
    <t>3247943.0</t>
  </si>
  <si>
    <t>1830877.0</t>
  </si>
  <si>
    <t>8273974.0</t>
  </si>
  <si>
    <t>1204.092</t>
  </si>
  <si>
    <t>0.4856</t>
  </si>
  <si>
    <t>8302346.0</t>
  </si>
  <si>
    <t>28372.0</t>
  </si>
  <si>
    <t>1208.221</t>
  </si>
  <si>
    <t>0.4773</t>
  </si>
  <si>
    <t>8324359.0</t>
  </si>
  <si>
    <t>1211.424</t>
  </si>
  <si>
    <t>0.4732</t>
  </si>
  <si>
    <t>8351232.0</t>
  </si>
  <si>
    <t>1215.335</t>
  </si>
  <si>
    <t>0.4654</t>
  </si>
  <si>
    <t>8426829.0</t>
  </si>
  <si>
    <t>3337788.0</t>
  </si>
  <si>
    <t>3250967.0</t>
  </si>
  <si>
    <t>1838074.0</t>
  </si>
  <si>
    <t>8384165.0</t>
  </si>
  <si>
    <t>1220.128</t>
  </si>
  <si>
    <t>0.4541</t>
  </si>
  <si>
    <t>8414160.0</t>
  </si>
  <si>
    <t>29995.0</t>
  </si>
  <si>
    <t>1224.493</t>
  </si>
  <si>
    <t>0.4434</t>
  </si>
  <si>
    <t>8433861.0</t>
  </si>
  <si>
    <t>3338750.0</t>
  </si>
  <si>
    <t>3252766.0</t>
  </si>
  <si>
    <t>1842345.0</t>
  </si>
  <si>
    <t>8443235.0</t>
  </si>
  <si>
    <t>1228.724</t>
  </si>
  <si>
    <t>0.4322</t>
  </si>
  <si>
    <t>8469233.0</t>
  </si>
  <si>
    <t>1232.507</t>
  </si>
  <si>
    <t>0.4188</t>
  </si>
  <si>
    <t>8440911.0</t>
  </si>
  <si>
    <t>3339706.0</t>
  </si>
  <si>
    <t>3254400.0</t>
  </si>
  <si>
    <t>1846805.0</t>
  </si>
  <si>
    <t>122.84</t>
  </si>
  <si>
    <t>8491582.0</t>
  </si>
  <si>
    <t>1235.76</t>
  </si>
  <si>
    <t>0.4081</t>
  </si>
  <si>
    <t>8507866.0</t>
  </si>
  <si>
    <t>1238.13</t>
  </si>
  <si>
    <t>8443658.0</t>
  </si>
  <si>
    <t>3340114.0</t>
  </si>
  <si>
    <t>3255177.0</t>
  </si>
  <si>
    <t>1848367.0</t>
  </si>
  <si>
    <t>8527011.0</t>
  </si>
  <si>
    <t>1240.916</t>
  </si>
  <si>
    <t>0.3883</t>
  </si>
  <si>
    <t>8447004.0</t>
  </si>
  <si>
    <t>3340616.0</t>
  </si>
  <si>
    <t>3255977.0</t>
  </si>
  <si>
    <t>1850411.0</t>
  </si>
  <si>
    <t>8546068.0</t>
  </si>
  <si>
    <t>1243.689</t>
  </si>
  <si>
    <t>8563674.0</t>
  </si>
  <si>
    <t>8448409.0</t>
  </si>
  <si>
    <t>3340847.0</t>
  </si>
  <si>
    <t>3256299.0</t>
  </si>
  <si>
    <t>1851263.0</t>
  </si>
  <si>
    <t>8584592.0</t>
  </si>
  <si>
    <t>1249.295</t>
  </si>
  <si>
    <t>8604229.0</t>
  </si>
  <si>
    <t>1252.153</t>
  </si>
  <si>
    <t>0.3507</t>
  </si>
  <si>
    <t>8621254.0</t>
  </si>
  <si>
    <t>1254.631</t>
  </si>
  <si>
    <t>8633493.0</t>
  </si>
  <si>
    <t>1256.412</t>
  </si>
  <si>
    <t>0.3351</t>
  </si>
  <si>
    <t>8457355.0</t>
  </si>
  <si>
    <t>3259103.0</t>
  </si>
  <si>
    <t>1856196.0</t>
  </si>
  <si>
    <t>8651160.0</t>
  </si>
  <si>
    <t>1258.983</t>
  </si>
  <si>
    <t>8670454.0</t>
  </si>
  <si>
    <t>1261.791</t>
  </si>
  <si>
    <t>8688491.0</t>
  </si>
  <si>
    <t>1264.416</t>
  </si>
  <si>
    <t>8464737.0</t>
  </si>
  <si>
    <t>3342998.0</t>
  </si>
  <si>
    <t>3261221.0</t>
  </si>
  <si>
    <t>1860518.0</t>
  </si>
  <si>
    <t>8704941.0</t>
  </si>
  <si>
    <t>1266.809</t>
  </si>
  <si>
    <t>8466632.0</t>
  </si>
  <si>
    <t>3343225.0</t>
  </si>
  <si>
    <t>3261760.0</t>
  </si>
  <si>
    <t>1861647.0</t>
  </si>
  <si>
    <t>8719026.0</t>
  </si>
  <si>
    <t>1268.859</t>
  </si>
  <si>
    <t>8730705.0</t>
  </si>
  <si>
    <t>1270.559</t>
  </si>
  <si>
    <t>8740109.0</t>
  </si>
  <si>
    <t>1271.927</t>
  </si>
  <si>
    <t>8754776.0</t>
  </si>
  <si>
    <t>1274.062</t>
  </si>
  <si>
    <t>8472336.0</t>
  </si>
  <si>
    <t>3343966.0</t>
  </si>
  <si>
    <t>3263573.0</t>
  </si>
  <si>
    <t>1864797.0</t>
  </si>
  <si>
    <t>55834.4</t>
  </si>
  <si>
    <t>8125.44831607788</t>
  </si>
  <si>
    <t>8769892.0</t>
  </si>
  <si>
    <t>1276.262</t>
  </si>
  <si>
    <t>8474034.0</t>
  </si>
  <si>
    <t>3344161.0</t>
  </si>
  <si>
    <t>3263979.0</t>
  </si>
  <si>
    <t>1865894.0</t>
  </si>
  <si>
    <t>8785087.0</t>
  </si>
  <si>
    <t>1278.473</t>
  </si>
  <si>
    <t>8800146.0</t>
  </si>
  <si>
    <t>1280.664</t>
  </si>
  <si>
    <t>8814153.0</t>
  </si>
  <si>
    <t>1282.703</t>
  </si>
  <si>
    <t>8825623.0</t>
  </si>
  <si>
    <t>1284.372</t>
  </si>
  <si>
    <t>8834066.0</t>
  </si>
  <si>
    <t>1285.601</t>
  </si>
  <si>
    <t>8480196.0</t>
  </si>
  <si>
    <t>3344962.0</t>
  </si>
  <si>
    <t>3265654.0</t>
  </si>
  <si>
    <t>1869580.0</t>
  </si>
  <si>
    <t>8847698.0</t>
  </si>
  <si>
    <t>1287.585</t>
  </si>
  <si>
    <t>8862846.0</t>
  </si>
  <si>
    <t>1289.789</t>
  </si>
  <si>
    <t>8877539.0</t>
  </si>
  <si>
    <t>1291.927</t>
  </si>
  <si>
    <t>8483405.0</t>
  </si>
  <si>
    <t>3345446.0</t>
  </si>
  <si>
    <t>3266511.0</t>
  </si>
  <si>
    <t>1871448.0</t>
  </si>
  <si>
    <t>8891431.0</t>
  </si>
  <si>
    <t>1293.949</t>
  </si>
  <si>
    <t>8488708.0</t>
  </si>
  <si>
    <t>3345631.0</t>
  </si>
  <si>
    <t>3266852.0</t>
  </si>
  <si>
    <t>1872225.0</t>
  </si>
  <si>
    <t>8904881.0</t>
  </si>
  <si>
    <t>1295.906</t>
  </si>
  <si>
    <t>8915920.0</t>
  </si>
  <si>
    <t>1297.513</t>
  </si>
  <si>
    <t>8924005.0</t>
  </si>
  <si>
    <t>1298.689</t>
  </si>
  <si>
    <t>8938391.0</t>
  </si>
  <si>
    <t>1300.783</t>
  </si>
  <si>
    <t>8956349.0</t>
  </si>
  <si>
    <t>1303.396</t>
  </si>
  <si>
    <t>8973177.0</t>
  </si>
  <si>
    <t>1305.845</t>
  </si>
  <si>
    <t>8989852.0</t>
  </si>
  <si>
    <t>1308.272</t>
  </si>
  <si>
    <t>9004798.0</t>
  </si>
  <si>
    <t>1310.447</t>
  </si>
  <si>
    <t>9017559.0</t>
  </si>
  <si>
    <t>1312.304</t>
  </si>
  <si>
    <t>9026652.0</t>
  </si>
  <si>
    <t>1313.627</t>
  </si>
  <si>
    <t>9042330.0</t>
  </si>
  <si>
    <t>1315.909</t>
  </si>
  <si>
    <t>8493801.0</t>
  </si>
  <si>
    <t>3347069.0</t>
  </si>
  <si>
    <t>3269158.0</t>
  </si>
  <si>
    <t>1877574.0</t>
  </si>
  <si>
    <t>9059726.0</t>
  </si>
  <si>
    <t>1318.441</t>
  </si>
  <si>
    <t>8494958.0</t>
  </si>
  <si>
    <t>3347209.0</t>
  </si>
  <si>
    <t>3269374.0</t>
  </si>
  <si>
    <t>1878375.0</t>
  </si>
  <si>
    <t>9076734.0</t>
  </si>
  <si>
    <t>1320.916</t>
  </si>
  <si>
    <t>9093179.0</t>
  </si>
  <si>
    <t>1323.309</t>
  </si>
  <si>
    <t>9108141.0</t>
  </si>
  <si>
    <t>1325.486</t>
  </si>
  <si>
    <t>9120134.0</t>
  </si>
  <si>
    <t>1327.232</t>
  </si>
  <si>
    <t>9128244.0</t>
  </si>
  <si>
    <t>1328.412</t>
  </si>
  <si>
    <t>9142320.0</t>
  </si>
  <si>
    <t>1330.46</t>
  </si>
  <si>
    <t>9158177.0</t>
  </si>
  <si>
    <t>1332.768</t>
  </si>
  <si>
    <t>9174040.0</t>
  </si>
  <si>
    <t>1335.076</t>
  </si>
  <si>
    <t>9189697.0</t>
  </si>
  <si>
    <t>1337.355</t>
  </si>
  <si>
    <t>58001.2</t>
  </si>
  <si>
    <t>8440.77760073532</t>
  </si>
  <si>
    <t>9203251.0</t>
  </si>
  <si>
    <t>1339.327</t>
  </si>
  <si>
    <t>9214166.0</t>
  </si>
  <si>
    <t>1340.916</t>
  </si>
  <si>
    <t>9221892.0</t>
  </si>
  <si>
    <t>1342.04</t>
  </si>
  <si>
    <t>9235046.0</t>
  </si>
  <si>
    <t>1343.954</t>
  </si>
  <si>
    <t>9249135.0</t>
  </si>
  <si>
    <t>1346.005</t>
  </si>
  <si>
    <t>9262624.0</t>
  </si>
  <si>
    <t>1347.968</t>
  </si>
  <si>
    <t>9275301.0</t>
  </si>
  <si>
    <t>1349.813</t>
  </si>
  <si>
    <t>9286856.0</t>
  </si>
  <si>
    <t>1351.494</t>
  </si>
  <si>
    <t>9295508.0</t>
  </si>
  <si>
    <t>1352.753</t>
  </si>
  <si>
    <t>9302535.0</t>
  </si>
  <si>
    <t>1353.776</t>
  </si>
  <si>
    <t>9314097.0</t>
  </si>
  <si>
    <t>1355.459</t>
  </si>
  <si>
    <t>9326796.0</t>
  </si>
  <si>
    <t>1357.307</t>
  </si>
  <si>
    <t>9338695.0</t>
  </si>
  <si>
    <t>1359.038</t>
  </si>
  <si>
    <t>9350216.0</t>
  </si>
  <si>
    <t>1360.715</t>
  </si>
  <si>
    <t>9359560.0</t>
  </si>
  <si>
    <t>1362.075</t>
  </si>
  <si>
    <t>9367431.0</t>
  </si>
  <si>
    <t>1363.22</t>
  </si>
  <si>
    <t>9373088.0</t>
  </si>
  <si>
    <t>1364.043</t>
  </si>
  <si>
    <t>9383655.0</t>
  </si>
  <si>
    <t>1365.581</t>
  </si>
  <si>
    <t>9395105.0</t>
  </si>
  <si>
    <t>1367.247</t>
  </si>
  <si>
    <t>9405605.0</t>
  </si>
  <si>
    <t>1368.775</t>
  </si>
  <si>
    <t>9415165.0</t>
  </si>
  <si>
    <t>1370.167</t>
  </si>
  <si>
    <t>9422021.0</t>
  </si>
  <si>
    <t>1371.164</t>
  </si>
  <si>
    <t>9427662.0</t>
  </si>
  <si>
    <t>1371.985</t>
  </si>
  <si>
    <t>9432261.0</t>
  </si>
  <si>
    <t>1372.655</t>
  </si>
  <si>
    <t>9439734.0</t>
  </si>
  <si>
    <t>1373.742</t>
  </si>
  <si>
    <t>9450942.0</t>
  </si>
  <si>
    <t>1375.373</t>
  </si>
  <si>
    <t>9461757.0</t>
  </si>
  <si>
    <t>1376.947</t>
  </si>
  <si>
    <t>9471803.0</t>
  </si>
  <si>
    <t>1378.409</t>
  </si>
  <si>
    <t>9481282.0</t>
  </si>
  <si>
    <t>1379.789</t>
  </si>
  <si>
    <t>9487930.0</t>
  </si>
  <si>
    <t>1380.756</t>
  </si>
  <si>
    <t>8464.76055537421</t>
  </si>
  <si>
    <t>9491908.0</t>
  </si>
  <si>
    <t>1381.335</t>
  </si>
  <si>
    <t>9497175.0</t>
  </si>
  <si>
    <t>1382.101</t>
  </si>
  <si>
    <t>9504063.0</t>
  </si>
  <si>
    <t>1383.104</t>
  </si>
  <si>
    <t>9513479.0</t>
  </si>
  <si>
    <t>1384.474</t>
  </si>
  <si>
    <t>9522660.0</t>
  </si>
  <si>
    <t>1385.81</t>
  </si>
  <si>
    <t>9530939.0</t>
  </si>
  <si>
    <t>1387.015</t>
  </si>
  <si>
    <t>9537555.0</t>
  </si>
  <si>
    <t>1387.978</t>
  </si>
  <si>
    <t>9542409.0</t>
  </si>
  <si>
    <t>1388.684</t>
  </si>
  <si>
    <t>9552196.0</t>
  </si>
  <si>
    <t>1390.109</t>
  </si>
  <si>
    <t>9561725.0</t>
  </si>
  <si>
    <t>1391.495</t>
  </si>
  <si>
    <t>8524501.0</t>
  </si>
  <si>
    <t>3351871.0</t>
  </si>
  <si>
    <t>3275471.0</t>
  </si>
  <si>
    <t>1897159.0</t>
  </si>
  <si>
    <t>9570938.0</t>
  </si>
  <si>
    <t>1392.836</t>
  </si>
  <si>
    <t>9579268.0</t>
  </si>
  <si>
    <t>1394.048</t>
  </si>
  <si>
    <t>9586620.0</t>
  </si>
  <si>
    <t>1395.118</t>
  </si>
  <si>
    <t>9592417.0</t>
  </si>
  <si>
    <t>1395.962</t>
  </si>
  <si>
    <t>9596815.0</t>
  </si>
  <si>
    <t>1396.602</t>
  </si>
  <si>
    <t>9606396.0</t>
  </si>
  <si>
    <t>1397.996</t>
  </si>
  <si>
    <t>9616050.0</t>
  </si>
  <si>
    <t>1399.401</t>
  </si>
  <si>
    <t>8526571.0</t>
  </si>
  <si>
    <t>3352233.0</t>
  </si>
  <si>
    <t>3275921.0</t>
  </si>
  <si>
    <t>1898417.0</t>
  </si>
  <si>
    <t>9624550.0</t>
  </si>
  <si>
    <t>1400.638</t>
  </si>
  <si>
    <t>8527016.0</t>
  </si>
  <si>
    <t>3352309.0</t>
  </si>
  <si>
    <t>3276037.0</t>
  </si>
  <si>
    <t>1898670.0</t>
  </si>
  <si>
    <t>9632413.0</t>
  </si>
  <si>
    <t>1401.782</t>
  </si>
  <si>
    <t>9639376.0</t>
  </si>
  <si>
    <t>1402.796</t>
  </si>
  <si>
    <t>9644475.0</t>
  </si>
  <si>
    <t>1403.538</t>
  </si>
  <si>
    <t>9648645.0</t>
  </si>
  <si>
    <t>1404.145</t>
  </si>
  <si>
    <t>9656839.0</t>
  </si>
  <si>
    <t>1405.337</t>
  </si>
  <si>
    <t>9665977.0</t>
  </si>
  <si>
    <t>1406.667</t>
  </si>
  <si>
    <t>8528669.0</t>
  </si>
  <si>
    <t>3352605.0</t>
  </si>
  <si>
    <t>3276492.0</t>
  </si>
  <si>
    <t>1899572.0</t>
  </si>
  <si>
    <t>9673849.0</t>
  </si>
  <si>
    <t>1407.812</t>
  </si>
  <si>
    <t>8528958.0</t>
  </si>
  <si>
    <t>3352668.0</t>
  </si>
  <si>
    <t>3276558.0</t>
  </si>
  <si>
    <t>1899732.0</t>
  </si>
  <si>
    <t>9681461.0</t>
  </si>
  <si>
    <t>1408.92</t>
  </si>
  <si>
    <t>8529217.0</t>
  </si>
  <si>
    <t>3352714.0</t>
  </si>
  <si>
    <t>3276619.0</t>
  </si>
  <si>
    <t>1899884.0</t>
  </si>
  <si>
    <t>9688176.0</t>
  </si>
  <si>
    <t>1409.897</t>
  </si>
  <si>
    <t>9693379.0</t>
  </si>
  <si>
    <t>1410.655</t>
  </si>
  <si>
    <t>9697264.0</t>
  </si>
  <si>
    <t>1411.22</t>
  </si>
  <si>
    <t>9705195.0</t>
  </si>
  <si>
    <t>1412.374</t>
  </si>
  <si>
    <t>9713099.0</t>
  </si>
  <si>
    <t>1413.524</t>
  </si>
  <si>
    <t>58505.0</t>
  </si>
  <si>
    <t>8514.09442444329</t>
  </si>
  <si>
    <t>9720743.0</t>
  </si>
  <si>
    <t>1414.637</t>
  </si>
  <si>
    <t>8530527.0</t>
  </si>
  <si>
    <t>3353020.0</t>
  </si>
  <si>
    <t>3276994.0</t>
  </si>
  <si>
    <t>1900513.0</t>
  </si>
  <si>
    <t>9727801.0</t>
  </si>
  <si>
    <t>1415.664</t>
  </si>
  <si>
    <t>8530748.0</t>
  </si>
  <si>
    <t>3353072.0</t>
  </si>
  <si>
    <t>3277059.0</t>
  </si>
  <si>
    <t>1900617.0</t>
  </si>
  <si>
    <t>9733841.0</t>
  </si>
  <si>
    <t>1416.543</t>
  </si>
  <si>
    <t>9738664.0</t>
  </si>
  <si>
    <t>1417.245</t>
  </si>
  <si>
    <t>9742167.0</t>
  </si>
  <si>
    <t>1417.755</t>
  </si>
  <si>
    <t>9750019.0</t>
  </si>
  <si>
    <t>1418.897</t>
  </si>
  <si>
    <t>8531418.0</t>
  </si>
  <si>
    <t>3353241.0</t>
  </si>
  <si>
    <t>3277242.0</t>
  </si>
  <si>
    <t>1900935.0</t>
  </si>
  <si>
    <t>9758060.0</t>
  </si>
  <si>
    <t>1420.067</t>
  </si>
  <si>
    <t>9765361.0</t>
  </si>
  <si>
    <t>1421.13</t>
  </si>
  <si>
    <t>9772203.0</t>
  </si>
  <si>
    <t>1422.126</t>
  </si>
  <si>
    <t>8532173.0</t>
  </si>
  <si>
    <t>3353426.0</t>
  </si>
  <si>
    <t>1901274.0</t>
  </si>
  <si>
    <t>9778284.0</t>
  </si>
  <si>
    <t>1423.011</t>
  </si>
  <si>
    <t>9782921.0</t>
  </si>
  <si>
    <t>1423.685</t>
  </si>
  <si>
    <t>9786426.0</t>
  </si>
  <si>
    <t>1424.195</t>
  </si>
  <si>
    <t>9793592.0</t>
  </si>
  <si>
    <t>1425.238</t>
  </si>
  <si>
    <t>9801694.0</t>
  </si>
  <si>
    <t>1426.417</t>
  </si>
  <si>
    <t>8533114.0</t>
  </si>
  <si>
    <t>3353655.0</t>
  </si>
  <si>
    <t>3277747.0</t>
  </si>
  <si>
    <t>1901712.0</t>
  </si>
  <si>
    <t>9808682.0</t>
  </si>
  <si>
    <t>1427.434</t>
  </si>
  <si>
    <t>9815229.0</t>
  </si>
  <si>
    <t>1428.387</t>
  </si>
  <si>
    <t>9821003.0</t>
  </si>
  <si>
    <t>1429.227</t>
  </si>
  <si>
    <t>9825885.0</t>
  </si>
  <si>
    <t>1429.938</t>
  </si>
  <si>
    <t>9829651.0</t>
  </si>
  <si>
    <t>1430.486</t>
  </si>
  <si>
    <t>9837396.0</t>
  </si>
  <si>
    <t>1431.613</t>
  </si>
  <si>
    <t>9845433.0</t>
  </si>
  <si>
    <t>1432.783</t>
  </si>
  <si>
    <t>9852899.0</t>
  </si>
  <si>
    <t>1433.869</t>
  </si>
  <si>
    <t>8534688.0</t>
  </si>
  <si>
    <t>3354075.0</t>
  </si>
  <si>
    <t>3278198.0</t>
  </si>
  <si>
    <t>1902412.0</t>
  </si>
  <si>
    <t>58627.6</t>
  </si>
  <si>
    <t>8531.93611278509</t>
  </si>
  <si>
    <t>58648.2</t>
  </si>
  <si>
    <t>8534.93398211495</t>
  </si>
  <si>
    <t>103.47</t>
  </si>
  <si>
    <t>60138.8</t>
  </si>
  <si>
    <t>8751.85747838151</t>
  </si>
  <si>
    <t>61232.2</t>
  </si>
  <si>
    <t>8910.97739708395</t>
  </si>
  <si>
    <t>59.521</t>
  </si>
  <si>
    <t>61345.2</t>
  </si>
  <si>
    <t>8927.42202010697</t>
  </si>
  <si>
    <t>SYC</t>
  </si>
  <si>
    <t>Seychelles</t>
  </si>
  <si>
    <t>-186.680356559481</t>
  </si>
  <si>
    <t>-33.6</t>
  </si>
  <si>
    <t>-18.73</t>
  </si>
  <si>
    <t>-313.622999019928</t>
  </si>
  <si>
    <t>-62.6</t>
  </si>
  <si>
    <t>-41.43</t>
  </si>
  <si>
    <t>-584.309516031176</t>
  </si>
  <si>
    <t>-754.188640500303</t>
  </si>
  <si>
    <t>-95.4</t>
  </si>
  <si>
    <t>-19.61</t>
  </si>
  <si>
    <t>-20.68</t>
  </si>
  <si>
    <t>-890.465300788724</t>
  </si>
  <si>
    <t>-20.4</t>
  </si>
  <si>
    <t>-26.04</t>
  </si>
  <si>
    <t>-1054.74401456107</t>
  </si>
  <si>
    <t>-20.06</t>
  </si>
  <si>
    <t>-17.18</t>
  </si>
  <si>
    <t>-1159.28501423438</t>
  </si>
  <si>
    <t>-157.6</t>
  </si>
  <si>
    <t>-22.66</t>
  </si>
  <si>
    <t>-43.72</t>
  </si>
  <si>
    <t>-1471.04120968871</t>
  </si>
  <si>
    <t>-164.8</t>
  </si>
  <si>
    <t>-21.44</t>
  </si>
  <si>
    <t>-9.84</t>
  </si>
  <si>
    <t>-1538.24613805012</t>
  </si>
  <si>
    <t>-171.0</t>
  </si>
  <si>
    <t>-20.38</t>
  </si>
  <si>
    <t>-8.83</t>
  </si>
  <si>
    <t>-1596.11704858356</t>
  </si>
  <si>
    <t>-172.3</t>
  </si>
  <si>
    <t>-18.95</t>
  </si>
  <si>
    <t>-1608.25127175993</t>
  </si>
  <si>
    <t>36284.0</t>
  </si>
  <si>
    <t>15345.0</t>
  </si>
  <si>
    <t>39175.0</t>
  </si>
  <si>
    <t>37952.0</t>
  </si>
  <si>
    <t>41799.0</t>
  </si>
  <si>
    <t>58249.0</t>
  </si>
  <si>
    <t>41808.0</t>
  </si>
  <si>
    <t>59991.0</t>
  </si>
  <si>
    <t>63286.0</t>
  </si>
  <si>
    <t>42621.0</t>
  </si>
  <si>
    <t>43461.0</t>
  </si>
  <si>
    <t>14878.0</t>
  </si>
  <si>
    <t>65576.0</t>
  </si>
  <si>
    <t>75096.0</t>
  </si>
  <si>
    <t>51577.0</t>
  </si>
  <si>
    <t>-162.0</t>
  </si>
  <si>
    <t>-16.58</t>
  </si>
  <si>
    <t>-1512.1108881318</t>
  </si>
  <si>
    <t>80131.0</t>
  </si>
  <si>
    <t>80863.0</t>
  </si>
  <si>
    <t>81715.0</t>
  </si>
  <si>
    <t>57095.0</t>
  </si>
  <si>
    <t>84468.0</t>
  </si>
  <si>
    <t>60439.0</t>
  </si>
  <si>
    <t>26894.0</t>
  </si>
  <si>
    <t>89509.0</t>
  </si>
  <si>
    <t>62457.0</t>
  </si>
  <si>
    <t>94472.0</t>
  </si>
  <si>
    <t>96523.0</t>
  </si>
  <si>
    <t>63132.0</t>
  </si>
  <si>
    <t>-159.3</t>
  </si>
  <si>
    <t>-1486.90903999627</t>
  </si>
  <si>
    <t>64123.0</t>
  </si>
  <si>
    <t>103968.0</t>
  </si>
  <si>
    <t>64508.0</t>
  </si>
  <si>
    <t>39460.0</t>
  </si>
  <si>
    <t>108749.0</t>
  </si>
  <si>
    <t>65490.0</t>
  </si>
  <si>
    <t>112194.0</t>
  </si>
  <si>
    <t>66250.0</t>
  </si>
  <si>
    <t>54668.0</t>
  </si>
  <si>
    <t>126840.0</t>
  </si>
  <si>
    <t>67680.0</t>
  </si>
  <si>
    <t>-15.23</t>
  </si>
  <si>
    <t>-15.66</t>
  </si>
  <si>
    <t>68045.0</t>
  </si>
  <si>
    <t>59676.0</t>
  </si>
  <si>
    <t>128919.0</t>
  </si>
  <si>
    <t>68512.0</t>
  </si>
  <si>
    <t>60407.0</t>
  </si>
  <si>
    <t>122.34</t>
  </si>
  <si>
    <t>131546.0</t>
  </si>
  <si>
    <t>69915.0</t>
  </si>
  <si>
    <t>61631.0</t>
  </si>
  <si>
    <t>132161.0</t>
  </si>
  <si>
    <t>70126.0</t>
  </si>
  <si>
    <t>62035.0</t>
  </si>
  <si>
    <t>134475.0</t>
  </si>
  <si>
    <t>70446.0</t>
  </si>
  <si>
    <t>64029.0</t>
  </si>
  <si>
    <t>-152.1</t>
  </si>
  <si>
    <t>-12.73</t>
  </si>
  <si>
    <t>-1419.70411163485</t>
  </si>
  <si>
    <t>136526.0</t>
  </si>
  <si>
    <t>137196.0</t>
  </si>
  <si>
    <t>66543.0</t>
  </si>
  <si>
    <t>137676.0</t>
  </si>
  <si>
    <t>70660.0</t>
  </si>
  <si>
    <t>137976.0</t>
  </si>
  <si>
    <t>70671.0</t>
  </si>
  <si>
    <t>67305.0</t>
  </si>
  <si>
    <t>67670.0</t>
  </si>
  <si>
    <t>-116.4</t>
  </si>
  <si>
    <t>-9.18</t>
  </si>
  <si>
    <t>-1086.47967517618</t>
  </si>
  <si>
    <t>139625.0</t>
  </si>
  <si>
    <t>71490.0</t>
  </si>
  <si>
    <t>68135.0</t>
  </si>
  <si>
    <t>141435.0</t>
  </si>
  <si>
    <t>68553.0</t>
  </si>
  <si>
    <t>-850.329024128436</t>
  </si>
  <si>
    <t>143490.0</t>
  </si>
  <si>
    <t>73777.0</t>
  </si>
  <si>
    <t>-94.8</t>
  </si>
  <si>
    <t>-884.86489009194</t>
  </si>
  <si>
    <t>148402.0</t>
  </si>
  <si>
    <t>71091.0</t>
  </si>
  <si>
    <t>-90.1</t>
  </si>
  <si>
    <t>-840.995006300462</t>
  </si>
  <si>
    <t>159392.0</t>
  </si>
  <si>
    <t>74778.0</t>
  </si>
  <si>
    <t>81021.0</t>
  </si>
  <si>
    <t>166521.0</t>
  </si>
  <si>
    <t>81101.0</t>
  </si>
  <si>
    <t>76283.0</t>
  </si>
  <si>
    <t>155.43</t>
  </si>
  <si>
    <t>-96.6</t>
  </si>
  <si>
    <t>-901.666122182293</t>
  </si>
  <si>
    <t>169886.0</t>
  </si>
  <si>
    <t>76696.0</t>
  </si>
  <si>
    <t>170530.0</t>
  </si>
  <si>
    <t>76796.0</t>
  </si>
  <si>
    <t>159.17</t>
  </si>
  <si>
    <t>77389.0</t>
  </si>
  <si>
    <t>175390.0</t>
  </si>
  <si>
    <t>81669.0</t>
  </si>
  <si>
    <t>77467.0</t>
  </si>
  <si>
    <t>178093.0</t>
  </si>
  <si>
    <t>179462.0</t>
  </si>
  <si>
    <t>-112.9</t>
  </si>
  <si>
    <t>-21.65</t>
  </si>
  <si>
    <t>-1053.81061277827</t>
  </si>
  <si>
    <t>182903.0</t>
  </si>
  <si>
    <t>82117.0</t>
  </si>
  <si>
    <t>82323.0</t>
  </si>
  <si>
    <t>78238.0</t>
  </si>
  <si>
    <t>171.12</t>
  </si>
  <si>
    <t>183472.0</t>
  </si>
  <si>
    <t>82348.0</t>
  </si>
  <si>
    <t>171.25</t>
  </si>
  <si>
    <t>-110.2</t>
  </si>
  <si>
    <t>-1028.60876464274</t>
  </si>
  <si>
    <t>83419.0</t>
  </si>
  <si>
    <t>178.05</t>
  </si>
  <si>
    <t>196225.0</t>
  </si>
  <si>
    <t>84003.0</t>
  </si>
  <si>
    <t>196959.0</t>
  </si>
  <si>
    <t>198120.0</t>
  </si>
  <si>
    <t>84141.0</t>
  </si>
  <si>
    <t>199466.0</t>
  </si>
  <si>
    <t>84327.0</t>
  </si>
  <si>
    <t>34913.0</t>
  </si>
  <si>
    <t>80153.0</t>
  </si>
  <si>
    <t>80290.0</t>
  </si>
  <si>
    <t>36307.0</t>
  </si>
  <si>
    <t>84679.0</t>
  </si>
  <si>
    <t>80457.0</t>
  </si>
  <si>
    <t>84766.0</t>
  </si>
  <si>
    <t>40188.0</t>
  </si>
  <si>
    <t>84943.0</t>
  </si>
  <si>
    <t>80726.0</t>
  </si>
  <si>
    <t>41022.0</t>
  </si>
  <si>
    <t>80864.0</t>
  </si>
  <si>
    <t>208500.0</t>
  </si>
  <si>
    <t>85180.0</t>
  </si>
  <si>
    <t>80925.0</t>
  </si>
  <si>
    <t>43354.0</t>
  </si>
  <si>
    <t>194.61</t>
  </si>
  <si>
    <t>209471.0</t>
  </si>
  <si>
    <t>85233.0</t>
  </si>
  <si>
    <t>80990.0</t>
  </si>
  <si>
    <t>211021.0</t>
  </si>
  <si>
    <t>85268.0</t>
  </si>
  <si>
    <t>81049.0</t>
  </si>
  <si>
    <t>212980.0</t>
  </si>
  <si>
    <t>85329.0</t>
  </si>
  <si>
    <t>81133.0</t>
  </si>
  <si>
    <t>214152.0</t>
  </si>
  <si>
    <t>85397.0</t>
  </si>
  <si>
    <t>81204.0</t>
  </si>
  <si>
    <t>215016.0</t>
  </si>
  <si>
    <t>85472.0</t>
  </si>
  <si>
    <t>85492.0</t>
  </si>
  <si>
    <t>81295.0</t>
  </si>
  <si>
    <t>217487.0</t>
  </si>
  <si>
    <t>81494.0</t>
  </si>
  <si>
    <t>217820.0</t>
  </si>
  <si>
    <t>81536.0</t>
  </si>
  <si>
    <t>218360.0</t>
  </si>
  <si>
    <t>85720.0</t>
  </si>
  <si>
    <t>81574.0</t>
  </si>
  <si>
    <t>219120.0</t>
  </si>
  <si>
    <t>81629.0</t>
  </si>
  <si>
    <t>44543.0</t>
  </si>
  <si>
    <t>219489.0</t>
  </si>
  <si>
    <t>85803.0</t>
  </si>
  <si>
    <t>204.87</t>
  </si>
  <si>
    <t>SLE</t>
  </si>
  <si>
    <t>Sierra Leone</t>
  </si>
  <si>
    <t>44347.0</t>
  </si>
  <si>
    <t>42566.0</t>
  </si>
  <si>
    <t>57364.0</t>
  </si>
  <si>
    <t>52076.0</t>
  </si>
  <si>
    <t>53717.0</t>
  </si>
  <si>
    <t>55083.0</t>
  </si>
  <si>
    <t>79762.0</t>
  </si>
  <si>
    <t>83474.0</t>
  </si>
  <si>
    <t>71821.0</t>
  </si>
  <si>
    <t>88523.0</t>
  </si>
  <si>
    <t>75667.0</t>
  </si>
  <si>
    <t>91789.0</t>
  </si>
  <si>
    <t>77958.0</t>
  </si>
  <si>
    <t>97315.0</t>
  </si>
  <si>
    <t>159793.0</t>
  </si>
  <si>
    <t>221110.0</t>
  </si>
  <si>
    <t>181065.0</t>
  </si>
  <si>
    <t>232375.0</t>
  </si>
  <si>
    <t>189641.0</t>
  </si>
  <si>
    <t>236465.0</t>
  </si>
  <si>
    <t>192558.0</t>
  </si>
  <si>
    <t>43907.0</t>
  </si>
  <si>
    <t>359091.0</t>
  </si>
  <si>
    <t>292239.0</t>
  </si>
  <si>
    <t>66852.0</t>
  </si>
  <si>
    <t>396196.0</t>
  </si>
  <si>
    <t>318380.0</t>
  </si>
  <si>
    <t>617851.0</t>
  </si>
  <si>
    <t>505385.0</t>
  </si>
  <si>
    <t>251854.0</t>
  </si>
  <si>
    <t>744826.0</t>
  </si>
  <si>
    <t>603654.0</t>
  </si>
  <si>
    <t>302686.0</t>
  </si>
  <si>
    <t>868726.0</t>
  </si>
  <si>
    <t>703231.0</t>
  </si>
  <si>
    <t>361089.0</t>
  </si>
  <si>
    <t>923880.0</t>
  </si>
  <si>
    <t>747044.0</t>
  </si>
  <si>
    <t>385232.0</t>
  </si>
  <si>
    <t>1409313.0</t>
  </si>
  <si>
    <t>1147770.0</t>
  </si>
  <si>
    <t>692512.0</t>
  </si>
  <si>
    <t>28631.0</t>
  </si>
  <si>
    <t>1484231.0</t>
  </si>
  <si>
    <t>1811825.0</t>
  </si>
  <si>
    <t>1480815.0</t>
  </si>
  <si>
    <t>936846.0</t>
  </si>
  <si>
    <t>1813692.0</t>
  </si>
  <si>
    <t>1859571.0</t>
  </si>
  <si>
    <t>1516460.0</t>
  </si>
  <si>
    <t>964902.0</t>
  </si>
  <si>
    <t>381468.0</t>
  </si>
  <si>
    <t>45.302</t>
  </si>
  <si>
    <t>2482.5</t>
  </si>
  <si>
    <t>1243.4</t>
  </si>
  <si>
    <t>2134324.0</t>
  </si>
  <si>
    <t>1727305.0</t>
  </si>
  <si>
    <t>1114047.0</t>
  </si>
  <si>
    <t>40691.0</t>
  </si>
  <si>
    <t>390698.0</t>
  </si>
  <si>
    <t>46.398</t>
  </si>
  <si>
    <t>849.5</t>
  </si>
  <si>
    <t>48547.0</t>
  </si>
  <si>
    <t>1308.2</t>
  </si>
  <si>
    <t>1339.8</t>
  </si>
  <si>
    <t>1371.3</t>
  </si>
  <si>
    <t>5601.4</t>
  </si>
  <si>
    <t>5734.3</t>
  </si>
  <si>
    <t>2868978.0</t>
  </si>
  <si>
    <t>1743563.0</t>
  </si>
  <si>
    <t>1125415.0</t>
  </si>
  <si>
    <t>5860.1</t>
  </si>
  <si>
    <t>405779.0</t>
  </si>
  <si>
    <t>48.189</t>
  </si>
  <si>
    <t>5335.7</t>
  </si>
  <si>
    <t>1606.1</t>
  </si>
  <si>
    <t>1431.2</t>
  </si>
  <si>
    <t>1888.1</t>
  </si>
  <si>
    <t>1625.9</t>
  </si>
  <si>
    <t>1367.1</t>
  </si>
  <si>
    <t>553.4</t>
  </si>
  <si>
    <t>1985041.0</t>
  </si>
  <si>
    <t>1312828.0</t>
  </si>
  <si>
    <t>412416.0</t>
  </si>
  <si>
    <t>48.977</t>
  </si>
  <si>
    <t>1987563.0</t>
  </si>
  <si>
    <t>1315830.0</t>
  </si>
  <si>
    <t>1461.5</t>
  </si>
  <si>
    <t>414510.0</t>
  </si>
  <si>
    <t>1902.1</t>
  </si>
  <si>
    <t>2342.7</t>
  </si>
  <si>
    <t>2783.2</t>
  </si>
  <si>
    <t>3216.8</t>
  </si>
  <si>
    <t>420995.0</t>
  </si>
  <si>
    <t>49.996</t>
  </si>
  <si>
    <t>2930408.0</t>
  </si>
  <si>
    <t>2195532.0</t>
  </si>
  <si>
    <t>1469752.0</t>
  </si>
  <si>
    <t>426006.0</t>
  </si>
  <si>
    <t>50.591</t>
  </si>
  <si>
    <t>2383636.0</t>
  </si>
  <si>
    <t>1659093.0</t>
  </si>
  <si>
    <t>1839.2</t>
  </si>
  <si>
    <t>428517.0</t>
  </si>
  <si>
    <t>50.889</t>
  </si>
  <si>
    <t>3124431.0</t>
  </si>
  <si>
    <t>24959.0</t>
  </si>
  <si>
    <t>3493386.0</t>
  </si>
  <si>
    <t>2621469.0</t>
  </si>
  <si>
    <t>1893466.0</t>
  </si>
  <si>
    <t>52708.0</t>
  </si>
  <si>
    <t>33976.0</t>
  </si>
  <si>
    <t>2644113.0</t>
  </si>
  <si>
    <t>1916574.0</t>
  </si>
  <si>
    <t>2645861.0</t>
  </si>
  <si>
    <t>1918592.0</t>
  </si>
  <si>
    <t>2882812.0</t>
  </si>
  <si>
    <t>2170329.0</t>
  </si>
  <si>
    <t>3940973.0</t>
  </si>
  <si>
    <t>2904587.0</t>
  </si>
  <si>
    <t>2189123.0</t>
  </si>
  <si>
    <t>4258299.0</t>
  </si>
  <si>
    <t>3122384.0</t>
  </si>
  <si>
    <t>2414975.0</t>
  </si>
  <si>
    <t>3179330.0</t>
  </si>
  <si>
    <t>2467557.0</t>
  </si>
  <si>
    <t>4714794.0</t>
  </si>
  <si>
    <t>3441631.0</t>
  </si>
  <si>
    <t>2659816.0</t>
  </si>
  <si>
    <t>4714991.0</t>
  </si>
  <si>
    <t>2659885.0</t>
  </si>
  <si>
    <t>4834206.0</t>
  </si>
  <si>
    <t>3513208.0</t>
  </si>
  <si>
    <t>2736804.0</t>
  </si>
  <si>
    <t>71618.0</t>
  </si>
  <si>
    <t>4956371.0</t>
  </si>
  <si>
    <t>3593593.0</t>
  </si>
  <si>
    <t>2817601.0</t>
  </si>
  <si>
    <t>76881.0</t>
  </si>
  <si>
    <t>5122711.0</t>
  </si>
  <si>
    <t>3704679.0</t>
  </si>
  <si>
    <t>2936332.0</t>
  </si>
  <si>
    <t>83336.0</t>
  </si>
  <si>
    <t>5299622.0</t>
  </si>
  <si>
    <t>3830958.0</t>
  </si>
  <si>
    <t>3025858.0</t>
  </si>
  <si>
    <t>85550.0</t>
  </si>
  <si>
    <t>14872.0</t>
  </si>
  <si>
    <t>5306646.0</t>
  </si>
  <si>
    <t>3837130.0</t>
  </si>
  <si>
    <t>3026176.0</t>
  </si>
  <si>
    <t>60860.0</t>
  </si>
  <si>
    <t>6158679.0</t>
  </si>
  <si>
    <t>4318136.0</t>
  </si>
  <si>
    <t>3445251.0</t>
  </si>
  <si>
    <t>346412.0</t>
  </si>
  <si>
    <t>SGP</t>
  </si>
  <si>
    <t>Singapore</t>
  </si>
  <si>
    <t>36.1538415141896</t>
  </si>
  <si>
    <t>47.2589959734058</t>
  </si>
  <si>
    <t>275.8</t>
  </si>
  <si>
    <t>48.9265431286236</t>
  </si>
  <si>
    <t>404.6</t>
  </si>
  <si>
    <t>71.7754871277778</t>
  </si>
  <si>
    <t>66.985724022365</t>
  </si>
  <si>
    <t>46.7977595262179</t>
  </si>
  <si>
    <t>17.1367079993656</t>
  </si>
  <si>
    <t>14.6176474031856</t>
  </si>
  <si>
    <t>18.7332957011699</t>
  </si>
  <si>
    <t>4.18660775139782</t>
  </si>
  <si>
    <t>6.52826971404405</t>
  </si>
  <si>
    <t>3.90276993774373</t>
  </si>
  <si>
    <t>23349.0</t>
  </si>
  <si>
    <t>49208.0</t>
  </si>
  <si>
    <t>68538.0</t>
  </si>
  <si>
    <t>73813.0</t>
  </si>
  <si>
    <t>73024.0</t>
  </si>
  <si>
    <t>84864.0</t>
  </si>
  <si>
    <t>98257.0</t>
  </si>
  <si>
    <t>97267.0</t>
  </si>
  <si>
    <t>110986.0</t>
  </si>
  <si>
    <t>126537.0</t>
  </si>
  <si>
    <t>141210.0</t>
  </si>
  <si>
    <t>148661.0</t>
  </si>
  <si>
    <t>146262.0</t>
  </si>
  <si>
    <t>-31.2</t>
  </si>
  <si>
    <t>-5.53483736625473</t>
  </si>
  <si>
    <t>165583.0</t>
  </si>
  <si>
    <t>160853.0</t>
  </si>
  <si>
    <t>170373.0</t>
  </si>
  <si>
    <t>192820.0</t>
  </si>
  <si>
    <t>10107.0</t>
  </si>
  <si>
    <t>190418.0</t>
  </si>
  <si>
    <t>220616.0</t>
  </si>
  <si>
    <t>199779.0</t>
  </si>
  <si>
    <t>204114.0</t>
  </si>
  <si>
    <t>229709.0</t>
  </si>
  <si>
    <t>206421.0</t>
  </si>
  <si>
    <t>241292.0</t>
  </si>
  <si>
    <t>253158.0</t>
  </si>
  <si>
    <t>214049.0</t>
  </si>
  <si>
    <t>38174.0</t>
  </si>
  <si>
    <t>217066.0</t>
  </si>
  <si>
    <t>269542.0</t>
  </si>
  <si>
    <t>218481.0</t>
  </si>
  <si>
    <t>269648.0</t>
  </si>
  <si>
    <t>218554.0</t>
  </si>
  <si>
    <t>269746.0</t>
  </si>
  <si>
    <t>274258.0</t>
  </si>
  <si>
    <t>219178.0</t>
  </si>
  <si>
    <t>286278.0</t>
  </si>
  <si>
    <t>302590.0</t>
  </si>
  <si>
    <t>222641.0</t>
  </si>
  <si>
    <t>78829.0</t>
  </si>
  <si>
    <t>321561.0</t>
  </si>
  <si>
    <t>226027.0</t>
  </si>
  <si>
    <t>94333.0</t>
  </si>
  <si>
    <t>340197.0</t>
  </si>
  <si>
    <t>230299.0</t>
  </si>
  <si>
    <t>108640.0</t>
  </si>
  <si>
    <t>360323.0</t>
  </si>
  <si>
    <t>236041.0</t>
  </si>
  <si>
    <t>122946.0</t>
  </si>
  <si>
    <t>371812.0</t>
  </si>
  <si>
    <t>130526.0</t>
  </si>
  <si>
    <t>379866.0</t>
  </si>
  <si>
    <t>241957.0</t>
  </si>
  <si>
    <t>136504.0</t>
  </si>
  <si>
    <t>397900.0</t>
  </si>
  <si>
    <t>248200.0</t>
  </si>
  <si>
    <t>417975.0</t>
  </si>
  <si>
    <t>256292.0</t>
  </si>
  <si>
    <t>437535.0</t>
  </si>
  <si>
    <t>171884.0</t>
  </si>
  <si>
    <t>456351.0</t>
  </si>
  <si>
    <t>272618.0</t>
  </si>
  <si>
    <t>181933.0</t>
  </si>
  <si>
    <t>18816.0</t>
  </si>
  <si>
    <t>477279.0</t>
  </si>
  <si>
    <t>192728.0</t>
  </si>
  <si>
    <t>491232.0</t>
  </si>
  <si>
    <t>291022.0</t>
  </si>
  <si>
    <t>198250.0</t>
  </si>
  <si>
    <t>500032.0</t>
  </si>
  <si>
    <t>297175.0</t>
  </si>
  <si>
    <t>1.40000000000002</t>
  </si>
  <si>
    <t>0.248358086947332</t>
  </si>
  <si>
    <t>513336.0</t>
  </si>
  <si>
    <t>306949.0</t>
  </si>
  <si>
    <t>204297.0</t>
  </si>
  <si>
    <t>316996.0</t>
  </si>
  <si>
    <t>207754.0</t>
  </si>
  <si>
    <t>541063.0</t>
  </si>
  <si>
    <t>210580.0</t>
  </si>
  <si>
    <t>555236.0</t>
  </si>
  <si>
    <t>340490.0</t>
  </si>
  <si>
    <t>212366.0</t>
  </si>
  <si>
    <t>570033.0</t>
  </si>
  <si>
    <t>354196.0</t>
  </si>
  <si>
    <t>213369.0</t>
  </si>
  <si>
    <t>579633.0</t>
  </si>
  <si>
    <t>363049.0</t>
  </si>
  <si>
    <t>214050.0</t>
  </si>
  <si>
    <t>584958.0</t>
  </si>
  <si>
    <t>367876.0</t>
  </si>
  <si>
    <t>214503.0</t>
  </si>
  <si>
    <t>600320.0</t>
  </si>
  <si>
    <t>381597.0</t>
  </si>
  <si>
    <t>216028.0</t>
  </si>
  <si>
    <t>619281.0</t>
  </si>
  <si>
    <t>398429.0</t>
  </si>
  <si>
    <t>218000.0</t>
  </si>
  <si>
    <t>641188.0</t>
  </si>
  <si>
    <t>417328.0</t>
  </si>
  <si>
    <t>220810.0</t>
  </si>
  <si>
    <t>666953.0</t>
  </si>
  <si>
    <t>439449.0</t>
  </si>
  <si>
    <t>224266.0</t>
  </si>
  <si>
    <t>696928.0</t>
  </si>
  <si>
    <t>229202.0</t>
  </si>
  <si>
    <t>724277.0</t>
  </si>
  <si>
    <t>487979.0</t>
  </si>
  <si>
    <t>232678.0</t>
  </si>
  <si>
    <t>746293.0</t>
  </si>
  <si>
    <t>780106.0</t>
  </si>
  <si>
    <t>535639.0</t>
  </si>
  <si>
    <t>240483.0</t>
  </si>
  <si>
    <t>816563.0</t>
  </si>
  <si>
    <t>564689.0</t>
  </si>
  <si>
    <t>247630.0</t>
  </si>
  <si>
    <t>36457.0</t>
  </si>
  <si>
    <t>857555.0</t>
  </si>
  <si>
    <t>597819.0</t>
  </si>
  <si>
    <t>255221.0</t>
  </si>
  <si>
    <t>25784.0</t>
  </si>
  <si>
    <t>898494.0</t>
  </si>
  <si>
    <t>630745.0</t>
  </si>
  <si>
    <t>944718.0</t>
  </si>
  <si>
    <t>667081.0</t>
  </si>
  <si>
    <t>272535.0</t>
  </si>
  <si>
    <t>983313.0</t>
  </si>
  <si>
    <t>697050.0</t>
  </si>
  <si>
    <t>280866.0</t>
  </si>
  <si>
    <t>1016399.0</t>
  </si>
  <si>
    <t>724194.0</t>
  </si>
  <si>
    <t>286520.0</t>
  </si>
  <si>
    <t>1057290.0</t>
  </si>
  <si>
    <t>754734.0</t>
  </si>
  <si>
    <t>296568.0</t>
  </si>
  <si>
    <t>1095489.0</t>
  </si>
  <si>
    <t>782869.0</t>
  </si>
  <si>
    <t>306321.0</t>
  </si>
  <si>
    <t>1130140.0</t>
  </si>
  <si>
    <t>806524.0</t>
  </si>
  <si>
    <t>317030.0</t>
  </si>
  <si>
    <t>34651.0</t>
  </si>
  <si>
    <t>1163716.0</t>
  </si>
  <si>
    <t>827701.0</t>
  </si>
  <si>
    <t>329184.0</t>
  </si>
  <si>
    <t>1201290.0</t>
  </si>
  <si>
    <t>850739.0</t>
  </si>
  <si>
    <t>343486.0</t>
  </si>
  <si>
    <t>1233215.0</t>
  </si>
  <si>
    <t>873758.0</t>
  </si>
  <si>
    <t>352154.0</t>
  </si>
  <si>
    <t>1254929.0</t>
  </si>
  <si>
    <t>890302.0</t>
  </si>
  <si>
    <t>357160.0</t>
  </si>
  <si>
    <t>1302818.0</t>
  </si>
  <si>
    <t>924841.0</t>
  </si>
  <si>
    <t>370186.0</t>
  </si>
  <si>
    <t>47889.0</t>
  </si>
  <si>
    <t>1346188.0</t>
  </si>
  <si>
    <t>952060.0</t>
  </si>
  <si>
    <t>35814.0</t>
  </si>
  <si>
    <t>1388092.0</t>
  </si>
  <si>
    <t>975073.0</t>
  </si>
  <si>
    <t>6.80000000000002</t>
  </si>
  <si>
    <t>1.20631070802988</t>
  </si>
  <si>
    <t>1430564.0</t>
  </si>
  <si>
    <t>997863.0</t>
  </si>
  <si>
    <t>423920.0</t>
  </si>
  <si>
    <t>1465766.0</t>
  </si>
  <si>
    <t>1016459.0</t>
  </si>
  <si>
    <t>440335.0</t>
  </si>
  <si>
    <t>23674.0</t>
  </si>
  <si>
    <t>1507471.0</t>
  </si>
  <si>
    <t>1035933.0</t>
  </si>
  <si>
    <t>462283.0</t>
  </si>
  <si>
    <t>1540649.0</t>
  </si>
  <si>
    <t>1052347.0</t>
  </si>
  <si>
    <t>478810.0</t>
  </si>
  <si>
    <t>1594175.0</t>
  </si>
  <si>
    <t>1080306.0</t>
  </si>
  <si>
    <t>504039.0</t>
  </si>
  <si>
    <t>53526.0</t>
  </si>
  <si>
    <t>1646720.0</t>
  </si>
  <si>
    <t>1107300.0</t>
  </si>
  <si>
    <t>529256.0</t>
  </si>
  <si>
    <t>52545.0</t>
  </si>
  <si>
    <t>1700001.0</t>
  </si>
  <si>
    <t>1132236.0</t>
  </si>
  <si>
    <t>557259.0</t>
  </si>
  <si>
    <t>1752812.0</t>
  </si>
  <si>
    <t>1155401.0</t>
  </si>
  <si>
    <t>586580.0</t>
  </si>
  <si>
    <t>46035.0</t>
  </si>
  <si>
    <t>1809954.0</t>
  </si>
  <si>
    <t>1176199.0</t>
  </si>
  <si>
    <t>622626.0</t>
  </si>
  <si>
    <t>1860302.0</t>
  </si>
  <si>
    <t>1194085.0</t>
  </si>
  <si>
    <t>654769.0</t>
  </si>
  <si>
    <t>1905887.0</t>
  </si>
  <si>
    <t>1213726.0</t>
  </si>
  <si>
    <t>680420.0</t>
  </si>
  <si>
    <t>52177.0</t>
  </si>
  <si>
    <t>1952192.0</t>
  </si>
  <si>
    <t>1230708.0</t>
  </si>
  <si>
    <t>709430.0</t>
  </si>
  <si>
    <t>46305.0</t>
  </si>
  <si>
    <t>1994822.0</t>
  </si>
  <si>
    <t>1249024.0</t>
  </si>
  <si>
    <t>2035621.0</t>
  </si>
  <si>
    <t>1268696.0</t>
  </si>
  <si>
    <t>754341.0</t>
  </si>
  <si>
    <t>40799.0</t>
  </si>
  <si>
    <t>2075359.0</t>
  </si>
  <si>
    <t>1287096.0</t>
  </si>
  <si>
    <t>775425.0</t>
  </si>
  <si>
    <t>2119463.0</t>
  </si>
  <si>
    <t>1307038.0</t>
  </si>
  <si>
    <t>799355.0</t>
  </si>
  <si>
    <t>2158044.0</t>
  </si>
  <si>
    <t>1323224.0</t>
  </si>
  <si>
    <t>821490.0</t>
  </si>
  <si>
    <t>42535.0</t>
  </si>
  <si>
    <t>2188354.0</t>
  </si>
  <si>
    <t>1337725.0</t>
  </si>
  <si>
    <t>837093.0</t>
  </si>
  <si>
    <t>40352.0</t>
  </si>
  <si>
    <t>17714.0</t>
  </si>
  <si>
    <t>2236289.0</t>
  </si>
  <si>
    <t>1354654.0</t>
  </si>
  <si>
    <t>867831.0</t>
  </si>
  <si>
    <t>47935.0</t>
  </si>
  <si>
    <t>17707.0</t>
  </si>
  <si>
    <t>2282892.0</t>
  </si>
  <si>
    <t>1376430.0</t>
  </si>
  <si>
    <t>892353.0</t>
  </si>
  <si>
    <t>46603.0</t>
  </si>
  <si>
    <t>2328822.0</t>
  </si>
  <si>
    <t>1401453.0</t>
  </si>
  <si>
    <t>913024.0</t>
  </si>
  <si>
    <t>2373749.0</t>
  </si>
  <si>
    <t>1426278.0</t>
  </si>
  <si>
    <t>2420276.0</t>
  </si>
  <si>
    <t>1450734.0</t>
  </si>
  <si>
    <t>954702.0</t>
  </si>
  <si>
    <t>46527.0</t>
  </si>
  <si>
    <t>42973.0</t>
  </si>
  <si>
    <t>2463890.0</t>
  </si>
  <si>
    <t>1469266.0</t>
  </si>
  <si>
    <t>979543.0</t>
  </si>
  <si>
    <t>2502804.0</t>
  </si>
  <si>
    <t>1489154.0</t>
  </si>
  <si>
    <t>998328.0</t>
  </si>
  <si>
    <t>38914.0</t>
  </si>
  <si>
    <t>2548975.0</t>
  </si>
  <si>
    <t>1508334.0</t>
  </si>
  <si>
    <t>1025098.0</t>
  </si>
  <si>
    <t>2596062.0</t>
  </si>
  <si>
    <t>1529769.0</t>
  </si>
  <si>
    <t>1050530.0</t>
  </si>
  <si>
    <t>2640698.0</t>
  </si>
  <si>
    <t>1552052.0</t>
  </si>
  <si>
    <t>1072671.0</t>
  </si>
  <si>
    <t>2686993.0</t>
  </si>
  <si>
    <t>1578071.0</t>
  </si>
  <si>
    <t>1092736.0</t>
  </si>
  <si>
    <t>46295.0</t>
  </si>
  <si>
    <t>44749.0</t>
  </si>
  <si>
    <t>2734723.0</t>
  </si>
  <si>
    <t>1602207.0</t>
  </si>
  <si>
    <t>1116131.0</t>
  </si>
  <si>
    <t>47730.0</t>
  </si>
  <si>
    <t>21.9264711047784</t>
  </si>
  <si>
    <t>2772266.0</t>
  </si>
  <si>
    <t>1625859.0</t>
  </si>
  <si>
    <t>1129890.0</t>
  </si>
  <si>
    <t>2809417.0</t>
  </si>
  <si>
    <t>1645991.0</t>
  </si>
  <si>
    <t>1146763.0</t>
  </si>
  <si>
    <t>2843156.0</t>
  </si>
  <si>
    <t>1667405.0</t>
  </si>
  <si>
    <t>1158923.0</t>
  </si>
  <si>
    <t>2877703.0</t>
  </si>
  <si>
    <t>1689507.0</t>
  </si>
  <si>
    <t>40234.0</t>
  </si>
  <si>
    <t>2913638.0</t>
  </si>
  <si>
    <t>1710583.0</t>
  </si>
  <si>
    <t>1185928.0</t>
  </si>
  <si>
    <t>38991.0</t>
  </si>
  <si>
    <t>2951950.0</t>
  </si>
  <si>
    <t>1735165.0</t>
  </si>
  <si>
    <t>1199503.0</t>
  </si>
  <si>
    <t>38312.0</t>
  </si>
  <si>
    <t>2992228.0</t>
  </si>
  <si>
    <t>1758009.0</t>
  </si>
  <si>
    <t>1216797.0</t>
  </si>
  <si>
    <t>3027643.0</t>
  </si>
  <si>
    <t>1776869.0</t>
  </si>
  <si>
    <t>1233218.0</t>
  </si>
  <si>
    <t>3059584.0</t>
  </si>
  <si>
    <t>1794748.0</t>
  </si>
  <si>
    <t>1247161.0</t>
  </si>
  <si>
    <t>35738.0</t>
  </si>
  <si>
    <t>3107161.0</t>
  </si>
  <si>
    <t>1824362.0</t>
  </si>
  <si>
    <t>1264968.0</t>
  </si>
  <si>
    <t>47577.0</t>
  </si>
  <si>
    <t>37715.0</t>
  </si>
  <si>
    <t>3155414.0</t>
  </si>
  <si>
    <t>1851317.0</t>
  </si>
  <si>
    <t>1286084.0</t>
  </si>
  <si>
    <t>39673.0</t>
  </si>
  <si>
    <t>3186454.0</t>
  </si>
  <si>
    <t>1862516.0</t>
  </si>
  <si>
    <t>1305813.0</t>
  </si>
  <si>
    <t>21705.0</t>
  </si>
  <si>
    <t>3187934.0</t>
  </si>
  <si>
    <t>1863464.0</t>
  </si>
  <si>
    <t>1306349.0</t>
  </si>
  <si>
    <t>3244971.0</t>
  </si>
  <si>
    <t>1880334.0</t>
  </si>
  <si>
    <t>1346323.0</t>
  </si>
  <si>
    <t>17475.0</t>
  </si>
  <si>
    <t>3293617.0</t>
  </si>
  <si>
    <t>1902585.0</t>
  </si>
  <si>
    <t>1372509.0</t>
  </si>
  <si>
    <t>3337414.0</t>
  </si>
  <si>
    <t>1922676.0</t>
  </si>
  <si>
    <t>1396034.0</t>
  </si>
  <si>
    <t>43797.0</t>
  </si>
  <si>
    <t>39690.0</t>
  </si>
  <si>
    <t>3377845.0</t>
  </si>
  <si>
    <t>1939645.0</t>
  </si>
  <si>
    <t>1419386.0</t>
  </si>
  <si>
    <t>3418872.0</t>
  </si>
  <si>
    <t>1958344.0</t>
  </si>
  <si>
    <t>1441549.0</t>
  </si>
  <si>
    <t>3459710.0</t>
  </si>
  <si>
    <t>1977019.0</t>
  </si>
  <si>
    <t>1463582.0</t>
  </si>
  <si>
    <t>39037.0</t>
  </si>
  <si>
    <t>3507289.0</t>
  </si>
  <si>
    <t>2001159.0</t>
  </si>
  <si>
    <t>1486865.0</t>
  </si>
  <si>
    <t>47579.0</t>
  </si>
  <si>
    <t>3557128.0</t>
  </si>
  <si>
    <t>2022635.0</t>
  </si>
  <si>
    <t>1515110.0</t>
  </si>
  <si>
    <t>49839.0</t>
  </si>
  <si>
    <t>3605522.0</t>
  </si>
  <si>
    <t>2039692.0</t>
  </si>
  <si>
    <t>1546346.0</t>
  </si>
  <si>
    <t>3648905.0</t>
  </si>
  <si>
    <t>2057547.0</t>
  </si>
  <si>
    <t>1571722.0</t>
  </si>
  <si>
    <t>43383.0</t>
  </si>
  <si>
    <t>44499.0</t>
  </si>
  <si>
    <t>3697006.0</t>
  </si>
  <si>
    <t>2084901.0</t>
  </si>
  <si>
    <t>1592296.0</t>
  </si>
  <si>
    <t>3748583.0</t>
  </si>
  <si>
    <t>2115104.0</t>
  </si>
  <si>
    <t>1613515.0</t>
  </si>
  <si>
    <t>3789915.0</t>
  </si>
  <si>
    <t>2142037.0</t>
  </si>
  <si>
    <t>1627814.0</t>
  </si>
  <si>
    <t>41332.0</t>
  </si>
  <si>
    <t>23574.0</t>
  </si>
  <si>
    <t>2165825.0</t>
  </si>
  <si>
    <t>1650271.0</t>
  </si>
  <si>
    <t>46376.0</t>
  </si>
  <si>
    <t>2191626.0</t>
  </si>
  <si>
    <t>1673920.0</t>
  </si>
  <si>
    <t>46962.0</t>
  </si>
  <si>
    <t>3931630.0</t>
  </si>
  <si>
    <t>2216319.0</t>
  </si>
  <si>
    <t>1694840.0</t>
  </si>
  <si>
    <t>45765.0</t>
  </si>
  <si>
    <t>3970212.0</t>
  </si>
  <si>
    <t>2236780.0</t>
  </si>
  <si>
    <t>1712833.0</t>
  </si>
  <si>
    <t>4018221.0</t>
  </si>
  <si>
    <t>2255150.0</t>
  </si>
  <si>
    <t>1742336.0</t>
  </si>
  <si>
    <t>28.4902205455292</t>
  </si>
  <si>
    <t>4065249.0</t>
  </si>
  <si>
    <t>2281020.0</t>
  </si>
  <si>
    <t>1763320.0</t>
  </si>
  <si>
    <t>4109388.0</t>
  </si>
  <si>
    <t>2313638.0</t>
  </si>
  <si>
    <t>1774696.0</t>
  </si>
  <si>
    <t>4164235.0</t>
  </si>
  <si>
    <t>2359277.0</t>
  </si>
  <si>
    <t>1783742.0</t>
  </si>
  <si>
    <t>4222807.0</t>
  </si>
  <si>
    <t>2398061.0</t>
  </si>
  <si>
    <t>1803386.0</t>
  </si>
  <si>
    <t>58572.0</t>
  </si>
  <si>
    <t>29491.0</t>
  </si>
  <si>
    <t>4275940.0</t>
  </si>
  <si>
    <t>2426973.0</t>
  </si>
  <si>
    <t>1827441.0</t>
  </si>
  <si>
    <t>4322445.0</t>
  </si>
  <si>
    <t>2452452.0</t>
  </si>
  <si>
    <t>1848305.0</t>
  </si>
  <si>
    <t>50319.0</t>
  </si>
  <si>
    <t>4364431.0</t>
  </si>
  <si>
    <t>2478817.0</t>
  </si>
  <si>
    <t>1863803.0</t>
  </si>
  <si>
    <t>49459.0</t>
  </si>
  <si>
    <t>4402466.0</t>
  </si>
  <si>
    <t>2500215.0</t>
  </si>
  <si>
    <t>1880296.0</t>
  </si>
  <si>
    <t>4445548.0</t>
  </si>
  <si>
    <t>2527633.0</t>
  </si>
  <si>
    <t>1895840.0</t>
  </si>
  <si>
    <t>43082.0</t>
  </si>
  <si>
    <t>4489804.0</t>
  </si>
  <si>
    <t>2559169.0</t>
  </si>
  <si>
    <t>1908451.0</t>
  </si>
  <si>
    <t>44256.0</t>
  </si>
  <si>
    <t>4540218.0</t>
  </si>
  <si>
    <t>2590261.0</t>
  </si>
  <si>
    <t>1927671.0</t>
  </si>
  <si>
    <t>27457.0</t>
  </si>
  <si>
    <t>4584359.0</t>
  </si>
  <si>
    <t>2618114.0</t>
  </si>
  <si>
    <t>1943859.0</t>
  </si>
  <si>
    <t>44141.0</t>
  </si>
  <si>
    <t>4624365.0</t>
  </si>
  <si>
    <t>2645076.0</t>
  </si>
  <si>
    <t>1956806.0</t>
  </si>
  <si>
    <t>43131.0</t>
  </si>
  <si>
    <t>4670741.0</t>
  </si>
  <si>
    <t>2678521.0</t>
  </si>
  <si>
    <t>1969627.0</t>
  </si>
  <si>
    <t>4720044.0</t>
  </si>
  <si>
    <t>2715854.0</t>
  </si>
  <si>
    <t>1981453.0</t>
  </si>
  <si>
    <t>49303.0</t>
  </si>
  <si>
    <t>4773642.0</t>
  </si>
  <si>
    <t>2759243.0</t>
  </si>
  <si>
    <t>1991540.0</t>
  </si>
  <si>
    <t>4824321.0</t>
  </si>
  <si>
    <t>2800988.0</t>
  </si>
  <si>
    <t>2000374.0</t>
  </si>
  <si>
    <t>50679.0</t>
  </si>
  <si>
    <t>4877451.0</t>
  </si>
  <si>
    <t>2841295.0</t>
  </si>
  <si>
    <t>2013065.0</t>
  </si>
  <si>
    <t>4929047.0</t>
  </si>
  <si>
    <t>2880741.0</t>
  </si>
  <si>
    <t>2025081.0</t>
  </si>
  <si>
    <t>49241.0</t>
  </si>
  <si>
    <t>4970396.0</t>
  </si>
  <si>
    <t>2914401.0</t>
  </si>
  <si>
    <t>2032663.0</t>
  </si>
  <si>
    <t>49433.0</t>
  </si>
  <si>
    <t>5021204.0</t>
  </si>
  <si>
    <t>2957923.0</t>
  </si>
  <si>
    <t>2039848.0</t>
  </si>
  <si>
    <t>5068778.0</t>
  </si>
  <si>
    <t>2998386.0</t>
  </si>
  <si>
    <t>2046869.0</t>
  </si>
  <si>
    <t>47574.0</t>
  </si>
  <si>
    <t>49819.0</t>
  </si>
  <si>
    <t>5116099.0</t>
  </si>
  <si>
    <t>3039290.0</t>
  </si>
  <si>
    <t>2053180.0</t>
  </si>
  <si>
    <t>48922.0</t>
  </si>
  <si>
    <t>5161739.0</t>
  </si>
  <si>
    <t>3079589.0</t>
  </si>
  <si>
    <t>2058439.0</t>
  </si>
  <si>
    <t>5208832.0</t>
  </si>
  <si>
    <t>3118913.0</t>
  </si>
  <si>
    <t>2066109.0</t>
  </si>
  <si>
    <t>47093.0</t>
  </si>
  <si>
    <t>47340.0</t>
  </si>
  <si>
    <t>5271271.0</t>
  </si>
  <si>
    <t>3174839.0</t>
  </si>
  <si>
    <t>2072548.0</t>
  </si>
  <si>
    <t>48889.0</t>
  </si>
  <si>
    <t>42014.0</t>
  </si>
  <si>
    <t>5325059.0</t>
  </si>
  <si>
    <t>3224523.0</t>
  </si>
  <si>
    <t>2076549.0</t>
  </si>
  <si>
    <t>53788.0</t>
  </si>
  <si>
    <t>50666.0</t>
  </si>
  <si>
    <t>44303.0</t>
  </si>
  <si>
    <t>5381923.0</t>
  </si>
  <si>
    <t>3275203.0</t>
  </si>
  <si>
    <t>2082607.0</t>
  </si>
  <si>
    <t>45326.0</t>
  </si>
  <si>
    <t>5426027.0</t>
  </si>
  <si>
    <t>3314015.0</t>
  </si>
  <si>
    <t>2087798.0</t>
  </si>
  <si>
    <t>5491169.0</t>
  </si>
  <si>
    <t>3372272.0</t>
  </si>
  <si>
    <t>2094541.0</t>
  </si>
  <si>
    <t>65142.0</t>
  </si>
  <si>
    <t>53581.0</t>
  </si>
  <si>
    <t>32.9606661105811</t>
  </si>
  <si>
    <t>5568769.0</t>
  </si>
  <si>
    <t>3434889.0</t>
  </si>
  <si>
    <t>2109333.0</t>
  </si>
  <si>
    <t>77600.0</t>
  </si>
  <si>
    <t>58147.0</t>
  </si>
  <si>
    <t>50757.0</t>
  </si>
  <si>
    <t>5649084.0</t>
  </si>
  <si>
    <t>3498093.0</t>
  </si>
  <si>
    <t>2126262.0</t>
  </si>
  <si>
    <t>80315.0</t>
  </si>
  <si>
    <t>5725830.0</t>
  </si>
  <si>
    <t>3559654.0</t>
  </si>
  <si>
    <t>2141223.0</t>
  </si>
  <si>
    <t>76746.0</t>
  </si>
  <si>
    <t>64937.0</t>
  </si>
  <si>
    <t>5796252.0</t>
  </si>
  <si>
    <t>3615301.0</t>
  </si>
  <si>
    <t>2155781.0</t>
  </si>
  <si>
    <t>70422.0</t>
  </si>
  <si>
    <t>5871939.0</t>
  </si>
  <si>
    <t>3675996.0</t>
  </si>
  <si>
    <t>2170488.0</t>
  </si>
  <si>
    <t>75687.0</t>
  </si>
  <si>
    <t>70002.0</t>
  </si>
  <si>
    <t>104.17</t>
  </si>
  <si>
    <t>57256.0</t>
  </si>
  <si>
    <t>5946102.0</t>
  </si>
  <si>
    <t>3733874.0</t>
  </si>
  <si>
    <t>2186512.0</t>
  </si>
  <si>
    <t>74163.0</t>
  </si>
  <si>
    <t>74296.0</t>
  </si>
  <si>
    <t>6021385.0</t>
  </si>
  <si>
    <t>3791328.0</t>
  </si>
  <si>
    <t>2204111.0</t>
  </si>
  <si>
    <t>75745.0</t>
  </si>
  <si>
    <t>59865.0</t>
  </si>
  <si>
    <t>6096187.0</t>
  </si>
  <si>
    <t>3846795.0</t>
  </si>
  <si>
    <t>2223194.0</t>
  </si>
  <si>
    <t>74802.0</t>
  </si>
  <si>
    <t>108.15</t>
  </si>
  <si>
    <t>6175894.0</t>
  </si>
  <si>
    <t>3899102.0</t>
  </si>
  <si>
    <t>2250333.0</t>
  </si>
  <si>
    <t>79707.0</t>
  </si>
  <si>
    <t>75259.0</t>
  </si>
  <si>
    <t>6249468.0</t>
  </si>
  <si>
    <t>3945946.0</t>
  </si>
  <si>
    <t>2276826.0</t>
  </si>
  <si>
    <t>73574.0</t>
  </si>
  <si>
    <t>55185.0</t>
  </si>
  <si>
    <t>6315345.0</t>
  </si>
  <si>
    <t>3983889.0</t>
  </si>
  <si>
    <t>2304589.0</t>
  </si>
  <si>
    <t>112.03</t>
  </si>
  <si>
    <t>6389575.0</t>
  </si>
  <si>
    <t>4026753.0</t>
  </si>
  <si>
    <t>2335792.0</t>
  </si>
  <si>
    <t>74230.0</t>
  </si>
  <si>
    <t>73948.0</t>
  </si>
  <si>
    <t>6454730.0</t>
  </si>
  <si>
    <t>4058400.0</t>
  </si>
  <si>
    <t>2369108.0</t>
  </si>
  <si>
    <t>65155.0</t>
  </si>
  <si>
    <t>72661.0</t>
  </si>
  <si>
    <t>6520090.0</t>
  </si>
  <si>
    <t>4083777.0</t>
  </si>
  <si>
    <t>2408897.0</t>
  </si>
  <si>
    <t>65360.0</t>
  </si>
  <si>
    <t>71244.0</t>
  </si>
  <si>
    <t>6588564.0</t>
  </si>
  <si>
    <t>4107127.0</t>
  </si>
  <si>
    <t>2453836.0</t>
  </si>
  <si>
    <t>68474.0</t>
  </si>
  <si>
    <t>6671756.0</t>
  </si>
  <si>
    <t>4131095.0</t>
  </si>
  <si>
    <t>2512890.0</t>
  </si>
  <si>
    <t>83192.0</t>
  </si>
  <si>
    <t>6750201.0</t>
  </si>
  <si>
    <t>4151195.0</t>
  </si>
  <si>
    <t>2571068.0</t>
  </si>
  <si>
    <t>78445.0</t>
  </si>
  <si>
    <t>71533.0</t>
  </si>
  <si>
    <t>119.75</t>
  </si>
  <si>
    <t>6818701.0</t>
  </si>
  <si>
    <t>4168381.0</t>
  </si>
  <si>
    <t>2622222.0</t>
  </si>
  <si>
    <t>71908.0</t>
  </si>
  <si>
    <t>6865576.0</t>
  </si>
  <si>
    <t>4182346.0</t>
  </si>
  <si>
    <t>2655030.0</t>
  </si>
  <si>
    <t>46875.0</t>
  </si>
  <si>
    <t>6869349.0</t>
  </si>
  <si>
    <t>4184098.0</t>
  </si>
  <si>
    <t>2657059.0</t>
  </si>
  <si>
    <t>59231.0</t>
  </si>
  <si>
    <t>6945232.0</t>
  </si>
  <si>
    <t>4204202.0</t>
  </si>
  <si>
    <t>2712640.0</t>
  </si>
  <si>
    <t>75883.0</t>
  </si>
  <si>
    <t>60735.0</t>
  </si>
  <si>
    <t>7017511.0</t>
  </si>
  <si>
    <t>4222489.0</t>
  </si>
  <si>
    <t>2766416.0</t>
  </si>
  <si>
    <t>61278.0</t>
  </si>
  <si>
    <t>7100712.0</t>
  </si>
  <si>
    <t>4239723.0</t>
  </si>
  <si>
    <t>2832155.0</t>
  </si>
  <si>
    <t>83201.0</t>
  </si>
  <si>
    <t>7173624.0</t>
  </si>
  <si>
    <t>4253778.0</t>
  </si>
  <si>
    <t>2890830.0</t>
  </si>
  <si>
    <t>7236270.0</t>
  </si>
  <si>
    <t>4266762.0</t>
  </si>
  <si>
    <t>2940281.0</t>
  </si>
  <si>
    <t>62646.0</t>
  </si>
  <si>
    <t>7304013.0</t>
  </si>
  <si>
    <t>4281216.0</t>
  </si>
  <si>
    <t>2993354.0</t>
  </si>
  <si>
    <t>67743.0</t>
  </si>
  <si>
    <t>62634.0</t>
  </si>
  <si>
    <t>7358067.0</t>
  </si>
  <si>
    <t>4296147.0</t>
  </si>
  <si>
    <t>3032243.0</t>
  </si>
  <si>
    <t>54054.0</t>
  </si>
  <si>
    <t>69817.0</t>
  </si>
  <si>
    <t>7421805.0</t>
  </si>
  <si>
    <t>4309709.0</t>
  </si>
  <si>
    <t>3082208.0</t>
  </si>
  <si>
    <t>68082.0</t>
  </si>
  <si>
    <t>7488441.0</t>
  </si>
  <si>
    <t>4323532.0</t>
  </si>
  <si>
    <t>3134832.0</t>
  </si>
  <si>
    <t>66636.0</t>
  </si>
  <si>
    <t>67276.0</t>
  </si>
  <si>
    <t>7566883.0</t>
  </si>
  <si>
    <t>4334812.0</t>
  </si>
  <si>
    <t>3201754.0</t>
  </si>
  <si>
    <t>78442.0</t>
  </si>
  <si>
    <t>7640482.0</t>
  </si>
  <si>
    <t>4344678.0</t>
  </si>
  <si>
    <t>3265208.0</t>
  </si>
  <si>
    <t>73599.0</t>
  </si>
  <si>
    <t>66694.0</t>
  </si>
  <si>
    <t>39.1341385575575</t>
  </si>
  <si>
    <t>7702951.0</t>
  </si>
  <si>
    <t>4351999.0</t>
  </si>
  <si>
    <t>3320152.0</t>
  </si>
  <si>
    <t>66669.0</t>
  </si>
  <si>
    <t>7771396.0</t>
  </si>
  <si>
    <t>4362314.0</t>
  </si>
  <si>
    <t>3378056.0</t>
  </si>
  <si>
    <t>7836602.0</t>
  </si>
  <si>
    <t>4372740.0</t>
  </si>
  <si>
    <t>3432574.0</t>
  </si>
  <si>
    <t>65206.0</t>
  </si>
  <si>
    <t>7902787.0</t>
  </si>
  <si>
    <t>4382322.0</t>
  </si>
  <si>
    <t>3488906.0</t>
  </si>
  <si>
    <t>7971843.0</t>
  </si>
  <si>
    <t>4391511.0</t>
  </si>
  <si>
    <t>3548497.0</t>
  </si>
  <si>
    <t>69056.0</t>
  </si>
  <si>
    <t>69057.0</t>
  </si>
  <si>
    <t>8049012.0</t>
  </si>
  <si>
    <t>4400618.0</t>
  </si>
  <si>
    <t>3616246.0</t>
  </si>
  <si>
    <t>68876.0</t>
  </si>
  <si>
    <t>8122905.0</t>
  </si>
  <si>
    <t>4410931.0</t>
  </si>
  <si>
    <t>3679546.0</t>
  </si>
  <si>
    <t>8184980.0</t>
  </si>
  <si>
    <t>4420463.0</t>
  </si>
  <si>
    <t>3731860.0</t>
  </si>
  <si>
    <t>62075.0</t>
  </si>
  <si>
    <t>68861.0</t>
  </si>
  <si>
    <t>8229461.0</t>
  </si>
  <si>
    <t>4429559.0</t>
  </si>
  <si>
    <t>3767155.0</t>
  </si>
  <si>
    <t>65438.0</t>
  </si>
  <si>
    <t>8281078.0</t>
  </si>
  <si>
    <t>4441877.0</t>
  </si>
  <si>
    <t>3806255.0</t>
  </si>
  <si>
    <t>63497.0</t>
  </si>
  <si>
    <t>146.91</t>
  </si>
  <si>
    <t>8331030.0</t>
  </si>
  <si>
    <t>4453369.0</t>
  </si>
  <si>
    <t>3844484.0</t>
  </si>
  <si>
    <t>49952.0</t>
  </si>
  <si>
    <t>8378791.0</t>
  </si>
  <si>
    <t>4463723.0</t>
  </si>
  <si>
    <t>3881682.0</t>
  </si>
  <si>
    <t>8437996.0</t>
  </si>
  <si>
    <t>4475597.0</t>
  </si>
  <si>
    <t>3928792.0</t>
  </si>
  <si>
    <t>59205.0</t>
  </si>
  <si>
    <t>8495244.0</t>
  </si>
  <si>
    <t>4487369.0</t>
  </si>
  <si>
    <t>3974000.0</t>
  </si>
  <si>
    <t>8533614.0</t>
  </si>
  <si>
    <t>4495365.0</t>
  </si>
  <si>
    <t>4004170.0</t>
  </si>
  <si>
    <t>8564149.0</t>
  </si>
  <si>
    <t>4504854.0</t>
  </si>
  <si>
    <t>4025052.0</t>
  </si>
  <si>
    <t>47813.0</t>
  </si>
  <si>
    <t>8588743.0</t>
  </si>
  <si>
    <t>4513077.0</t>
  </si>
  <si>
    <t>4041234.0</t>
  </si>
  <si>
    <t>8613628.0</t>
  </si>
  <si>
    <t>4520751.0</t>
  </si>
  <si>
    <t>4058265.0</t>
  </si>
  <si>
    <t>24885.0</t>
  </si>
  <si>
    <t>8636194.0</t>
  </si>
  <si>
    <t>4527764.0</t>
  </si>
  <si>
    <t>4073686.0</t>
  </si>
  <si>
    <t>36772.0</t>
  </si>
  <si>
    <t>8665403.0</t>
  </si>
  <si>
    <t>4536687.0</t>
  </si>
  <si>
    <t>4093791.0</t>
  </si>
  <si>
    <t>8689736.0</t>
  </si>
  <si>
    <t>4544623.0</t>
  </si>
  <si>
    <t>4110032.0</t>
  </si>
  <si>
    <t>8703782.0</t>
  </si>
  <si>
    <t>4549377.0</t>
  </si>
  <si>
    <t>4119258.0</t>
  </si>
  <si>
    <t>8724029.0</t>
  </si>
  <si>
    <t>4555222.0</t>
  </si>
  <si>
    <t>4133543.0</t>
  </si>
  <si>
    <t>8741521.0</t>
  </si>
  <si>
    <t>4560437.0</t>
  </si>
  <si>
    <t>4145685.0</t>
  </si>
  <si>
    <t>8759043.0</t>
  </si>
  <si>
    <t>4566066.0</t>
  </si>
  <si>
    <t>4157448.0</t>
  </si>
  <si>
    <t>8776027.0</t>
  </si>
  <si>
    <t>4571242.0</t>
  </si>
  <si>
    <t>4169103.0</t>
  </si>
  <si>
    <t>16984.0</t>
  </si>
  <si>
    <t>8798513.0</t>
  </si>
  <si>
    <t>4577942.0</t>
  </si>
  <si>
    <t>4184730.0</t>
  </si>
  <si>
    <t>8818348.0</t>
  </si>
  <si>
    <t>4583571.0</t>
  </si>
  <si>
    <t>4198805.0</t>
  </si>
  <si>
    <t>8830856.0</t>
  </si>
  <si>
    <t>4586915.0</t>
  </si>
  <si>
    <t>4207880.0</t>
  </si>
  <si>
    <t>18153.0</t>
  </si>
  <si>
    <t>8846266.0</t>
  </si>
  <si>
    <t>4592041.0</t>
  </si>
  <si>
    <t>4218061.0</t>
  </si>
  <si>
    <t>8863368.0</t>
  </si>
  <si>
    <t>4597125.0</t>
  </si>
  <si>
    <t>4229906.0</t>
  </si>
  <si>
    <t>17407.0</t>
  </si>
  <si>
    <t>276.4</t>
  </si>
  <si>
    <t>49.0329823087439</t>
  </si>
  <si>
    <t>8878975.0</t>
  </si>
  <si>
    <t>4602098.0</t>
  </si>
  <si>
    <t>4240381.0</t>
  </si>
  <si>
    <t>8894107.0</t>
  </si>
  <si>
    <t>4606924.0</t>
  </si>
  <si>
    <t>4250550.0</t>
  </si>
  <si>
    <t>8914500.0</t>
  </si>
  <si>
    <t>4612484.0</t>
  </si>
  <si>
    <t>4265201.0</t>
  </si>
  <si>
    <t>8934360.0</t>
  </si>
  <si>
    <t>4617147.0</t>
  </si>
  <si>
    <t>4280255.0</t>
  </si>
  <si>
    <t>8947545.0</t>
  </si>
  <si>
    <t>4620159.0</t>
  </si>
  <si>
    <t>4290320.0</t>
  </si>
  <si>
    <t>8961210.0</t>
  </si>
  <si>
    <t>4624515.0</t>
  </si>
  <si>
    <t>4299490.0</t>
  </si>
  <si>
    <t>158.97</t>
  </si>
  <si>
    <t>8974249.0</t>
  </si>
  <si>
    <t>4628819.0</t>
  </si>
  <si>
    <t>4308092.0</t>
  </si>
  <si>
    <t>8986676.0</t>
  </si>
  <si>
    <t>4633069.0</t>
  </si>
  <si>
    <t>4316130.0</t>
  </si>
  <si>
    <t>8998095.0</t>
  </si>
  <si>
    <t>4636924.0</t>
  </si>
  <si>
    <t>4323588.0</t>
  </si>
  <si>
    <t>159.62</t>
  </si>
  <si>
    <t>9013474.0</t>
  </si>
  <si>
    <t>4640687.0</t>
  </si>
  <si>
    <t>4335056.0</t>
  </si>
  <si>
    <t>9027617.0</t>
  </si>
  <si>
    <t>4644124.0</t>
  </si>
  <si>
    <t>4345647.0</t>
  </si>
  <si>
    <t>9037734.0</t>
  </si>
  <si>
    <t>4646703.0</t>
  </si>
  <si>
    <t>4353124.0</t>
  </si>
  <si>
    <t>9047431.0</t>
  </si>
  <si>
    <t>4649944.0</t>
  </si>
  <si>
    <t>4359481.0</t>
  </si>
  <si>
    <t>9058151.0</t>
  </si>
  <si>
    <t>4653251.0</t>
  </si>
  <si>
    <t>4365426.0</t>
  </si>
  <si>
    <t>9072959.0</t>
  </si>
  <si>
    <t>4657067.0</t>
  </si>
  <si>
    <t>4371452.0</t>
  </si>
  <si>
    <t>9085627.0</t>
  </si>
  <si>
    <t>4660665.0</t>
  </si>
  <si>
    <t>4377178.0</t>
  </si>
  <si>
    <t>9106828.0</t>
  </si>
  <si>
    <t>4665041.0</t>
  </si>
  <si>
    <t>4385484.0</t>
  </si>
  <si>
    <t>9130560.0</t>
  </si>
  <si>
    <t>4668274.0</t>
  </si>
  <si>
    <t>4392690.0</t>
  </si>
  <si>
    <t>9146099.0</t>
  </si>
  <si>
    <t>4670469.0</t>
  </si>
  <si>
    <t>4397775.0</t>
  </si>
  <si>
    <t>9167289.0</t>
  </si>
  <si>
    <t>4673867.0</t>
  </si>
  <si>
    <t>4403371.0</t>
  </si>
  <si>
    <t>9183810.0</t>
  </si>
  <si>
    <t>4677070.0</t>
  </si>
  <si>
    <t>4408181.0</t>
  </si>
  <si>
    <t>59804.0</t>
  </si>
  <si>
    <t>17951.0</t>
  </si>
  <si>
    <t>9207771.0</t>
  </si>
  <si>
    <t>4680064.0</t>
  </si>
  <si>
    <t>4413525.0</t>
  </si>
  <si>
    <t>9233410.0</t>
  </si>
  <si>
    <t>4683560.0</t>
  </si>
  <si>
    <t>4418365.0</t>
  </si>
  <si>
    <t>9268190.0</t>
  </si>
  <si>
    <t>4687334.0</t>
  </si>
  <si>
    <t>4425394.0</t>
  </si>
  <si>
    <t>9299404.0</t>
  </si>
  <si>
    <t>4690154.0</t>
  </si>
  <si>
    <t>4431584.0</t>
  </si>
  <si>
    <t>138533.0</t>
  </si>
  <si>
    <t>164.97</t>
  </si>
  <si>
    <t>9322806.0</t>
  </si>
  <si>
    <t>4692591.0</t>
  </si>
  <si>
    <t>4437038.0</t>
  </si>
  <si>
    <t>165.39</t>
  </si>
  <si>
    <t>9353276.0</t>
  </si>
  <si>
    <t>4695644.0</t>
  </si>
  <si>
    <t>4441837.0</t>
  </si>
  <si>
    <t>176525.0</t>
  </si>
  <si>
    <t>9386079.0</t>
  </si>
  <si>
    <t>4698898.0</t>
  </si>
  <si>
    <t>4446717.0</t>
  </si>
  <si>
    <t>201103.0</t>
  </si>
  <si>
    <t>32803.0</t>
  </si>
  <si>
    <t>9414442.0</t>
  </si>
  <si>
    <t>4701903.0</t>
  </si>
  <si>
    <t>4451540.0</t>
  </si>
  <si>
    <t>9443754.0</t>
  </si>
  <si>
    <t>4704808.0</t>
  </si>
  <si>
    <t>4456414.0</t>
  </si>
  <si>
    <t>243017.0</t>
  </si>
  <si>
    <t>476.6</t>
  </si>
  <si>
    <t>84.5481887422118</t>
  </si>
  <si>
    <t>9472829.0</t>
  </si>
  <si>
    <t>4707639.0</t>
  </si>
  <si>
    <t>4460922.0</t>
  </si>
  <si>
    <t>264646.0</t>
  </si>
  <si>
    <t>9500769.0</t>
  </si>
  <si>
    <t>4709688.0</t>
  </si>
  <si>
    <t>4464653.0</t>
  </si>
  <si>
    <t>286741.0</t>
  </si>
  <si>
    <t>168.54</t>
  </si>
  <si>
    <t>9524846.0</t>
  </si>
  <si>
    <t>4711325.0</t>
  </si>
  <si>
    <t>4468067.0</t>
  </si>
  <si>
    <t>305742.0</t>
  </si>
  <si>
    <t>9553218.0</t>
  </si>
  <si>
    <t>4713823.0</t>
  </si>
  <si>
    <t>4471569.0</t>
  </si>
  <si>
    <t>328047.0</t>
  </si>
  <si>
    <t>9580738.0</t>
  </si>
  <si>
    <t>4716763.0</t>
  </si>
  <si>
    <t>4475678.0</t>
  </si>
  <si>
    <t>348436.0</t>
  </si>
  <si>
    <t>9603962.0</t>
  </si>
  <si>
    <t>4719825.0</t>
  </si>
  <si>
    <t>4479779.0</t>
  </si>
  <si>
    <t>364426.0</t>
  </si>
  <si>
    <t>23224.0</t>
  </si>
  <si>
    <t>27074.0</t>
  </si>
  <si>
    <t>9625747.0</t>
  </si>
  <si>
    <t>4722697.0</t>
  </si>
  <si>
    <t>4483633.0</t>
  </si>
  <si>
    <t>379386.0</t>
  </si>
  <si>
    <t>9655227.0</t>
  </si>
  <si>
    <t>4725867.0</t>
  </si>
  <si>
    <t>4488650.0</t>
  </si>
  <si>
    <t>400603.0</t>
  </si>
  <si>
    <t>9682158.0</t>
  </si>
  <si>
    <t>4728966.0</t>
  </si>
  <si>
    <t>4492913.0</t>
  </si>
  <si>
    <t>420116.0</t>
  </si>
  <si>
    <t>25913.0</t>
  </si>
  <si>
    <t>171.76</t>
  </si>
  <si>
    <t>9715691.0</t>
  </si>
  <si>
    <t>4731970.0</t>
  </si>
  <si>
    <t>4496979.0</t>
  </si>
  <si>
    <t>446554.0</t>
  </si>
  <si>
    <t>9750607.0</t>
  </si>
  <si>
    <t>4736134.0</t>
  </si>
  <si>
    <t>4500790.0</t>
  </si>
  <si>
    <t>473415.0</t>
  </si>
  <si>
    <t>34916.0</t>
  </si>
  <si>
    <t>172.97</t>
  </si>
  <si>
    <t>9780914.0</t>
  </si>
  <si>
    <t>4739665.0</t>
  </si>
  <si>
    <t>4504615.0</t>
  </si>
  <si>
    <t>496302.0</t>
  </si>
  <si>
    <t>9806994.0</t>
  </si>
  <si>
    <t>4742724.0</t>
  </si>
  <si>
    <t>4508006.0</t>
  </si>
  <si>
    <t>9831194.0</t>
  </si>
  <si>
    <t>4745476.0</t>
  </si>
  <si>
    <t>4511523.0</t>
  </si>
  <si>
    <t>29350.0</t>
  </si>
  <si>
    <t>9868602.0</t>
  </si>
  <si>
    <t>4748972.0</t>
  </si>
  <si>
    <t>4515977.0</t>
  </si>
  <si>
    <t>563139.0</t>
  </si>
  <si>
    <t>9898044.0</t>
  </si>
  <si>
    <t>4751803.0</t>
  </si>
  <si>
    <t>4519475.0</t>
  </si>
  <si>
    <t>586216.0</t>
  </si>
  <si>
    <t>30841.0</t>
  </si>
  <si>
    <t>9913200.0</t>
  </si>
  <si>
    <t>4753390.0</t>
  </si>
  <si>
    <t>4521514.0</t>
  </si>
  <si>
    <t>597714.0</t>
  </si>
  <si>
    <t>9935762.0</t>
  </si>
  <si>
    <t>4755839.0</t>
  </si>
  <si>
    <t>4525202.0</t>
  </si>
  <si>
    <t>614088.0</t>
  </si>
  <si>
    <t>9958970.0</t>
  </si>
  <si>
    <t>4757935.0</t>
  </si>
  <si>
    <t>4528167.0</t>
  </si>
  <si>
    <t>632172.0</t>
  </si>
  <si>
    <t>23208.0</t>
  </si>
  <si>
    <t>9978587.0</t>
  </si>
  <si>
    <t>4759683.0</t>
  </si>
  <si>
    <t>4531033.0</t>
  </si>
  <si>
    <t>647107.0</t>
  </si>
  <si>
    <t>10001653.0</t>
  </si>
  <si>
    <t>4761650.0</t>
  </si>
  <si>
    <t>4534367.0</t>
  </si>
  <si>
    <t>664829.0</t>
  </si>
  <si>
    <t>10033475.0</t>
  </si>
  <si>
    <t>4763644.0</t>
  </si>
  <si>
    <t>4537869.0</t>
  </si>
  <si>
    <t>691082.0</t>
  </si>
  <si>
    <t>10058103.0</t>
  </si>
  <si>
    <t>4765452.0</t>
  </si>
  <si>
    <t>4542063.0</t>
  </si>
  <si>
    <t>709685.0</t>
  </si>
  <si>
    <t>10070883.0</t>
  </si>
  <si>
    <t>4766618.0</t>
  </si>
  <si>
    <t>4543794.0</t>
  </si>
  <si>
    <t>719549.0</t>
  </si>
  <si>
    <t>178.66</t>
  </si>
  <si>
    <t>10091681.0</t>
  </si>
  <si>
    <t>4768606.0</t>
  </si>
  <si>
    <t>4547148.0</t>
  </si>
  <si>
    <t>734968.0</t>
  </si>
  <si>
    <t>179.03</t>
  </si>
  <si>
    <t>10117801.0</t>
  </si>
  <si>
    <t>4770595.0</t>
  </si>
  <si>
    <t>4550623.0</t>
  </si>
  <si>
    <t>755581.0</t>
  </si>
  <si>
    <t>10138163.0</t>
  </si>
  <si>
    <t>4772307.0</t>
  </si>
  <si>
    <t>4553934.0</t>
  </si>
  <si>
    <t>10162124.0</t>
  </si>
  <si>
    <t>4774190.0</t>
  </si>
  <si>
    <t>4557477.0</t>
  </si>
  <si>
    <t>789388.0</t>
  </si>
  <si>
    <t>10200132.0</t>
  </si>
  <si>
    <t>4776131.0</t>
  </si>
  <si>
    <t>4561209.0</t>
  </si>
  <si>
    <t>38008.0</t>
  </si>
  <si>
    <t>10231538.0</t>
  </si>
  <si>
    <t>4778089.0</t>
  </si>
  <si>
    <t>4566017.0</t>
  </si>
  <si>
    <t>846295.0</t>
  </si>
  <si>
    <t>24776.0</t>
  </si>
  <si>
    <t>10250661.0</t>
  </si>
  <si>
    <t>4779436.0</t>
  </si>
  <si>
    <t>4568595.0</t>
  </si>
  <si>
    <t>861469.0</t>
  </si>
  <si>
    <t>25683.0</t>
  </si>
  <si>
    <t>191.519564763097</t>
  </si>
  <si>
    <t>10274954.0</t>
  </si>
  <si>
    <t>4781432.0</t>
  </si>
  <si>
    <t>4572372.0</t>
  </si>
  <si>
    <t>24293.0</t>
  </si>
  <si>
    <t>10302762.0</t>
  </si>
  <si>
    <t>4783174.0</t>
  </si>
  <si>
    <t>4575649.0</t>
  </si>
  <si>
    <t>902658.0</t>
  </si>
  <si>
    <t>10323098.0</t>
  </si>
  <si>
    <t>4784679.0</t>
  </si>
  <si>
    <t>4578417.0</t>
  </si>
  <si>
    <t>918680.0</t>
  </si>
  <si>
    <t>10324885.0</t>
  </si>
  <si>
    <t>4785122.0</t>
  </si>
  <si>
    <t>4579280.0</t>
  </si>
  <si>
    <t>919176.0</t>
  </si>
  <si>
    <t>10362140.0</t>
  </si>
  <si>
    <t>4787420.0</t>
  </si>
  <si>
    <t>4584162.0</t>
  </si>
  <si>
    <t>949201.0</t>
  </si>
  <si>
    <t>10391361.0</t>
  </si>
  <si>
    <t>4789103.0</t>
  </si>
  <si>
    <t>4588004.0</t>
  </si>
  <si>
    <t>972873.0</t>
  </si>
  <si>
    <t>184.34</t>
  </si>
  <si>
    <t>10408946.0</t>
  </si>
  <si>
    <t>4790261.0</t>
  </si>
  <si>
    <t>4589879.0</t>
  </si>
  <si>
    <t>987398.0</t>
  </si>
  <si>
    <t>10431675.0</t>
  </si>
  <si>
    <t>4791785.0</t>
  </si>
  <si>
    <t>4593044.0</t>
  </si>
  <si>
    <t>1005394.0</t>
  </si>
  <si>
    <t>10460207.0</t>
  </si>
  <si>
    <t>4793731.0</t>
  </si>
  <si>
    <t>4595752.0</t>
  </si>
  <si>
    <t>1029224.0</t>
  </si>
  <si>
    <t>10485275.0</t>
  </si>
  <si>
    <t>4795511.0</t>
  </si>
  <si>
    <t>4598311.0</t>
  </si>
  <si>
    <t>1049919.0</t>
  </si>
  <si>
    <t>186.01</t>
  </si>
  <si>
    <t>10509811.0</t>
  </si>
  <si>
    <t>4797354.0</t>
  </si>
  <si>
    <t>4600871.0</t>
  </si>
  <si>
    <t>1070022.0</t>
  </si>
  <si>
    <t>10543632.0</t>
  </si>
  <si>
    <t>4799319.0</t>
  </si>
  <si>
    <t>4603869.0</t>
  </si>
  <si>
    <t>1098841.0</t>
  </si>
  <si>
    <t>25927.0</t>
  </si>
  <si>
    <t>10573274.0</t>
  </si>
  <si>
    <t>4800936.0</t>
  </si>
  <si>
    <t>4606308.0</t>
  </si>
  <si>
    <t>1124397.0</t>
  </si>
  <si>
    <t>10593783.0</t>
  </si>
  <si>
    <t>4802142.0</t>
  </si>
  <si>
    <t>4608707.0</t>
  </si>
  <si>
    <t>1141274.0</t>
  </si>
  <si>
    <t>10616591.0</t>
  </si>
  <si>
    <t>4803804.0</t>
  </si>
  <si>
    <t>4610952.0</t>
  </si>
  <si>
    <t>1160147.0</t>
  </si>
  <si>
    <t>188.34</t>
  </si>
  <si>
    <t>10641679.0</t>
  </si>
  <si>
    <t>4805351.0</t>
  </si>
  <si>
    <t>4613151.0</t>
  </si>
  <si>
    <t>1181470.0</t>
  </si>
  <si>
    <t>188.78</t>
  </si>
  <si>
    <t>10661630.0</t>
  </si>
  <si>
    <t>4806698.0</t>
  </si>
  <si>
    <t>4615050.0</t>
  </si>
  <si>
    <t>1198148.0</t>
  </si>
  <si>
    <t>189.14</t>
  </si>
  <si>
    <t>10682488.0</t>
  </si>
  <si>
    <t>4808037.0</t>
  </si>
  <si>
    <t>4617189.0</t>
  </si>
  <si>
    <t>1215499.0</t>
  </si>
  <si>
    <t>189.51</t>
  </si>
  <si>
    <t>10712525.0</t>
  </si>
  <si>
    <t>4809467.0</t>
  </si>
  <si>
    <t>4619473.0</t>
  </si>
  <si>
    <t>1241786.0</t>
  </si>
  <si>
    <t>30037.0</t>
  </si>
  <si>
    <t>10740145.0</t>
  </si>
  <si>
    <t>4810784.0</t>
  </si>
  <si>
    <t>4621630.0</t>
  </si>
  <si>
    <t>1265911.0</t>
  </si>
  <si>
    <t>190.53</t>
  </si>
  <si>
    <t>10760137.0</t>
  </si>
  <si>
    <t>4811820.0</t>
  </si>
  <si>
    <t>4623545.0</t>
  </si>
  <si>
    <t>1282943.0</t>
  </si>
  <si>
    <t>19992.0</t>
  </si>
  <si>
    <t>10781647.0</t>
  </si>
  <si>
    <t>4813204.0</t>
  </si>
  <si>
    <t>4625497.0</t>
  </si>
  <si>
    <t>1301087.0</t>
  </si>
  <si>
    <t>10801456.0</t>
  </si>
  <si>
    <t>4814430.0</t>
  </si>
  <si>
    <t>4627468.0</t>
  </si>
  <si>
    <t>1317684.0</t>
  </si>
  <si>
    <t>22825.0</t>
  </si>
  <si>
    <t>191.62</t>
  </si>
  <si>
    <t>10818344.0</t>
  </si>
  <si>
    <t>4815685.0</t>
  </si>
  <si>
    <t>4629061.0</t>
  </si>
  <si>
    <t>1331701.0</t>
  </si>
  <si>
    <t>10835679.0</t>
  </si>
  <si>
    <t>4816966.0</t>
  </si>
  <si>
    <t>4630861.0</t>
  </si>
  <si>
    <t>1345928.0</t>
  </si>
  <si>
    <t>21884.0</t>
  </si>
  <si>
    <t>10865071.0</t>
  </si>
  <si>
    <t>4818290.0</t>
  </si>
  <si>
    <t>4633027.0</t>
  </si>
  <si>
    <t>1371807.0</t>
  </si>
  <si>
    <t>10891278.0</t>
  </si>
  <si>
    <t>4819331.0</t>
  </si>
  <si>
    <t>4634889.0</t>
  </si>
  <si>
    <t>1395105.0</t>
  </si>
  <si>
    <t>26207.0</t>
  </si>
  <si>
    <t>21590.0</t>
  </si>
  <si>
    <t>10908147.0</t>
  </si>
  <si>
    <t>4820198.0</t>
  </si>
  <si>
    <t>4636889.0</t>
  </si>
  <si>
    <t>1409106.0</t>
  </si>
  <si>
    <t>10926796.0</t>
  </si>
  <si>
    <t>4821418.0</t>
  </si>
  <si>
    <t>4638916.0</t>
  </si>
  <si>
    <t>1424490.0</t>
  </si>
  <si>
    <t>10952522.0</t>
  </si>
  <si>
    <t>4822675.0</t>
  </si>
  <si>
    <t>4641345.0</t>
  </si>
  <si>
    <t>1446497.0</t>
  </si>
  <si>
    <t>1633.8</t>
  </si>
  <si>
    <t>289.833887467532</t>
  </si>
  <si>
    <t>10970427.0</t>
  </si>
  <si>
    <t>4823801.0</t>
  </si>
  <si>
    <t>4643242.0</t>
  </si>
  <si>
    <t>1461361.0</t>
  </si>
  <si>
    <t>10986851.0</t>
  </si>
  <si>
    <t>4824803.0</t>
  </si>
  <si>
    <t>4644909.0</t>
  </si>
  <si>
    <t>1475087.0</t>
  </si>
  <si>
    <t>11012950.0</t>
  </si>
  <si>
    <t>4825858.0</t>
  </si>
  <si>
    <t>4646995.0</t>
  </si>
  <si>
    <t>1498011.0</t>
  </si>
  <si>
    <t>11037219.0</t>
  </si>
  <si>
    <t>4826668.0</t>
  </si>
  <si>
    <t>4649295.0</t>
  </si>
  <si>
    <t>1519149.0</t>
  </si>
  <si>
    <t>11053671.0</t>
  </si>
  <si>
    <t>4827271.0</t>
  </si>
  <si>
    <t>4650560.0</t>
  </si>
  <si>
    <t>1533722.0</t>
  </si>
  <si>
    <t>11072424.0</t>
  </si>
  <si>
    <t>4828161.0</t>
  </si>
  <si>
    <t>4652413.0</t>
  </si>
  <si>
    <t>1549701.0</t>
  </si>
  <si>
    <t>196.42</t>
  </si>
  <si>
    <t>11094663.0</t>
  </si>
  <si>
    <t>4829005.0</t>
  </si>
  <si>
    <t>4654285.0</t>
  </si>
  <si>
    <t>1569203.0</t>
  </si>
  <si>
    <t>11112948.0</t>
  </si>
  <si>
    <t>4829877.0</t>
  </si>
  <si>
    <t>4656033.0</t>
  </si>
  <si>
    <t>1584829.0</t>
  </si>
  <si>
    <t>11129615.0</t>
  </si>
  <si>
    <t>4830675.0</t>
  </si>
  <si>
    <t>4657597.0</t>
  </si>
  <si>
    <t>1599119.0</t>
  </si>
  <si>
    <t>20395.0</t>
  </si>
  <si>
    <t>11155494.0</t>
  </si>
  <si>
    <t>4831285.0</t>
  </si>
  <si>
    <t>4659338.0</t>
  </si>
  <si>
    <t>1622628.0</t>
  </si>
  <si>
    <t>20363.0</t>
  </si>
  <si>
    <t>11179852.0</t>
  </si>
  <si>
    <t>4831914.0</t>
  </si>
  <si>
    <t>4661432.0</t>
  </si>
  <si>
    <t>1644252.0</t>
  </si>
  <si>
    <t>198.33</t>
  </si>
  <si>
    <t>11195751.0</t>
  </si>
  <si>
    <t>4832413.0</t>
  </si>
  <si>
    <t>4662554.0</t>
  </si>
  <si>
    <t>1658516.0</t>
  </si>
  <si>
    <t>11215019.0</t>
  </si>
  <si>
    <t>4833058.0</t>
  </si>
  <si>
    <t>4664202.0</t>
  </si>
  <si>
    <t>1675476.0</t>
  </si>
  <si>
    <t>198.95</t>
  </si>
  <si>
    <t>11242826.0</t>
  </si>
  <si>
    <t>4833703.0</t>
  </si>
  <si>
    <t>4665661.0</t>
  </si>
  <si>
    <t>1701150.0</t>
  </si>
  <si>
    <t>11264942.0</t>
  </si>
  <si>
    <t>4834307.0</t>
  </si>
  <si>
    <t>4667125.0</t>
  </si>
  <si>
    <t>1721171.0</t>
  </si>
  <si>
    <t>22116.0</t>
  </si>
  <si>
    <t>11288693.0</t>
  </si>
  <si>
    <t>4834878.0</t>
  </si>
  <si>
    <t>4668485.0</t>
  </si>
  <si>
    <t>1742966.0</t>
  </si>
  <si>
    <t>22725.0</t>
  </si>
  <si>
    <t>11317188.0</t>
  </si>
  <si>
    <t>4835425.0</t>
  </si>
  <si>
    <t>4669973.0</t>
  </si>
  <si>
    <t>1769400.0</t>
  </si>
  <si>
    <t>11344364.0</t>
  </si>
  <si>
    <t>4835978.0</t>
  </si>
  <si>
    <t>4671657.0</t>
  </si>
  <si>
    <t>1794340.0</t>
  </si>
  <si>
    <t>11365282.0</t>
  </si>
  <si>
    <t>4672620.0</t>
  </si>
  <si>
    <t>1813905.0</t>
  </si>
  <si>
    <t>24219.0</t>
  </si>
  <si>
    <t>11396483.0</t>
  </si>
  <si>
    <t>4837043.0</t>
  </si>
  <si>
    <t>4674269.0</t>
  </si>
  <si>
    <t>1842768.0</t>
  </si>
  <si>
    <t>11428562.0</t>
  </si>
  <si>
    <t>4837634.0</t>
  </si>
  <si>
    <t>4675662.0</t>
  </si>
  <si>
    <t>1872849.0</t>
  </si>
  <si>
    <t>11463146.0</t>
  </si>
  <si>
    <t>4838327.0</t>
  </si>
  <si>
    <t>4677114.0</t>
  </si>
  <si>
    <t>1905273.0</t>
  </si>
  <si>
    <t>34584.0</t>
  </si>
  <si>
    <t>28315.0</t>
  </si>
  <si>
    <t>11500537.0</t>
  </si>
  <si>
    <t>4838912.0</t>
  </si>
  <si>
    <t>4678414.0</t>
  </si>
  <si>
    <t>1940757.0</t>
  </si>
  <si>
    <t>37391.0</t>
  </si>
  <si>
    <t>11524473.0</t>
  </si>
  <si>
    <t>4839222.0</t>
  </si>
  <si>
    <t>4679386.0</t>
  </si>
  <si>
    <t>1963409.0</t>
  </si>
  <si>
    <t>11525122.0</t>
  </si>
  <si>
    <t>4839279.0</t>
  </si>
  <si>
    <t>4679587.0</t>
  </si>
  <si>
    <t>1963805.0</t>
  </si>
  <si>
    <t>11569495.0</t>
  </si>
  <si>
    <t>4839840.0</t>
  </si>
  <si>
    <t>4681149.0</t>
  </si>
  <si>
    <t>2006049.0</t>
  </si>
  <si>
    <t>44373.0</t>
  </si>
  <si>
    <t>11615696.0</t>
  </si>
  <si>
    <t>4843751.0</t>
  </si>
  <si>
    <t>4682702.0</t>
  </si>
  <si>
    <t>2046759.0</t>
  </si>
  <si>
    <t>11666767.0</t>
  </si>
  <si>
    <t>4684231.0</t>
  </si>
  <si>
    <t>2092242.0</t>
  </si>
  <si>
    <t>11716850.0</t>
  </si>
  <si>
    <t>4853571.0</t>
  </si>
  <si>
    <t>4685590.0</t>
  </si>
  <si>
    <t>2135167.0</t>
  </si>
  <si>
    <t>207.86</t>
  </si>
  <si>
    <t>11767167.0</t>
  </si>
  <si>
    <t>4859683.0</t>
  </si>
  <si>
    <t>4686962.0</t>
  </si>
  <si>
    <t>2177982.0</t>
  </si>
  <si>
    <t>38090.0</t>
  </si>
  <si>
    <t>11795254.0</t>
  </si>
  <si>
    <t>4863228.0</t>
  </si>
  <si>
    <t>4687773.0</t>
  </si>
  <si>
    <t>2201705.0</t>
  </si>
  <si>
    <t>38683.0</t>
  </si>
  <si>
    <t>326.058688435135</t>
  </si>
  <si>
    <t>11796084.0</t>
  </si>
  <si>
    <t>4863337.0</t>
  </si>
  <si>
    <t>4688019.0</t>
  </si>
  <si>
    <t>2202189.0</t>
  </si>
  <si>
    <t>38709.0</t>
  </si>
  <si>
    <t>209.26</t>
  </si>
  <si>
    <t>11844509.0</t>
  </si>
  <si>
    <t>4870289.0</t>
  </si>
  <si>
    <t>4689167.0</t>
  </si>
  <si>
    <t>2242506.0</t>
  </si>
  <si>
    <t>48425.0</t>
  </si>
  <si>
    <t>39288.0</t>
  </si>
  <si>
    <t>11893241.0</t>
  </si>
  <si>
    <t>4879989.0</t>
  </si>
  <si>
    <t>4690202.0</t>
  </si>
  <si>
    <t>2280474.0</t>
  </si>
  <si>
    <t>11935538.0</t>
  </si>
  <si>
    <t>4884410.0</t>
  </si>
  <si>
    <t>4691142.0</t>
  </si>
  <si>
    <t>2317398.0</t>
  </si>
  <si>
    <t>11973317.0</t>
  </si>
  <si>
    <t>4886314.0</t>
  </si>
  <si>
    <t>4692039.0</t>
  </si>
  <si>
    <t>12020596.0</t>
  </si>
  <si>
    <t>4892358.0</t>
  </si>
  <si>
    <t>4692908.0</t>
  </si>
  <si>
    <t>2392701.0</t>
  </si>
  <si>
    <t>47279.0</t>
  </si>
  <si>
    <t>12081125.0</t>
  </si>
  <si>
    <t>4901140.0</t>
  </si>
  <si>
    <t>4693932.0</t>
  </si>
  <si>
    <t>2443393.0</t>
  </si>
  <si>
    <t>12141544.0</t>
  </si>
  <si>
    <t>4911623.0</t>
  </si>
  <si>
    <t>4695182.0</t>
  </si>
  <si>
    <t>2492047.0</t>
  </si>
  <si>
    <t>60419.0</t>
  </si>
  <si>
    <t>215.39</t>
  </si>
  <si>
    <t>12192458.0</t>
  </si>
  <si>
    <t>4921053.0</t>
  </si>
  <si>
    <t>4695845.0</t>
  </si>
  <si>
    <t>2532837.0</t>
  </si>
  <si>
    <t>12239847.0</t>
  </si>
  <si>
    <t>4696794.0</t>
  </si>
  <si>
    <t>2574267.0</t>
  </si>
  <si>
    <t>49515.0</t>
  </si>
  <si>
    <t>12279737.0</t>
  </si>
  <si>
    <t>4929339.0</t>
  </si>
  <si>
    <t>4697684.0</t>
  </si>
  <si>
    <t>2609963.0</t>
  </si>
  <si>
    <t>49171.0</t>
  </si>
  <si>
    <t>12319144.0</t>
  </si>
  <si>
    <t>4933822.0</t>
  </si>
  <si>
    <t>4698577.0</t>
  </si>
  <si>
    <t>2643964.0</t>
  </si>
  <si>
    <t>49404.0</t>
  </si>
  <si>
    <t>218.54</t>
  </si>
  <si>
    <t>12361732.0</t>
  </si>
  <si>
    <t>4940885.0</t>
  </si>
  <si>
    <t>4699391.0</t>
  </si>
  <si>
    <t>2678621.0</t>
  </si>
  <si>
    <t>48734.0</t>
  </si>
  <si>
    <t>12416879.0</t>
  </si>
  <si>
    <t>4950183.0</t>
  </si>
  <si>
    <t>4700286.0</t>
  </si>
  <si>
    <t>2723526.0</t>
  </si>
  <si>
    <t>55147.0</t>
  </si>
  <si>
    <t>47965.0</t>
  </si>
  <si>
    <t>12471181.0</t>
  </si>
  <si>
    <t>4961320.0</t>
  </si>
  <si>
    <t>4701125.0</t>
  </si>
  <si>
    <t>2765818.0</t>
  </si>
  <si>
    <t>12511601.0</t>
  </si>
  <si>
    <t>4969960.0</t>
  </si>
  <si>
    <t>4701835.0</t>
  </si>
  <si>
    <t>2796847.0</t>
  </si>
  <si>
    <t>12549305.0</t>
  </si>
  <si>
    <t>4973944.0</t>
  </si>
  <si>
    <t>4703607.0</t>
  </si>
  <si>
    <t>2828773.0</t>
  </si>
  <si>
    <t>37704.0</t>
  </si>
  <si>
    <t>235900.0</t>
  </si>
  <si>
    <t>12580111.0</t>
  </si>
  <si>
    <t>4976956.0</t>
  </si>
  <si>
    <t>4705256.0</t>
  </si>
  <si>
    <t>2854892.0</t>
  </si>
  <si>
    <t>12610727.0</t>
  </si>
  <si>
    <t>4980527.0</t>
  </si>
  <si>
    <t>4707290.0</t>
  </si>
  <si>
    <t>12643710.0</t>
  </si>
  <si>
    <t>4985631.0</t>
  </si>
  <si>
    <t>4709820.0</t>
  </si>
  <si>
    <t>2905198.0</t>
  </si>
  <si>
    <t>32983.0</t>
  </si>
  <si>
    <t>12687683.0</t>
  </si>
  <si>
    <t>4992785.0</t>
  </si>
  <si>
    <t>4713318.0</t>
  </si>
  <si>
    <t>2938481.0</t>
  </si>
  <si>
    <t>12730019.0</t>
  </si>
  <si>
    <t>5000566.0</t>
  </si>
  <si>
    <t>4717507.0</t>
  </si>
  <si>
    <t>2968808.0</t>
  </si>
  <si>
    <t>42336.0</t>
  </si>
  <si>
    <t>225.83</t>
  </si>
  <si>
    <t>12761141.0</t>
  </si>
  <si>
    <t>5007303.0</t>
  </si>
  <si>
    <t>4721322.0</t>
  </si>
  <si>
    <t>2989352.0</t>
  </si>
  <si>
    <t>31122.0</t>
  </si>
  <si>
    <t>12796307.0</t>
  </si>
  <si>
    <t>5010574.0</t>
  </si>
  <si>
    <t>4725237.0</t>
  </si>
  <si>
    <t>3017303.0</t>
  </si>
  <si>
    <t>236100.0</t>
  </si>
  <si>
    <t>43.293</t>
  </si>
  <si>
    <t>235929.0</t>
  </si>
  <si>
    <t>43.261</t>
  </si>
  <si>
    <t>12828411.0</t>
  </si>
  <si>
    <t>5014492.0</t>
  </si>
  <si>
    <t>4728724.0</t>
  </si>
  <si>
    <t>3041970.0</t>
  </si>
  <si>
    <t>235957.0</t>
  </si>
  <si>
    <t>43.266</t>
  </si>
  <si>
    <t>12856786.0</t>
  </si>
  <si>
    <t>5018782.0</t>
  </si>
  <si>
    <t>4731680.0</t>
  </si>
  <si>
    <t>3063060.0</t>
  </si>
  <si>
    <t>228.08</t>
  </si>
  <si>
    <t>235986.0</t>
  </si>
  <si>
    <t>12888365.0</t>
  </si>
  <si>
    <t>5023551.0</t>
  </si>
  <si>
    <t>4736633.0</t>
  </si>
  <si>
    <t>3084870.0</t>
  </si>
  <si>
    <t>236014.0</t>
  </si>
  <si>
    <t>43.277</t>
  </si>
  <si>
    <t>12928328.0</t>
  </si>
  <si>
    <t>5027012.0</t>
  </si>
  <si>
    <t>4744061.0</t>
  </si>
  <si>
    <t>3113900.0</t>
  </si>
  <si>
    <t>229.35</t>
  </si>
  <si>
    <t>236043.0</t>
  </si>
  <si>
    <t>43.282</t>
  </si>
  <si>
    <t>12963748.0</t>
  </si>
  <si>
    <t>5030733.0</t>
  </si>
  <si>
    <t>4751996.0</t>
  </si>
  <si>
    <t>3137641.0</t>
  </si>
  <si>
    <t>236071.0</t>
  </si>
  <si>
    <t>43.287</t>
  </si>
  <si>
    <t>12989518.0</t>
  </si>
  <si>
    <t>5032658.0</t>
  </si>
  <si>
    <t>4760512.0</t>
  </si>
  <si>
    <t>3152954.0</t>
  </si>
  <si>
    <t>13006440.0</t>
  </si>
  <si>
    <t>5035666.0</t>
  </si>
  <si>
    <t>4764067.0</t>
  </si>
  <si>
    <t>3163279.0</t>
  </si>
  <si>
    <t>1846.9</t>
  </si>
  <si>
    <t>327.637536273586</t>
  </si>
  <si>
    <t>245100.0</t>
  </si>
  <si>
    <t>44.943</t>
  </si>
  <si>
    <t>237386.0</t>
  </si>
  <si>
    <t>13007003.0</t>
  </si>
  <si>
    <t>5035718.0</t>
  </si>
  <si>
    <t>4764199.0</t>
  </si>
  <si>
    <t>3163661.0</t>
  </si>
  <si>
    <t>230.74</t>
  </si>
  <si>
    <t>238671.0</t>
  </si>
  <si>
    <t>43.764</t>
  </si>
  <si>
    <t>13007723.0</t>
  </si>
  <si>
    <t>5035790.0</t>
  </si>
  <si>
    <t>4764424.0</t>
  </si>
  <si>
    <t>3164093.0</t>
  </si>
  <si>
    <t>230.76</t>
  </si>
  <si>
    <t>239957.0</t>
  </si>
  <si>
    <t>13040805.0</t>
  </si>
  <si>
    <t>5041599.0</t>
  </si>
  <si>
    <t>4770345.0</t>
  </si>
  <si>
    <t>3185387.0</t>
  </si>
  <si>
    <t>241243.0</t>
  </si>
  <si>
    <t>44.236</t>
  </si>
  <si>
    <t>13078802.0</t>
  </si>
  <si>
    <t>5044624.0</t>
  </si>
  <si>
    <t>4777756.0</t>
  </si>
  <si>
    <t>3212918.0</t>
  </si>
  <si>
    <t>232.02</t>
  </si>
  <si>
    <t>242529.0</t>
  </si>
  <si>
    <t>13114247.0</t>
  </si>
  <si>
    <t>5046571.0</t>
  </si>
  <si>
    <t>4787308.0</t>
  </si>
  <si>
    <t>3236835.0</t>
  </si>
  <si>
    <t>232.64</t>
  </si>
  <si>
    <t>243814.0</t>
  </si>
  <si>
    <t>44.707</t>
  </si>
  <si>
    <t>13141970.0</t>
  </si>
  <si>
    <t>5048843.0</t>
  </si>
  <si>
    <t>4794953.0</t>
  </si>
  <si>
    <t>3254625.0</t>
  </si>
  <si>
    <t>21779.0</t>
  </si>
  <si>
    <t>13172926.0</t>
  </si>
  <si>
    <t>5051415.0</t>
  </si>
  <si>
    <t>4799817.0</t>
  </si>
  <si>
    <t>3278077.0</t>
  </si>
  <si>
    <t>23784.0</t>
  </si>
  <si>
    <t>279300.0</t>
  </si>
  <si>
    <t>51.214</t>
  </si>
  <si>
    <t>45.839</t>
  </si>
  <si>
    <t>13202459.0</t>
  </si>
  <si>
    <t>5053766.0</t>
  </si>
  <si>
    <t>4804000.0</t>
  </si>
  <si>
    <t>3301032.0</t>
  </si>
  <si>
    <t>254871.0</t>
  </si>
  <si>
    <t>13233569.0</t>
  </si>
  <si>
    <t>5056104.0</t>
  </si>
  <si>
    <t>4808603.0</t>
  </si>
  <si>
    <t>3325143.0</t>
  </si>
  <si>
    <t>259757.0</t>
  </si>
  <si>
    <t>13269087.0</t>
  </si>
  <si>
    <t>5059100.0</t>
  </si>
  <si>
    <t>4814915.0</t>
  </si>
  <si>
    <t>3351301.0</t>
  </si>
  <si>
    <t>35518.0</t>
  </si>
  <si>
    <t>264643.0</t>
  </si>
  <si>
    <t>48.526</t>
  </si>
  <si>
    <t>13312758.0</t>
  </si>
  <si>
    <t>5060727.0</t>
  </si>
  <si>
    <t>4823977.0</t>
  </si>
  <si>
    <t>3384249.0</t>
  </si>
  <si>
    <t>49.422</t>
  </si>
  <si>
    <t>13355106.0</t>
  </si>
  <si>
    <t>5061977.0</t>
  </si>
  <si>
    <t>4834516.0</t>
  </si>
  <si>
    <t>3414775.0</t>
  </si>
  <si>
    <t>42348.0</t>
  </si>
  <si>
    <t>274414.0</t>
  </si>
  <si>
    <t>50.318</t>
  </si>
  <si>
    <t>13390230.0</t>
  </si>
  <si>
    <t>5063459.0</t>
  </si>
  <si>
    <t>4842862.0</t>
  </si>
  <si>
    <t>3440034.0</t>
  </si>
  <si>
    <t>13420241.0</t>
  </si>
  <si>
    <t>5066076.0</t>
  </si>
  <si>
    <t>4846664.0</t>
  </si>
  <si>
    <t>3463572.0</t>
  </si>
  <si>
    <t>241300.0</t>
  </si>
  <si>
    <t>273871.0</t>
  </si>
  <si>
    <t>50.218</t>
  </si>
  <si>
    <t>13441772.0</t>
  </si>
  <si>
    <t>5067884.0</t>
  </si>
  <si>
    <t>4850046.0</t>
  </si>
  <si>
    <t>3479876.0</t>
  </si>
  <si>
    <t>34188.0</t>
  </si>
  <si>
    <t>238.46</t>
  </si>
  <si>
    <t>268443.0</t>
  </si>
  <si>
    <t>49.223</t>
  </si>
  <si>
    <t>13463525.0</t>
  </si>
  <si>
    <t>5069970.0</t>
  </si>
  <si>
    <t>4853664.0</t>
  </si>
  <si>
    <t>3495887.0</t>
  </si>
  <si>
    <t>263014.0</t>
  </si>
  <si>
    <t>48.228</t>
  </si>
  <si>
    <t>13487107.0</t>
  </si>
  <si>
    <t>5072712.0</t>
  </si>
  <si>
    <t>4858033.0</t>
  </si>
  <si>
    <t>3512305.0</t>
  </si>
  <si>
    <t>239.26</t>
  </si>
  <si>
    <t>257586.0</t>
  </si>
  <si>
    <t>47.232</t>
  </si>
  <si>
    <t>13520193.0</t>
  </si>
  <si>
    <t>5074688.0</t>
  </si>
  <si>
    <t>4865409.0</t>
  </si>
  <si>
    <t>3536002.0</t>
  </si>
  <si>
    <t>29634.0</t>
  </si>
  <si>
    <t>252157.0</t>
  </si>
  <si>
    <t>13552946.0</t>
  </si>
  <si>
    <t>5076463.0</t>
  </si>
  <si>
    <t>4874255.0</t>
  </si>
  <si>
    <t>3558093.0</t>
  </si>
  <si>
    <t>28263.0</t>
  </si>
  <si>
    <t>45.241</t>
  </si>
  <si>
    <t>13575656.0</t>
  </si>
  <si>
    <t>5078648.0</t>
  </si>
  <si>
    <t>4879983.0</t>
  </si>
  <si>
    <t>3572857.0</t>
  </si>
  <si>
    <t>13593440.0</t>
  </si>
  <si>
    <t>5080558.0</t>
  </si>
  <si>
    <t>4882293.0</t>
  </si>
  <si>
    <t>3586384.0</t>
  </si>
  <si>
    <t>23.104</t>
  </si>
  <si>
    <t>224829.0</t>
  </si>
  <si>
    <t>13607202.0</t>
  </si>
  <si>
    <t>5081897.0</t>
  </si>
  <si>
    <t>4883886.0</t>
  </si>
  <si>
    <t>3597195.0</t>
  </si>
  <si>
    <t>208357.0</t>
  </si>
  <si>
    <t>13621447.0</t>
  </si>
  <si>
    <t>4885484.0</t>
  </si>
  <si>
    <t>3608390.0</t>
  </si>
  <si>
    <t>35.185</t>
  </si>
  <si>
    <t>13639050.0</t>
  </si>
  <si>
    <t>5085322.0</t>
  </si>
  <si>
    <t>4889054.0</t>
  </si>
  <si>
    <t>3620361.0</t>
  </si>
  <si>
    <t>241.95</t>
  </si>
  <si>
    <t>175414.0</t>
  </si>
  <si>
    <t>13664907.0</t>
  </si>
  <si>
    <t>4895159.0</t>
  </si>
  <si>
    <t>3638408.0</t>
  </si>
  <si>
    <t>158943.0</t>
  </si>
  <si>
    <t>29.145</t>
  </si>
  <si>
    <t>13692026.0</t>
  </si>
  <si>
    <t>5089177.0</t>
  </si>
  <si>
    <t>4902775.0</t>
  </si>
  <si>
    <t>3655679.0</t>
  </si>
  <si>
    <t>142471.0</t>
  </si>
  <si>
    <t>26.124</t>
  </si>
  <si>
    <t>13709077.0</t>
  </si>
  <si>
    <t>5091036.0</t>
  </si>
  <si>
    <t>4907448.0</t>
  </si>
  <si>
    <t>3666159.0</t>
  </si>
  <si>
    <t>13723906.0</t>
  </si>
  <si>
    <t>5091894.0</t>
  </si>
  <si>
    <t>4909659.0</t>
  </si>
  <si>
    <t>3677884.0</t>
  </si>
  <si>
    <t>2201.6</t>
  </si>
  <si>
    <t>390.560831588026</t>
  </si>
  <si>
    <t>108700.0</t>
  </si>
  <si>
    <t>19.932</t>
  </si>
  <si>
    <t>123529.0</t>
  </si>
  <si>
    <t>13735453.0</t>
  </si>
  <si>
    <t>5092586.0</t>
  </si>
  <si>
    <t>4911440.0</t>
  </si>
  <si>
    <t>22.198</t>
  </si>
  <si>
    <t>13745541.0</t>
  </si>
  <si>
    <t>5093061.0</t>
  </si>
  <si>
    <t>4912995.0</t>
  </si>
  <si>
    <t>3694977.0</t>
  </si>
  <si>
    <t>243.84</t>
  </si>
  <si>
    <t>13757181.0</t>
  </si>
  <si>
    <t>5093800.0</t>
  </si>
  <si>
    <t>4915019.0</t>
  </si>
  <si>
    <t>3703825.0</t>
  </si>
  <si>
    <t>244.05</t>
  </si>
  <si>
    <t>116114.0</t>
  </si>
  <si>
    <t>13774125.0</t>
  </si>
  <si>
    <t>5094856.0</t>
  </si>
  <si>
    <t>4917916.0</t>
  </si>
  <si>
    <t>3716765.0</t>
  </si>
  <si>
    <t>244.35</t>
  </si>
  <si>
    <t>13791893.0</t>
  </si>
  <si>
    <t>5096252.0</t>
  </si>
  <si>
    <t>4921396.0</t>
  </si>
  <si>
    <t>3729616.0</t>
  </si>
  <si>
    <t>111171.0</t>
  </si>
  <si>
    <t>13801805.0</t>
  </si>
  <si>
    <t>5096797.0</t>
  </si>
  <si>
    <t>4923280.0</t>
  </si>
  <si>
    <t>3737080.0</t>
  </si>
  <si>
    <t>13812371.0</t>
  </si>
  <si>
    <t>5097327.0</t>
  </si>
  <si>
    <t>4925233.0</t>
  </si>
  <si>
    <t>3745142.0</t>
  </si>
  <si>
    <t>245.03</t>
  </si>
  <si>
    <t>107357.0</t>
  </si>
  <si>
    <t>13820874.0</t>
  </si>
  <si>
    <t>5097693.0</t>
  </si>
  <si>
    <t>4926866.0</t>
  </si>
  <si>
    <t>3751628.0</t>
  </si>
  <si>
    <t>106014.0</t>
  </si>
  <si>
    <t>13829652.0</t>
  </si>
  <si>
    <t>5098069.0</t>
  </si>
  <si>
    <t>4928649.0</t>
  </si>
  <si>
    <t>3758239.0</t>
  </si>
  <si>
    <t>104671.0</t>
  </si>
  <si>
    <t>13839507.0</t>
  </si>
  <si>
    <t>5098669.0</t>
  </si>
  <si>
    <t>4930753.0</t>
  </si>
  <si>
    <t>3765362.0</t>
  </si>
  <si>
    <t>245.51</t>
  </si>
  <si>
    <t>13855035.0</t>
  </si>
  <si>
    <t>5099398.0</t>
  </si>
  <si>
    <t>4934108.0</t>
  </si>
  <si>
    <t>3776768.0</t>
  </si>
  <si>
    <t>13871526.0</t>
  </si>
  <si>
    <t>5100544.0</t>
  </si>
  <si>
    <t>4938089.0</t>
  </si>
  <si>
    <t>3788060.0</t>
  </si>
  <si>
    <t>246.08</t>
  </si>
  <si>
    <t>18.454</t>
  </si>
  <si>
    <t>13883433.0</t>
  </si>
  <si>
    <t>5101403.0</t>
  </si>
  <si>
    <t>4941099.0</t>
  </si>
  <si>
    <t>3796057.0</t>
  </si>
  <si>
    <t>246.29</t>
  </si>
  <si>
    <t>13895400.0</t>
  </si>
  <si>
    <t>5102368.0</t>
  </si>
  <si>
    <t>3804266.0</t>
  </si>
  <si>
    <t>91100.0</t>
  </si>
  <si>
    <t>16.705</t>
  </si>
  <si>
    <t>13905569.0</t>
  </si>
  <si>
    <t>5103017.0</t>
  </si>
  <si>
    <t>4946471.0</t>
  </si>
  <si>
    <t>3811099.0</t>
  </si>
  <si>
    <t>246.68</t>
  </si>
  <si>
    <t>17.779</t>
  </si>
  <si>
    <t>13915836.0</t>
  </si>
  <si>
    <t>5103713.0</t>
  </si>
  <si>
    <t>4949100.0</t>
  </si>
  <si>
    <t>3817991.0</t>
  </si>
  <si>
    <t>246.87</t>
  </si>
  <si>
    <t>17.564</t>
  </si>
  <si>
    <t>13926508.0</t>
  </si>
  <si>
    <t>5104458.0</t>
  </si>
  <si>
    <t>4951951.0</t>
  </si>
  <si>
    <t>3825013.0</t>
  </si>
  <si>
    <t>94614.0</t>
  </si>
  <si>
    <t>13939849.0</t>
  </si>
  <si>
    <t>5105120.0</t>
  </si>
  <si>
    <t>4955825.0</t>
  </si>
  <si>
    <t>3833779.0</t>
  </si>
  <si>
    <t>247.29</t>
  </si>
  <si>
    <t>93443.0</t>
  </si>
  <si>
    <t>17.134</t>
  </si>
  <si>
    <t>13952348.0</t>
  </si>
  <si>
    <t>5105694.0</t>
  </si>
  <si>
    <t>4960188.0</t>
  </si>
  <si>
    <t>3841313.0</t>
  </si>
  <si>
    <t>16.919</t>
  </si>
  <si>
    <t>13961020.0</t>
  </si>
  <si>
    <t>5106028.0</t>
  </si>
  <si>
    <t>4963330.0</t>
  </si>
  <si>
    <t>3846496.0</t>
  </si>
  <si>
    <t>247.67</t>
  </si>
  <si>
    <t>13968937.0</t>
  </si>
  <si>
    <t>5106631.0</t>
  </si>
  <si>
    <t>4965118.0</t>
  </si>
  <si>
    <t>3851977.0</t>
  </si>
  <si>
    <t>247.81</t>
  </si>
  <si>
    <t>70600.0</t>
  </si>
  <si>
    <t>16.167</t>
  </si>
  <si>
    <t>13975582.0</t>
  </si>
  <si>
    <t>5107131.0</t>
  </si>
  <si>
    <t>4966671.0</t>
  </si>
  <si>
    <t>3856541.0</t>
  </si>
  <si>
    <t>247.92</t>
  </si>
  <si>
    <t>13982064.0</t>
  </si>
  <si>
    <t>5107451.0</t>
  </si>
  <si>
    <t>4968278.0</t>
  </si>
  <si>
    <t>3861078.0</t>
  </si>
  <si>
    <t>248.04</t>
  </si>
  <si>
    <t>15.094</t>
  </si>
  <si>
    <t>13989310.0</t>
  </si>
  <si>
    <t>5107746.0</t>
  </si>
  <si>
    <t>4970115.0</t>
  </si>
  <si>
    <t>3866176.0</t>
  </si>
  <si>
    <t>79386.0</t>
  </si>
  <si>
    <t>14.557</t>
  </si>
  <si>
    <t>14000728.0</t>
  </si>
  <si>
    <t>5108224.0</t>
  </si>
  <si>
    <t>4972766.0</t>
  </si>
  <si>
    <t>3874434.0</t>
  </si>
  <si>
    <t>248.37</t>
  </si>
  <si>
    <t>76457.0</t>
  </si>
  <si>
    <t>14012715.0</t>
  </si>
  <si>
    <t>5108759.0</t>
  </si>
  <si>
    <t>4976467.0</t>
  </si>
  <si>
    <t>3882153.0</t>
  </si>
  <si>
    <t>73529.0</t>
  </si>
  <si>
    <t>13.483</t>
  </si>
  <si>
    <t>14021186.0</t>
  </si>
  <si>
    <t>5109078.0</t>
  </si>
  <si>
    <t>4979148.0</t>
  </si>
  <si>
    <t>3887600.0</t>
  </si>
  <si>
    <t>14029373.0</t>
  </si>
  <si>
    <t>5109388.0</t>
  </si>
  <si>
    <t>4981173.0</t>
  </si>
  <si>
    <t>3893436.0</t>
  </si>
  <si>
    <t>248.88</t>
  </si>
  <si>
    <t>45800.0</t>
  </si>
  <si>
    <t>67057.0</t>
  </si>
  <si>
    <t>12.296</t>
  </si>
  <si>
    <t>14036398.0</t>
  </si>
  <si>
    <t>5109605.0</t>
  </si>
  <si>
    <t>4982866.0</t>
  </si>
  <si>
    <t>3898551.0</t>
  </si>
  <si>
    <t>63514.0</t>
  </si>
  <si>
    <t>11.646</t>
  </si>
  <si>
    <t>14043773.0</t>
  </si>
  <si>
    <t>5109833.0</t>
  </si>
  <si>
    <t>4984718.0</t>
  </si>
  <si>
    <t>3903834.0</t>
  </si>
  <si>
    <t>249.13</t>
  </si>
  <si>
    <t>10.997</t>
  </si>
  <si>
    <t>14051423.0</t>
  </si>
  <si>
    <t>5110087.0</t>
  </si>
  <si>
    <t>4986578.0</t>
  </si>
  <si>
    <t>3909356.0</t>
  </si>
  <si>
    <t>2868.1</t>
  </si>
  <si>
    <t>508.797020838308</t>
  </si>
  <si>
    <t>56429.0</t>
  </si>
  <si>
    <t>14060835.0</t>
  </si>
  <si>
    <t>5110496.0</t>
  </si>
  <si>
    <t>4988445.0</t>
  </si>
  <si>
    <t>3916466.0</t>
  </si>
  <si>
    <t>52886.0</t>
  </si>
  <si>
    <t>9.697</t>
  </si>
  <si>
    <t>14070717.0</t>
  </si>
  <si>
    <t>5110898.0</t>
  </si>
  <si>
    <t>4991360.0</t>
  </si>
  <si>
    <t>3923005.0</t>
  </si>
  <si>
    <t>14077616.0</t>
  </si>
  <si>
    <t>5111123.0</t>
  </si>
  <si>
    <t>4993664.0</t>
  </si>
  <si>
    <t>3927364.0</t>
  </si>
  <si>
    <t>249.73</t>
  </si>
  <si>
    <t>14084481.0</t>
  </si>
  <si>
    <t>5111332.0</t>
  </si>
  <si>
    <t>4994999.0</t>
  </si>
  <si>
    <t>3932674.0</t>
  </si>
  <si>
    <t>8.092</t>
  </si>
  <si>
    <t>14089984.0</t>
  </si>
  <si>
    <t>5111503.0</t>
  </si>
  <si>
    <t>4996140.0</t>
  </si>
  <si>
    <t>3936853.0</t>
  </si>
  <si>
    <t>14095586.0</t>
  </si>
  <si>
    <t>5111715.0</t>
  </si>
  <si>
    <t>4997254.0</t>
  </si>
  <si>
    <t>3941116.0</t>
  </si>
  <si>
    <t>14101710.0</t>
  </si>
  <si>
    <t>5111976.0</t>
  </si>
  <si>
    <t>4998492.0</t>
  </si>
  <si>
    <t>3945723.0</t>
  </si>
  <si>
    <t>14111069.0</t>
  </si>
  <si>
    <t>5112405.0</t>
  </si>
  <si>
    <t>5000311.0</t>
  </si>
  <si>
    <t>3952809.0</t>
  </si>
  <si>
    <t>14121185.0</t>
  </si>
  <si>
    <t>5113176.0</t>
  </si>
  <si>
    <t>5003089.0</t>
  </si>
  <si>
    <t>3959275.0</t>
  </si>
  <si>
    <t>14128230.0</t>
  </si>
  <si>
    <t>5113451.0</t>
  </si>
  <si>
    <t>5005154.0</t>
  </si>
  <si>
    <t>3963916.0</t>
  </si>
  <si>
    <t>14134717.0</t>
  </si>
  <si>
    <t>5113644.0</t>
  </si>
  <si>
    <t>5006305.0</t>
  </si>
  <si>
    <t>3969040.0</t>
  </si>
  <si>
    <t>14140873.0</t>
  </si>
  <si>
    <t>5113820.0</t>
  </si>
  <si>
    <t>5007600.0</t>
  </si>
  <si>
    <t>3973706.0</t>
  </si>
  <si>
    <t>33986.0</t>
  </si>
  <si>
    <t>14147442.0</t>
  </si>
  <si>
    <t>5114050.0</t>
  </si>
  <si>
    <t>5009063.0</t>
  </si>
  <si>
    <t>3978559.0</t>
  </si>
  <si>
    <t>250.97</t>
  </si>
  <si>
    <t>14153672.0</t>
  </si>
  <si>
    <t>5114243.0</t>
  </si>
  <si>
    <t>3983374.0</t>
  </si>
  <si>
    <t>251.08</t>
  </si>
  <si>
    <t>6.211</t>
  </si>
  <si>
    <t>14154272.0</t>
  </si>
  <si>
    <t>5114249.0</t>
  </si>
  <si>
    <t>5010307.0</t>
  </si>
  <si>
    <t>3983919.0</t>
  </si>
  <si>
    <t>251.09</t>
  </si>
  <si>
    <t>14165157.0</t>
  </si>
  <si>
    <t>5114855.0</t>
  </si>
  <si>
    <t>5012651.0</t>
  </si>
  <si>
    <t>3991753.0</t>
  </si>
  <si>
    <t>251.29</t>
  </si>
  <si>
    <t>14171065.0</t>
  </si>
  <si>
    <t>5115079.0</t>
  </si>
  <si>
    <t>5014098.0</t>
  </si>
  <si>
    <t>3995963.0</t>
  </si>
  <si>
    <t>14177036.0</t>
  </si>
  <si>
    <t>5115280.0</t>
  </si>
  <si>
    <t>5015111.0</t>
  </si>
  <si>
    <t>4000706.0</t>
  </si>
  <si>
    <t>32900.0</t>
  </si>
  <si>
    <t>33586.0</t>
  </si>
  <si>
    <t>14182145.0</t>
  </si>
  <si>
    <t>5115402.0</t>
  </si>
  <si>
    <t>5015946.0</t>
  </si>
  <si>
    <t>4004855.0</t>
  </si>
  <si>
    <t>14187209.0</t>
  </si>
  <si>
    <t>5115563.0</t>
  </si>
  <si>
    <t>5016811.0</t>
  </si>
  <si>
    <t>4008882.0</t>
  </si>
  <si>
    <t>251.68</t>
  </si>
  <si>
    <t>14192457.0</t>
  </si>
  <si>
    <t>5115757.0</t>
  </si>
  <si>
    <t>5017661.0</t>
  </si>
  <si>
    <t>4013067.0</t>
  </si>
  <si>
    <t>33243.0</t>
  </si>
  <si>
    <t>14200251.0</t>
  </si>
  <si>
    <t>5116190.0</t>
  </si>
  <si>
    <t>5018975.0</t>
  </si>
  <si>
    <t>4019063.0</t>
  </si>
  <si>
    <t>251.91</t>
  </si>
  <si>
    <t>14208573.0</t>
  </si>
  <si>
    <t>5116660.0</t>
  </si>
  <si>
    <t>5020641.0</t>
  </si>
  <si>
    <t>4025186.0</t>
  </si>
  <si>
    <t>33014.0</t>
  </si>
  <si>
    <t>14214952.0</t>
  </si>
  <si>
    <t>5116885.0</t>
  </si>
  <si>
    <t>5022108.0</t>
  </si>
  <si>
    <t>4029854.0</t>
  </si>
  <si>
    <t>14220924.0</t>
  </si>
  <si>
    <t>5117048.0</t>
  </si>
  <si>
    <t>5022932.0</t>
  </si>
  <si>
    <t>4034818.0</t>
  </si>
  <si>
    <t>14225998.0</t>
  </si>
  <si>
    <t>5117180.0</t>
  </si>
  <si>
    <t>5023711.0</t>
  </si>
  <si>
    <t>4038961.0</t>
  </si>
  <si>
    <t>252.37</t>
  </si>
  <si>
    <t>14230718.0</t>
  </si>
  <si>
    <t>5117335.0</t>
  </si>
  <si>
    <t>5024413.0</t>
  </si>
  <si>
    <t>4042810.0</t>
  </si>
  <si>
    <t>252.45</t>
  </si>
  <si>
    <t>14235808.0</t>
  </si>
  <si>
    <t>5117510.0</t>
  </si>
  <si>
    <t>5025238.0</t>
  </si>
  <si>
    <t>4046874.0</t>
  </si>
  <si>
    <t>252.54</t>
  </si>
  <si>
    <t>14244872.0</t>
  </si>
  <si>
    <t>5117959.0</t>
  </si>
  <si>
    <t>5026685.0</t>
  </si>
  <si>
    <t>4053977.0</t>
  </si>
  <si>
    <t>14255908.0</t>
  </si>
  <si>
    <t>5118372.0</t>
  </si>
  <si>
    <t>5028743.0</t>
  </si>
  <si>
    <t>4062481.0</t>
  </si>
  <si>
    <t>556.322114762014</t>
  </si>
  <si>
    <t>14256683.0</t>
  </si>
  <si>
    <t>5118375.0</t>
  </si>
  <si>
    <t>5028785.0</t>
  </si>
  <si>
    <t>4063212.0</t>
  </si>
  <si>
    <t>14263675.0</t>
  </si>
  <si>
    <t>5118579.0</t>
  </si>
  <si>
    <t>5029787.0</t>
  </si>
  <si>
    <t>4068978.0</t>
  </si>
  <si>
    <t>253.04</t>
  </si>
  <si>
    <t>14264059.0</t>
  </si>
  <si>
    <t>5118583.0</t>
  </si>
  <si>
    <t>5029823.0</t>
  </si>
  <si>
    <t>4069324.0</t>
  </si>
  <si>
    <t>14271106.0</t>
  </si>
  <si>
    <t>5118737.0</t>
  </si>
  <si>
    <t>5030602.0</t>
  </si>
  <si>
    <t>4075422.0</t>
  </si>
  <si>
    <t>14276683.0</t>
  </si>
  <si>
    <t>5118846.0</t>
  </si>
  <si>
    <t>5031256.0</t>
  </si>
  <si>
    <t>4080229.0</t>
  </si>
  <si>
    <t>14283479.0</t>
  </si>
  <si>
    <t>5119036.0</t>
  </si>
  <si>
    <t>5032005.0</t>
  </si>
  <si>
    <t>4086066.0</t>
  </si>
  <si>
    <t>253.39</t>
  </si>
  <si>
    <t>14290598.0</t>
  </si>
  <si>
    <t>5119291.0</t>
  </si>
  <si>
    <t>5033194.0</t>
  </si>
  <si>
    <t>4091702.0</t>
  </si>
  <si>
    <t>14295493.0</t>
  </si>
  <si>
    <t>5119464.0</t>
  </si>
  <si>
    <t>5034274.0</t>
  </si>
  <si>
    <t>4095322.0</t>
  </si>
  <si>
    <t>14301763.0</t>
  </si>
  <si>
    <t>5119561.0</t>
  </si>
  <si>
    <t>5035321.0</t>
  </si>
  <si>
    <t>4100434.0</t>
  </si>
  <si>
    <t>5.024</t>
  </si>
  <si>
    <t>14307021.0</t>
  </si>
  <si>
    <t>5119664.0</t>
  </si>
  <si>
    <t>5036299.0</t>
  </si>
  <si>
    <t>4104604.0</t>
  </si>
  <si>
    <t>14311920.0</t>
  </si>
  <si>
    <t>5119775.0</t>
  </si>
  <si>
    <t>5037283.0</t>
  </si>
  <si>
    <t>4108396.0</t>
  </si>
  <si>
    <t>253.89</t>
  </si>
  <si>
    <t>14317388.0</t>
  </si>
  <si>
    <t>5119917.0</t>
  </si>
  <si>
    <t>5038336.0</t>
  </si>
  <si>
    <t>4112647.0</t>
  </si>
  <si>
    <t>14326121.0</t>
  </si>
  <si>
    <t>5120228.0</t>
  </si>
  <si>
    <t>5039754.0</t>
  </si>
  <si>
    <t>4119604.0</t>
  </si>
  <si>
    <t>254.14</t>
  </si>
  <si>
    <t>14334134.0</t>
  </si>
  <si>
    <t>5120458.0</t>
  </si>
  <si>
    <t>5041711.0</t>
  </si>
  <si>
    <t>4125389.0</t>
  </si>
  <si>
    <t>254.29</t>
  </si>
  <si>
    <t>14334822.0</t>
  </si>
  <si>
    <t>5120460.0</t>
  </si>
  <si>
    <t>5041909.0</t>
  </si>
  <si>
    <t>4125877.0</t>
  </si>
  <si>
    <t>14342746.0</t>
  </si>
  <si>
    <t>5120679.0</t>
  </si>
  <si>
    <t>5044423.0</t>
  </si>
  <si>
    <t>4131026.0</t>
  </si>
  <si>
    <t>27271.0</t>
  </si>
  <si>
    <t>14349994.0</t>
  </si>
  <si>
    <t>5045985.0</t>
  </si>
  <si>
    <t>4136572.0</t>
  </si>
  <si>
    <t>254.57</t>
  </si>
  <si>
    <t>27143.0</t>
  </si>
  <si>
    <t>14356169.0</t>
  </si>
  <si>
    <t>5120957.0</t>
  </si>
  <si>
    <t>5047368.0</t>
  </si>
  <si>
    <t>4141183.0</t>
  </si>
  <si>
    <t>254.68</t>
  </si>
  <si>
    <t>14361435.0</t>
  </si>
  <si>
    <t>5121115.0</t>
  </si>
  <si>
    <t>5048413.0</t>
  </si>
  <si>
    <t>4145236.0</t>
  </si>
  <si>
    <t>254.77</t>
  </si>
  <si>
    <t>14368746.0</t>
  </si>
  <si>
    <t>5121377.0</t>
  </si>
  <si>
    <t>5049764.0</t>
  </si>
  <si>
    <t>4150898.0</t>
  </si>
  <si>
    <t>14377828.0</t>
  </si>
  <si>
    <t>5121713.0</t>
  </si>
  <si>
    <t>5052180.0</t>
  </si>
  <si>
    <t>4157171.0</t>
  </si>
  <si>
    <t>255.06</t>
  </si>
  <si>
    <t>14383680.0</t>
  </si>
  <si>
    <t>5121909.0</t>
  </si>
  <si>
    <t>5053817.0</t>
  </si>
  <si>
    <t>4161167.0</t>
  </si>
  <si>
    <t>14388895.0</t>
  </si>
  <si>
    <t>5122035.0</t>
  </si>
  <si>
    <t>5054582.0</t>
  </si>
  <si>
    <t>4165474.0</t>
  </si>
  <si>
    <t>255.26</t>
  </si>
  <si>
    <t>14394348.0</t>
  </si>
  <si>
    <t>5122185.0</t>
  </si>
  <si>
    <t>5055346.0</t>
  </si>
  <si>
    <t>4169998.0</t>
  </si>
  <si>
    <t>255.35</t>
  </si>
  <si>
    <t>14399140.0</t>
  </si>
  <si>
    <t>5122327.0</t>
  </si>
  <si>
    <t>5056057.0</t>
  </si>
  <si>
    <t>4173922.0</t>
  </si>
  <si>
    <t>255.44</t>
  </si>
  <si>
    <t>14404144.0</t>
  </si>
  <si>
    <t>5122516.0</t>
  </si>
  <si>
    <t>5056709.0</t>
  </si>
  <si>
    <t>4178072.0</t>
  </si>
  <si>
    <t>255.53</t>
  </si>
  <si>
    <t>14411693.0</t>
  </si>
  <si>
    <t>5122854.0</t>
  </si>
  <si>
    <t>5057678.0</t>
  </si>
  <si>
    <t>4184259.0</t>
  </si>
  <si>
    <t>255.66</t>
  </si>
  <si>
    <t>23571.0</t>
  </si>
  <si>
    <t>14420285.0</t>
  </si>
  <si>
    <t>5123207.0</t>
  </si>
  <si>
    <t>5059298.0</t>
  </si>
  <si>
    <t>4190831.0</t>
  </si>
  <si>
    <t>255.81</t>
  </si>
  <si>
    <t>14426692.0</t>
  </si>
  <si>
    <t>5123454.0</t>
  </si>
  <si>
    <t>5060660.0</t>
  </si>
  <si>
    <t>4195594.0</t>
  </si>
  <si>
    <t>14433670.0</t>
  </si>
  <si>
    <t>5123733.0</t>
  </si>
  <si>
    <t>5061537.0</t>
  </si>
  <si>
    <t>4201369.0</t>
  </si>
  <si>
    <t>14440562.0</t>
  </si>
  <si>
    <t>5123954.0</t>
  </si>
  <si>
    <t>5062500.0</t>
  </si>
  <si>
    <t>4207048.0</t>
  </si>
  <si>
    <t>256.17</t>
  </si>
  <si>
    <t>3404.1</t>
  </si>
  <si>
    <t>603.882688412428</t>
  </si>
  <si>
    <t>14444291.0</t>
  </si>
  <si>
    <t>5124175.0</t>
  </si>
  <si>
    <t>5063140.0</t>
  </si>
  <si>
    <t>4209882.0</t>
  </si>
  <si>
    <t>256.24</t>
  </si>
  <si>
    <t>14447827.0</t>
  </si>
  <si>
    <t>5124335.0</t>
  </si>
  <si>
    <t>5063723.0</t>
  </si>
  <si>
    <t>4212653.0</t>
  </si>
  <si>
    <t>14452356.0</t>
  </si>
  <si>
    <t>5124564.0</t>
  </si>
  <si>
    <t>5064394.0</t>
  </si>
  <si>
    <t>4216247.0</t>
  </si>
  <si>
    <t>14457758.0</t>
  </si>
  <si>
    <t>5124868.0</t>
  </si>
  <si>
    <t>5065579.0</t>
  </si>
  <si>
    <t>4220113.0</t>
  </si>
  <si>
    <t>256.48</t>
  </si>
  <si>
    <t>14461374.0</t>
  </si>
  <si>
    <t>5125037.0</t>
  </si>
  <si>
    <t>5066505.0</t>
  </si>
  <si>
    <t>4222619.0</t>
  </si>
  <si>
    <t>14465430.0</t>
  </si>
  <si>
    <t>5125248.0</t>
  </si>
  <si>
    <t>5066978.0</t>
  </si>
  <si>
    <t>4225961.0</t>
  </si>
  <si>
    <t>256.61</t>
  </si>
  <si>
    <t>14468720.0</t>
  </si>
  <si>
    <t>5125410.0</t>
  </si>
  <si>
    <t>5067372.0</t>
  </si>
  <si>
    <t>4228673.0</t>
  </si>
  <si>
    <t>14472024.0</t>
  </si>
  <si>
    <t>5125621.0</t>
  </si>
  <si>
    <t>5067730.0</t>
  </si>
  <si>
    <t>4231385.0</t>
  </si>
  <si>
    <t>256.73</t>
  </si>
  <si>
    <t>14475113.0</t>
  </si>
  <si>
    <t>5125809.0</t>
  </si>
  <si>
    <t>5068125.0</t>
  </si>
  <si>
    <t>4233871.0</t>
  </si>
  <si>
    <t>14479088.0</t>
  </si>
  <si>
    <t>5125969.0</t>
  </si>
  <si>
    <t>5068697.0</t>
  </si>
  <si>
    <t>4237102.0</t>
  </si>
  <si>
    <t>256.86</t>
  </si>
  <si>
    <t>14483524.0</t>
  </si>
  <si>
    <t>5126119.0</t>
  </si>
  <si>
    <t>5069627.0</t>
  </si>
  <si>
    <t>4240439.0</t>
  </si>
  <si>
    <t>256.94</t>
  </si>
  <si>
    <t>24029.0</t>
  </si>
  <si>
    <t>14486240.0</t>
  </si>
  <si>
    <t>5126180.0</t>
  </si>
  <si>
    <t>5070277.0</t>
  </si>
  <si>
    <t>4242437.0</t>
  </si>
  <si>
    <t>14489579.0</t>
  </si>
  <si>
    <t>5126349.0</t>
  </si>
  <si>
    <t>5070720.0</t>
  </si>
  <si>
    <t>4245138.0</t>
  </si>
  <si>
    <t>257.04</t>
  </si>
  <si>
    <t>14492580.0</t>
  </si>
  <si>
    <t>5126475.0</t>
  </si>
  <si>
    <t>4247591.0</t>
  </si>
  <si>
    <t>14495174.0</t>
  </si>
  <si>
    <t>5126635.0</t>
  </si>
  <si>
    <t>5071404.0</t>
  </si>
  <si>
    <t>4249741.0</t>
  </si>
  <si>
    <t>14497807.0</t>
  </si>
  <si>
    <t>5126791.0</t>
  </si>
  <si>
    <t>5071724.0</t>
  </si>
  <si>
    <t>4251883.0</t>
  </si>
  <si>
    <t>257.19</t>
  </si>
  <si>
    <t>14501222.0</t>
  </si>
  <si>
    <t>5126990.0</t>
  </si>
  <si>
    <t>5072176.0</t>
  </si>
  <si>
    <t>4254626.0</t>
  </si>
  <si>
    <t>257.25</t>
  </si>
  <si>
    <t>14504643.0</t>
  </si>
  <si>
    <t>5127160.0</t>
  </si>
  <si>
    <t>5072825.0</t>
  </si>
  <si>
    <t>4257215.0</t>
  </si>
  <si>
    <t>257.31</t>
  </si>
  <si>
    <t>14506965.0</t>
  </si>
  <si>
    <t>5127256.0</t>
  </si>
  <si>
    <t>5073335.0</t>
  </si>
  <si>
    <t>4258921.0</t>
  </si>
  <si>
    <t>14510173.0</t>
  </si>
  <si>
    <t>5127445.0</t>
  </si>
  <si>
    <t>5073835.0</t>
  </si>
  <si>
    <t>4261421.0</t>
  </si>
  <si>
    <t>257.41</t>
  </si>
  <si>
    <t>14513457.0</t>
  </si>
  <si>
    <t>5127614.0</t>
  </si>
  <si>
    <t>5074371.0</t>
  </si>
  <si>
    <t>4263980.0</t>
  </si>
  <si>
    <t>257.47</t>
  </si>
  <si>
    <t>14516795.0</t>
  </si>
  <si>
    <t>5127845.0</t>
  </si>
  <si>
    <t>5074990.0</t>
  </si>
  <si>
    <t>4266446.0</t>
  </si>
  <si>
    <t>257.53</t>
  </si>
  <si>
    <t>14519990.0</t>
  </si>
  <si>
    <t>5128042.0</t>
  </si>
  <si>
    <t>5075487.0</t>
  </si>
  <si>
    <t>4268931.0</t>
  </si>
  <si>
    <t>14524038.0</t>
  </si>
  <si>
    <t>5128272.0</t>
  </si>
  <si>
    <t>5076026.0</t>
  </si>
  <si>
    <t>4272182.0</t>
  </si>
  <si>
    <t>257.65</t>
  </si>
  <si>
    <t>14528174.0</t>
  </si>
  <si>
    <t>5128470.0</t>
  </si>
  <si>
    <t>5076930.0</t>
  </si>
  <si>
    <t>4275203.0</t>
  </si>
  <si>
    <t>14530374.0</t>
  </si>
  <si>
    <t>5128555.0</t>
  </si>
  <si>
    <t>5077422.0</t>
  </si>
  <si>
    <t>4276823.0</t>
  </si>
  <si>
    <t>257.77</t>
  </si>
  <si>
    <t>14533281.0</t>
  </si>
  <si>
    <t>5128673.0</t>
  </si>
  <si>
    <t>5077732.0</t>
  </si>
  <si>
    <t>4279292.0</t>
  </si>
  <si>
    <t>14536005.0</t>
  </si>
  <si>
    <t>5128751.0</t>
  </si>
  <si>
    <t>5078002.0</t>
  </si>
  <si>
    <t>4281660.0</t>
  </si>
  <si>
    <t>257.87</t>
  </si>
  <si>
    <t>14539279.0</t>
  </si>
  <si>
    <t>5128975.0</t>
  </si>
  <si>
    <t>5078406.0</t>
  </si>
  <si>
    <t>4284290.0</t>
  </si>
  <si>
    <t>257.92</t>
  </si>
  <si>
    <t>14543219.0</t>
  </si>
  <si>
    <t>5129194.0</t>
  </si>
  <si>
    <t>5078876.0</t>
  </si>
  <si>
    <t>4287524.0</t>
  </si>
  <si>
    <t>257.99</t>
  </si>
  <si>
    <t>3565.4</t>
  </si>
  <si>
    <t>632.497088001431</t>
  </si>
  <si>
    <t>14545784.0</t>
  </si>
  <si>
    <t>5129332.0</t>
  </si>
  <si>
    <t>5079053.0</t>
  </si>
  <si>
    <t>4289767.0</t>
  </si>
  <si>
    <t>258.04</t>
  </si>
  <si>
    <t>14548378.0</t>
  </si>
  <si>
    <t>5129474.0</t>
  </si>
  <si>
    <t>5079267.0</t>
  </si>
  <si>
    <t>4291998.0</t>
  </si>
  <si>
    <t>14549280.0</t>
  </si>
  <si>
    <t>5129518.0</t>
  </si>
  <si>
    <t>5079345.0</t>
  </si>
  <si>
    <t>4292773.0</t>
  </si>
  <si>
    <t>14551825.0</t>
  </si>
  <si>
    <t>5129665.0</t>
  </si>
  <si>
    <t>5079541.0</t>
  </si>
  <si>
    <t>4294965.0</t>
  </si>
  <si>
    <t>14553808.0</t>
  </si>
  <si>
    <t>5129746.0</t>
  </si>
  <si>
    <t>5079661.0</t>
  </si>
  <si>
    <t>4296741.0</t>
  </si>
  <si>
    <t>14555978.0</t>
  </si>
  <si>
    <t>5129918.0</t>
  </si>
  <si>
    <t>5079825.0</t>
  </si>
  <si>
    <t>4298555.0</t>
  </si>
  <si>
    <t>258.22</t>
  </si>
  <si>
    <t>14558077.0</t>
  </si>
  <si>
    <t>5130063.0</t>
  </si>
  <si>
    <t>5079987.0</t>
  </si>
  <si>
    <t>4300336.0</t>
  </si>
  <si>
    <t>14561266.0</t>
  </si>
  <si>
    <t>5130261.0</t>
  </si>
  <si>
    <t>5080247.0</t>
  </si>
  <si>
    <t>4303054.0</t>
  </si>
  <si>
    <t>14564185.0</t>
  </si>
  <si>
    <t>5130401.0</t>
  </si>
  <si>
    <t>5080539.0</t>
  </si>
  <si>
    <t>4305532.0</t>
  </si>
  <si>
    <t>258.37</t>
  </si>
  <si>
    <t>14564497.0</t>
  </si>
  <si>
    <t>5130438.0</t>
  </si>
  <si>
    <t>5080576.0</t>
  </si>
  <si>
    <t>4305771.0</t>
  </si>
  <si>
    <t>14564740.0</t>
  </si>
  <si>
    <t>5130466.0</t>
  </si>
  <si>
    <t>5080599.0</t>
  </si>
  <si>
    <t>4305964.0</t>
  </si>
  <si>
    <t>258.38</t>
  </si>
  <si>
    <t>14567146.0</t>
  </si>
  <si>
    <t>5130563.0</t>
  </si>
  <si>
    <t>5080758.0</t>
  </si>
  <si>
    <t>4308108.0</t>
  </si>
  <si>
    <t>258.42</t>
  </si>
  <si>
    <t>14569226.0</t>
  </si>
  <si>
    <t>5080923.0</t>
  </si>
  <si>
    <t>4309878.0</t>
  </si>
  <si>
    <t>14571385.0</t>
  </si>
  <si>
    <t>5130862.0</t>
  </si>
  <si>
    <t>5081083.0</t>
  </si>
  <si>
    <t>4311706.0</t>
  </si>
  <si>
    <t>258.49</t>
  </si>
  <si>
    <t>14574229.0</t>
  </si>
  <si>
    <t>5131030.0</t>
  </si>
  <si>
    <t>5081314.0</t>
  </si>
  <si>
    <t>4314133.0</t>
  </si>
  <si>
    <t>258.54</t>
  </si>
  <si>
    <t>14576994.0</t>
  </si>
  <si>
    <t>5131143.0</t>
  </si>
  <si>
    <t>5081559.0</t>
  </si>
  <si>
    <t>4316533.0</t>
  </si>
  <si>
    <t>258.59</t>
  </si>
  <si>
    <t>14577912.0</t>
  </si>
  <si>
    <t>5131183.0</t>
  </si>
  <si>
    <t>5081625.0</t>
  </si>
  <si>
    <t>4317341.0</t>
  </si>
  <si>
    <t>258.61</t>
  </si>
  <si>
    <t>14580358.0</t>
  </si>
  <si>
    <t>5131313.0</t>
  </si>
  <si>
    <t>5081782.0</t>
  </si>
  <si>
    <t>4319495.0</t>
  </si>
  <si>
    <t>258.65</t>
  </si>
  <si>
    <t>14582342.0</t>
  </si>
  <si>
    <t>5131438.0</t>
  </si>
  <si>
    <t>5081915.0</t>
  </si>
  <si>
    <t>4321220.0</t>
  </si>
  <si>
    <t>258.69</t>
  </si>
  <si>
    <t>14584243.0</t>
  </si>
  <si>
    <t>5131621.0</t>
  </si>
  <si>
    <t>5082102.0</t>
  </si>
  <si>
    <t>4322744.0</t>
  </si>
  <si>
    <t>258.72</t>
  </si>
  <si>
    <t>14586177.0</t>
  </si>
  <si>
    <t>5131765.0</t>
  </si>
  <si>
    <t>5082293.0</t>
  </si>
  <si>
    <t>4324337.0</t>
  </si>
  <si>
    <t>258.76</t>
  </si>
  <si>
    <t>14588791.0</t>
  </si>
  <si>
    <t>5131964.0</t>
  </si>
  <si>
    <t>5082546.0</t>
  </si>
  <si>
    <t>4326489.0</t>
  </si>
  <si>
    <t>14591230.0</t>
  </si>
  <si>
    <t>5132113.0</t>
  </si>
  <si>
    <t>5082819.0</t>
  </si>
  <si>
    <t>4328498.0</t>
  </si>
  <si>
    <t>258.85</t>
  </si>
  <si>
    <t>14591991.0</t>
  </si>
  <si>
    <t>5132161.0</t>
  </si>
  <si>
    <t>5082889.0</t>
  </si>
  <si>
    <t>4329140.0</t>
  </si>
  <si>
    <t>258.86</t>
  </si>
  <si>
    <t>14594242.0</t>
  </si>
  <si>
    <t>5132312.0</t>
  </si>
  <si>
    <t>5083091.0</t>
  </si>
  <si>
    <t>4331036.0</t>
  </si>
  <si>
    <t>14596122.0</t>
  </si>
  <si>
    <t>5132419.0</t>
  </si>
  <si>
    <t>5083239.0</t>
  </si>
  <si>
    <t>4332663.0</t>
  </si>
  <si>
    <t>14598066.0</t>
  </si>
  <si>
    <t>5132592.0</t>
  </si>
  <si>
    <t>5083430.0</t>
  </si>
  <si>
    <t>4334241.0</t>
  </si>
  <si>
    <t>14599892.0</t>
  </si>
  <si>
    <t>5132746.0</t>
  </si>
  <si>
    <t>5083578.0</t>
  </si>
  <si>
    <t>4335763.0</t>
  </si>
  <si>
    <t>14602235.0</t>
  </si>
  <si>
    <t>5132904.0</t>
  </si>
  <si>
    <t>5083820.0</t>
  </si>
  <si>
    <t>4337703.0</t>
  </si>
  <si>
    <t>259.04</t>
  </si>
  <si>
    <t>14604452.0</t>
  </si>
  <si>
    <t>5133026.0</t>
  </si>
  <si>
    <t>5084055.0</t>
  </si>
  <si>
    <t>4339563.0</t>
  </si>
  <si>
    <t>259.08</t>
  </si>
  <si>
    <t>14605033.0</t>
  </si>
  <si>
    <t>5133061.0</t>
  </si>
  <si>
    <t>5084111.0</t>
  </si>
  <si>
    <t>4340053.0</t>
  </si>
  <si>
    <t>259.09</t>
  </si>
  <si>
    <t>3956.3</t>
  </si>
  <si>
    <t>701.842213849795</t>
  </si>
  <si>
    <t>14606966.0</t>
  </si>
  <si>
    <t>5133208.0</t>
  </si>
  <si>
    <t>5084273.0</t>
  </si>
  <si>
    <t>4341679.0</t>
  </si>
  <si>
    <t>259.13</t>
  </si>
  <si>
    <t>14608652.0</t>
  </si>
  <si>
    <t>5133336.0</t>
  </si>
  <si>
    <t>5084440.0</t>
  </si>
  <si>
    <t>4343070.0</t>
  </si>
  <si>
    <t>14610218.0</t>
  </si>
  <si>
    <t>5133499.0</t>
  </si>
  <si>
    <t>5084605.0</t>
  </si>
  <si>
    <t>4344307.0</t>
  </si>
  <si>
    <t>259.18</t>
  </si>
  <si>
    <t>14611820.0</t>
  </si>
  <si>
    <t>5133653.0</t>
  </si>
  <si>
    <t>5084773.0</t>
  </si>
  <si>
    <t>4345584.0</t>
  </si>
  <si>
    <t>259.21</t>
  </si>
  <si>
    <t>14614149.0</t>
  </si>
  <si>
    <t>5133818.0</t>
  </si>
  <si>
    <t>5085025.0</t>
  </si>
  <si>
    <t>4347497.0</t>
  </si>
  <si>
    <t>259.25</t>
  </si>
  <si>
    <t>14616347.0</t>
  </si>
  <si>
    <t>5133953.0</t>
  </si>
  <si>
    <t>5085249.0</t>
  </si>
  <si>
    <t>4349337.0</t>
  </si>
  <si>
    <t>259.29</t>
  </si>
  <si>
    <t>14617055.0</t>
  </si>
  <si>
    <t>5134005.0</t>
  </si>
  <si>
    <t>5085313.0</t>
  </si>
  <si>
    <t>4349927.0</t>
  </si>
  <si>
    <t>14619046.0</t>
  </si>
  <si>
    <t>5134158.0</t>
  </si>
  <si>
    <t>5085504.0</t>
  </si>
  <si>
    <t>4351575.0</t>
  </si>
  <si>
    <t>259.34</t>
  </si>
  <si>
    <t>14619276.0</t>
  </si>
  <si>
    <t>5134207.0</t>
  </si>
  <si>
    <t>5085542.0</t>
  </si>
  <si>
    <t>4351718.0</t>
  </si>
  <si>
    <t>14621353.0</t>
  </si>
  <si>
    <t>5134362.0</t>
  </si>
  <si>
    <t>5085790.0</t>
  </si>
  <si>
    <t>4353390.0</t>
  </si>
  <si>
    <t>259.38</t>
  </si>
  <si>
    <t>14622919.0</t>
  </si>
  <si>
    <t>5134474.0</t>
  </si>
  <si>
    <t>5085960.0</t>
  </si>
  <si>
    <t>4354669.0</t>
  </si>
  <si>
    <t>259.41</t>
  </si>
  <si>
    <t>14624938.0</t>
  </si>
  <si>
    <t>5134606.0</t>
  </si>
  <si>
    <t>5086200.0</t>
  </si>
  <si>
    <t>4356314.0</t>
  </si>
  <si>
    <t>259.44</t>
  </si>
  <si>
    <t>14626691.0</t>
  </si>
  <si>
    <t>5134698.0</t>
  </si>
  <si>
    <t>5086378.0</t>
  </si>
  <si>
    <t>4357795.0</t>
  </si>
  <si>
    <t>259.48</t>
  </si>
  <si>
    <t>14627133.0</t>
  </si>
  <si>
    <t>5134731.0</t>
  </si>
  <si>
    <t>5086439.0</t>
  </si>
  <si>
    <t>4358143.0</t>
  </si>
  <si>
    <t>14629022.0</t>
  </si>
  <si>
    <t>5134861.0</t>
  </si>
  <si>
    <t>5086642.0</t>
  </si>
  <si>
    <t>4359700.0</t>
  </si>
  <si>
    <t>259.52</t>
  </si>
  <si>
    <t>14630546.0</t>
  </si>
  <si>
    <t>5134962.0</t>
  </si>
  <si>
    <t>5086776.0</t>
  </si>
  <si>
    <t>4360986.0</t>
  </si>
  <si>
    <t>259.54</t>
  </si>
  <si>
    <t>14631951.0</t>
  </si>
  <si>
    <t>5135058.0</t>
  </si>
  <si>
    <t>5086892.0</t>
  </si>
  <si>
    <t>4362179.0</t>
  </si>
  <si>
    <t>259.57</t>
  </si>
  <si>
    <t>14633382.0</t>
  </si>
  <si>
    <t>5135140.0</t>
  </si>
  <si>
    <t>5087014.0</t>
  </si>
  <si>
    <t>4363403.0</t>
  </si>
  <si>
    <t>259.59</t>
  </si>
  <si>
    <t>14635502.0</t>
  </si>
  <si>
    <t>5135243.0</t>
  </si>
  <si>
    <t>5087232.0</t>
  </si>
  <si>
    <t>4365198.0</t>
  </si>
  <si>
    <t>259.63</t>
  </si>
  <si>
    <t>14638286.0</t>
  </si>
  <si>
    <t>5135325.0</t>
  </si>
  <si>
    <t>5087466.0</t>
  </si>
  <si>
    <t>4367664.0</t>
  </si>
  <si>
    <t>259.68</t>
  </si>
  <si>
    <t>14639168.0</t>
  </si>
  <si>
    <t>5135350.0</t>
  </si>
  <si>
    <t>5087550.0</t>
  </si>
  <si>
    <t>4368438.0</t>
  </si>
  <si>
    <t>14641124.0</t>
  </si>
  <si>
    <t>5135431.0</t>
  </si>
  <si>
    <t>5087712.0</t>
  </si>
  <si>
    <t>4370150.0</t>
  </si>
  <si>
    <t>14642684.0</t>
  </si>
  <si>
    <t>5135488.0</t>
  </si>
  <si>
    <t>5087852.0</t>
  </si>
  <si>
    <t>4371513.0</t>
  </si>
  <si>
    <t>259.76</t>
  </si>
  <si>
    <t>14644225.0</t>
  </si>
  <si>
    <t>5135563.0</t>
  </si>
  <si>
    <t>5087993.0</t>
  </si>
  <si>
    <t>4372838.0</t>
  </si>
  <si>
    <t>259.79</t>
  </si>
  <si>
    <t>14645812.0</t>
  </si>
  <si>
    <t>5135647.0</t>
  </si>
  <si>
    <t>5088200.0</t>
  </si>
  <si>
    <t>4374133.0</t>
  </si>
  <si>
    <t>259.81</t>
  </si>
  <si>
    <t>14648003.0</t>
  </si>
  <si>
    <t>5135760.0</t>
  </si>
  <si>
    <t>5088460.0</t>
  </si>
  <si>
    <t>4375949.0</t>
  </si>
  <si>
    <t>259.85</t>
  </si>
  <si>
    <t>14650618.0</t>
  </si>
  <si>
    <t>5135820.0</t>
  </si>
  <si>
    <t>5088773.0</t>
  </si>
  <si>
    <t>4378192.0</t>
  </si>
  <si>
    <t>14651403.0</t>
  </si>
  <si>
    <t>5135840.0</t>
  </si>
  <si>
    <t>5088879.0</t>
  </si>
  <si>
    <t>4378853.0</t>
  </si>
  <si>
    <t>259.91</t>
  </si>
  <si>
    <t>14653184.0</t>
  </si>
  <si>
    <t>5135909.0</t>
  </si>
  <si>
    <t>5089070.0</t>
  </si>
  <si>
    <t>4380368.0</t>
  </si>
  <si>
    <t>259.95</t>
  </si>
  <si>
    <t>14654582.0</t>
  </si>
  <si>
    <t>5135964.0</t>
  </si>
  <si>
    <t>5089231.0</t>
  </si>
  <si>
    <t>4381550.0</t>
  </si>
  <si>
    <t>259.97</t>
  </si>
  <si>
    <t>14656154.0</t>
  </si>
  <si>
    <t>5136038.0</t>
  </si>
  <si>
    <t>5089428.0</t>
  </si>
  <si>
    <t>4382847.0</t>
  </si>
  <si>
    <t>4353.2</t>
  </si>
  <si>
    <t>772.251731499363</t>
  </si>
  <si>
    <t>14657952.0</t>
  </si>
  <si>
    <t>5136158.0</t>
  </si>
  <si>
    <t>5089692.0</t>
  </si>
  <si>
    <t>4384262.0</t>
  </si>
  <si>
    <t>260.03</t>
  </si>
  <si>
    <t>14660307.0</t>
  </si>
  <si>
    <t>5136338.0</t>
  </si>
  <si>
    <t>5090033.0</t>
  </si>
  <si>
    <t>4386096.0</t>
  </si>
  <si>
    <t>14662463.0</t>
  </si>
  <si>
    <t>5136440.0</t>
  </si>
  <si>
    <t>5090302.0</t>
  </si>
  <si>
    <t>4387879.0</t>
  </si>
  <si>
    <t>14663230.0</t>
  </si>
  <si>
    <t>5136483.0</t>
  </si>
  <si>
    <t>5090411.0</t>
  </si>
  <si>
    <t>4388491.0</t>
  </si>
  <si>
    <t>260.12</t>
  </si>
  <si>
    <t>14665324.0</t>
  </si>
  <si>
    <t>5136617.0</t>
  </si>
  <si>
    <t>5090689.0</t>
  </si>
  <si>
    <t>4390168.0</t>
  </si>
  <si>
    <t>260.16</t>
  </si>
  <si>
    <t>14667087.0</t>
  </si>
  <si>
    <t>5136751.0</t>
  </si>
  <si>
    <t>5090973.0</t>
  </si>
  <si>
    <t>14668768.0</t>
  </si>
  <si>
    <t>5136886.0</t>
  </si>
  <si>
    <t>5091259.0</t>
  </si>
  <si>
    <t>4392765.0</t>
  </si>
  <si>
    <t>260.22</t>
  </si>
  <si>
    <t>14670324.0</t>
  </si>
  <si>
    <t>5136973.0</t>
  </si>
  <si>
    <t>5091481.0</t>
  </si>
  <si>
    <t>4394010.0</t>
  </si>
  <si>
    <t>260.25</t>
  </si>
  <si>
    <t>14672196.0</t>
  </si>
  <si>
    <t>5137083.0</t>
  </si>
  <si>
    <t>5091748.0</t>
  </si>
  <si>
    <t>4395500.0</t>
  </si>
  <si>
    <t>260.28</t>
  </si>
  <si>
    <t>14673778.0</t>
  </si>
  <si>
    <t>5137156.0</t>
  </si>
  <si>
    <t>5091933.0</t>
  </si>
  <si>
    <t>4396821.0</t>
  </si>
  <si>
    <t>260.31</t>
  </si>
  <si>
    <t>14674238.0</t>
  </si>
  <si>
    <t>5137179.0</t>
  </si>
  <si>
    <t>5091997.0</t>
  </si>
  <si>
    <t>4397196.0</t>
  </si>
  <si>
    <t>260.32</t>
  </si>
  <si>
    <t>14675625.0</t>
  </si>
  <si>
    <t>5137237.0</t>
  </si>
  <si>
    <t>5092135.0</t>
  </si>
  <si>
    <t>4398387.0</t>
  </si>
  <si>
    <t>260.34</t>
  </si>
  <si>
    <t>14676840.0</t>
  </si>
  <si>
    <t>5137291.0</t>
  </si>
  <si>
    <t>5092251.0</t>
  </si>
  <si>
    <t>4399433.0</t>
  </si>
  <si>
    <t>260.37</t>
  </si>
  <si>
    <t>14677878.0</t>
  </si>
  <si>
    <t>5137367.0</t>
  </si>
  <si>
    <t>5092392.0</t>
  </si>
  <si>
    <t>4400256.0</t>
  </si>
  <si>
    <t>260.38</t>
  </si>
  <si>
    <t>14678927.0</t>
  </si>
  <si>
    <t>5137455.0</t>
  </si>
  <si>
    <t>5092530.0</t>
  </si>
  <si>
    <t>4401076.0</t>
  </si>
  <si>
    <t>14680511.0</t>
  </si>
  <si>
    <t>5137586.0</t>
  </si>
  <si>
    <t>5092752.0</t>
  </si>
  <si>
    <t>4402299.0</t>
  </si>
  <si>
    <t>260.43</t>
  </si>
  <si>
    <t>14682100.0</t>
  </si>
  <si>
    <t>5137685.0</t>
  </si>
  <si>
    <t>5092937.0</t>
  </si>
  <si>
    <t>4403603.0</t>
  </si>
  <si>
    <t>260.46</t>
  </si>
  <si>
    <t>14682580.0</t>
  </si>
  <si>
    <t>5137712.0</t>
  </si>
  <si>
    <t>5092988.0</t>
  </si>
  <si>
    <t>4404005.0</t>
  </si>
  <si>
    <t>260.47</t>
  </si>
  <si>
    <t>14683791.0</t>
  </si>
  <si>
    <t>5137788.0</t>
  </si>
  <si>
    <t>5093109.0</t>
  </si>
  <si>
    <t>4405018.0</t>
  </si>
  <si>
    <t>260.49</t>
  </si>
  <si>
    <t>14684723.0</t>
  </si>
  <si>
    <t>5137839.0</t>
  </si>
  <si>
    <t>5093224.0</t>
  </si>
  <si>
    <t>4405781.0</t>
  </si>
  <si>
    <t>14685653.0</t>
  </si>
  <si>
    <t>5137909.0</t>
  </si>
  <si>
    <t>5093370.0</t>
  </si>
  <si>
    <t>4406495.0</t>
  </si>
  <si>
    <t>260.52</t>
  </si>
  <si>
    <t>14686586.0</t>
  </si>
  <si>
    <t>5137970.0</t>
  </si>
  <si>
    <t>5093494.0</t>
  </si>
  <si>
    <t>4407244.0</t>
  </si>
  <si>
    <t>260.54</t>
  </si>
  <si>
    <t>14688011.0</t>
  </si>
  <si>
    <t>5138070.0</t>
  </si>
  <si>
    <t>5093672.0</t>
  </si>
  <si>
    <t>4408383.0</t>
  </si>
  <si>
    <t>260.56</t>
  </si>
  <si>
    <t>14689662.0</t>
  </si>
  <si>
    <t>5138137.0</t>
  </si>
  <si>
    <t>5093866.0</t>
  </si>
  <si>
    <t>4409771.0</t>
  </si>
  <si>
    <t>14690204.0</t>
  </si>
  <si>
    <t>5138160.0</t>
  </si>
  <si>
    <t>5093934.0</t>
  </si>
  <si>
    <t>4410225.0</t>
  </si>
  <si>
    <t>14691335.0</t>
  </si>
  <si>
    <t>5138220.0</t>
  </si>
  <si>
    <t>4411184.0</t>
  </si>
  <si>
    <t>260.62</t>
  </si>
  <si>
    <t>14692308.0</t>
  </si>
  <si>
    <t>5138290.0</t>
  </si>
  <si>
    <t>5094164.0</t>
  </si>
  <si>
    <t>4411967.0</t>
  </si>
  <si>
    <t>260.64</t>
  </si>
  <si>
    <t>14693335.0</t>
  </si>
  <si>
    <t>5138368.0</t>
  </si>
  <si>
    <t>5094287.0</t>
  </si>
  <si>
    <t>4412789.0</t>
  </si>
  <si>
    <t>260.66</t>
  </si>
  <si>
    <t>14694299.0</t>
  </si>
  <si>
    <t>5138432.0</t>
  </si>
  <si>
    <t>5094393.0</t>
  </si>
  <si>
    <t>4413577.0</t>
  </si>
  <si>
    <t>260.67</t>
  </si>
  <si>
    <t>14695667.0</t>
  </si>
  <si>
    <t>5138561.0</t>
  </si>
  <si>
    <t>5094587.0</t>
  </si>
  <si>
    <t>4414621.0</t>
  </si>
  <si>
    <t>4676.5</t>
  </si>
  <si>
    <t>829.604709720842</t>
  </si>
  <si>
    <t>14696983.0</t>
  </si>
  <si>
    <t>5138632.0</t>
  </si>
  <si>
    <t>5094732.0</t>
  </si>
  <si>
    <t>4415718.0</t>
  </si>
  <si>
    <t>260.72</t>
  </si>
  <si>
    <t>14697428.0</t>
  </si>
  <si>
    <t>5138668.0</t>
  </si>
  <si>
    <t>5094787.0</t>
  </si>
  <si>
    <t>4416069.0</t>
  </si>
  <si>
    <t>260.73</t>
  </si>
  <si>
    <t>14698484.0</t>
  </si>
  <si>
    <t>5138736.0</t>
  </si>
  <si>
    <t>5094891.0</t>
  </si>
  <si>
    <t>4416951.0</t>
  </si>
  <si>
    <t>260.75</t>
  </si>
  <si>
    <t>14699428.0</t>
  </si>
  <si>
    <t>5138787.0</t>
  </si>
  <si>
    <t>5094993.0</t>
  </si>
  <si>
    <t>4417738.0</t>
  </si>
  <si>
    <t>260.77</t>
  </si>
  <si>
    <t>14700521.0</t>
  </si>
  <si>
    <t>5138861.0</t>
  </si>
  <si>
    <t>5095110.0</t>
  </si>
  <si>
    <t>4418636.0</t>
  </si>
  <si>
    <t>260.79</t>
  </si>
  <si>
    <t>14701528.0</t>
  </si>
  <si>
    <t>5138941.0</t>
  </si>
  <si>
    <t>5095244.0</t>
  </si>
  <si>
    <t>4419421.0</t>
  </si>
  <si>
    <t>14703194.0</t>
  </si>
  <si>
    <t>5139117.0</t>
  </si>
  <si>
    <t>5095489.0</t>
  </si>
  <si>
    <t>14704663.0</t>
  </si>
  <si>
    <t>5139201.0</t>
  </si>
  <si>
    <t>5095651.0</t>
  </si>
  <si>
    <t>4421876.0</t>
  </si>
  <si>
    <t>14705066.0</t>
  </si>
  <si>
    <t>5139230.0</t>
  </si>
  <si>
    <t>5095720.0</t>
  </si>
  <si>
    <t>260.87</t>
  </si>
  <si>
    <t>14706260.0</t>
  </si>
  <si>
    <t>5139297.0</t>
  </si>
  <si>
    <t>5095839.0</t>
  </si>
  <si>
    <t>4423183.0</t>
  </si>
  <si>
    <t>14707365.0</t>
  </si>
  <si>
    <t>5139350.0</t>
  </si>
  <si>
    <t>5095938.0</t>
  </si>
  <si>
    <t>4424136.0</t>
  </si>
  <si>
    <t>260.91</t>
  </si>
  <si>
    <t>14708472.0</t>
  </si>
  <si>
    <t>5139448.0</t>
  </si>
  <si>
    <t>5096063.0</t>
  </si>
  <si>
    <t>4425019.0</t>
  </si>
  <si>
    <t>260.93</t>
  </si>
  <si>
    <t>14709538.0</t>
  </si>
  <si>
    <t>5139548.0</t>
  </si>
  <si>
    <t>5096189.0</t>
  </si>
  <si>
    <t>4425857.0</t>
  </si>
  <si>
    <t>260.95</t>
  </si>
  <si>
    <t>14711018.0</t>
  </si>
  <si>
    <t>5139688.0</t>
  </si>
  <si>
    <t>5096387.0</t>
  </si>
  <si>
    <t>4426999.0</t>
  </si>
  <si>
    <t>260.97</t>
  </si>
  <si>
    <t>5139784.0</t>
  </si>
  <si>
    <t>5096575.0</t>
  </si>
  <si>
    <t>4428200.0</t>
  </si>
  <si>
    <t>14712894.0</t>
  </si>
  <si>
    <t>5139821.0</t>
  </si>
  <si>
    <t>5096635.0</t>
  </si>
  <si>
    <t>4428486.0</t>
  </si>
  <si>
    <t>14714448.0</t>
  </si>
  <si>
    <t>5139937.0</t>
  </si>
  <si>
    <t>5096827.0</t>
  </si>
  <si>
    <t>4429725.0</t>
  </si>
  <si>
    <t>261.03</t>
  </si>
  <si>
    <t>14715723.0</t>
  </si>
  <si>
    <t>5140010.0</t>
  </si>
  <si>
    <t>5096997.0</t>
  </si>
  <si>
    <t>4430757.0</t>
  </si>
  <si>
    <t>14717066.0</t>
  </si>
  <si>
    <t>5140117.0</t>
  </si>
  <si>
    <t>5097141.0</t>
  </si>
  <si>
    <t>4431847.0</t>
  </si>
  <si>
    <t>261.08</t>
  </si>
  <si>
    <t>14718493.0</t>
  </si>
  <si>
    <t>5140223.0</t>
  </si>
  <si>
    <t>5097295.0</t>
  </si>
  <si>
    <t>4433010.0</t>
  </si>
  <si>
    <t>14720575.0</t>
  </si>
  <si>
    <t>5140369.0</t>
  </si>
  <si>
    <t>5097497.0</t>
  </si>
  <si>
    <t>4434742.0</t>
  </si>
  <si>
    <t>261.14</t>
  </si>
  <si>
    <t>14722614.0</t>
  </si>
  <si>
    <t>5140464.0</t>
  </si>
  <si>
    <t>5097662.0</t>
  </si>
  <si>
    <t>4436519.0</t>
  </si>
  <si>
    <t>261.18</t>
  </si>
  <si>
    <t>14723374.0</t>
  </si>
  <si>
    <t>5140496.0</t>
  </si>
  <si>
    <t>5097712.0</t>
  </si>
  <si>
    <t>4437196.0</t>
  </si>
  <si>
    <t>261.19</t>
  </si>
  <si>
    <t>14723790.0</t>
  </si>
  <si>
    <t>5140503.0</t>
  </si>
  <si>
    <t>5097744.0</t>
  </si>
  <si>
    <t>4437573.0</t>
  </si>
  <si>
    <t>14727569.0</t>
  </si>
  <si>
    <t>5141189.0</t>
  </si>
  <si>
    <t>5098127.0</t>
  </si>
  <si>
    <t>4440289.0</t>
  </si>
  <si>
    <t>5141564.0</t>
  </si>
  <si>
    <t>5098400.0</t>
  </si>
  <si>
    <t>5141909.0</t>
  </si>
  <si>
    <t>5098643.0</t>
  </si>
  <si>
    <t>5142497.0</t>
  </si>
  <si>
    <t>5099103.0</t>
  </si>
  <si>
    <t>5143268.0</t>
  </si>
  <si>
    <t>5099622.0</t>
  </si>
  <si>
    <t>5143289.0</t>
  </si>
  <si>
    <t>5099671.0</t>
  </si>
  <si>
    <t>5143856.0</t>
  </si>
  <si>
    <t>5100087.0</t>
  </si>
  <si>
    <t>5144179.0</t>
  </si>
  <si>
    <t>5100408.0</t>
  </si>
  <si>
    <t>5144471.0</t>
  </si>
  <si>
    <t>5100715.0</t>
  </si>
  <si>
    <t>5144786.0</t>
  </si>
  <si>
    <t>5101087.0</t>
  </si>
  <si>
    <t>5145664.0</t>
  </si>
  <si>
    <t>5101673.0</t>
  </si>
  <si>
    <t>5146030.0</t>
  </si>
  <si>
    <t>5102008.0</t>
  </si>
  <si>
    <t>5146038.0</t>
  </si>
  <si>
    <t>5102048.0</t>
  </si>
  <si>
    <t>5146587.0</t>
  </si>
  <si>
    <t>5102580.0</t>
  </si>
  <si>
    <t>5146916.0</t>
  </si>
  <si>
    <t>5102946.0</t>
  </si>
  <si>
    <t>5147239.0</t>
  </si>
  <si>
    <t>5103330.0</t>
  </si>
  <si>
    <t>5147553.0</t>
  </si>
  <si>
    <t>5103646.0</t>
  </si>
  <si>
    <t>5148365.0</t>
  </si>
  <si>
    <t>5104238.0</t>
  </si>
  <si>
    <t>5148871.0</t>
  </si>
  <si>
    <t>5104579.0</t>
  </si>
  <si>
    <t>5148882.0</t>
  </si>
  <si>
    <t>5104634.0</t>
  </si>
  <si>
    <t>5149236.0</t>
  </si>
  <si>
    <t>5104966.0</t>
  </si>
  <si>
    <t>5149511.0</t>
  </si>
  <si>
    <t>5105274.0</t>
  </si>
  <si>
    <t>5149749.0</t>
  </si>
  <si>
    <t>5105534.0</t>
  </si>
  <si>
    <t>5150048.0</t>
  </si>
  <si>
    <t>5105857.0</t>
  </si>
  <si>
    <t>5150602.0</t>
  </si>
  <si>
    <t>5106357.0</t>
  </si>
  <si>
    <t>5151143.0</t>
  </si>
  <si>
    <t>5106844.0</t>
  </si>
  <si>
    <t>5151152.0</t>
  </si>
  <si>
    <t>5106897.0</t>
  </si>
  <si>
    <t>5151420.0</t>
  </si>
  <si>
    <t>5107277.0</t>
  </si>
  <si>
    <t>5151798.0</t>
  </si>
  <si>
    <t>5107677.0</t>
  </si>
  <si>
    <t>5152063.0</t>
  </si>
  <si>
    <t>5108010.0</t>
  </si>
  <si>
    <t>5152335.0</t>
  </si>
  <si>
    <t>5108310.0</t>
  </si>
  <si>
    <t>5152929.0</t>
  </si>
  <si>
    <t>5108811.0</t>
  </si>
  <si>
    <t>5153612.0</t>
  </si>
  <si>
    <t>5109309.0</t>
  </si>
  <si>
    <t>5153622.0</t>
  </si>
  <si>
    <t>5109333.0</t>
  </si>
  <si>
    <t>5153962.0</t>
  </si>
  <si>
    <t>5109705.0</t>
  </si>
  <si>
    <t>5154159.0</t>
  </si>
  <si>
    <t>5109938.0</t>
  </si>
  <si>
    <t>5154441.0</t>
  </si>
  <si>
    <t>5110229.0</t>
  </si>
  <si>
    <t>5154654.0</t>
  </si>
  <si>
    <t>5110446.0</t>
  </si>
  <si>
    <t>40.092</t>
  </si>
  <si>
    <t>5155071.0</t>
  </si>
  <si>
    <t>5110825.0</t>
  </si>
  <si>
    <t>5155584.0</t>
  </si>
  <si>
    <t>5111265.0</t>
  </si>
  <si>
    <t>5155596.0</t>
  </si>
  <si>
    <t>5111292.0</t>
  </si>
  <si>
    <t>5155887.0</t>
  </si>
  <si>
    <t>5111602.0</t>
  </si>
  <si>
    <t>5156020.0</t>
  </si>
  <si>
    <t>5111787.0</t>
  </si>
  <si>
    <t>5156158.0</t>
  </si>
  <si>
    <t>5111955.0</t>
  </si>
  <si>
    <t>36.189</t>
  </si>
  <si>
    <t>5156365.0</t>
  </si>
  <si>
    <t>5112171.0</t>
  </si>
  <si>
    <t>5156737.0</t>
  </si>
  <si>
    <t>5112506.0</t>
  </si>
  <si>
    <t>5157205.0</t>
  </si>
  <si>
    <t>5112829.0</t>
  </si>
  <si>
    <t>5157214.0</t>
  </si>
  <si>
    <t>5112855.0</t>
  </si>
  <si>
    <t>5157425.0</t>
  </si>
  <si>
    <t>5113157.0</t>
  </si>
  <si>
    <t>33.351</t>
  </si>
  <si>
    <t>5157584.0</t>
  </si>
  <si>
    <t>5113448.0</t>
  </si>
  <si>
    <t>5157726.0</t>
  </si>
  <si>
    <t>5113692.0</t>
  </si>
  <si>
    <t>5157876.0</t>
  </si>
  <si>
    <t>5113953.0</t>
  </si>
  <si>
    <t>5158140.0</t>
  </si>
  <si>
    <t>5114333.0</t>
  </si>
  <si>
    <t>5158471.0</t>
  </si>
  <si>
    <t>5114849.0</t>
  </si>
  <si>
    <t>5158483.0</t>
  </si>
  <si>
    <t>5114886.0</t>
  </si>
  <si>
    <t>5158709.0</t>
  </si>
  <si>
    <t>5115294.0</t>
  </si>
  <si>
    <t>5158846.0</t>
  </si>
  <si>
    <t>5115565.0</t>
  </si>
  <si>
    <t>5158993.0</t>
  </si>
  <si>
    <t>5115846.0</t>
  </si>
  <si>
    <t>5159123.0</t>
  </si>
  <si>
    <t>5116108.0</t>
  </si>
  <si>
    <t>5116601.0</t>
  </si>
  <si>
    <t>5159559.0</t>
  </si>
  <si>
    <t>5116949.0</t>
  </si>
  <si>
    <t>5159565.0</t>
  </si>
  <si>
    <t>5116963.0</t>
  </si>
  <si>
    <t>5159573.0</t>
  </si>
  <si>
    <t>5116977.0</t>
  </si>
  <si>
    <t>30.513</t>
  </si>
  <si>
    <t>5159872.0</t>
  </si>
  <si>
    <t>5117470.0</t>
  </si>
  <si>
    <t>26.787</t>
  </si>
  <si>
    <t>SXM</t>
  </si>
  <si>
    <t>Sint Maarten (Dutch part)</t>
  </si>
  <si>
    <t>17024.0</t>
  </si>
  <si>
    <t>18558.0</t>
  </si>
  <si>
    <t>38290.0</t>
  </si>
  <si>
    <t>46497.0</t>
  </si>
  <si>
    <t>105.22</t>
  </si>
  <si>
    <t>48042.0</t>
  </si>
  <si>
    <t>25376.0</t>
  </si>
  <si>
    <t>109.78</t>
  </si>
  <si>
    <t>23366.0</t>
  </si>
  <si>
    <t>49159.0</t>
  </si>
  <si>
    <t>49310.0</t>
  </si>
  <si>
    <t>50223.0</t>
  </si>
  <si>
    <t>50672.0</t>
  </si>
  <si>
    <t>116.98</t>
  </si>
  <si>
    <t>52038.0</t>
  </si>
  <si>
    <t>52195.0</t>
  </si>
  <si>
    <t>25284.0</t>
  </si>
  <si>
    <t>59619.0</t>
  </si>
  <si>
    <t>134.91</t>
  </si>
  <si>
    <t>25501.0</t>
  </si>
  <si>
    <t>60929.0</t>
  </si>
  <si>
    <t>62043.0</t>
  </si>
  <si>
    <t>27974.0</t>
  </si>
  <si>
    <t>65324.0</t>
  </si>
  <si>
    <t>26515.0</t>
  </si>
  <si>
    <t>26658.0</t>
  </si>
  <si>
    <t>SVK</t>
  </si>
  <si>
    <t>Slovakia</t>
  </si>
  <si>
    <t>-595.8</t>
  </si>
  <si>
    <t>-105.573624667867</t>
  </si>
  <si>
    <t>-580.5</t>
  </si>
  <si>
    <t>-102.862519502681</t>
  </si>
  <si>
    <t>-478.2</t>
  </si>
  <si>
    <t>-84.7353261432934</t>
  </si>
  <si>
    <t>-480.5</t>
  </si>
  <si>
    <t>-85.1428779001516</t>
  </si>
  <si>
    <t>-420.4</t>
  </si>
  <si>
    <t>-74.4933732970317</t>
  </si>
  <si>
    <t>23672.0</t>
  </si>
  <si>
    <t>27426.0</t>
  </si>
  <si>
    <t>-467.9</t>
  </si>
  <si>
    <t>-82.9102030582329</t>
  </si>
  <si>
    <t>-520.6</t>
  </si>
  <si>
    <t>-92.2484541827657</t>
  </si>
  <si>
    <t>57421.0</t>
  </si>
  <si>
    <t>61261.0</t>
  </si>
  <si>
    <t>66089.0</t>
  </si>
  <si>
    <t>12.132</t>
  </si>
  <si>
    <t>74099.0</t>
  </si>
  <si>
    <t>-557.3</t>
  </si>
  <si>
    <t>-98.7515626508938</t>
  </si>
  <si>
    <t>85922.0</t>
  </si>
  <si>
    <t>91072.0</t>
  </si>
  <si>
    <t>94770.0</t>
  </si>
  <si>
    <t>17.397</t>
  </si>
  <si>
    <t>96220.0</t>
  </si>
  <si>
    <t>17.954</t>
  </si>
  <si>
    <t>-571.4</t>
  </si>
  <si>
    <t>-101.25003211685</t>
  </si>
  <si>
    <t>99864.0</t>
  </si>
  <si>
    <t>18.332</t>
  </si>
  <si>
    <t>19.202</t>
  </si>
  <si>
    <t>114461.0</t>
  </si>
  <si>
    <t>119859.0</t>
  </si>
  <si>
    <t>22.002</t>
  </si>
  <si>
    <t>120645.0</t>
  </si>
  <si>
    <t>-525.7</t>
  </si>
  <si>
    <t>-93.1521559044947</t>
  </si>
  <si>
    <t>22.525</t>
  </si>
  <si>
    <t>127034.0</t>
  </si>
  <si>
    <t>131910.0</t>
  </si>
  <si>
    <t>24.947</t>
  </si>
  <si>
    <t>139986.0</t>
  </si>
  <si>
    <t>25.697</t>
  </si>
  <si>
    <t>142462.0</t>
  </si>
  <si>
    <t>26.151</t>
  </si>
  <si>
    <t>143433.0</t>
  </si>
  <si>
    <t>-495.8</t>
  </si>
  <si>
    <t>-87.8539830653385</t>
  </si>
  <si>
    <t>145474.0</t>
  </si>
  <si>
    <t>26.704</t>
  </si>
  <si>
    <t>148845.0</t>
  </si>
  <si>
    <t>151778.0</t>
  </si>
  <si>
    <t>28.366</t>
  </si>
  <si>
    <t>156765.0</t>
  </si>
  <si>
    <t>28.777</t>
  </si>
  <si>
    <t>158414.0</t>
  </si>
  <si>
    <t>29.079</t>
  </si>
  <si>
    <t>159059.0</t>
  </si>
  <si>
    <t>-508.3</t>
  </si>
  <si>
    <t>-90.0689382656547</t>
  </si>
  <si>
    <t>160523.0</t>
  </si>
  <si>
    <t>29.467</t>
  </si>
  <si>
    <t>29.988</t>
  </si>
  <si>
    <t>167562.0</t>
  </si>
  <si>
    <t>31.389</t>
  </si>
  <si>
    <t>172601.0</t>
  </si>
  <si>
    <t>31.684</t>
  </si>
  <si>
    <t>172875.0</t>
  </si>
  <si>
    <t>31.734</t>
  </si>
  <si>
    <t>-553.8</t>
  </si>
  <si>
    <t>-98.1313751948053</t>
  </si>
  <si>
    <t>179293.0</t>
  </si>
  <si>
    <t>32.912</t>
  </si>
  <si>
    <t>181629.0</t>
  </si>
  <si>
    <t>33.341</t>
  </si>
  <si>
    <t>183764.0</t>
  </si>
  <si>
    <t>185596.0</t>
  </si>
  <si>
    <t>34.069</t>
  </si>
  <si>
    <t>189415.0</t>
  </si>
  <si>
    <t>189575.0</t>
  </si>
  <si>
    <t>-517.9</t>
  </si>
  <si>
    <t>-91.7700238594974</t>
  </si>
  <si>
    <t>190426.0</t>
  </si>
  <si>
    <t>34.956</t>
  </si>
  <si>
    <t>191971.0</t>
  </si>
  <si>
    <t>35.239</t>
  </si>
  <si>
    <t>193471.0</t>
  </si>
  <si>
    <t>194733.0</t>
  </si>
  <si>
    <t>35.746</t>
  </si>
  <si>
    <t>196244.0</t>
  </si>
  <si>
    <t>36.024</t>
  </si>
  <si>
    <t>36.112</t>
  </si>
  <si>
    <t>196770.0</t>
  </si>
  <si>
    <t>-514.0</t>
  </si>
  <si>
    <t>-91.0789578369988</t>
  </si>
  <si>
    <t>36.276</t>
  </si>
  <si>
    <t>198780.0</t>
  </si>
  <si>
    <t>36.489</t>
  </si>
  <si>
    <t>199567.0</t>
  </si>
  <si>
    <t>200373.0</t>
  </si>
  <si>
    <t>36.782</t>
  </si>
  <si>
    <t>201651.0</t>
  </si>
  <si>
    <t>37.016</t>
  </si>
  <si>
    <t>201952.0</t>
  </si>
  <si>
    <t>37.072</t>
  </si>
  <si>
    <t>201993.0</t>
  </si>
  <si>
    <t>-575.1</t>
  </si>
  <si>
    <t>-101.905658856144</t>
  </si>
  <si>
    <t>202654.0</t>
  </si>
  <si>
    <t>37.431</t>
  </si>
  <si>
    <t>204847.0</t>
  </si>
  <si>
    <t>206362.0</t>
  </si>
  <si>
    <t>207973.0</t>
  </si>
  <si>
    <t>38.177</t>
  </si>
  <si>
    <t>208904.0</t>
  </si>
  <si>
    <t>208966.0</t>
  </si>
  <si>
    <t>-569.6</t>
  </si>
  <si>
    <t>-100.931078568005</t>
  </si>
  <si>
    <t>209750.0</t>
  </si>
  <si>
    <t>38.503</t>
  </si>
  <si>
    <t>211825.0</t>
  </si>
  <si>
    <t>213533.0</t>
  </si>
  <si>
    <t>39.197</t>
  </si>
  <si>
    <t>215334.0</t>
  </si>
  <si>
    <t>39.528</t>
  </si>
  <si>
    <t>217550.0</t>
  </si>
  <si>
    <t>218358.0</t>
  </si>
  <si>
    <t>40.083</t>
  </si>
  <si>
    <t>218408.0</t>
  </si>
  <si>
    <t>-529.9</t>
  </si>
  <si>
    <t>-93.8963808518009</t>
  </si>
  <si>
    <t>219281.0</t>
  </si>
  <si>
    <t>221506.0</t>
  </si>
  <si>
    <t>40.661</t>
  </si>
  <si>
    <t>223790.0</t>
  </si>
  <si>
    <t>225962.0</t>
  </si>
  <si>
    <t>41.479</t>
  </si>
  <si>
    <t>228841.0</t>
  </si>
  <si>
    <t>42.008</t>
  </si>
  <si>
    <t>229801.0</t>
  </si>
  <si>
    <t>42.184</t>
  </si>
  <si>
    <t>230080.0</t>
  </si>
  <si>
    <t>42.235</t>
  </si>
  <si>
    <t>-503.8</t>
  </si>
  <si>
    <t>-89.2715543935408</t>
  </si>
  <si>
    <t>231243.0</t>
  </si>
  <si>
    <t>42.448</t>
  </si>
  <si>
    <t>233448.0</t>
  </si>
  <si>
    <t>235784.0</t>
  </si>
  <si>
    <t>237646.0</t>
  </si>
  <si>
    <t>43.624</t>
  </si>
  <si>
    <t>239807.0</t>
  </si>
  <si>
    <t>240217.0</t>
  </si>
  <si>
    <t>44.096</t>
  </si>
  <si>
    <t>240241.0</t>
  </si>
  <si>
    <t>-509.1</t>
  </si>
  <si>
    <t>-90.2106953984749</t>
  </si>
  <si>
    <t>243574.0</t>
  </si>
  <si>
    <t>44.712</t>
  </si>
  <si>
    <t>248396.0</t>
  </si>
  <si>
    <t>45.597</t>
  </si>
  <si>
    <t>250445.0</t>
  </si>
  <si>
    <t>45.973</t>
  </si>
  <si>
    <t>252720.0</t>
  </si>
  <si>
    <t>253487.0</t>
  </si>
  <si>
    <t>46.532</t>
  </si>
  <si>
    <t>253703.0</t>
  </si>
  <si>
    <t>46.571</t>
  </si>
  <si>
    <t>-580.4</t>
  </si>
  <si>
    <t>-102.844799861078</t>
  </si>
  <si>
    <t>255251.0</t>
  </si>
  <si>
    <t>46.855</t>
  </si>
  <si>
    <t>257547.0</t>
  </si>
  <si>
    <t>259398.0</t>
  </si>
  <si>
    <t>48.016</t>
  </si>
  <si>
    <t>264458.0</t>
  </si>
  <si>
    <t>48.546</t>
  </si>
  <si>
    <t>265043.0</t>
  </si>
  <si>
    <t>48.653</t>
  </si>
  <si>
    <t>265809.0</t>
  </si>
  <si>
    <t>-576.3</t>
  </si>
  <si>
    <t>-102.118294555374</t>
  </si>
  <si>
    <t>267129.0</t>
  </si>
  <si>
    <t>49.036</t>
  </si>
  <si>
    <t>49.502</t>
  </si>
  <si>
    <t>272334.0</t>
  </si>
  <si>
    <t>49.991</t>
  </si>
  <si>
    <t>274807.0</t>
  </si>
  <si>
    <t>50.445</t>
  </si>
  <si>
    <t>277906.0</t>
  </si>
  <si>
    <t>51.014</t>
  </si>
  <si>
    <t>279538.0</t>
  </si>
  <si>
    <t>-480.4</t>
  </si>
  <si>
    <t>-85.1251582585491</t>
  </si>
  <si>
    <t>280992.0</t>
  </si>
  <si>
    <t>51.581</t>
  </si>
  <si>
    <t>52.155</t>
  </si>
  <si>
    <t>286864.0</t>
  </si>
  <si>
    <t>52.659</t>
  </si>
  <si>
    <t>289602.0</t>
  </si>
  <si>
    <t>14.707</t>
  </si>
  <si>
    <t>292837.0</t>
  </si>
  <si>
    <t>53.755</t>
  </si>
  <si>
    <t>294850.0</t>
  </si>
  <si>
    <t>54.125</t>
  </si>
  <si>
    <t>54.213</t>
  </si>
  <si>
    <t>-483.1</t>
  </si>
  <si>
    <t>-85.6035885818173</t>
  </si>
  <si>
    <t>296914.0</t>
  </si>
  <si>
    <t>300598.0</t>
  </si>
  <si>
    <t>304033.0</t>
  </si>
  <si>
    <t>307278.0</t>
  </si>
  <si>
    <t>56.406</t>
  </si>
  <si>
    <t>312834.0</t>
  </si>
  <si>
    <t>313763.0</t>
  </si>
  <si>
    <t>57.596</t>
  </si>
  <si>
    <t>-462.8</t>
  </si>
  <si>
    <t>-82.006501336504</t>
  </si>
  <si>
    <t>315866.0</t>
  </si>
  <si>
    <t>57.982</t>
  </si>
  <si>
    <t>319956.0</t>
  </si>
  <si>
    <t>58.733</t>
  </si>
  <si>
    <t>59.401</t>
  </si>
  <si>
    <t>327952.0</t>
  </si>
  <si>
    <t>60.201</t>
  </si>
  <si>
    <t>332405.0</t>
  </si>
  <si>
    <t>61.018</t>
  </si>
  <si>
    <t>334402.0</t>
  </si>
  <si>
    <t>334990.0</t>
  </si>
  <si>
    <t>-398.9</t>
  </si>
  <si>
    <t>-70.683650352488</t>
  </si>
  <si>
    <t>337753.0</t>
  </si>
  <si>
    <t>340181.0</t>
  </si>
  <si>
    <t>62.446</t>
  </si>
  <si>
    <t>343700.0</t>
  </si>
  <si>
    <t>63.092</t>
  </si>
  <si>
    <t>348472.0</t>
  </si>
  <si>
    <t>63.968</t>
  </si>
  <si>
    <t>354419.0</t>
  </si>
  <si>
    <t>65.059</t>
  </si>
  <si>
    <t>356881.0</t>
  </si>
  <si>
    <t>357803.0</t>
  </si>
  <si>
    <t>65.681</t>
  </si>
  <si>
    <t>-380.4</t>
  </si>
  <si>
    <t>-67.4055166560201</t>
  </si>
  <si>
    <t>360694.0</t>
  </si>
  <si>
    <t>66.211</t>
  </si>
  <si>
    <t>366003.0</t>
  </si>
  <si>
    <t>67.186</t>
  </si>
  <si>
    <t>371024.0</t>
  </si>
  <si>
    <t>68.108</t>
  </si>
  <si>
    <t>375302.0</t>
  </si>
  <si>
    <t>68.893</t>
  </si>
  <si>
    <t>381493.0</t>
  </si>
  <si>
    <t>70.029</t>
  </si>
  <si>
    <t>384573.0</t>
  </si>
  <si>
    <t>70.595</t>
  </si>
  <si>
    <t>70.856</t>
  </si>
  <si>
    <t>-300.9</t>
  </si>
  <si>
    <t>-53.3184015820096</t>
  </si>
  <si>
    <t>390321.0</t>
  </si>
  <si>
    <t>393556.0</t>
  </si>
  <si>
    <t>72.244</t>
  </si>
  <si>
    <t>397583.0</t>
  </si>
  <si>
    <t>72.983</t>
  </si>
  <si>
    <t>403125.0</t>
  </si>
  <si>
    <t>408875.0</t>
  </si>
  <si>
    <t>75.056</t>
  </si>
  <si>
    <t>412318.0</t>
  </si>
  <si>
    <t>75.688</t>
  </si>
  <si>
    <t>414270.0</t>
  </si>
  <si>
    <t>-321.0</t>
  </si>
  <si>
    <t>-56.8800495441179</t>
  </si>
  <si>
    <t>416934.0</t>
  </si>
  <si>
    <t>423165.0</t>
  </si>
  <si>
    <t>428378.0</t>
  </si>
  <si>
    <t>433918.0</t>
  </si>
  <si>
    <t>79.653</t>
  </si>
  <si>
    <t>440401.0</t>
  </si>
  <si>
    <t>80.843</t>
  </si>
  <si>
    <t>446056.0</t>
  </si>
  <si>
    <t>81.881</t>
  </si>
  <si>
    <t>448010.0</t>
  </si>
  <si>
    <t>-275.1</t>
  </si>
  <si>
    <t>-48.7467340485572</t>
  </si>
  <si>
    <t>450571.0</t>
  </si>
  <si>
    <t>457921.0</t>
  </si>
  <si>
    <t>84.059</t>
  </si>
  <si>
    <t>467091.0</t>
  </si>
  <si>
    <t>85.742</t>
  </si>
  <si>
    <t>474931.0</t>
  </si>
  <si>
    <t>87.181</t>
  </si>
  <si>
    <t>484423.0</t>
  </si>
  <si>
    <t>88.924</t>
  </si>
  <si>
    <t>492988.0</t>
  </si>
  <si>
    <t>90.496</t>
  </si>
  <si>
    <t>496370.0</t>
  </si>
  <si>
    <t>91.117</t>
  </si>
  <si>
    <t>-134.4</t>
  </si>
  <si>
    <t>-23.8151983137989</t>
  </si>
  <si>
    <t>500120.0</t>
  </si>
  <si>
    <t>91.805</t>
  </si>
  <si>
    <t>508799.0</t>
  </si>
  <si>
    <t>518317.0</t>
  </si>
  <si>
    <t>95.146</t>
  </si>
  <si>
    <t>528453.0</t>
  </si>
  <si>
    <t>539576.0</t>
  </si>
  <si>
    <t>99.048</t>
  </si>
  <si>
    <t>548535.0</t>
  </si>
  <si>
    <t>100.693</t>
  </si>
  <si>
    <t>552533.0</t>
  </si>
  <si>
    <t>101.426</t>
  </si>
  <si>
    <t>-51.7000000000001</t>
  </si>
  <si>
    <t>-9.16105470850749</t>
  </si>
  <si>
    <t>558116.0</t>
  </si>
  <si>
    <t>102.451</t>
  </si>
  <si>
    <t>569496.0</t>
  </si>
  <si>
    <t>582927.0</t>
  </si>
  <si>
    <t>107.006</t>
  </si>
  <si>
    <t>597309.0</t>
  </si>
  <si>
    <t>109.646</t>
  </si>
  <si>
    <t>609533.0</t>
  </si>
  <si>
    <t>620391.0</t>
  </si>
  <si>
    <t>113.883</t>
  </si>
  <si>
    <t>625508.0</t>
  </si>
  <si>
    <t>114.822</t>
  </si>
  <si>
    <t>24.2759089954646</t>
  </si>
  <si>
    <t>632246.0</t>
  </si>
  <si>
    <t>116.059</t>
  </si>
  <si>
    <t>646692.0</t>
  </si>
  <si>
    <t>118.711</t>
  </si>
  <si>
    <t>15.593</t>
  </si>
  <si>
    <t>657011.0</t>
  </si>
  <si>
    <t>120.605</t>
  </si>
  <si>
    <t>672518.0</t>
  </si>
  <si>
    <t>123.452</t>
  </si>
  <si>
    <t>688204.0</t>
  </si>
  <si>
    <t>126.331</t>
  </si>
  <si>
    <t>705446.0</t>
  </si>
  <si>
    <t>129.496</t>
  </si>
  <si>
    <t>712350.0</t>
  </si>
  <si>
    <t>75.7160285676062</t>
  </si>
  <si>
    <t>720410.0</t>
  </si>
  <si>
    <t>132.243</t>
  </si>
  <si>
    <t>738088.0</t>
  </si>
  <si>
    <t>135.488</t>
  </si>
  <si>
    <t>754858.0</t>
  </si>
  <si>
    <t>138.567</t>
  </si>
  <si>
    <t>777599.0</t>
  </si>
  <si>
    <t>15012.0</t>
  </si>
  <si>
    <t>837039.0</t>
  </si>
  <si>
    <t>153.652</t>
  </si>
  <si>
    <t>10.911</t>
  </si>
  <si>
    <t>948662.0</t>
  </si>
  <si>
    <t>111623.0</t>
  </si>
  <si>
    <t>174.142</t>
  </si>
  <si>
    <t>34745.0</t>
  </si>
  <si>
    <t>1000315.0</t>
  </si>
  <si>
    <t>183.624</t>
  </si>
  <si>
    <t>784.6</t>
  </si>
  <si>
    <t>139.028308013442</t>
  </si>
  <si>
    <t>1046010.0</t>
  </si>
  <si>
    <t>192.012</t>
  </si>
  <si>
    <t>1064670.0</t>
  </si>
  <si>
    <t>195.438</t>
  </si>
  <si>
    <t>22.681</t>
  </si>
  <si>
    <t>1081140.0</t>
  </si>
  <si>
    <t>198.461</t>
  </si>
  <si>
    <t>1094870.0</t>
  </si>
  <si>
    <t>200.981</t>
  </si>
  <si>
    <t>45324.0</t>
  </si>
  <si>
    <t>1145160.0</t>
  </si>
  <si>
    <t>50290.0</t>
  </si>
  <si>
    <t>210.213</t>
  </si>
  <si>
    <t>1205814.0</t>
  </si>
  <si>
    <t>221.347</t>
  </si>
  <si>
    <t>1222942.0</t>
  </si>
  <si>
    <t>224.491</t>
  </si>
  <si>
    <t>1209.9</t>
  </si>
  <si>
    <t>214.389943748998</t>
  </si>
  <si>
    <t>1247411.0</t>
  </si>
  <si>
    <t>24469.0</t>
  </si>
  <si>
    <t>26.225</t>
  </si>
  <si>
    <t>1266794.0</t>
  </si>
  <si>
    <t>232.541</t>
  </si>
  <si>
    <t>1283998.0</t>
  </si>
  <si>
    <t>1300370.0</t>
  </si>
  <si>
    <t>238.704</t>
  </si>
  <si>
    <t>1317257.0</t>
  </si>
  <si>
    <t>241.804</t>
  </si>
  <si>
    <t>1329254.0</t>
  </si>
  <si>
    <t>244.006</t>
  </si>
  <si>
    <t>1332270.0</t>
  </si>
  <si>
    <t>1610.4</t>
  </si>
  <si>
    <t>285.357108367126</t>
  </si>
  <si>
    <t>1345749.0</t>
  </si>
  <si>
    <t>247.034</t>
  </si>
  <si>
    <t>1355501.0</t>
  </si>
  <si>
    <t>248.824</t>
  </si>
  <si>
    <t>1369960.0</t>
  </si>
  <si>
    <t>251.479</t>
  </si>
  <si>
    <t>1391989.0</t>
  </si>
  <si>
    <t>255.522</t>
  </si>
  <si>
    <t>1420653.0</t>
  </si>
  <si>
    <t>28664.0</t>
  </si>
  <si>
    <t>260.784</t>
  </si>
  <si>
    <t>1435629.0</t>
  </si>
  <si>
    <t>263.533</t>
  </si>
  <si>
    <t>1439103.0</t>
  </si>
  <si>
    <t>264.171</t>
  </si>
  <si>
    <t>1968.1</t>
  </si>
  <si>
    <t>348.740266379372</t>
  </si>
  <si>
    <t>1488761.0</t>
  </si>
  <si>
    <t>273.286</t>
  </si>
  <si>
    <t>1517352.0</t>
  </si>
  <si>
    <t>278.535</t>
  </si>
  <si>
    <t>23122.0</t>
  </si>
  <si>
    <t>1542801.0</t>
  </si>
  <si>
    <t>1569175.0</t>
  </si>
  <si>
    <t>288.048</t>
  </si>
  <si>
    <t>1596896.0</t>
  </si>
  <si>
    <t>293.136</t>
  </si>
  <si>
    <t>1614137.0</t>
  </si>
  <si>
    <t>296.301</t>
  </si>
  <si>
    <t>1617980.0</t>
  </si>
  <si>
    <t>297.007</t>
  </si>
  <si>
    <t>421.727470140189</t>
  </si>
  <si>
    <t>53534.0</t>
  </si>
  <si>
    <t>306.834</t>
  </si>
  <si>
    <t>9.827</t>
  </si>
  <si>
    <t>1712921.0</t>
  </si>
  <si>
    <t>314.435</t>
  </si>
  <si>
    <t>1754364.0</t>
  </si>
  <si>
    <t>322.042</t>
  </si>
  <si>
    <t>1794461.0</t>
  </si>
  <si>
    <t>329.403</t>
  </si>
  <si>
    <t>1837789.0</t>
  </si>
  <si>
    <t>337.356</t>
  </si>
  <si>
    <t>1855748.0</t>
  </si>
  <si>
    <t>340.653</t>
  </si>
  <si>
    <t>1862970.0</t>
  </si>
  <si>
    <t>341.979</t>
  </si>
  <si>
    <t>34999.0</t>
  </si>
  <si>
    <t>2856.9</t>
  </si>
  <si>
    <t>506.23244094265</t>
  </si>
  <si>
    <t>1905095.0</t>
  </si>
  <si>
    <t>349.711</t>
  </si>
  <si>
    <t>1960916.0</t>
  </si>
  <si>
    <t>359.958</t>
  </si>
  <si>
    <t>10.247</t>
  </si>
  <si>
    <t>2010864.0</t>
  </si>
  <si>
    <t>369.127</t>
  </si>
  <si>
    <t>2067615.0</t>
  </si>
  <si>
    <t>379.545</t>
  </si>
  <si>
    <t>39022.0</t>
  </si>
  <si>
    <t>7.163</t>
  </si>
  <si>
    <t>2129635.0</t>
  </si>
  <si>
    <t>390.929</t>
  </si>
  <si>
    <t>2156533.0</t>
  </si>
  <si>
    <t>26898.0</t>
  </si>
  <si>
    <t>395.867</t>
  </si>
  <si>
    <t>42969.0</t>
  </si>
  <si>
    <t>2160641.0</t>
  </si>
  <si>
    <t>396.621</t>
  </si>
  <si>
    <t>3393.4</t>
  </si>
  <si>
    <t>601.298318140217</t>
  </si>
  <si>
    <t>2212074.0</t>
  </si>
  <si>
    <t>51433.0</t>
  </si>
  <si>
    <t>406.062</t>
  </si>
  <si>
    <t>43854.0</t>
  </si>
  <si>
    <t>2281711.0</t>
  </si>
  <si>
    <t>69637.0</t>
  </si>
  <si>
    <t>418.845</t>
  </si>
  <si>
    <t>2353237.0</t>
  </si>
  <si>
    <t>2428365.0</t>
  </si>
  <si>
    <t>445.766</t>
  </si>
  <si>
    <t>2503913.0</t>
  </si>
  <si>
    <t>75548.0</t>
  </si>
  <si>
    <t>459.634</t>
  </si>
  <si>
    <t>2531075.0</t>
  </si>
  <si>
    <t>464.62</t>
  </si>
  <si>
    <t>2552663.0</t>
  </si>
  <si>
    <t>468.583</t>
  </si>
  <si>
    <t>56003.0</t>
  </si>
  <si>
    <t>3917.5</t>
  </si>
  <si>
    <t>694.166959779071</t>
  </si>
  <si>
    <t>2646719.0</t>
  </si>
  <si>
    <t>94056.0</t>
  </si>
  <si>
    <t>485.849</t>
  </si>
  <si>
    <t>17.266</t>
  </si>
  <si>
    <t>62092.0</t>
  </si>
  <si>
    <t>2745046.0</t>
  </si>
  <si>
    <t>98327.0</t>
  </si>
  <si>
    <t>503.898</t>
  </si>
  <si>
    <t>2848940.0</t>
  </si>
  <si>
    <t>522.969</t>
  </si>
  <si>
    <t>19.071</t>
  </si>
  <si>
    <t>70815.0</t>
  </si>
  <si>
    <t>2884218.0</t>
  </si>
  <si>
    <t>529.445</t>
  </si>
  <si>
    <t>65122.0</t>
  </si>
  <si>
    <t>2890930.0</t>
  </si>
  <si>
    <t>530.677</t>
  </si>
  <si>
    <t>10.149</t>
  </si>
  <si>
    <t>2896925.0</t>
  </si>
  <si>
    <t>531.778</t>
  </si>
  <si>
    <t>52264.0</t>
  </si>
  <si>
    <t>2902751.0</t>
  </si>
  <si>
    <t>532.847</t>
  </si>
  <si>
    <t>4612.8</t>
  </si>
  <si>
    <t>817.371627841455</t>
  </si>
  <si>
    <t>2976120.0</t>
  </si>
  <si>
    <t>73369.0</t>
  </si>
  <si>
    <t>546.315</t>
  </si>
  <si>
    <t>47057.0</t>
  </si>
  <si>
    <t>3058168.0</t>
  </si>
  <si>
    <t>561.377</t>
  </si>
  <si>
    <t>3150852.0</t>
  </si>
  <si>
    <t>92684.0</t>
  </si>
  <si>
    <t>578.39</t>
  </si>
  <si>
    <t>3244664.0</t>
  </si>
  <si>
    <t>93812.0</t>
  </si>
  <si>
    <t>595.611</t>
  </si>
  <si>
    <t>17.221</t>
  </si>
  <si>
    <t>51492.0</t>
  </si>
  <si>
    <t>3258948.0</t>
  </si>
  <si>
    <t>598.233</t>
  </si>
  <si>
    <t>9.651</t>
  </si>
  <si>
    <t>3269414.0</t>
  </si>
  <si>
    <t>600.154</t>
  </si>
  <si>
    <t>53213.0</t>
  </si>
  <si>
    <t>3275927.0</t>
  </si>
  <si>
    <t>601.35</t>
  </si>
  <si>
    <t>5562.1</t>
  </si>
  <si>
    <t>985.584185574263</t>
  </si>
  <si>
    <t>3362844.0</t>
  </si>
  <si>
    <t>617.305</t>
  </si>
  <si>
    <t>15.955</t>
  </si>
  <si>
    <t>3453742.0</t>
  </si>
  <si>
    <t>90898.0</t>
  </si>
  <si>
    <t>16.686</t>
  </si>
  <si>
    <t>56511.0</t>
  </si>
  <si>
    <t>3477690.0</t>
  </si>
  <si>
    <t>638.387</t>
  </si>
  <si>
    <t>47.311</t>
  </si>
  <si>
    <t>3563348.0</t>
  </si>
  <si>
    <t>85658.0</t>
  </si>
  <si>
    <t>654.111</t>
  </si>
  <si>
    <t>15.724</t>
  </si>
  <si>
    <t>3656192.0</t>
  </si>
  <si>
    <t>92844.0</t>
  </si>
  <si>
    <t>671.154</t>
  </si>
  <si>
    <t>3729564.0</t>
  </si>
  <si>
    <t>684.622</t>
  </si>
  <si>
    <t>65736.0</t>
  </si>
  <si>
    <t>3762421.0</t>
  </si>
  <si>
    <t>690.654</t>
  </si>
  <si>
    <t>63481.0</t>
  </si>
  <si>
    <t>6433.7</t>
  </si>
  <si>
    <t>1140.0285817819</t>
  </si>
  <si>
    <t>3848989.0</t>
  </si>
  <si>
    <t>86568.0</t>
  </si>
  <si>
    <t>706.545</t>
  </si>
  <si>
    <t>15.891</t>
  </si>
  <si>
    <t>3927970.0</t>
  </si>
  <si>
    <t>721.043</t>
  </si>
  <si>
    <t>67747.0</t>
  </si>
  <si>
    <t>3997093.0</t>
  </si>
  <si>
    <t>733.732</t>
  </si>
  <si>
    <t>74200.0</t>
  </si>
  <si>
    <t>4059639.0</t>
  </si>
  <si>
    <t>62546.0</t>
  </si>
  <si>
    <t>745.213</t>
  </si>
  <si>
    <t>70899.0</t>
  </si>
  <si>
    <t>4135176.0</t>
  </si>
  <si>
    <t>759.079</t>
  </si>
  <si>
    <t>13.866</t>
  </si>
  <si>
    <t>4187225.0</t>
  </si>
  <si>
    <t>768.634</t>
  </si>
  <si>
    <t>65380.0</t>
  </si>
  <si>
    <t>4234891.0</t>
  </si>
  <si>
    <t>777.383</t>
  </si>
  <si>
    <t>101443.0</t>
  </si>
  <si>
    <t>7314.3</t>
  </si>
  <si>
    <t>1296.06774573377</t>
  </si>
  <si>
    <t>4319355.0</t>
  </si>
  <si>
    <t>792.888</t>
  </si>
  <si>
    <t>15.505</t>
  </si>
  <si>
    <t>4422579.0</t>
  </si>
  <si>
    <t>811.837</t>
  </si>
  <si>
    <t>70658.0</t>
  </si>
  <si>
    <t>4545623.0</t>
  </si>
  <si>
    <t>834.423</t>
  </si>
  <si>
    <t>78361.0</t>
  </si>
  <si>
    <t>14.384</t>
  </si>
  <si>
    <t>4774016.0</t>
  </si>
  <si>
    <t>228393.0</t>
  </si>
  <si>
    <t>876.349</t>
  </si>
  <si>
    <t>5043120.0</t>
  </si>
  <si>
    <t>269104.0</t>
  </si>
  <si>
    <t>925.747</t>
  </si>
  <si>
    <t>5841307.0</t>
  </si>
  <si>
    <t>798187.0</t>
  </si>
  <si>
    <t>1072.267</t>
  </si>
  <si>
    <t>43.376</t>
  </si>
  <si>
    <t>6252165.0</t>
  </si>
  <si>
    <t>410858.0</t>
  </si>
  <si>
    <t>1147.687</t>
  </si>
  <si>
    <t>288182.0</t>
  </si>
  <si>
    <t>52.901</t>
  </si>
  <si>
    <t>148585.0</t>
  </si>
  <si>
    <t>138694.0</t>
  </si>
  <si>
    <t>8020.7</t>
  </si>
  <si>
    <t>1421.23929401404</t>
  </si>
  <si>
    <t>6488646.0</t>
  </si>
  <si>
    <t>236481.0</t>
  </si>
  <si>
    <t>1191.097</t>
  </si>
  <si>
    <t>309899.0</t>
  </si>
  <si>
    <t>56.887</t>
  </si>
  <si>
    <t>6683676.0</t>
  </si>
  <si>
    <t>195030.0</t>
  </si>
  <si>
    <t>1226.898</t>
  </si>
  <si>
    <t>35.801</t>
  </si>
  <si>
    <t>323014.0</t>
  </si>
  <si>
    <t>6766752.0</t>
  </si>
  <si>
    <t>1242.148</t>
  </si>
  <si>
    <t>317304.0</t>
  </si>
  <si>
    <t>6850979.0</t>
  </si>
  <si>
    <t>1257.609</t>
  </si>
  <si>
    <t>296709.0</t>
  </si>
  <si>
    <t>60.778</t>
  </si>
  <si>
    <t>7016557.0</t>
  </si>
  <si>
    <t>165578.0</t>
  </si>
  <si>
    <t>1288.004</t>
  </si>
  <si>
    <t>30.395</t>
  </si>
  <si>
    <t>60.247</t>
  </si>
  <si>
    <t>7511060.0</t>
  </si>
  <si>
    <t>494503.0</t>
  </si>
  <si>
    <t>1378.778</t>
  </si>
  <si>
    <t>90.774</t>
  </si>
  <si>
    <t>238536.0</t>
  </si>
  <si>
    <t>43.787</t>
  </si>
  <si>
    <t>7769845.0</t>
  </si>
  <si>
    <t>258785.0</t>
  </si>
  <si>
    <t>1426.282</t>
  </si>
  <si>
    <t>216811.0</t>
  </si>
  <si>
    <t>39.799</t>
  </si>
  <si>
    <t>184635.0</t>
  </si>
  <si>
    <t>8595.7</t>
  </si>
  <si>
    <t>1523.12723322858</t>
  </si>
  <si>
    <t>7972274.0</t>
  </si>
  <si>
    <t>202429.0</t>
  </si>
  <si>
    <t>1463.441</t>
  </si>
  <si>
    <t>211947.0</t>
  </si>
  <si>
    <t>38.906</t>
  </si>
  <si>
    <t>8135153.0</t>
  </si>
  <si>
    <t>162879.0</t>
  </si>
  <si>
    <t>1493.34</t>
  </si>
  <si>
    <t>29.899</t>
  </si>
  <si>
    <t>207354.0</t>
  </si>
  <si>
    <t>8228399.0</t>
  </si>
  <si>
    <t>1510.457</t>
  </si>
  <si>
    <t>208807.0</t>
  </si>
  <si>
    <t>8345314.0</t>
  </si>
  <si>
    <t>1531.919</t>
  </si>
  <si>
    <t>21.462</t>
  </si>
  <si>
    <t>213476.0</t>
  </si>
  <si>
    <t>8580339.0</t>
  </si>
  <si>
    <t>235025.0</t>
  </si>
  <si>
    <t>1575.061</t>
  </si>
  <si>
    <t>43.143</t>
  </si>
  <si>
    <t>223397.0</t>
  </si>
  <si>
    <t>9249637.0</t>
  </si>
  <si>
    <t>669298.0</t>
  </si>
  <si>
    <t>1697.922</t>
  </si>
  <si>
    <t>122.861</t>
  </si>
  <si>
    <t>248368.0</t>
  </si>
  <si>
    <t>45.592</t>
  </si>
  <si>
    <t>9642037.0</t>
  </si>
  <si>
    <t>392400.0</t>
  </si>
  <si>
    <t>1769.953</t>
  </si>
  <si>
    <t>72.031</t>
  </si>
  <si>
    <t>267456.0</t>
  </si>
  <si>
    <t>299324.0</t>
  </si>
  <si>
    <t>9355.1</t>
  </si>
  <si>
    <t>1657.69019155819</t>
  </si>
  <si>
    <t>9937601.0</t>
  </si>
  <si>
    <t>295564.0</t>
  </si>
  <si>
    <t>1824.209</t>
  </si>
  <si>
    <t>54.256</t>
  </si>
  <si>
    <t>51.538</t>
  </si>
  <si>
    <t>10130506.0</t>
  </si>
  <si>
    <t>1859.62</t>
  </si>
  <si>
    <t>35.411</t>
  </si>
  <si>
    <t>285050.0</t>
  </si>
  <si>
    <t>52.326</t>
  </si>
  <si>
    <t>10275438.0</t>
  </si>
  <si>
    <t>144932.0</t>
  </si>
  <si>
    <t>1886.224</t>
  </si>
  <si>
    <t>26.605</t>
  </si>
  <si>
    <t>292434.0</t>
  </si>
  <si>
    <t>53.681</t>
  </si>
  <si>
    <t>10422143.0</t>
  </si>
  <si>
    <t>146705.0</t>
  </si>
  <si>
    <t>1913.155</t>
  </si>
  <si>
    <t>296690.0</t>
  </si>
  <si>
    <t>10729970.0</t>
  </si>
  <si>
    <t>307827.0</t>
  </si>
  <si>
    <t>1969.661</t>
  </si>
  <si>
    <t>307090.0</t>
  </si>
  <si>
    <t>56.371</t>
  </si>
  <si>
    <t>11413359.0</t>
  </si>
  <si>
    <t>683389.0</t>
  </si>
  <si>
    <t>2095.108</t>
  </si>
  <si>
    <t>125.447</t>
  </si>
  <si>
    <t>309103.0</t>
  </si>
  <si>
    <t>56.741</t>
  </si>
  <si>
    <t>16.484</t>
  </si>
  <si>
    <t>11762037.0</t>
  </si>
  <si>
    <t>348678.0</t>
  </si>
  <si>
    <t>2159.114</t>
  </si>
  <si>
    <t>371706.0</t>
  </si>
  <si>
    <t>274838.0</t>
  </si>
  <si>
    <t>10236.1</t>
  </si>
  <si>
    <t>1813.80023407647</t>
  </si>
  <si>
    <t>12004462.0</t>
  </si>
  <si>
    <t>242425.0</t>
  </si>
  <si>
    <t>2203.615</t>
  </si>
  <si>
    <t>295266.0</t>
  </si>
  <si>
    <t>54.201</t>
  </si>
  <si>
    <t>12178600.0</t>
  </si>
  <si>
    <t>2235.581</t>
  </si>
  <si>
    <t>31.966</t>
  </si>
  <si>
    <t>292585.0</t>
  </si>
  <si>
    <t>53.709</t>
  </si>
  <si>
    <t>12317482.0</t>
  </si>
  <si>
    <t>138882.0</t>
  </si>
  <si>
    <t>2261.075</t>
  </si>
  <si>
    <t>25.494</t>
  </si>
  <si>
    <t>291721.0</t>
  </si>
  <si>
    <t>12478026.0</t>
  </si>
  <si>
    <t>160544.0</t>
  </si>
  <si>
    <t>2290.545</t>
  </si>
  <si>
    <t>293698.0</t>
  </si>
  <si>
    <t>12800276.0</t>
  </si>
  <si>
    <t>322250.0</t>
  </si>
  <si>
    <t>2349.7</t>
  </si>
  <si>
    <t>59.154</t>
  </si>
  <si>
    <t>13534134.0</t>
  </si>
  <si>
    <t>733858.0</t>
  </si>
  <si>
    <t>2484.411</t>
  </si>
  <si>
    <t>302968.0</t>
  </si>
  <si>
    <t>55.615</t>
  </si>
  <si>
    <t>13853817.0</t>
  </si>
  <si>
    <t>319683.0</t>
  </si>
  <si>
    <t>2543.094</t>
  </si>
  <si>
    <t>298826.0</t>
  </si>
  <si>
    <t>54.854</t>
  </si>
  <si>
    <t>448455.0</t>
  </si>
  <si>
    <t>313161.0</t>
  </si>
  <si>
    <t>134461.0</t>
  </si>
  <si>
    <t>11050.1</t>
  </si>
  <si>
    <t>1958.03811672105</t>
  </si>
  <si>
    <t>14086029.0</t>
  </si>
  <si>
    <t>232212.0</t>
  </si>
  <si>
    <t>2585.721</t>
  </si>
  <si>
    <t>42.626</t>
  </si>
  <si>
    <t>297367.0</t>
  </si>
  <si>
    <t>54.587</t>
  </si>
  <si>
    <t>14261985.0</t>
  </si>
  <si>
    <t>175956.0</t>
  </si>
  <si>
    <t>2618.02</t>
  </si>
  <si>
    <t>297626.0</t>
  </si>
  <si>
    <t>14411281.0</t>
  </si>
  <si>
    <t>2645.426</t>
  </si>
  <si>
    <t>299114.0</t>
  </si>
  <si>
    <t>14582815.0</t>
  </si>
  <si>
    <t>171534.0</t>
  </si>
  <si>
    <t>2676.914</t>
  </si>
  <si>
    <t>31.488</t>
  </si>
  <si>
    <t>300684.0</t>
  </si>
  <si>
    <t>55.195</t>
  </si>
  <si>
    <t>14919550.0</t>
  </si>
  <si>
    <t>336735.0</t>
  </si>
  <si>
    <t>2738.727</t>
  </si>
  <si>
    <t>61.813</t>
  </si>
  <si>
    <t>302753.0</t>
  </si>
  <si>
    <t>55.575</t>
  </si>
  <si>
    <t>15676650.0</t>
  </si>
  <si>
    <t>757100.0</t>
  </si>
  <si>
    <t>2877.705</t>
  </si>
  <si>
    <t>138.978</t>
  </si>
  <si>
    <t>306074.0</t>
  </si>
  <si>
    <t>16013493.0</t>
  </si>
  <si>
    <t>336843.0</t>
  </si>
  <si>
    <t>2939.538</t>
  </si>
  <si>
    <t>61.833</t>
  </si>
  <si>
    <t>308525.0</t>
  </si>
  <si>
    <t>56.635</t>
  </si>
  <si>
    <t>546223.0</t>
  </si>
  <si>
    <t>364358.0</t>
  </si>
  <si>
    <t>180506.0</t>
  </si>
  <si>
    <t>11816.5</t>
  </si>
  <si>
    <t>2093.84144996283</t>
  </si>
  <si>
    <t>16253325.0</t>
  </si>
  <si>
    <t>239832.0</t>
  </si>
  <si>
    <t>2983.563</t>
  </si>
  <si>
    <t>309614.0</t>
  </si>
  <si>
    <t>56.835</t>
  </si>
  <si>
    <t>16457994.0</t>
  </si>
  <si>
    <t>204669.0</t>
  </si>
  <si>
    <t>3021.134</t>
  </si>
  <si>
    <t>313716.0</t>
  </si>
  <si>
    <t>16639390.0</t>
  </si>
  <si>
    <t>181396.0</t>
  </si>
  <si>
    <t>3054.432</t>
  </si>
  <si>
    <t>318301.0</t>
  </si>
  <si>
    <t>58.429</t>
  </si>
  <si>
    <t>16836327.0</t>
  </si>
  <si>
    <t>3090.583</t>
  </si>
  <si>
    <t>36.151</t>
  </si>
  <si>
    <t>321930.0</t>
  </si>
  <si>
    <t>59.096</t>
  </si>
  <si>
    <t>17191482.0</t>
  </si>
  <si>
    <t>355155.0</t>
  </si>
  <si>
    <t>3155.777</t>
  </si>
  <si>
    <t>65.195</t>
  </si>
  <si>
    <t>59.579</t>
  </si>
  <si>
    <t>17968742.0</t>
  </si>
  <si>
    <t>777260.0</t>
  </si>
  <si>
    <t>3298.456</t>
  </si>
  <si>
    <t>142.679</t>
  </si>
  <si>
    <t>327442.0</t>
  </si>
  <si>
    <t>60.107</t>
  </si>
  <si>
    <t>18317807.0</t>
  </si>
  <si>
    <t>349065.0</t>
  </si>
  <si>
    <t>3362.533</t>
  </si>
  <si>
    <t>64.077</t>
  </si>
  <si>
    <t>329188.0</t>
  </si>
  <si>
    <t>60.428</t>
  </si>
  <si>
    <t>652175.0</t>
  </si>
  <si>
    <t>432714.0</t>
  </si>
  <si>
    <t>217802.0</t>
  </si>
  <si>
    <t>12487.3</t>
  </si>
  <si>
    <t>2212.7048058326</t>
  </si>
  <si>
    <t>18564668.0</t>
  </si>
  <si>
    <t>246861.0</t>
  </si>
  <si>
    <t>3407.848</t>
  </si>
  <si>
    <t>330192.0</t>
  </si>
  <si>
    <t>60.612</t>
  </si>
  <si>
    <t>18761853.0</t>
  </si>
  <si>
    <t>197185.0</t>
  </si>
  <si>
    <t>3444.045</t>
  </si>
  <si>
    <t>36.197</t>
  </si>
  <si>
    <t>60.416</t>
  </si>
  <si>
    <t>18932971.0</t>
  </si>
  <si>
    <t>171118.0</t>
  </si>
  <si>
    <t>3475.456</t>
  </si>
  <si>
    <t>31.412</t>
  </si>
  <si>
    <t>327654.0</t>
  </si>
  <si>
    <t>60.146</t>
  </si>
  <si>
    <t>19123046.0</t>
  </si>
  <si>
    <t>190075.0</t>
  </si>
  <si>
    <t>3510.347</t>
  </si>
  <si>
    <t>326674.0</t>
  </si>
  <si>
    <t>59.966</t>
  </si>
  <si>
    <t>19488637.0</t>
  </si>
  <si>
    <t>365591.0</t>
  </si>
  <si>
    <t>3577.458</t>
  </si>
  <si>
    <t>20271016.0</t>
  </si>
  <si>
    <t>782379.0</t>
  </si>
  <si>
    <t>3721.076</t>
  </si>
  <si>
    <t>328896.0</t>
  </si>
  <si>
    <t>20624143.0</t>
  </si>
  <si>
    <t>353127.0</t>
  </si>
  <si>
    <t>3785.898</t>
  </si>
  <si>
    <t>64.822</t>
  </si>
  <si>
    <t>329477.0</t>
  </si>
  <si>
    <t>60.481</t>
  </si>
  <si>
    <t>784461.0</t>
  </si>
  <si>
    <t>540097.0</t>
  </si>
  <si>
    <t>242544.0</t>
  </si>
  <si>
    <t>13118.3</t>
  </si>
  <si>
    <t>2324.51574434455</t>
  </si>
  <si>
    <t>20857041.0</t>
  </si>
  <si>
    <t>232898.0</t>
  </si>
  <si>
    <t>3828.651</t>
  </si>
  <si>
    <t>327482.0</t>
  </si>
  <si>
    <t>60.115</t>
  </si>
  <si>
    <t>21048685.0</t>
  </si>
  <si>
    <t>191644.0</t>
  </si>
  <si>
    <t>3863.83</t>
  </si>
  <si>
    <t>326690.0</t>
  </si>
  <si>
    <t>59.969</t>
  </si>
  <si>
    <t>21217441.0</t>
  </si>
  <si>
    <t>168756.0</t>
  </si>
  <si>
    <t>3894.808</t>
  </si>
  <si>
    <t>30.978</t>
  </si>
  <si>
    <t>326353.0</t>
  </si>
  <si>
    <t>59.907</t>
  </si>
  <si>
    <t>21408188.0</t>
  </si>
  <si>
    <t>190747.0</t>
  </si>
  <si>
    <t>3929.823</t>
  </si>
  <si>
    <t>326449.0</t>
  </si>
  <si>
    <t>100.648</t>
  </si>
  <si>
    <t>21767497.0</t>
  </si>
  <si>
    <t>359309.0</t>
  </si>
  <si>
    <t>3995.78</t>
  </si>
  <si>
    <t>65.957</t>
  </si>
  <si>
    <t>325551.0</t>
  </si>
  <si>
    <t>22521826.0</t>
  </si>
  <si>
    <t>754329.0</t>
  </si>
  <si>
    <t>4134.249</t>
  </si>
  <si>
    <t>321544.0</t>
  </si>
  <si>
    <t>59.025</t>
  </si>
  <si>
    <t>22883083.0</t>
  </si>
  <si>
    <t>361257.0</t>
  </si>
  <si>
    <t>4200.564</t>
  </si>
  <si>
    <t>322706.0</t>
  </si>
  <si>
    <t>915724.0</t>
  </si>
  <si>
    <t>653627.0</t>
  </si>
  <si>
    <t>260196.0</t>
  </si>
  <si>
    <t>13686.9</t>
  </si>
  <si>
    <t>2425.26962649653</t>
  </si>
  <si>
    <t>23116898.0</t>
  </si>
  <si>
    <t>233815.0</t>
  </si>
  <si>
    <t>4243.484</t>
  </si>
  <si>
    <t>42.921</t>
  </si>
  <si>
    <t>322837.0</t>
  </si>
  <si>
    <t>59.262</t>
  </si>
  <si>
    <t>23300826.0</t>
  </si>
  <si>
    <t>183928.0</t>
  </si>
  <si>
    <t>4277.247</t>
  </si>
  <si>
    <t>33.763</t>
  </si>
  <si>
    <t>321734.0</t>
  </si>
  <si>
    <t>23462212.0</t>
  </si>
  <si>
    <t>161386.0</t>
  </si>
  <si>
    <t>4306.872</t>
  </si>
  <si>
    <t>29.625</t>
  </si>
  <si>
    <t>320682.0</t>
  </si>
  <si>
    <t>58.866</t>
  </si>
  <si>
    <t>23654827.0</t>
  </si>
  <si>
    <t>192615.0</t>
  </si>
  <si>
    <t>4342.23</t>
  </si>
  <si>
    <t>35.358</t>
  </si>
  <si>
    <t>320948.0</t>
  </si>
  <si>
    <t>58.915</t>
  </si>
  <si>
    <t>24019175.0</t>
  </si>
  <si>
    <t>364348.0</t>
  </si>
  <si>
    <t>4409.112</t>
  </si>
  <si>
    <t>66.882</t>
  </si>
  <si>
    <t>24757730.0</t>
  </si>
  <si>
    <t>738555.0</t>
  </si>
  <si>
    <t>4544.686</t>
  </si>
  <si>
    <t>135.574</t>
  </si>
  <si>
    <t>12.821</t>
  </si>
  <si>
    <t>25113599.0</t>
  </si>
  <si>
    <t>355869.0</t>
  </si>
  <si>
    <t>4610.011</t>
  </si>
  <si>
    <t>65.326</t>
  </si>
  <si>
    <t>318645.0</t>
  </si>
  <si>
    <t>58.492</t>
  </si>
  <si>
    <t>1021329.0</t>
  </si>
  <si>
    <t>751763.0</t>
  </si>
  <si>
    <t>267615.0</t>
  </si>
  <si>
    <t>14184.5</t>
  </si>
  <si>
    <t>2513.44256311072</t>
  </si>
  <si>
    <t>25342572.0</t>
  </si>
  <si>
    <t>228973.0</t>
  </si>
  <si>
    <t>4652.043</t>
  </si>
  <si>
    <t>317953.0</t>
  </si>
  <si>
    <t>58.365</t>
  </si>
  <si>
    <t>25532251.0</t>
  </si>
  <si>
    <t>4686.862</t>
  </si>
  <si>
    <t>34.819</t>
  </si>
  <si>
    <t>318775.0</t>
  </si>
  <si>
    <t>58.516</t>
  </si>
  <si>
    <t>25763211.0</t>
  </si>
  <si>
    <t>230960.0</t>
  </si>
  <si>
    <t>4729.258</t>
  </si>
  <si>
    <t>328714.0</t>
  </si>
  <si>
    <t>60.341</t>
  </si>
  <si>
    <t>26085707.0</t>
  </si>
  <si>
    <t>322496.0</t>
  </si>
  <si>
    <t>4788.458</t>
  </si>
  <si>
    <t>59.199</t>
  </si>
  <si>
    <t>347269.0</t>
  </si>
  <si>
    <t>63.747</t>
  </si>
  <si>
    <t>26258079.0</t>
  </si>
  <si>
    <t>172372.0</t>
  </si>
  <si>
    <t>4820.099</t>
  </si>
  <si>
    <t>319843.0</t>
  </si>
  <si>
    <t>27016291.0</t>
  </si>
  <si>
    <t>758212.0</t>
  </si>
  <si>
    <t>4959.281</t>
  </si>
  <si>
    <t>139.182</t>
  </si>
  <si>
    <t>322652.0</t>
  </si>
  <si>
    <t>27184530.0</t>
  </si>
  <si>
    <t>168239.0</t>
  </si>
  <si>
    <t>4990.165</t>
  </si>
  <si>
    <t>295847.0</t>
  </si>
  <si>
    <t>54.308</t>
  </si>
  <si>
    <t>1156822.0</t>
  </si>
  <si>
    <t>861555.0</t>
  </si>
  <si>
    <t>14593.5</t>
  </si>
  <si>
    <t>2585.91589726506</t>
  </si>
  <si>
    <t>27295653.0</t>
  </si>
  <si>
    <t>111123.0</t>
  </si>
  <si>
    <t>5010.563</t>
  </si>
  <si>
    <t>279012.0</t>
  </si>
  <si>
    <t>51.217</t>
  </si>
  <si>
    <t>27607223.0</t>
  </si>
  <si>
    <t>311570.0</t>
  </si>
  <si>
    <t>5067.757</t>
  </si>
  <si>
    <t>57.194</t>
  </si>
  <si>
    <t>296425.0</t>
  </si>
  <si>
    <t>54.414</t>
  </si>
  <si>
    <t>27819937.0</t>
  </si>
  <si>
    <t>212714.0</t>
  </si>
  <si>
    <t>5106.804</t>
  </si>
  <si>
    <t>39.047</t>
  </si>
  <si>
    <t>293818.0</t>
  </si>
  <si>
    <t>27979026.0</t>
  </si>
  <si>
    <t>159089.0</t>
  </si>
  <si>
    <t>5136.007</t>
  </si>
  <si>
    <t>29.203</t>
  </si>
  <si>
    <t>270474.0</t>
  </si>
  <si>
    <t>28264058.0</t>
  </si>
  <si>
    <t>5188.33</t>
  </si>
  <si>
    <t>52.322</t>
  </si>
  <si>
    <t>286568.0</t>
  </si>
  <si>
    <t>52.604</t>
  </si>
  <si>
    <t>28994867.0</t>
  </si>
  <si>
    <t>730809.0</t>
  </si>
  <si>
    <t>5322.481</t>
  </si>
  <si>
    <t>134.152</t>
  </si>
  <si>
    <t>282654.0</t>
  </si>
  <si>
    <t>51.886</t>
  </si>
  <si>
    <t>29350344.0</t>
  </si>
  <si>
    <t>355477.0</t>
  </si>
  <si>
    <t>5387.735</t>
  </si>
  <si>
    <t>65.254</t>
  </si>
  <si>
    <t>309402.0</t>
  </si>
  <si>
    <t>56.796</t>
  </si>
  <si>
    <t>1311803.0</t>
  </si>
  <si>
    <t>958349.0</t>
  </si>
  <si>
    <t>350794.0</t>
  </si>
  <si>
    <t>22140.0</t>
  </si>
  <si>
    <t>14903.9</t>
  </si>
  <si>
    <t>2640.91766479931</t>
  </si>
  <si>
    <t>29583747.0</t>
  </si>
  <si>
    <t>233403.0</t>
  </si>
  <si>
    <t>5430.58</t>
  </si>
  <si>
    <t>42.845</t>
  </si>
  <si>
    <t>326871.0</t>
  </si>
  <si>
    <t>29767449.0</t>
  </si>
  <si>
    <t>183702.0</t>
  </si>
  <si>
    <t>5464.301</t>
  </si>
  <si>
    <t>33.722</t>
  </si>
  <si>
    <t>308604.0</t>
  </si>
  <si>
    <t>56.649</t>
  </si>
  <si>
    <t>29946536.0</t>
  </si>
  <si>
    <t>179087.0</t>
  </si>
  <si>
    <t>5497.176</t>
  </si>
  <si>
    <t>32.874</t>
  </si>
  <si>
    <t>55.767</t>
  </si>
  <si>
    <t>30112773.0</t>
  </si>
  <si>
    <t>166237.0</t>
  </si>
  <si>
    <t>5527.691</t>
  </si>
  <si>
    <t>30.516</t>
  </si>
  <si>
    <t>304821.0</t>
  </si>
  <si>
    <t>30432264.0</t>
  </si>
  <si>
    <t>319491.0</t>
  </si>
  <si>
    <t>5586.339</t>
  </si>
  <si>
    <t>58.648</t>
  </si>
  <si>
    <t>309744.0</t>
  </si>
  <si>
    <t>56.859</t>
  </si>
  <si>
    <t>31158531.0</t>
  </si>
  <si>
    <t>726267.0</t>
  </si>
  <si>
    <t>5719.657</t>
  </si>
  <si>
    <t>133.318</t>
  </si>
  <si>
    <t>309095.0</t>
  </si>
  <si>
    <t>56.739</t>
  </si>
  <si>
    <t>8.792</t>
  </si>
  <si>
    <t>31525070.0</t>
  </si>
  <si>
    <t>366539.0</t>
  </si>
  <si>
    <t>5786.942</t>
  </si>
  <si>
    <t>67.284</t>
  </si>
  <si>
    <t>310675.0</t>
  </si>
  <si>
    <t>1463516.0</t>
  </si>
  <si>
    <t>1027209.0</t>
  </si>
  <si>
    <t>433350.0</t>
  </si>
  <si>
    <t>15160.7</t>
  </si>
  <si>
    <t>2686.42170443461</t>
  </si>
  <si>
    <t>31758674.0</t>
  </si>
  <si>
    <t>233604.0</t>
  </si>
  <si>
    <t>5829.823</t>
  </si>
  <si>
    <t>42.882</t>
  </si>
  <si>
    <t>310704.0</t>
  </si>
  <si>
    <t>31943153.0</t>
  </si>
  <si>
    <t>184479.0</t>
  </si>
  <si>
    <t>5863.687</t>
  </si>
  <si>
    <t>310815.0</t>
  </si>
  <si>
    <t>32099928.0</t>
  </si>
  <si>
    <t>156775.0</t>
  </si>
  <si>
    <t>5892.466</t>
  </si>
  <si>
    <t>307627.0</t>
  </si>
  <si>
    <t>22726.0</t>
  </si>
  <si>
    <t>32255815.0</t>
  </si>
  <si>
    <t>155887.0</t>
  </si>
  <si>
    <t>5921.082</t>
  </si>
  <si>
    <t>28.616</t>
  </si>
  <si>
    <t>306149.0</t>
  </si>
  <si>
    <t>56.199</t>
  </si>
  <si>
    <t>32579240.0</t>
  </si>
  <si>
    <t>323425.0</t>
  </si>
  <si>
    <t>5980.452</t>
  </si>
  <si>
    <t>306711.0</t>
  </si>
  <si>
    <t>33284176.0</t>
  </si>
  <si>
    <t>704936.0</t>
  </si>
  <si>
    <t>6109.854</t>
  </si>
  <si>
    <t>129.403</t>
  </si>
  <si>
    <t>303664.0</t>
  </si>
  <si>
    <t>55.742</t>
  </si>
  <si>
    <t>265.44</t>
  </si>
  <si>
    <t>33639543.0</t>
  </si>
  <si>
    <t>355367.0</t>
  </si>
  <si>
    <t>6175.088</t>
  </si>
  <si>
    <t>302068.0</t>
  </si>
  <si>
    <t>1632429.0</t>
  </si>
  <si>
    <t>1115721.0</t>
  </si>
  <si>
    <t>513382.0</t>
  </si>
  <si>
    <t>15402.3</t>
  </si>
  <si>
    <t>2729.23235854632</t>
  </si>
  <si>
    <t>33850563.0</t>
  </si>
  <si>
    <t>211020.0</t>
  </si>
  <si>
    <t>6213.824</t>
  </si>
  <si>
    <t>38.736</t>
  </si>
  <si>
    <t>54.857</t>
  </si>
  <si>
    <t>34007807.0</t>
  </si>
  <si>
    <t>157244.0</t>
  </si>
  <si>
    <t>6242.688</t>
  </si>
  <si>
    <t>294951.0</t>
  </si>
  <si>
    <t>54.143</t>
  </si>
  <si>
    <t>34153734.0</t>
  </si>
  <si>
    <t>145927.0</t>
  </si>
  <si>
    <t>6269.476</t>
  </si>
  <si>
    <t>53.859</t>
  </si>
  <si>
    <t>34316365.0</t>
  </si>
  <si>
    <t>162631.0</t>
  </si>
  <si>
    <t>6299.329</t>
  </si>
  <si>
    <t>29.854</t>
  </si>
  <si>
    <t>54.035</t>
  </si>
  <si>
    <t>34623813.0</t>
  </si>
  <si>
    <t>307448.0</t>
  </si>
  <si>
    <t>6355.766</t>
  </si>
  <si>
    <t>56.437</t>
  </si>
  <si>
    <t>292082.0</t>
  </si>
  <si>
    <t>53.616</t>
  </si>
  <si>
    <t>212.281</t>
  </si>
  <si>
    <t>35099293.0</t>
  </si>
  <si>
    <t>475480.0</t>
  </si>
  <si>
    <t>6443.049</t>
  </si>
  <si>
    <t>87.282</t>
  </si>
  <si>
    <t>47.599</t>
  </si>
  <si>
    <t>35378288.0</t>
  </si>
  <si>
    <t>278995.0</t>
  </si>
  <si>
    <t>6494.263</t>
  </si>
  <si>
    <t>248392.0</t>
  </si>
  <si>
    <t>45.596</t>
  </si>
  <si>
    <t>1831946.0</t>
  </si>
  <si>
    <t>592315.0</t>
  </si>
  <si>
    <t>15552.9</t>
  </si>
  <si>
    <t>2755.91813879972</t>
  </si>
  <si>
    <t>35523830.0</t>
  </si>
  <si>
    <t>145542.0</t>
  </si>
  <si>
    <t>6520.979</t>
  </si>
  <si>
    <t>26.717</t>
  </si>
  <si>
    <t>239038.0</t>
  </si>
  <si>
    <t>35639700.0</t>
  </si>
  <si>
    <t>115870.0</t>
  </si>
  <si>
    <t>6542.249</t>
  </si>
  <si>
    <t>233128.0</t>
  </si>
  <si>
    <t>35736666.0</t>
  </si>
  <si>
    <t>96966.0</t>
  </si>
  <si>
    <t>6560.049</t>
  </si>
  <si>
    <t>226133.0</t>
  </si>
  <si>
    <t>30678.0</t>
  </si>
  <si>
    <t>35846410.0</t>
  </si>
  <si>
    <t>109744.0</t>
  </si>
  <si>
    <t>6580.194</t>
  </si>
  <si>
    <t>20.145</t>
  </si>
  <si>
    <t>218578.0</t>
  </si>
  <si>
    <t>36037512.0</t>
  </si>
  <si>
    <t>191102.0</t>
  </si>
  <si>
    <t>6615.274</t>
  </si>
  <si>
    <t>201957.0</t>
  </si>
  <si>
    <t>36216936.0</t>
  </si>
  <si>
    <t>6648.21</t>
  </si>
  <si>
    <t>32.936</t>
  </si>
  <si>
    <t>159663.0</t>
  </si>
  <si>
    <t>29.309</t>
  </si>
  <si>
    <t>36393837.0</t>
  </si>
  <si>
    <t>176901.0</t>
  </si>
  <si>
    <t>6680.683</t>
  </si>
  <si>
    <t>32.473</t>
  </si>
  <si>
    <t>145078.0</t>
  </si>
  <si>
    <t>2067000.0</t>
  </si>
  <si>
    <t>1389494.0</t>
  </si>
  <si>
    <t>15700.1</t>
  </si>
  <si>
    <t>2782.00145123865</t>
  </si>
  <si>
    <t>36524758.0</t>
  </si>
  <si>
    <t>6704.716</t>
  </si>
  <si>
    <t>24.033</t>
  </si>
  <si>
    <t>26.248</t>
  </si>
  <si>
    <t>36619009.0</t>
  </si>
  <si>
    <t>6722.017</t>
  </si>
  <si>
    <t>17.301</t>
  </si>
  <si>
    <t>139901.0</t>
  </si>
  <si>
    <t>34199.0</t>
  </si>
  <si>
    <t>35.439</t>
  </si>
  <si>
    <t>36703493.0</t>
  </si>
  <si>
    <t>6737.526</t>
  </si>
  <si>
    <t>15.508</t>
  </si>
  <si>
    <t>138118.0</t>
  </si>
  <si>
    <t>22671.0</t>
  </si>
  <si>
    <t>36794267.0</t>
  </si>
  <si>
    <t>90774.0</t>
  </si>
  <si>
    <t>6754.189</t>
  </si>
  <si>
    <t>34818.0</t>
  </si>
  <si>
    <t>36946555.0</t>
  </si>
  <si>
    <t>152288.0</t>
  </si>
  <si>
    <t>6782.144</t>
  </si>
  <si>
    <t>129863.0</t>
  </si>
  <si>
    <t>37116795.0</t>
  </si>
  <si>
    <t>170240.0</t>
  </si>
  <si>
    <t>6813.394</t>
  </si>
  <si>
    <t>128551.0</t>
  </si>
  <si>
    <t>35438.0</t>
  </si>
  <si>
    <t>37241778.0</t>
  </si>
  <si>
    <t>124983.0</t>
  </si>
  <si>
    <t>6836.337</t>
  </si>
  <si>
    <t>22.943</t>
  </si>
  <si>
    <t>22.236</t>
  </si>
  <si>
    <t>2317232.0</t>
  </si>
  <si>
    <t>1555168.0</t>
  </si>
  <si>
    <t>757541.0</t>
  </si>
  <si>
    <t>15865.1</t>
  </si>
  <si>
    <t>2811.23885988282</t>
  </si>
  <si>
    <t>37338550.0</t>
  </si>
  <si>
    <t>96772.0</t>
  </si>
  <si>
    <t>6854.101</t>
  </si>
  <si>
    <t>21.341</t>
  </si>
  <si>
    <t>37418336.0</t>
  </si>
  <si>
    <t>79786.0</t>
  </si>
  <si>
    <t>6868.747</t>
  </si>
  <si>
    <t>20.961</t>
  </si>
  <si>
    <t>23070.0</t>
  </si>
  <si>
    <t>37492483.0</t>
  </si>
  <si>
    <t>6882.358</t>
  </si>
  <si>
    <t>112713.0</t>
  </si>
  <si>
    <t>37567256.0</t>
  </si>
  <si>
    <t>6896.083</t>
  </si>
  <si>
    <t>110427.0</t>
  </si>
  <si>
    <t>20.271</t>
  </si>
  <si>
    <t>37680023.0</t>
  </si>
  <si>
    <t>112767.0</t>
  </si>
  <si>
    <t>6916.784</t>
  </si>
  <si>
    <t>104781.0</t>
  </si>
  <si>
    <t>19.234</t>
  </si>
  <si>
    <t>37788539.0</t>
  </si>
  <si>
    <t>108516.0</t>
  </si>
  <si>
    <t>6936.704</t>
  </si>
  <si>
    <t>95963.0</t>
  </si>
  <si>
    <t>24.177</t>
  </si>
  <si>
    <t>37874247.0</t>
  </si>
  <si>
    <t>85708.0</t>
  </si>
  <si>
    <t>6952.437</t>
  </si>
  <si>
    <t>16.586</t>
  </si>
  <si>
    <t>2568546.0</t>
  </si>
  <si>
    <t>1706186.0</t>
  </si>
  <si>
    <t>857375.0</t>
  </si>
  <si>
    <t>15913.3</t>
  </si>
  <si>
    <t>2819.77972713524</t>
  </si>
  <si>
    <t>37967829.0</t>
  </si>
  <si>
    <t>6969.615</t>
  </si>
  <si>
    <t>38041160.0</t>
  </si>
  <si>
    <t>6983.076</t>
  </si>
  <si>
    <t>88975.0</t>
  </si>
  <si>
    <t>35591.0</t>
  </si>
  <si>
    <t>38107928.0</t>
  </si>
  <si>
    <t>6995.333</t>
  </si>
  <si>
    <t>87921.0</t>
  </si>
  <si>
    <t>16.139</t>
  </si>
  <si>
    <t>38172314.0</t>
  </si>
  <si>
    <t>7007.152</t>
  </si>
  <si>
    <t>11.819</t>
  </si>
  <si>
    <t>38269673.0</t>
  </si>
  <si>
    <t>7025.024</t>
  </si>
  <si>
    <t>84236.0</t>
  </si>
  <si>
    <t>38360155.0</t>
  </si>
  <si>
    <t>90482.0</t>
  </si>
  <si>
    <t>7041.633</t>
  </si>
  <si>
    <t>16.609</t>
  </si>
  <si>
    <t>81659.0</t>
  </si>
  <si>
    <t>17.011</t>
  </si>
  <si>
    <t>38436062.0</t>
  </si>
  <si>
    <t>7055.567</t>
  </si>
  <si>
    <t>13.934</t>
  </si>
  <si>
    <t>80259.0</t>
  </si>
  <si>
    <t>2812249.0</t>
  </si>
  <si>
    <t>1811000.0</t>
  </si>
  <si>
    <t>995830.0</t>
  </si>
  <si>
    <t>15908.1</t>
  </si>
  <si>
    <t>2818.85830577191</t>
  </si>
  <si>
    <t>38513540.0</t>
  </si>
  <si>
    <t>7069.789</t>
  </si>
  <si>
    <t>14.222</t>
  </si>
  <si>
    <t>77959.0</t>
  </si>
  <si>
    <t>14.311</t>
  </si>
  <si>
    <t>38571581.0</t>
  </si>
  <si>
    <t>58041.0</t>
  </si>
  <si>
    <t>7080.444</t>
  </si>
  <si>
    <t>38627738.0</t>
  </si>
  <si>
    <t>7090.752</t>
  </si>
  <si>
    <t>34765.0</t>
  </si>
  <si>
    <t>38683563.0</t>
  </si>
  <si>
    <t>73036.0</t>
  </si>
  <si>
    <t>38768524.0</t>
  </si>
  <si>
    <t>7116.596</t>
  </si>
  <si>
    <t>15.596</t>
  </si>
  <si>
    <t>71264.0</t>
  </si>
  <si>
    <t>38842815.0</t>
  </si>
  <si>
    <t>7130.233</t>
  </si>
  <si>
    <t>34714.0</t>
  </si>
  <si>
    <t>38903643.0</t>
  </si>
  <si>
    <t>7141.399</t>
  </si>
  <si>
    <t>11.166</t>
  </si>
  <si>
    <t>3055133.0</t>
  </si>
  <si>
    <t>1879151.0</t>
  </si>
  <si>
    <t>1170122.0</t>
  </si>
  <si>
    <t>15948.9</t>
  </si>
  <si>
    <t>2826.08791954574</t>
  </si>
  <si>
    <t>38968046.0</t>
  </si>
  <si>
    <t>7153.221</t>
  </si>
  <si>
    <t>11.822</t>
  </si>
  <si>
    <t>64929.0</t>
  </si>
  <si>
    <t>39019306.0</t>
  </si>
  <si>
    <t>51260.0</t>
  </si>
  <si>
    <t>7162.631</t>
  </si>
  <si>
    <t>63961.0</t>
  </si>
  <si>
    <t>11.741</t>
  </si>
  <si>
    <t>39067630.0</t>
  </si>
  <si>
    <t>48324.0</t>
  </si>
  <si>
    <t>7171.502</t>
  </si>
  <si>
    <t>39118615.0</t>
  </si>
  <si>
    <t>7180.861</t>
  </si>
  <si>
    <t>35293.0</t>
  </si>
  <si>
    <t>39198421.0</t>
  </si>
  <si>
    <t>79806.0</t>
  </si>
  <si>
    <t>7195.51</t>
  </si>
  <si>
    <t>61414.0</t>
  </si>
  <si>
    <t>39262867.0</t>
  </si>
  <si>
    <t>64446.0</t>
  </si>
  <si>
    <t>7207.341</t>
  </si>
  <si>
    <t>60007.0</t>
  </si>
  <si>
    <t>39315017.0</t>
  </si>
  <si>
    <t>52150.0</t>
  </si>
  <si>
    <t>7216.914</t>
  </si>
  <si>
    <t>3305307.0</t>
  </si>
  <si>
    <t>1937731.0</t>
  </si>
  <si>
    <t>1361471.0</t>
  </si>
  <si>
    <t>35739.0</t>
  </si>
  <si>
    <t>16020.1</t>
  </si>
  <si>
    <t>2838.70430436674</t>
  </si>
  <si>
    <t>41.287</t>
  </si>
  <si>
    <t>39373672.0</t>
  </si>
  <si>
    <t>58655.0</t>
  </si>
  <si>
    <t>7227.681</t>
  </si>
  <si>
    <t>39419770.0</t>
  </si>
  <si>
    <t>46098.0</t>
  </si>
  <si>
    <t>7236.143</t>
  </si>
  <si>
    <t>8.462</t>
  </si>
  <si>
    <t>39465307.0</t>
  </si>
  <si>
    <t>45537.0</t>
  </si>
  <si>
    <t>7244.502</t>
  </si>
  <si>
    <t>35.262</t>
  </si>
  <si>
    <t>39512743.0</t>
  </si>
  <si>
    <t>7253.209</t>
  </si>
  <si>
    <t>56304.0</t>
  </si>
  <si>
    <t>10.336</t>
  </si>
  <si>
    <t>39585451.0</t>
  </si>
  <si>
    <t>7266.556</t>
  </si>
  <si>
    <t>55290.0</t>
  </si>
  <si>
    <t>39640297.0</t>
  </si>
  <si>
    <t>7276.624</t>
  </si>
  <si>
    <t>53919.0</t>
  </si>
  <si>
    <t>34899.0</t>
  </si>
  <si>
    <t>39681243.0</t>
  </si>
  <si>
    <t>40946.0</t>
  </si>
  <si>
    <t>7284.14</t>
  </si>
  <si>
    <t>3548622.0</t>
  </si>
  <si>
    <t>1989514.0</t>
  </si>
  <si>
    <t>1552861.0</t>
  </si>
  <si>
    <t>16089.3</t>
  </si>
  <si>
    <t>2850.96629635569</t>
  </si>
  <si>
    <t>39733367.0</t>
  </si>
  <si>
    <t>7293.709</t>
  </si>
  <si>
    <t>9.433</t>
  </si>
  <si>
    <t>39774544.0</t>
  </si>
  <si>
    <t>7301.267</t>
  </si>
  <si>
    <t>39816211.0</t>
  </si>
  <si>
    <t>41667.0</t>
  </si>
  <si>
    <t>7308.916</t>
  </si>
  <si>
    <t>39856904.0</t>
  </si>
  <si>
    <t>7316.386</t>
  </si>
  <si>
    <t>39917874.0</t>
  </si>
  <si>
    <t>60970.0</t>
  </si>
  <si>
    <t>7327.578</t>
  </si>
  <si>
    <t>8.717</t>
  </si>
  <si>
    <t>39963320.0</t>
  </si>
  <si>
    <t>45446.0</t>
  </si>
  <si>
    <t>7335.92</t>
  </si>
  <si>
    <t>39997731.0</t>
  </si>
  <si>
    <t>34411.0</t>
  </si>
  <si>
    <t>7342.237</t>
  </si>
  <si>
    <t>3771604.0</t>
  </si>
  <si>
    <t>2062704.0</t>
  </si>
  <si>
    <t>1707503.0</t>
  </si>
  <si>
    <t>16217.5</t>
  </si>
  <si>
    <t>2873.68287689013</t>
  </si>
  <si>
    <t>40044857.0</t>
  </si>
  <si>
    <t>7350.888</t>
  </si>
  <si>
    <t>8.651</t>
  </si>
  <si>
    <t>40087786.0</t>
  </si>
  <si>
    <t>7358.768</t>
  </si>
  <si>
    <t>40159895.0</t>
  </si>
  <si>
    <t>7372.005</t>
  </si>
  <si>
    <t>13.237</t>
  </si>
  <si>
    <t>29269.0</t>
  </si>
  <si>
    <t>40173810.0</t>
  </si>
  <si>
    <t>7374.559</t>
  </si>
  <si>
    <t>40196388.0</t>
  </si>
  <si>
    <t>7378.704</t>
  </si>
  <si>
    <t>39788.0</t>
  </si>
  <si>
    <t>40210245.0</t>
  </si>
  <si>
    <t>7381.247</t>
  </si>
  <si>
    <t>35275.0</t>
  </si>
  <si>
    <t>40218418.0</t>
  </si>
  <si>
    <t>7382.748</t>
  </si>
  <si>
    <t>3952349.0</t>
  </si>
  <si>
    <t>2135112.0</t>
  </si>
  <si>
    <t>1824192.0</t>
  </si>
  <si>
    <t>16252.3</t>
  </si>
  <si>
    <t>2879.84931216781</t>
  </si>
  <si>
    <t>40227965.0</t>
  </si>
  <si>
    <t>7384.5</t>
  </si>
  <si>
    <t>40246731.0</t>
  </si>
  <si>
    <t>7387.945</t>
  </si>
  <si>
    <t>40262961.0</t>
  </si>
  <si>
    <t>7390.924</t>
  </si>
  <si>
    <t>40278671.0</t>
  </si>
  <si>
    <t>7393.808</t>
  </si>
  <si>
    <t>40302167.0</t>
  </si>
  <si>
    <t>7398.121</t>
  </si>
  <si>
    <t>40315358.0</t>
  </si>
  <si>
    <t>7400.542</t>
  </si>
  <si>
    <t>40323190.0</t>
  </si>
  <si>
    <t>7401.98</t>
  </si>
  <si>
    <t>4092545.0</t>
  </si>
  <si>
    <t>2193484.0</t>
  </si>
  <si>
    <t>1915064.0</t>
  </si>
  <si>
    <t>16296.3</t>
  </si>
  <si>
    <t>2887.64595447293</t>
  </si>
  <si>
    <t>40340342.0</t>
  </si>
  <si>
    <t>7405.129</t>
  </si>
  <si>
    <t>40353361.0</t>
  </si>
  <si>
    <t>7407.519</t>
  </si>
  <si>
    <t>40367229.0</t>
  </si>
  <si>
    <t>7410.064</t>
  </si>
  <si>
    <t>40382748.0</t>
  </si>
  <si>
    <t>7412.913</t>
  </si>
  <si>
    <t>40403850.0</t>
  </si>
  <si>
    <t>7416.787</t>
  </si>
  <si>
    <t>40418104.0</t>
  </si>
  <si>
    <t>7419.403</t>
  </si>
  <si>
    <t>40425136.0</t>
  </si>
  <si>
    <t>7420.694</t>
  </si>
  <si>
    <t>4189094.0</t>
  </si>
  <si>
    <t>2229797.0</t>
  </si>
  <si>
    <t>1981370.0</t>
  </si>
  <si>
    <t>16346.7</t>
  </si>
  <si>
    <t>2896.5766538406</t>
  </si>
  <si>
    <t>40443811.0</t>
  </si>
  <si>
    <t>7424.122</t>
  </si>
  <si>
    <t>40458372.0</t>
  </si>
  <si>
    <t>7426.795</t>
  </si>
  <si>
    <t>40472778.0</t>
  </si>
  <si>
    <t>14406.0</t>
  </si>
  <si>
    <t>7429.439</t>
  </si>
  <si>
    <t>40489043.0</t>
  </si>
  <si>
    <t>7432.425</t>
  </si>
  <si>
    <t>40510777.0</t>
  </si>
  <si>
    <t>7436.415</t>
  </si>
  <si>
    <t>40524118.0</t>
  </si>
  <si>
    <t>7438.864</t>
  </si>
  <si>
    <t>40531422.0</t>
  </si>
  <si>
    <t>7440.205</t>
  </si>
  <si>
    <t>4284997.0</t>
  </si>
  <si>
    <t>2262180.0</t>
  </si>
  <si>
    <t>2050216.0</t>
  </si>
  <si>
    <t>16287.7</t>
  </si>
  <si>
    <t>2886.12206529511</t>
  </si>
  <si>
    <t>40550014.0</t>
  </si>
  <si>
    <t>7443.617</t>
  </si>
  <si>
    <t>40565475.0</t>
  </si>
  <si>
    <t>7446.456</t>
  </si>
  <si>
    <t>40579395.0</t>
  </si>
  <si>
    <t>7449.011</t>
  </si>
  <si>
    <t>40595427.0</t>
  </si>
  <si>
    <t>7451.954</t>
  </si>
  <si>
    <t>40616982.0</t>
  </si>
  <si>
    <t>7455.91</t>
  </si>
  <si>
    <t>40630122.0</t>
  </si>
  <si>
    <t>7458.323</t>
  </si>
  <si>
    <t>40636602.0</t>
  </si>
  <si>
    <t>7459.512</t>
  </si>
  <si>
    <t>4379083.0</t>
  </si>
  <si>
    <t>2296718.0</t>
  </si>
  <si>
    <t>2117453.0</t>
  </si>
  <si>
    <t>16284.7</t>
  </si>
  <si>
    <t>2885.59047604703</t>
  </si>
  <si>
    <t>40653932.0</t>
  </si>
  <si>
    <t>7462.693</t>
  </si>
  <si>
    <t>40668739.0</t>
  </si>
  <si>
    <t>7465.411</t>
  </si>
  <si>
    <t>40681958.0</t>
  </si>
  <si>
    <t>7467.838</t>
  </si>
  <si>
    <t>40697361.0</t>
  </si>
  <si>
    <t>7470.665</t>
  </si>
  <si>
    <t>40718298.0</t>
  </si>
  <si>
    <t>7474.509</t>
  </si>
  <si>
    <t>40729665.0</t>
  </si>
  <si>
    <t>7476.595</t>
  </si>
  <si>
    <t>40736839.0</t>
  </si>
  <si>
    <t>7477.912</t>
  </si>
  <si>
    <t>4458651.0</t>
  </si>
  <si>
    <t>2325601.0</t>
  </si>
  <si>
    <t>2175897.0</t>
  </si>
  <si>
    <t>16255.1</t>
  </si>
  <si>
    <t>2880.34546213268</t>
  </si>
  <si>
    <t>40755489.0</t>
  </si>
  <si>
    <t>7481.336</t>
  </si>
  <si>
    <t>40769170.0</t>
  </si>
  <si>
    <t>7483.847</t>
  </si>
  <si>
    <t>40783643.0</t>
  </si>
  <si>
    <t>7486.504</t>
  </si>
  <si>
    <t>40798641.0</t>
  </si>
  <si>
    <t>7489.257</t>
  </si>
  <si>
    <t>40819636.0</t>
  </si>
  <si>
    <t>7493.111</t>
  </si>
  <si>
    <t>40832637.0</t>
  </si>
  <si>
    <t>7495.497</t>
  </si>
  <si>
    <t>40839832.0</t>
  </si>
  <si>
    <t>7496.818</t>
  </si>
  <si>
    <t>4522774.0</t>
  </si>
  <si>
    <t>2356017.0</t>
  </si>
  <si>
    <t>2218460.0</t>
  </si>
  <si>
    <t>16258.3</t>
  </si>
  <si>
    <t>2880.91249066396</t>
  </si>
  <si>
    <t>40860496.0</t>
  </si>
  <si>
    <t>20664.0</t>
  </si>
  <si>
    <t>7500.611</t>
  </si>
  <si>
    <t>40876351.0</t>
  </si>
  <si>
    <t>7503.522</t>
  </si>
  <si>
    <t>40892935.0</t>
  </si>
  <si>
    <t>7506.566</t>
  </si>
  <si>
    <t>40910738.0</t>
  </si>
  <si>
    <t>7509.834</t>
  </si>
  <si>
    <t>40935254.0</t>
  </si>
  <si>
    <t>7514.335</t>
  </si>
  <si>
    <t>40950450.0</t>
  </si>
  <si>
    <t>7517.124</t>
  </si>
  <si>
    <t>40959586.0</t>
  </si>
  <si>
    <t>7518.801</t>
  </si>
  <si>
    <t>4575516.0</t>
  </si>
  <si>
    <t>2379410.0</t>
  </si>
  <si>
    <t>2253718.0</t>
  </si>
  <si>
    <t>16301.9</t>
  </si>
  <si>
    <t>2888.63825440267</t>
  </si>
  <si>
    <t>40980961.0</t>
  </si>
  <si>
    <t>7522.725</t>
  </si>
  <si>
    <t>40997755.0</t>
  </si>
  <si>
    <t>7525.808</t>
  </si>
  <si>
    <t>41014479.0</t>
  </si>
  <si>
    <t>16724.0</t>
  </si>
  <si>
    <t>7528.878</t>
  </si>
  <si>
    <t>41032086.0</t>
  </si>
  <si>
    <t>7532.11</t>
  </si>
  <si>
    <t>41055498.0</t>
  </si>
  <si>
    <t>7536.407</t>
  </si>
  <si>
    <t>41068872.0</t>
  </si>
  <si>
    <t>7538.862</t>
  </si>
  <si>
    <t>41075129.0</t>
  </si>
  <si>
    <t>7540.011</t>
  </si>
  <si>
    <t>4616982.0</t>
  </si>
  <si>
    <t>2396215.0</t>
  </si>
  <si>
    <t>2282920.0</t>
  </si>
  <si>
    <t>16253.5</t>
  </si>
  <si>
    <t>2880.06194786704</t>
  </si>
  <si>
    <t>41096758.0</t>
  </si>
  <si>
    <t>7543.981</t>
  </si>
  <si>
    <t>41120079.0</t>
  </si>
  <si>
    <t>7548.262</t>
  </si>
  <si>
    <t>41127602.0</t>
  </si>
  <si>
    <t>7549.643</t>
  </si>
  <si>
    <t>41149360.0</t>
  </si>
  <si>
    <t>7553.637</t>
  </si>
  <si>
    <t>41178409.0</t>
  </si>
  <si>
    <t>29049.0</t>
  </si>
  <si>
    <t>7558.97</t>
  </si>
  <si>
    <t>41210406.0</t>
  </si>
  <si>
    <t>7564.843</t>
  </si>
  <si>
    <t>29.237</t>
  </si>
  <si>
    <t>41232713.0</t>
  </si>
  <si>
    <t>7568.938</t>
  </si>
  <si>
    <t>4655468.0</t>
  </si>
  <si>
    <t>2410517.0</t>
  </si>
  <si>
    <t>2310032.0</t>
  </si>
  <si>
    <t>16288.7</t>
  </si>
  <si>
    <t>2886.29926171113</t>
  </si>
  <si>
    <t>41259168.0</t>
  </si>
  <si>
    <t>7573.794</t>
  </si>
  <si>
    <t>41284127.0</t>
  </si>
  <si>
    <t>7578.376</t>
  </si>
  <si>
    <t>41333965.0</t>
  </si>
  <si>
    <t>7587.524</t>
  </si>
  <si>
    <t>41358641.0</t>
  </si>
  <si>
    <t>7592.054</t>
  </si>
  <si>
    <t>41388571.0</t>
  </si>
  <si>
    <t>7597.548</t>
  </si>
  <si>
    <t>41405519.0</t>
  </si>
  <si>
    <t>7600.659</t>
  </si>
  <si>
    <t>41417941.0</t>
  </si>
  <si>
    <t>7602.94</t>
  </si>
  <si>
    <t>4690914.0</t>
  </si>
  <si>
    <t>2425909.0</t>
  </si>
  <si>
    <t>2334421.0</t>
  </si>
  <si>
    <t>16377.5</t>
  </si>
  <si>
    <t>2902.03430345418</t>
  </si>
  <si>
    <t>41450766.0</t>
  </si>
  <si>
    <t>7608.965</t>
  </si>
  <si>
    <t>41481929.0</t>
  </si>
  <si>
    <t>7614.686</t>
  </si>
  <si>
    <t>41492253.0</t>
  </si>
  <si>
    <t>7616.581</t>
  </si>
  <si>
    <t>41526009.0</t>
  </si>
  <si>
    <t>7622.777</t>
  </si>
  <si>
    <t>41563465.0</t>
  </si>
  <si>
    <t>37456.0</t>
  </si>
  <si>
    <t>7629.653</t>
  </si>
  <si>
    <t>41584589.0</t>
  </si>
  <si>
    <t>7633.531</t>
  </si>
  <si>
    <t>41600913.0</t>
  </si>
  <si>
    <t>7636.527</t>
  </si>
  <si>
    <t>4728118.0</t>
  </si>
  <si>
    <t>2444947.0</t>
  </si>
  <si>
    <t>2357264.0</t>
  </si>
  <si>
    <t>16563.3</t>
  </si>
  <si>
    <t>2934.95739755168</t>
  </si>
  <si>
    <t>71.942</t>
  </si>
  <si>
    <t>41640846.0</t>
  </si>
  <si>
    <t>39933.0</t>
  </si>
  <si>
    <t>7643.857</t>
  </si>
  <si>
    <t>41677738.0</t>
  </si>
  <si>
    <t>7650.63</t>
  </si>
  <si>
    <t>6.772</t>
  </si>
  <si>
    <t>41711416.0</t>
  </si>
  <si>
    <t>7656.812</t>
  </si>
  <si>
    <t>41743777.0</t>
  </si>
  <si>
    <t>7662.752</t>
  </si>
  <si>
    <t>41786999.0</t>
  </si>
  <si>
    <t>7670.686</t>
  </si>
  <si>
    <t>86.295</t>
  </si>
  <si>
    <t>41809039.0</t>
  </si>
  <si>
    <t>7674.732</t>
  </si>
  <si>
    <t>41825783.0</t>
  </si>
  <si>
    <t>7677.806</t>
  </si>
  <si>
    <t>4758401.0</t>
  </si>
  <si>
    <t>2461655.0</t>
  </si>
  <si>
    <t>2375757.0</t>
  </si>
  <si>
    <t>16732.5</t>
  </si>
  <si>
    <t>2964.93903114316</t>
  </si>
  <si>
    <t>41870724.0</t>
  </si>
  <si>
    <t>7686.055</t>
  </si>
  <si>
    <t>32840.0</t>
  </si>
  <si>
    <t>41909696.0</t>
  </si>
  <si>
    <t>7693.209</t>
  </si>
  <si>
    <t>33137.0</t>
  </si>
  <si>
    <t>41944334.0</t>
  </si>
  <si>
    <t>7699.568</t>
  </si>
  <si>
    <t>41980280.0</t>
  </si>
  <si>
    <t>7706.166</t>
  </si>
  <si>
    <t>33786.0</t>
  </si>
  <si>
    <t>42021055.0</t>
  </si>
  <si>
    <t>7713.651</t>
  </si>
  <si>
    <t>42043498.0</t>
  </si>
  <si>
    <t>7717.771</t>
  </si>
  <si>
    <t>42060951.0</t>
  </si>
  <si>
    <t>7720.975</t>
  </si>
  <si>
    <t>4784375.0</t>
  </si>
  <si>
    <t>2475811.0</t>
  </si>
  <si>
    <t>2391301.0</t>
  </si>
  <si>
    <t>16837.7</t>
  </si>
  <si>
    <t>2983.58009410902</t>
  </si>
  <si>
    <t>42105599.0</t>
  </si>
  <si>
    <t>7729.17</t>
  </si>
  <si>
    <t>8.196</t>
  </si>
  <si>
    <t>33554.0</t>
  </si>
  <si>
    <t>42148907.0</t>
  </si>
  <si>
    <t>7737.12</t>
  </si>
  <si>
    <t>42187409.0</t>
  </si>
  <si>
    <t>7744.188</t>
  </si>
  <si>
    <t>6.374</t>
  </si>
  <si>
    <t>42224824.0</t>
  </si>
  <si>
    <t>7751.056</t>
  </si>
  <si>
    <t>42266859.0</t>
  </si>
  <si>
    <t>7758.772</t>
  </si>
  <si>
    <t>42287791.0</t>
  </si>
  <si>
    <t>7762.615</t>
  </si>
  <si>
    <t>42305565.0</t>
  </si>
  <si>
    <t>7765.877</t>
  </si>
  <si>
    <t>4807782.0</t>
  </si>
  <si>
    <t>2487399.0</t>
  </si>
  <si>
    <t>2405331.0</t>
  </si>
  <si>
    <t>17055.7</t>
  </si>
  <si>
    <t>3022.20891280253</t>
  </si>
  <si>
    <t>42351854.0</t>
  </si>
  <si>
    <t>46289.0</t>
  </si>
  <si>
    <t>7774.375</t>
  </si>
  <si>
    <t>42394262.0</t>
  </si>
  <si>
    <t>7782.159</t>
  </si>
  <si>
    <t>35051.0</t>
  </si>
  <si>
    <t>42432429.0</t>
  </si>
  <si>
    <t>7789.165</t>
  </si>
  <si>
    <t>42470249.0</t>
  </si>
  <si>
    <t>7796.108</t>
  </si>
  <si>
    <t>42511213.0</t>
  </si>
  <si>
    <t>7803.628</t>
  </si>
  <si>
    <t>42535205.0</t>
  </si>
  <si>
    <t>7808.032</t>
  </si>
  <si>
    <t>36.502</t>
  </si>
  <si>
    <t>42556521.0</t>
  </si>
  <si>
    <t>7811.945</t>
  </si>
  <si>
    <t>4850689.0</t>
  </si>
  <si>
    <t>2498658.0</t>
  </si>
  <si>
    <t>2421691.0</t>
  </si>
  <si>
    <t>17267.7</t>
  </si>
  <si>
    <t>3059.77455299989</t>
  </si>
  <si>
    <t>42606286.0</t>
  </si>
  <si>
    <t>7821.08</t>
  </si>
  <si>
    <t>42652523.0</t>
  </si>
  <si>
    <t>7829.567</t>
  </si>
  <si>
    <t>36894.0</t>
  </si>
  <si>
    <t>42694331.0</t>
  </si>
  <si>
    <t>7837.242</t>
  </si>
  <si>
    <t>42738270.0</t>
  </si>
  <si>
    <t>7845.308</t>
  </si>
  <si>
    <t>42783452.0</t>
  </si>
  <si>
    <t>45182.0</t>
  </si>
  <si>
    <t>7853.601</t>
  </si>
  <si>
    <t>42811664.0</t>
  </si>
  <si>
    <t>7858.78</t>
  </si>
  <si>
    <t>42832325.0</t>
  </si>
  <si>
    <t>7862.573</t>
  </si>
  <si>
    <t>4912919.0</t>
  </si>
  <si>
    <t>2510935.0</t>
  </si>
  <si>
    <t>2437137.0</t>
  </si>
  <si>
    <t>17559.7</t>
  </si>
  <si>
    <t>3111.51590647928</t>
  </si>
  <si>
    <t>42888557.0</t>
  </si>
  <si>
    <t>7872.895</t>
  </si>
  <si>
    <t>42940188.0</t>
  </si>
  <si>
    <t>7882.373</t>
  </si>
  <si>
    <t>41095.0</t>
  </si>
  <si>
    <t>42989157.0</t>
  </si>
  <si>
    <t>7891.362</t>
  </si>
  <si>
    <t>43038888.0</t>
  </si>
  <si>
    <t>7900.491</t>
  </si>
  <si>
    <t>9.129</t>
  </si>
  <si>
    <t>43086901.0</t>
  </si>
  <si>
    <t>7909.304</t>
  </si>
  <si>
    <t>43116312.0</t>
  </si>
  <si>
    <t>7914.703</t>
  </si>
  <si>
    <t>7.989</t>
  </si>
  <si>
    <t>43137660.0</t>
  </si>
  <si>
    <t>7918.622</t>
  </si>
  <si>
    <t>5000849.0</t>
  </si>
  <si>
    <t>2525330.0</t>
  </si>
  <si>
    <t>2451335.0</t>
  </si>
  <si>
    <t>121474.0</t>
  </si>
  <si>
    <t>18022.3</t>
  </si>
  <si>
    <t>3193.48696853257</t>
  </si>
  <si>
    <t>43158424.0</t>
  </si>
  <si>
    <t>7922.434</t>
  </si>
  <si>
    <t>43224308.0</t>
  </si>
  <si>
    <t>7934.528</t>
  </si>
  <si>
    <t>43282742.0</t>
  </si>
  <si>
    <t>58434.0</t>
  </si>
  <si>
    <t>7945.254</t>
  </si>
  <si>
    <t>43337590.0</t>
  </si>
  <si>
    <t>54848.0</t>
  </si>
  <si>
    <t>7955.323</t>
  </si>
  <si>
    <t>43393303.0</t>
  </si>
  <si>
    <t>7965.55</t>
  </si>
  <si>
    <t>43426585.0</t>
  </si>
  <si>
    <t>7971.659</t>
  </si>
  <si>
    <t>43457452.0</t>
  </si>
  <si>
    <t>7977.325</t>
  </si>
  <si>
    <t>45685.0</t>
  </si>
  <si>
    <t>18520.9</t>
  </si>
  <si>
    <t>3281.83710156278</t>
  </si>
  <si>
    <t>43524858.0</t>
  </si>
  <si>
    <t>67406.0</t>
  </si>
  <si>
    <t>7989.699</t>
  </si>
  <si>
    <t>12.373</t>
  </si>
  <si>
    <t>43586742.0</t>
  </si>
  <si>
    <t>61884.0</t>
  </si>
  <si>
    <t>8001.058</t>
  </si>
  <si>
    <t>43648220.0</t>
  </si>
  <si>
    <t>61478.0</t>
  </si>
  <si>
    <t>8012.344</t>
  </si>
  <si>
    <t>52211.0</t>
  </si>
  <si>
    <t>43710634.0</t>
  </si>
  <si>
    <t>62414.0</t>
  </si>
  <si>
    <t>8023.801</t>
  </si>
  <si>
    <t>9.783</t>
  </si>
  <si>
    <t>43775078.0</t>
  </si>
  <si>
    <t>64444.0</t>
  </si>
  <si>
    <t>8035.631</t>
  </si>
  <si>
    <t>43810951.0</t>
  </si>
  <si>
    <t>8042.216</t>
  </si>
  <si>
    <t>43848237.0</t>
  </si>
  <si>
    <t>8049.06</t>
  </si>
  <si>
    <t>19182.5</t>
  </si>
  <si>
    <t>3399.07025040512</t>
  </si>
  <si>
    <t>43929147.0</t>
  </si>
  <si>
    <t>80910.0</t>
  </si>
  <si>
    <t>8063.912</t>
  </si>
  <si>
    <t>57756.0</t>
  </si>
  <si>
    <t>43997428.0</t>
  </si>
  <si>
    <t>68281.0</t>
  </si>
  <si>
    <t>8076.447</t>
  </si>
  <si>
    <t>58669.0</t>
  </si>
  <si>
    <t>44034990.0</t>
  </si>
  <si>
    <t>37562.0</t>
  </si>
  <si>
    <t>8083.342</t>
  </si>
  <si>
    <t>10.143</t>
  </si>
  <si>
    <t>44110173.0</t>
  </si>
  <si>
    <t>75183.0</t>
  </si>
  <si>
    <t>8097.143</t>
  </si>
  <si>
    <t>44181257.0</t>
  </si>
  <si>
    <t>8110.191</t>
  </si>
  <si>
    <t>13.049</t>
  </si>
  <si>
    <t>58026.0</t>
  </si>
  <si>
    <t>44223660.0</t>
  </si>
  <si>
    <t>8117.975</t>
  </si>
  <si>
    <t>58958.0</t>
  </si>
  <si>
    <t>10.823</t>
  </si>
  <si>
    <t>44270819.0</t>
  </si>
  <si>
    <t>8126.632</t>
  </si>
  <si>
    <t>60369.0</t>
  </si>
  <si>
    <t>20024.3</t>
  </si>
  <si>
    <t>3548.2341934152</t>
  </si>
  <si>
    <t>44358921.0</t>
  </si>
  <si>
    <t>88102.0</t>
  </si>
  <si>
    <t>8142.805</t>
  </si>
  <si>
    <t>16.173</t>
  </si>
  <si>
    <t>61396.0</t>
  </si>
  <si>
    <t>44435558.0</t>
  </si>
  <si>
    <t>8156.872</t>
  </si>
  <si>
    <t>14.068</t>
  </si>
  <si>
    <t>62590.0</t>
  </si>
  <si>
    <t>44513288.0</t>
  </si>
  <si>
    <t>8171.141</t>
  </si>
  <si>
    <t>68328.0</t>
  </si>
  <si>
    <t>44582074.0</t>
  </si>
  <si>
    <t>8183.768</t>
  </si>
  <si>
    <t>67414.0</t>
  </si>
  <si>
    <t>12.375</t>
  </si>
  <si>
    <t>44653160.0</t>
  </si>
  <si>
    <t>71086.0</t>
  </si>
  <si>
    <t>8196.817</t>
  </si>
  <si>
    <t>44698871.0</t>
  </si>
  <si>
    <t>8205.208</t>
  </si>
  <si>
    <t>67887.0</t>
  </si>
  <si>
    <t>44759608.0</t>
  </si>
  <si>
    <t>8216.357</t>
  </si>
  <si>
    <t>69827.0</t>
  </si>
  <si>
    <t>20932.3</t>
  </si>
  <si>
    <t>3709.12853916617</t>
  </si>
  <si>
    <t>44865441.0</t>
  </si>
  <si>
    <t>105833.0</t>
  </si>
  <si>
    <t>8235.785</t>
  </si>
  <si>
    <t>19.427</t>
  </si>
  <si>
    <t>72360.0</t>
  </si>
  <si>
    <t>44944054.0</t>
  </si>
  <si>
    <t>78613.0</t>
  </si>
  <si>
    <t>8250.215</t>
  </si>
  <si>
    <t>14.431</t>
  </si>
  <si>
    <t>72642.0</t>
  </si>
  <si>
    <t>45010848.0</t>
  </si>
  <si>
    <t>8262.476</t>
  </si>
  <si>
    <t>71080.0</t>
  </si>
  <si>
    <t>45091065.0</t>
  </si>
  <si>
    <t>8277.202</t>
  </si>
  <si>
    <t>45157891.0</t>
  </si>
  <si>
    <t>66826.0</t>
  </si>
  <si>
    <t>8289.469</t>
  </si>
  <si>
    <t>72104.0</t>
  </si>
  <si>
    <t>45197119.0</t>
  </si>
  <si>
    <t>8296.669</t>
  </si>
  <si>
    <t>71178.0</t>
  </si>
  <si>
    <t>13.066</t>
  </si>
  <si>
    <t>26.192</t>
  </si>
  <si>
    <t>45239507.0</t>
  </si>
  <si>
    <t>42388.0</t>
  </si>
  <si>
    <t>8304.45</t>
  </si>
  <si>
    <t>21839.5</t>
  </si>
  <si>
    <t>3869.88112778431</t>
  </si>
  <si>
    <t>45332125.0</t>
  </si>
  <si>
    <t>92618.0</t>
  </si>
  <si>
    <t>8321.452</t>
  </si>
  <si>
    <t>12.238</t>
  </si>
  <si>
    <t>45401737.0</t>
  </si>
  <si>
    <t>69612.0</t>
  </si>
  <si>
    <t>8334.23</t>
  </si>
  <si>
    <t>12.778</t>
  </si>
  <si>
    <t>65383.0</t>
  </si>
  <si>
    <t>45460923.0</t>
  </si>
  <si>
    <t>59186.0</t>
  </si>
  <si>
    <t>8345.095</t>
  </si>
  <si>
    <t>45516310.0</t>
  </si>
  <si>
    <t>8355.262</t>
  </si>
  <si>
    <t>60749.0</t>
  </si>
  <si>
    <t>45570794.0</t>
  </si>
  <si>
    <t>8365.264</t>
  </si>
  <si>
    <t>58986.0</t>
  </si>
  <si>
    <t>45601545.0</t>
  </si>
  <si>
    <t>8370.908</t>
  </si>
  <si>
    <t>21.979</t>
  </si>
  <si>
    <t>45638890.0</t>
  </si>
  <si>
    <t>37345.0</t>
  </si>
  <si>
    <t>8377.764</t>
  </si>
  <si>
    <t>57055.0</t>
  </si>
  <si>
    <t>22753.7</t>
  </si>
  <si>
    <t>4031.87409131463</t>
  </si>
  <si>
    <t>45719802.0</t>
  </si>
  <si>
    <t>8392.616</t>
  </si>
  <si>
    <t>55382.0</t>
  </si>
  <si>
    <t>45778909.0</t>
  </si>
  <si>
    <t>59107.0</t>
  </si>
  <si>
    <t>8403.467</t>
  </si>
  <si>
    <t>45833418.0</t>
  </si>
  <si>
    <t>54509.0</t>
  </si>
  <si>
    <t>8413.473</t>
  </si>
  <si>
    <t>45884406.0</t>
  </si>
  <si>
    <t>8422.832</t>
  </si>
  <si>
    <t>45932867.0</t>
  </si>
  <si>
    <t>8431.728</t>
  </si>
  <si>
    <t>8.896</t>
  </si>
  <si>
    <t>45958572.0</t>
  </si>
  <si>
    <t>8436.447</t>
  </si>
  <si>
    <t>51004.0</t>
  </si>
  <si>
    <t>45988564.0</t>
  </si>
  <si>
    <t>29992.0</t>
  </si>
  <si>
    <t>8441.952</t>
  </si>
  <si>
    <t>23493.5</t>
  </si>
  <si>
    <t>4162.96399989014</t>
  </si>
  <si>
    <t>46056147.0</t>
  </si>
  <si>
    <t>67583.0</t>
  </si>
  <si>
    <t>8454.358</t>
  </si>
  <si>
    <t>12.406</t>
  </si>
  <si>
    <t>48049.0</t>
  </si>
  <si>
    <t>46107344.0</t>
  </si>
  <si>
    <t>51197.0</t>
  </si>
  <si>
    <t>8463.756</t>
  </si>
  <si>
    <t>46919.0</t>
  </si>
  <si>
    <t>46148157.0</t>
  </si>
  <si>
    <t>8471.248</t>
  </si>
  <si>
    <t>46192538.0</t>
  </si>
  <si>
    <t>8479.395</t>
  </si>
  <si>
    <t>46202923.0</t>
  </si>
  <si>
    <t>8481.301</t>
  </si>
  <si>
    <t>46210175.0</t>
  </si>
  <si>
    <t>8482.632</t>
  </si>
  <si>
    <t>82.396</t>
  </si>
  <si>
    <t>46227922.0</t>
  </si>
  <si>
    <t>8485.89</t>
  </si>
  <si>
    <t>23995.9</t>
  </si>
  <si>
    <t>4251.98747930124</t>
  </si>
  <si>
    <t>46281608.0</t>
  </si>
  <si>
    <t>53686.0</t>
  </si>
  <si>
    <t>8495.745</t>
  </si>
  <si>
    <t>46323586.0</t>
  </si>
  <si>
    <t>8503.451</t>
  </si>
  <si>
    <t>46363574.0</t>
  </si>
  <si>
    <t>8510.791</t>
  </si>
  <si>
    <t>46399352.0</t>
  </si>
  <si>
    <t>8517.359</t>
  </si>
  <si>
    <t>46426750.0</t>
  </si>
  <si>
    <t>8522.388</t>
  </si>
  <si>
    <t>46431625.0</t>
  </si>
  <si>
    <t>8523.283</t>
  </si>
  <si>
    <t>46460753.0</t>
  </si>
  <si>
    <t>8528.63</t>
  </si>
  <si>
    <t>5187219.0</t>
  </si>
  <si>
    <t>2541832.0</t>
  </si>
  <si>
    <t>2475349.0</t>
  </si>
  <si>
    <t>268721.0</t>
  </si>
  <si>
    <t>24388.5</t>
  </si>
  <si>
    <t>4321.55479223277</t>
  </si>
  <si>
    <t>46529062.0</t>
  </si>
  <si>
    <t>68309.0</t>
  </si>
  <si>
    <t>8541.169</t>
  </si>
  <si>
    <t>46575375.0</t>
  </si>
  <si>
    <t>8549.671</t>
  </si>
  <si>
    <t>8.502</t>
  </si>
  <si>
    <t>46617793.0</t>
  </si>
  <si>
    <t>8557.457</t>
  </si>
  <si>
    <t>46632960.0</t>
  </si>
  <si>
    <t>8560.242</t>
  </si>
  <si>
    <t>46675227.0</t>
  </si>
  <si>
    <t>46698092.0</t>
  </si>
  <si>
    <t>8572.198</t>
  </si>
  <si>
    <t>46730674.0</t>
  </si>
  <si>
    <t>8578.179</t>
  </si>
  <si>
    <t>38560.0</t>
  </si>
  <si>
    <t>5359965.0</t>
  </si>
  <si>
    <t>2558133.0</t>
  </si>
  <si>
    <t>2499486.0</t>
  </si>
  <si>
    <t>402746.0</t>
  </si>
  <si>
    <t>24633.5</t>
  </si>
  <si>
    <t>4364.96791415897</t>
  </si>
  <si>
    <t>46801286.0</t>
  </si>
  <si>
    <t>70612.0</t>
  </si>
  <si>
    <t>8591.141</t>
  </si>
  <si>
    <t>46848628.0</t>
  </si>
  <si>
    <t>8599.831</t>
  </si>
  <si>
    <t>46889946.0</t>
  </si>
  <si>
    <t>8607.415</t>
  </si>
  <si>
    <t>46927070.0</t>
  </si>
  <si>
    <t>8614.23</t>
  </si>
  <si>
    <t>46962696.0</t>
  </si>
  <si>
    <t>8620.77</t>
  </si>
  <si>
    <t>41067.0</t>
  </si>
  <si>
    <t>46988262.0</t>
  </si>
  <si>
    <t>8625.463</t>
  </si>
  <si>
    <t>47017492.0</t>
  </si>
  <si>
    <t>8630.829</t>
  </si>
  <si>
    <t>5490176.0</t>
  </si>
  <si>
    <t>2571220.0</t>
  </si>
  <si>
    <t>2512978.0</t>
  </si>
  <si>
    <t>507492.0</t>
  </si>
  <si>
    <t>24735.5</t>
  </si>
  <si>
    <t>4383.04194859355</t>
  </si>
  <si>
    <t>255.34</t>
  </si>
  <si>
    <t>47091349.0</t>
  </si>
  <si>
    <t>73857.0</t>
  </si>
  <si>
    <t>8644.386</t>
  </si>
  <si>
    <t>47144040.0</t>
  </si>
  <si>
    <t>8654.059</t>
  </si>
  <si>
    <t>9.672</t>
  </si>
  <si>
    <t>47196475.0</t>
  </si>
  <si>
    <t>8663.684</t>
  </si>
  <si>
    <t>47247422.0</t>
  </si>
  <si>
    <t>8673.036</t>
  </si>
  <si>
    <t>47297536.0</t>
  </si>
  <si>
    <t>50114.0</t>
  </si>
  <si>
    <t>8682.235</t>
  </si>
  <si>
    <t>9.199</t>
  </si>
  <si>
    <t>47334006.0</t>
  </si>
  <si>
    <t>8688.93</t>
  </si>
  <si>
    <t>49392.0</t>
  </si>
  <si>
    <t>47371579.0</t>
  </si>
  <si>
    <t>8695.827</t>
  </si>
  <si>
    <t>9.286</t>
  </si>
  <si>
    <t>5586144.0</t>
  </si>
  <si>
    <t>2580881.0</t>
  </si>
  <si>
    <t>2527812.0</t>
  </si>
  <si>
    <t>579629.0</t>
  </si>
  <si>
    <t>24747.3</t>
  </si>
  <si>
    <t>4385.13286630265</t>
  </si>
  <si>
    <t>47458173.0</t>
  </si>
  <si>
    <t>86594.0</t>
  </si>
  <si>
    <t>8711.723</t>
  </si>
  <si>
    <t>15.896</t>
  </si>
  <si>
    <t>47532372.0</t>
  </si>
  <si>
    <t>74199.0</t>
  </si>
  <si>
    <t>8725.343</t>
  </si>
  <si>
    <t>47604412.0</t>
  </si>
  <si>
    <t>72040.0</t>
  </si>
  <si>
    <t>8738.567</t>
  </si>
  <si>
    <t>47673907.0</t>
  </si>
  <si>
    <t>69495.0</t>
  </si>
  <si>
    <t>8751.324</t>
  </si>
  <si>
    <t>60926.0</t>
  </si>
  <si>
    <t>47745077.0</t>
  </si>
  <si>
    <t>8764.389</t>
  </si>
  <si>
    <t>13.064</t>
  </si>
  <si>
    <t>63934.0</t>
  </si>
  <si>
    <t>11.736</t>
  </si>
  <si>
    <t>47789549.0</t>
  </si>
  <si>
    <t>8772.552</t>
  </si>
  <si>
    <t>65078.0</t>
  </si>
  <si>
    <t>11.946</t>
  </si>
  <si>
    <t>47834462.0</t>
  </si>
  <si>
    <t>44913.0</t>
  </si>
  <si>
    <t>8780.797</t>
  </si>
  <si>
    <t>5635086.0</t>
  </si>
  <si>
    <t>2585411.0</t>
  </si>
  <si>
    <t>2540907.0</t>
  </si>
  <si>
    <t>611367.0</t>
  </si>
  <si>
    <t>24751.7</t>
  </si>
  <si>
    <t>4385.91253053316</t>
  </si>
  <si>
    <t>47937452.0</t>
  </si>
  <si>
    <t>8799.702</t>
  </si>
  <si>
    <t>68468.0</t>
  </si>
  <si>
    <t>12.568</t>
  </si>
  <si>
    <t>48019633.0</t>
  </si>
  <si>
    <t>82181.0</t>
  </si>
  <si>
    <t>8814.788</t>
  </si>
  <si>
    <t>48099419.0</t>
  </si>
  <si>
    <t>8829.434</t>
  </si>
  <si>
    <t>70715.0</t>
  </si>
  <si>
    <t>48178676.0</t>
  </si>
  <si>
    <t>8843.983</t>
  </si>
  <si>
    <t>14.549</t>
  </si>
  <si>
    <t>48252383.0</t>
  </si>
  <si>
    <t>73707.0</t>
  </si>
  <si>
    <t>8857.513</t>
  </si>
  <si>
    <t>13.303</t>
  </si>
  <si>
    <t>48297894.0</t>
  </si>
  <si>
    <t>45511.0</t>
  </si>
  <si>
    <t>8865.867</t>
  </si>
  <si>
    <t>48340488.0</t>
  </si>
  <si>
    <t>8873.686</t>
  </si>
  <si>
    <t>72289.0</t>
  </si>
  <si>
    <t>5666929.0</t>
  </si>
  <si>
    <t>2552041.0</t>
  </si>
  <si>
    <t>629591.0</t>
  </si>
  <si>
    <t>24774.5</t>
  </si>
  <si>
    <t>4389.95260881853</t>
  </si>
  <si>
    <t>48434078.0</t>
  </si>
  <si>
    <t>93590.0</t>
  </si>
  <si>
    <t>8890.866</t>
  </si>
  <si>
    <t>48511756.0</t>
  </si>
  <si>
    <t>77678.0</t>
  </si>
  <si>
    <t>8905.125</t>
  </si>
  <si>
    <t>70303.0</t>
  </si>
  <si>
    <t>12.905</t>
  </si>
  <si>
    <t>48585964.0</t>
  </si>
  <si>
    <t>8918.747</t>
  </si>
  <si>
    <t>69506.0</t>
  </si>
  <si>
    <t>48656490.0</t>
  </si>
  <si>
    <t>8931.693</t>
  </si>
  <si>
    <t>48724822.0</t>
  </si>
  <si>
    <t>68332.0</t>
  </si>
  <si>
    <t>8944.237</t>
  </si>
  <si>
    <t>12.389</t>
  </si>
  <si>
    <t>48764457.0</t>
  </si>
  <si>
    <t>39635.0</t>
  </si>
  <si>
    <t>8951.513</t>
  </si>
  <si>
    <t>48802698.0</t>
  </si>
  <si>
    <t>8958.532</t>
  </si>
  <si>
    <t>66030.0</t>
  </si>
  <si>
    <t>5688916.0</t>
  </si>
  <si>
    <t>2589620.0</t>
  </si>
  <si>
    <t>2560111.0</t>
  </si>
  <si>
    <t>642122.0</t>
  </si>
  <si>
    <t>24791.9</t>
  </si>
  <si>
    <t>4393.03582645737</t>
  </si>
  <si>
    <t>48888781.0</t>
  </si>
  <si>
    <t>86083.0</t>
  </si>
  <si>
    <t>8974.334</t>
  </si>
  <si>
    <t>15.802</t>
  </si>
  <si>
    <t>48960901.0</t>
  </si>
  <si>
    <t>72120.0</t>
  </si>
  <si>
    <t>8987.573</t>
  </si>
  <si>
    <t>64164.0</t>
  </si>
  <si>
    <t>49026394.0</t>
  </si>
  <si>
    <t>8999.595</t>
  </si>
  <si>
    <t>62919.0</t>
  </si>
  <si>
    <t>49089731.0</t>
  </si>
  <si>
    <t>63337.0</t>
  </si>
  <si>
    <t>9011.222</t>
  </si>
  <si>
    <t>11.627</t>
  </si>
  <si>
    <t>11.361</t>
  </si>
  <si>
    <t>49152077.0</t>
  </si>
  <si>
    <t>9022.667</t>
  </si>
  <si>
    <t>11.204</t>
  </si>
  <si>
    <t>49186811.0</t>
  </si>
  <si>
    <t>9029.043</t>
  </si>
  <si>
    <t>60336.0</t>
  </si>
  <si>
    <t>517.591</t>
  </si>
  <si>
    <t>49216052.0</t>
  </si>
  <si>
    <t>9034.41</t>
  </si>
  <si>
    <t>5702752.0</t>
  </si>
  <si>
    <t>2590553.0</t>
  </si>
  <si>
    <t>2565302.0</t>
  </si>
  <si>
    <t>649900.0</t>
  </si>
  <si>
    <t>24956.3</t>
  </si>
  <si>
    <t>4422.16691725193</t>
  </si>
  <si>
    <t>49286938.0</t>
  </si>
  <si>
    <t>70886.0</t>
  </si>
  <si>
    <t>9047.423</t>
  </si>
  <si>
    <t>56880.0</t>
  </si>
  <si>
    <t>10.441</t>
  </si>
  <si>
    <t>49352093.0</t>
  </si>
  <si>
    <t>9059.383</t>
  </si>
  <si>
    <t>49407350.0</t>
  </si>
  <si>
    <t>9069.526</t>
  </si>
  <si>
    <t>54422.0</t>
  </si>
  <si>
    <t>49459363.0</t>
  </si>
  <si>
    <t>9079.074</t>
  </si>
  <si>
    <t>49505990.0</t>
  </si>
  <si>
    <t>46627.0</t>
  </si>
  <si>
    <t>9087.633</t>
  </si>
  <si>
    <t>50559.0</t>
  </si>
  <si>
    <t>49530662.0</t>
  </si>
  <si>
    <t>9092.162</t>
  </si>
  <si>
    <t>49552240.0</t>
  </si>
  <si>
    <t>9096.123</t>
  </si>
  <si>
    <t>5710247.0</t>
  </si>
  <si>
    <t>2591078.0</t>
  </si>
  <si>
    <t>2568048.0</t>
  </si>
  <si>
    <t>654164.0</t>
  </si>
  <si>
    <t>25071.1</t>
  </si>
  <si>
    <t>4442.50906581164</t>
  </si>
  <si>
    <t>49610483.0</t>
  </si>
  <si>
    <t>9106.814</t>
  </si>
  <si>
    <t>46221.0</t>
  </si>
  <si>
    <t>49658277.0</t>
  </si>
  <si>
    <t>9115.588</t>
  </si>
  <si>
    <t>49703364.0</t>
  </si>
  <si>
    <t>9123.864</t>
  </si>
  <si>
    <t>49745974.0</t>
  </si>
  <si>
    <t>9131.686</t>
  </si>
  <si>
    <t>40944.0</t>
  </si>
  <si>
    <t>49784539.0</t>
  </si>
  <si>
    <t>9138.765</t>
  </si>
  <si>
    <t>49804792.0</t>
  </si>
  <si>
    <t>9142.483</t>
  </si>
  <si>
    <t>49823254.0</t>
  </si>
  <si>
    <t>9145.872</t>
  </si>
  <si>
    <t>5716695.0</t>
  </si>
  <si>
    <t>2591570.0</t>
  </si>
  <si>
    <t>2570062.0</t>
  </si>
  <si>
    <t>658138.0</t>
  </si>
  <si>
    <t>25261.3</t>
  </si>
  <si>
    <t>4476.21182413965</t>
  </si>
  <si>
    <t>49872340.0</t>
  </si>
  <si>
    <t>9154.883</t>
  </si>
  <si>
    <t>49918772.0</t>
  </si>
  <si>
    <t>9163.406</t>
  </si>
  <si>
    <t>49958893.0</t>
  </si>
  <si>
    <t>9170.771</t>
  </si>
  <si>
    <t>49995919.0</t>
  </si>
  <si>
    <t>37026.0</t>
  </si>
  <si>
    <t>9177.568</t>
  </si>
  <si>
    <t>50030968.0</t>
  </si>
  <si>
    <t>9184.001</t>
  </si>
  <si>
    <t>50051322.0</t>
  </si>
  <si>
    <t>9187.738</t>
  </si>
  <si>
    <t>50066335.0</t>
  </si>
  <si>
    <t>9190.494</t>
  </si>
  <si>
    <t>5722226.0</t>
  </si>
  <si>
    <t>2592218.0</t>
  </si>
  <si>
    <t>2571494.0</t>
  </si>
  <si>
    <t>661641.0</t>
  </si>
  <si>
    <t>25466.7</t>
  </si>
  <si>
    <t>4512.60796799124</t>
  </si>
  <si>
    <t>50111100.0</t>
  </si>
  <si>
    <t>44765.0</t>
  </si>
  <si>
    <t>9198.711</t>
  </si>
  <si>
    <t>50150302.0</t>
  </si>
  <si>
    <t>9205.907</t>
  </si>
  <si>
    <t>33076.0</t>
  </si>
  <si>
    <t>50187174.0</t>
  </si>
  <si>
    <t>9212.676</t>
  </si>
  <si>
    <t>50222178.0</t>
  </si>
  <si>
    <t>9219.101</t>
  </si>
  <si>
    <t>50254510.0</t>
  </si>
  <si>
    <t>9225.036</t>
  </si>
  <si>
    <t>50273629.0</t>
  </si>
  <si>
    <t>9228.546</t>
  </si>
  <si>
    <t>31758.0</t>
  </si>
  <si>
    <t>50287110.0</t>
  </si>
  <si>
    <t>9231.02</t>
  </si>
  <si>
    <t>5726953.0</t>
  </si>
  <si>
    <t>2592703.0</t>
  </si>
  <si>
    <t>2572459.0</t>
  </si>
  <si>
    <t>664937.0</t>
  </si>
  <si>
    <t>25718.7</t>
  </si>
  <si>
    <t>4557.26146482961</t>
  </si>
  <si>
    <t>50328432.0</t>
  </si>
  <si>
    <t>9238.606</t>
  </si>
  <si>
    <t>31047.0</t>
  </si>
  <si>
    <t>50365014.0</t>
  </si>
  <si>
    <t>9245.321</t>
  </si>
  <si>
    <t>50398567.0</t>
  </si>
  <si>
    <t>9251.48</t>
  </si>
  <si>
    <t>50429131.0</t>
  </si>
  <si>
    <t>30564.0</t>
  </si>
  <si>
    <t>9257.091</t>
  </si>
  <si>
    <t>50456527.0</t>
  </si>
  <si>
    <t>9262.12</t>
  </si>
  <si>
    <t>50472784.0</t>
  </si>
  <si>
    <t>9265.104</t>
  </si>
  <si>
    <t>28451.0</t>
  </si>
  <si>
    <t>50485303.0</t>
  </si>
  <si>
    <t>9267.402</t>
  </si>
  <si>
    <t>5731178.0</t>
  </si>
  <si>
    <t>2593197.0</t>
  </si>
  <si>
    <t>2573257.0</t>
  </si>
  <si>
    <t>667913.0</t>
  </si>
  <si>
    <t>25927.7</t>
  </si>
  <si>
    <t>4594.2955157789</t>
  </si>
  <si>
    <t>50522024.0</t>
  </si>
  <si>
    <t>9274.143</t>
  </si>
  <si>
    <t>50550638.0</t>
  </si>
  <si>
    <t>9279.395</t>
  </si>
  <si>
    <t>26518.0</t>
  </si>
  <si>
    <t>50580344.0</t>
  </si>
  <si>
    <t>9284.848</t>
  </si>
  <si>
    <t>50605838.0</t>
  </si>
  <si>
    <t>9289.528</t>
  </si>
  <si>
    <t>50630065.0</t>
  </si>
  <si>
    <t>9293.975</t>
  </si>
  <si>
    <t>50641964.0</t>
  </si>
  <si>
    <t>9296.16</t>
  </si>
  <si>
    <t>50651167.0</t>
  </si>
  <si>
    <t>9297.849</t>
  </si>
  <si>
    <t>5734651.0</t>
  </si>
  <si>
    <t>2593528.0</t>
  </si>
  <si>
    <t>2573982.0</t>
  </si>
  <si>
    <t>670355.0</t>
  </si>
  <si>
    <t>26130.1</t>
  </si>
  <si>
    <t>4630.16007038242</t>
  </si>
  <si>
    <t>50681732.0</t>
  </si>
  <si>
    <t>9303.46</t>
  </si>
  <si>
    <t>50705772.0</t>
  </si>
  <si>
    <t>9307.873</t>
  </si>
  <si>
    <t>50727117.0</t>
  </si>
  <si>
    <t>9311.791</t>
  </si>
  <si>
    <t>50747242.0</t>
  </si>
  <si>
    <t>9315.485</t>
  </si>
  <si>
    <t>50765411.0</t>
  </si>
  <si>
    <t>9318.82</t>
  </si>
  <si>
    <t>50774999.0</t>
  </si>
  <si>
    <t>9320.58</t>
  </si>
  <si>
    <t>50782098.0</t>
  </si>
  <si>
    <t>9321.884</t>
  </si>
  <si>
    <t>5736801.0</t>
  </si>
  <si>
    <t>2593757.0</t>
  </si>
  <si>
    <t>2574376.0</t>
  </si>
  <si>
    <t>671902.0</t>
  </si>
  <si>
    <t>26310.9</t>
  </si>
  <si>
    <t>4662.19718239979</t>
  </si>
  <si>
    <t>50807609.0</t>
  </si>
  <si>
    <t>9326.567</t>
  </si>
  <si>
    <t>50825705.0</t>
  </si>
  <si>
    <t>9329.888</t>
  </si>
  <si>
    <t>50842988.0</t>
  </si>
  <si>
    <t>9333.061</t>
  </si>
  <si>
    <t>50859376.0</t>
  </si>
  <si>
    <t>9336.069</t>
  </si>
  <si>
    <t>50864624.0</t>
  </si>
  <si>
    <t>9337.033</t>
  </si>
  <si>
    <t>50870872.0</t>
  </si>
  <si>
    <t>9338.179</t>
  </si>
  <si>
    <t>50876585.0</t>
  </si>
  <si>
    <t>9339.228</t>
  </si>
  <si>
    <t>5738934.0</t>
  </si>
  <si>
    <t>2593957.0</t>
  </si>
  <si>
    <t>2574917.0</t>
  </si>
  <si>
    <t>673310.0</t>
  </si>
  <si>
    <t>26342.1</t>
  </si>
  <si>
    <t>4667.72571057978</t>
  </si>
  <si>
    <t>50883147.0</t>
  </si>
  <si>
    <t>9340.433</t>
  </si>
  <si>
    <t>50907030.0</t>
  </si>
  <si>
    <t>9344.817</t>
  </si>
  <si>
    <t>17.542</t>
  </si>
  <si>
    <t>50925915.0</t>
  </si>
  <si>
    <t>9348.284</t>
  </si>
  <si>
    <t>50940848.0</t>
  </si>
  <si>
    <t>9351.025</t>
  </si>
  <si>
    <t>50954344.0</t>
  </si>
  <si>
    <t>9353.502</t>
  </si>
  <si>
    <t>50961952.0</t>
  </si>
  <si>
    <t>9354.899</t>
  </si>
  <si>
    <t>50966602.0</t>
  </si>
  <si>
    <t>9355.752</t>
  </si>
  <si>
    <t>5740819.0</t>
  </si>
  <si>
    <t>2594155.0</t>
  </si>
  <si>
    <t>2575336.0</t>
  </si>
  <si>
    <t>674595.0</t>
  </si>
  <si>
    <t>26433.1</t>
  </si>
  <si>
    <t>4683.85058443808</t>
  </si>
  <si>
    <t>50985002.0</t>
  </si>
  <si>
    <t>9359.13</t>
  </si>
  <si>
    <t>50999632.0</t>
  </si>
  <si>
    <t>9361.815</t>
  </si>
  <si>
    <t>51012937.0</t>
  </si>
  <si>
    <t>9364.258</t>
  </si>
  <si>
    <t>51024646.0</t>
  </si>
  <si>
    <t>9366.407</t>
  </si>
  <si>
    <t>51035653.0</t>
  </si>
  <si>
    <t>9368.428</t>
  </si>
  <si>
    <t>51042193.0</t>
  </si>
  <si>
    <t>9369.628</t>
  </si>
  <si>
    <t>51045087.0</t>
  </si>
  <si>
    <t>9370.159</t>
  </si>
  <si>
    <t>5742599.0</t>
  </si>
  <si>
    <t>2594357.0</t>
  </si>
  <si>
    <t>2575731.0</t>
  </si>
  <si>
    <t>675803.0</t>
  </si>
  <si>
    <t>26532.1</t>
  </si>
  <si>
    <t>4701.39302962458</t>
  </si>
  <si>
    <t>51058411.0</t>
  </si>
  <si>
    <t>9372.605</t>
  </si>
  <si>
    <t>51067319.0</t>
  </si>
  <si>
    <t>9374.241</t>
  </si>
  <si>
    <t>51074622.0</t>
  </si>
  <si>
    <t>9375.581</t>
  </si>
  <si>
    <t>51080985.0</t>
  </si>
  <si>
    <t>9376.749</t>
  </si>
  <si>
    <t>51087110.0</t>
  </si>
  <si>
    <t>9377.874</t>
  </si>
  <si>
    <t>51090002.0</t>
  </si>
  <si>
    <t>9378.404</t>
  </si>
  <si>
    <t>51091736.0</t>
  </si>
  <si>
    <t>9378.723</t>
  </si>
  <si>
    <t>5744038.0</t>
  </si>
  <si>
    <t>2594521.0</t>
  </si>
  <si>
    <t>2576005.0</t>
  </si>
  <si>
    <t>676817.0</t>
  </si>
  <si>
    <t>26609.7</t>
  </si>
  <si>
    <t>4715.14347150815</t>
  </si>
  <si>
    <t>51099642.0</t>
  </si>
  <si>
    <t>9380.174</t>
  </si>
  <si>
    <t>51105553.0</t>
  </si>
  <si>
    <t>9381.259</t>
  </si>
  <si>
    <t>51111189.0</t>
  </si>
  <si>
    <t>9382.294</t>
  </si>
  <si>
    <t>51116586.0</t>
  </si>
  <si>
    <t>9383.284</t>
  </si>
  <si>
    <t>51121796.0</t>
  </si>
  <si>
    <t>9384.241</t>
  </si>
  <si>
    <t>51124244.0</t>
  </si>
  <si>
    <t>9384.69</t>
  </si>
  <si>
    <t>51125668.0</t>
  </si>
  <si>
    <t>9384.951</t>
  </si>
  <si>
    <t>5745261.0</t>
  </si>
  <si>
    <t>2594651.0</t>
  </si>
  <si>
    <t>2576249.0</t>
  </si>
  <si>
    <t>677676.0</t>
  </si>
  <si>
    <t>26662.1</t>
  </si>
  <si>
    <t>4724.42856370787</t>
  </si>
  <si>
    <t>51131764.0</t>
  </si>
  <si>
    <t>9386.07</t>
  </si>
  <si>
    <t>51136433.0</t>
  </si>
  <si>
    <t>9386.928</t>
  </si>
  <si>
    <t>51140587.0</t>
  </si>
  <si>
    <t>9387.69</t>
  </si>
  <si>
    <t>51144977.0</t>
  </si>
  <si>
    <t>9388.496</t>
  </si>
  <si>
    <t>51148988.0</t>
  </si>
  <si>
    <t>9389.232</t>
  </si>
  <si>
    <t>51150613.0</t>
  </si>
  <si>
    <t>9389.531</t>
  </si>
  <si>
    <t>45.185</t>
  </si>
  <si>
    <t>51151792.0</t>
  </si>
  <si>
    <t>9389.747</t>
  </si>
  <si>
    <t>5746501.0</t>
  </si>
  <si>
    <t>2594798.0</t>
  </si>
  <si>
    <t>2576504.0</t>
  </si>
  <si>
    <t>678540.0</t>
  </si>
  <si>
    <t>26679.7</t>
  </si>
  <si>
    <t>4727.54722062992</t>
  </si>
  <si>
    <t>51157619.0</t>
  </si>
  <si>
    <t>9390.817</t>
  </si>
  <si>
    <t>51161479.0</t>
  </si>
  <si>
    <t>9391.525</t>
  </si>
  <si>
    <t>51164870.0</t>
  </si>
  <si>
    <t>9392.148</t>
  </si>
  <si>
    <t>51168587.0</t>
  </si>
  <si>
    <t>9392.83</t>
  </si>
  <si>
    <t>36.857</t>
  </si>
  <si>
    <t>51171862.0</t>
  </si>
  <si>
    <t>9393.431</t>
  </si>
  <si>
    <t>51173077.0</t>
  </si>
  <si>
    <t>9393.654</t>
  </si>
  <si>
    <t>51174062.0</t>
  </si>
  <si>
    <t>9393.835</t>
  </si>
  <si>
    <t>5747390.0</t>
  </si>
  <si>
    <t>2594935.0</t>
  </si>
  <si>
    <t>2576678.0</t>
  </si>
  <si>
    <t>679126.0</t>
  </si>
  <si>
    <t>26674.9</t>
  </si>
  <si>
    <t>4726.696677833</t>
  </si>
  <si>
    <t>51179513.0</t>
  </si>
  <si>
    <t>9394.836</t>
  </si>
  <si>
    <t>51182982.0</t>
  </si>
  <si>
    <t>9395.472</t>
  </si>
  <si>
    <t>51186331.0</t>
  </si>
  <si>
    <t>9396.087</t>
  </si>
  <si>
    <t>51189828.0</t>
  </si>
  <si>
    <t>9396.729</t>
  </si>
  <si>
    <t>51192506.0</t>
  </si>
  <si>
    <t>9397.221</t>
  </si>
  <si>
    <t>51193588.0</t>
  </si>
  <si>
    <t>9397.419</t>
  </si>
  <si>
    <t>51194688.0</t>
  </si>
  <si>
    <t>9397.621</t>
  </si>
  <si>
    <t>5748150.0</t>
  </si>
  <si>
    <t>2595043.0</t>
  </si>
  <si>
    <t>2576832.0</t>
  </si>
  <si>
    <t>679642.0</t>
  </si>
  <si>
    <t>26769.1</t>
  </si>
  <si>
    <t>4743.38858022258</t>
  </si>
  <si>
    <t>51199670.0</t>
  </si>
  <si>
    <t>9398.536</t>
  </si>
  <si>
    <t>51205117.0</t>
  </si>
  <si>
    <t>9399.536</t>
  </si>
  <si>
    <t>51207992.0</t>
  </si>
  <si>
    <t>9400.063</t>
  </si>
  <si>
    <t>51210756.0</t>
  </si>
  <si>
    <t>9400.571</t>
  </si>
  <si>
    <t>51213149.0</t>
  </si>
  <si>
    <t>9401.01</t>
  </si>
  <si>
    <t>51214208.0</t>
  </si>
  <si>
    <t>9401.204</t>
  </si>
  <si>
    <t>51215128.0</t>
  </si>
  <si>
    <t>9401.373</t>
  </si>
  <si>
    <t>5748874.0</t>
  </si>
  <si>
    <t>2595137.0</t>
  </si>
  <si>
    <t>2577009.0</t>
  </si>
  <si>
    <t>680104.0</t>
  </si>
  <si>
    <t>101.87</t>
  </si>
  <si>
    <t>26852.7</t>
  </si>
  <si>
    <t>4758.20220060229</t>
  </si>
  <si>
    <t>51218412.0</t>
  </si>
  <si>
    <t>9401.976</t>
  </si>
  <si>
    <t>51221316.0</t>
  </si>
  <si>
    <t>9402.509</t>
  </si>
  <si>
    <t>51223623.0</t>
  </si>
  <si>
    <t>9402.933</t>
  </si>
  <si>
    <t>51226127.0</t>
  </si>
  <si>
    <t>9403.392</t>
  </si>
  <si>
    <t>51228330.0</t>
  </si>
  <si>
    <t>9403.797</t>
  </si>
  <si>
    <t>51229252.0</t>
  </si>
  <si>
    <t>9403.966</t>
  </si>
  <si>
    <t>51230141.0</t>
  </si>
  <si>
    <t>9404.129</t>
  </si>
  <si>
    <t>5749687.0</t>
  </si>
  <si>
    <t>2595244.0</t>
  </si>
  <si>
    <t>2577167.0</t>
  </si>
  <si>
    <t>680666.0</t>
  </si>
  <si>
    <t>26800.3</t>
  </si>
  <si>
    <t>-5.34</t>
  </si>
  <si>
    <t>4748.91710840257</t>
  </si>
  <si>
    <t>51233652.0</t>
  </si>
  <si>
    <t>9404.774</t>
  </si>
  <si>
    <t>51236251.0</t>
  </si>
  <si>
    <t>9405.251</t>
  </si>
  <si>
    <t>51238482.0</t>
  </si>
  <si>
    <t>9405.66</t>
  </si>
  <si>
    <t>5750512.0</t>
  </si>
  <si>
    <t>2595371.0</t>
  </si>
  <si>
    <t>2577303.0</t>
  </si>
  <si>
    <t>681233.0</t>
  </si>
  <si>
    <t>26887.9</t>
  </si>
  <si>
    <t>4764.43951444638</t>
  </si>
  <si>
    <t>5751090.0</t>
  </si>
  <si>
    <t>2595454.0</t>
  </si>
  <si>
    <t>2577393.0</t>
  </si>
  <si>
    <t>681643.0</t>
  </si>
  <si>
    <t>27051.1</t>
  </si>
  <si>
    <t>4793.35796954171</t>
  </si>
  <si>
    <t>61.133</t>
  </si>
  <si>
    <t>5751991.0</t>
  </si>
  <si>
    <t>2595583.0</t>
  </si>
  <si>
    <t>2577527.0</t>
  </si>
  <si>
    <t>682294.0</t>
  </si>
  <si>
    <t>27071.5</t>
  </si>
  <si>
    <t>4796.97277642862</t>
  </si>
  <si>
    <t>69.284</t>
  </si>
  <si>
    <t>5753035.0</t>
  </si>
  <si>
    <t>2595742.0</t>
  </si>
  <si>
    <t>2577675.0</t>
  </si>
  <si>
    <t>683046.0</t>
  </si>
  <si>
    <t>27109.3</t>
  </si>
  <si>
    <t>4803.67080095438</t>
  </si>
  <si>
    <t>5753964.0</t>
  </si>
  <si>
    <t>2595863.0</t>
  </si>
  <si>
    <t>2577795.0</t>
  </si>
  <si>
    <t>683744.0</t>
  </si>
  <si>
    <t>27314.7</t>
  </si>
  <si>
    <t>4840.06694480598</t>
  </si>
  <si>
    <t>5754313.0</t>
  </si>
  <si>
    <t>2595901.0</t>
  </si>
  <si>
    <t>2577827.0</t>
  </si>
  <si>
    <t>684026.0</t>
  </si>
  <si>
    <t>27366.1</t>
  </si>
  <si>
    <t>4849.17484058968</t>
  </si>
  <si>
    <t>27439.9</t>
  </si>
  <si>
    <t>4862.25193609234</t>
  </si>
  <si>
    <t>27540.5</t>
  </si>
  <si>
    <t>4880.07789554448</t>
  </si>
  <si>
    <t>49.086</t>
  </si>
  <si>
    <t>27678.5</t>
  </si>
  <si>
    <t>4904.53100095598</t>
  </si>
  <si>
    <t>27803.5</t>
  </si>
  <si>
    <t>4926.68055295914</t>
  </si>
  <si>
    <t>27811.1</t>
  </si>
  <si>
    <t>4928.02724572093</t>
  </si>
  <si>
    <t>27857.3</t>
  </si>
  <si>
    <t>4936.2137201413</t>
  </si>
  <si>
    <t>27840.5</t>
  </si>
  <si>
    <t>4933.23682035207</t>
  </si>
  <si>
    <t>27886.1</t>
  </si>
  <si>
    <t>4941.31697692283</t>
  </si>
  <si>
    <t>28006.7</t>
  </si>
  <si>
    <t>4962.68686469547</t>
  </si>
  <si>
    <t>28086.1</t>
  </si>
  <si>
    <t>4976.75626012788</t>
  </si>
  <si>
    <t>28146.5</t>
  </si>
  <si>
    <t>4987.45892365581</t>
  </si>
  <si>
    <t>28197.9</t>
  </si>
  <si>
    <t>4996.56681943951</t>
  </si>
  <si>
    <t>28213.9</t>
  </si>
  <si>
    <t>4999.40196209592</t>
  </si>
  <si>
    <t>SVN</t>
  </si>
  <si>
    <t>Slovenia</t>
  </si>
  <si>
    <t>-187.9</t>
  </si>
  <si>
    <t>-88.638639748321</t>
  </si>
  <si>
    <t>-7.38</t>
  </si>
  <si>
    <t>-99.818712989594</t>
  </si>
  <si>
    <t>-185.3</t>
  </si>
  <si>
    <t>-87.412133823118</t>
  </si>
  <si>
    <t>-211.4</t>
  </si>
  <si>
    <t>-99.724366379963</t>
  </si>
  <si>
    <t>-253.7</t>
  </si>
  <si>
    <t>-8.94</t>
  </si>
  <si>
    <t>-119.678674316919</t>
  </si>
  <si>
    <t>-118.593688306162</t>
  </si>
  <si>
    <t>-267.5</t>
  </si>
  <si>
    <t>-126.188590381457</t>
  </si>
  <si>
    <t>19.441</t>
  </si>
  <si>
    <t>-121.046700156568</t>
  </si>
  <si>
    <t>7.603</t>
  </si>
  <si>
    <t>10.073</t>
  </si>
  <si>
    <t>-305.5</t>
  </si>
  <si>
    <t>-144.114446211347</t>
  </si>
  <si>
    <t>11.212</t>
  </si>
  <si>
    <t>12.791</t>
  </si>
  <si>
    <t>27764.0</t>
  </si>
  <si>
    <t>-337.6</t>
  </si>
  <si>
    <t>-159.257077057122</t>
  </si>
  <si>
    <t>13.898</t>
  </si>
  <si>
    <t>-296.1</t>
  </si>
  <si>
    <t>-139.68015555869</t>
  </si>
  <si>
    <t>17.511</t>
  </si>
  <si>
    <t>17.994</t>
  </si>
  <si>
    <t>18.557</t>
  </si>
  <si>
    <t>19.147</t>
  </si>
  <si>
    <t>-276.0</t>
  </si>
  <si>
    <t>-130.198321290775</t>
  </si>
  <si>
    <t>42976.0</t>
  </si>
  <si>
    <t>20.277</t>
  </si>
  <si>
    <t>20.975</t>
  </si>
  <si>
    <t>23.026</t>
  </si>
  <si>
    <t>49813.0</t>
  </si>
  <si>
    <t>23.503</t>
  </si>
  <si>
    <t>23.895</t>
  </si>
  <si>
    <t>-277.3</t>
  </si>
  <si>
    <t>-130.811574253376</t>
  </si>
  <si>
    <t>51470.0</t>
  </si>
  <si>
    <t>24.927</t>
  </si>
  <si>
    <t>54200.0</t>
  </si>
  <si>
    <t>25.573</t>
  </si>
  <si>
    <t>26.841</t>
  </si>
  <si>
    <t>-299.2</t>
  </si>
  <si>
    <t>-141.14252800797</t>
  </si>
  <si>
    <t>27.763</t>
  </si>
  <si>
    <t>60291.0</t>
  </si>
  <si>
    <t>28.447</t>
  </si>
  <si>
    <t>61346.0</t>
  </si>
  <si>
    <t>28.945</t>
  </si>
  <si>
    <t>64733.0</t>
  </si>
  <si>
    <t>30.543</t>
  </si>
  <si>
    <t>-292.5</t>
  </si>
  <si>
    <t>-137.981916585332</t>
  </si>
  <si>
    <t>70731.0</t>
  </si>
  <si>
    <t>33.599</t>
  </si>
  <si>
    <t>-307.0</t>
  </si>
  <si>
    <t>-144.822045783579</t>
  </si>
  <si>
    <t>72338.0</t>
  </si>
  <si>
    <t>34.131</t>
  </si>
  <si>
    <t>34.594</t>
  </si>
  <si>
    <t>74228.0</t>
  </si>
  <si>
    <t>35.023</t>
  </si>
  <si>
    <t>35.759</t>
  </si>
  <si>
    <t>35.919</t>
  </si>
  <si>
    <t>-269.3</t>
  </si>
  <si>
    <t>-127.037709868136</t>
  </si>
  <si>
    <t>36.396</t>
  </si>
  <si>
    <t>77947.0</t>
  </si>
  <si>
    <t>36.778</t>
  </si>
  <si>
    <t>78578.0</t>
  </si>
  <si>
    <t>37.075</t>
  </si>
  <si>
    <t>79284.0</t>
  </si>
  <si>
    <t>79897.0</t>
  </si>
  <si>
    <t>37.822</t>
  </si>
  <si>
    <t>80407.0</t>
  </si>
  <si>
    <t>-302.6</t>
  </si>
  <si>
    <t>-9.17</t>
  </si>
  <si>
    <t>-142.746420371697</t>
  </si>
  <si>
    <t>38.249</t>
  </si>
  <si>
    <t>81873.0</t>
  </si>
  <si>
    <t>83529.0</t>
  </si>
  <si>
    <t>39.411</t>
  </si>
  <si>
    <t>84244.0</t>
  </si>
  <si>
    <t>39.749</t>
  </si>
  <si>
    <t>39.857</t>
  </si>
  <si>
    <t>84684.0</t>
  </si>
  <si>
    <t>39.956</t>
  </si>
  <si>
    <t>-317.7</t>
  </si>
  <si>
    <t>-149.869589398838</t>
  </si>
  <si>
    <t>86236.0</t>
  </si>
  <si>
    <t>40.689</t>
  </si>
  <si>
    <t>86994.0</t>
  </si>
  <si>
    <t>87696.0</t>
  </si>
  <si>
    <t>41.378</t>
  </si>
  <si>
    <t>88463.0</t>
  </si>
  <si>
    <t>41.877</t>
  </si>
  <si>
    <t>41.977</t>
  </si>
  <si>
    <t>-138.689516157564</t>
  </si>
  <si>
    <t>89533.0</t>
  </si>
  <si>
    <t>42.244</t>
  </si>
  <si>
    <t>90519.0</t>
  </si>
  <si>
    <t>91471.0</t>
  </si>
  <si>
    <t>92373.0</t>
  </si>
  <si>
    <t>43.584</t>
  </si>
  <si>
    <t>93520.0</t>
  </si>
  <si>
    <t>44.483</t>
  </si>
  <si>
    <t>44.611</t>
  </si>
  <si>
    <t>-279.1</t>
  </si>
  <si>
    <t>-131.660693740055</t>
  </si>
  <si>
    <t>95533.0</t>
  </si>
  <si>
    <t>96755.0</t>
  </si>
  <si>
    <t>97967.0</t>
  </si>
  <si>
    <t>46.224</t>
  </si>
  <si>
    <t>98810.0</t>
  </si>
  <si>
    <t>46.621</t>
  </si>
  <si>
    <t>47.036</t>
  </si>
  <si>
    <t>47.472</t>
  </si>
  <si>
    <t>-210.0</t>
  </si>
  <si>
    <t>-99.0639401125461</t>
  </si>
  <si>
    <t>101698.0</t>
  </si>
  <si>
    <t>47.984</t>
  </si>
  <si>
    <t>103097.0</t>
  </si>
  <si>
    <t>48.644</t>
  </si>
  <si>
    <t>104295.0</t>
  </si>
  <si>
    <t>49.209</t>
  </si>
  <si>
    <t>105569.0</t>
  </si>
  <si>
    <t>107025.0</t>
  </si>
  <si>
    <t>50.498</t>
  </si>
  <si>
    <t>50.835</t>
  </si>
  <si>
    <t>51.085</t>
  </si>
  <si>
    <t>-206.9</t>
  </si>
  <si>
    <t>-97.6015676632657</t>
  </si>
  <si>
    <t>111203.0</t>
  </si>
  <si>
    <t>112474.0</t>
  </si>
  <si>
    <t>53.069</t>
  </si>
  <si>
    <t>115023.0</t>
  </si>
  <si>
    <t>116023.0</t>
  </si>
  <si>
    <t>54.743</t>
  </si>
  <si>
    <t>-236.6</t>
  </si>
  <si>
    <t>-111.612039193469</t>
  </si>
  <si>
    <t>55.318</t>
  </si>
  <si>
    <t>118353.0</t>
  </si>
  <si>
    <t>55.842</t>
  </si>
  <si>
    <t>56.329</t>
  </si>
  <si>
    <t>120397.0</t>
  </si>
  <si>
    <t>56.807</t>
  </si>
  <si>
    <t>121424.0</t>
  </si>
  <si>
    <t>121904.0</t>
  </si>
  <si>
    <t>57.518</t>
  </si>
  <si>
    <t>122275.0</t>
  </si>
  <si>
    <t>-252.7</t>
  </si>
  <si>
    <t>-119.206941268764</t>
  </si>
  <si>
    <t>123189.0</t>
  </si>
  <si>
    <t>58.124</t>
  </si>
  <si>
    <t>124339.0</t>
  </si>
  <si>
    <t>125274.0</t>
  </si>
  <si>
    <t>59.108</t>
  </si>
  <si>
    <t>59.508</t>
  </si>
  <si>
    <t>59.941</t>
  </si>
  <si>
    <t>127940.0</t>
  </si>
  <si>
    <t>-264.2</t>
  </si>
  <si>
    <t>-124.631871322546</t>
  </si>
  <si>
    <t>128814.0</t>
  </si>
  <si>
    <t>129733.0</t>
  </si>
  <si>
    <t>61.212</t>
  </si>
  <si>
    <t>130612.0</t>
  </si>
  <si>
    <t>61.627</t>
  </si>
  <si>
    <t>131529.0</t>
  </si>
  <si>
    <t>62.059</t>
  </si>
  <si>
    <t>132795.0</t>
  </si>
  <si>
    <t>62.657</t>
  </si>
  <si>
    <t>133067.0</t>
  </si>
  <si>
    <t>62.785</t>
  </si>
  <si>
    <t>-237.1</t>
  </si>
  <si>
    <t>-111.847905717546</t>
  </si>
  <si>
    <t>133957.0</t>
  </si>
  <si>
    <t>63.205</t>
  </si>
  <si>
    <t>134931.0</t>
  </si>
  <si>
    <t>63.664</t>
  </si>
  <si>
    <t>136455.0</t>
  </si>
  <si>
    <t>137588.0</t>
  </si>
  <si>
    <t>64.918</t>
  </si>
  <si>
    <t>-230.4</t>
  </si>
  <si>
    <t>-108.687294294908</t>
  </si>
  <si>
    <t>138968.0</t>
  </si>
  <si>
    <t>65.569</t>
  </si>
  <si>
    <t>140086.0</t>
  </si>
  <si>
    <t>66.097</t>
  </si>
  <si>
    <t>140942.0</t>
  </si>
  <si>
    <t>66.501</t>
  </si>
  <si>
    <t>141879.0</t>
  </si>
  <si>
    <t>66.943</t>
  </si>
  <si>
    <t>143295.0</t>
  </si>
  <si>
    <t>67.611</t>
  </si>
  <si>
    <t>143688.0</t>
  </si>
  <si>
    <t>67.796</t>
  </si>
  <si>
    <t>-204.9</t>
  </si>
  <si>
    <t>-96.6581015669557</t>
  </si>
  <si>
    <t>144831.0</t>
  </si>
  <si>
    <t>68.336</t>
  </si>
  <si>
    <t>145923.0</t>
  </si>
  <si>
    <t>147091.0</t>
  </si>
  <si>
    <t>69.402</t>
  </si>
  <si>
    <t>69.919</t>
  </si>
  <si>
    <t>149390.0</t>
  </si>
  <si>
    <t>70.487</t>
  </si>
  <si>
    <t>70.845</t>
  </si>
  <si>
    <t>150693.0</t>
  </si>
  <si>
    <t>71.101</t>
  </si>
  <si>
    <t>-224.8</t>
  </si>
  <si>
    <t>-106.04558922524</t>
  </si>
  <si>
    <t>152063.0</t>
  </si>
  <si>
    <t>153502.0</t>
  </si>
  <si>
    <t>72.427</t>
  </si>
  <si>
    <t>156139.0</t>
  </si>
  <si>
    <t>157467.0</t>
  </si>
  <si>
    <t>74.298</t>
  </si>
  <si>
    <t>158236.0</t>
  </si>
  <si>
    <t>158824.0</t>
  </si>
  <si>
    <t>74.938</t>
  </si>
  <si>
    <t>-256.5</t>
  </si>
  <si>
    <t>-120.999526851753</t>
  </si>
  <si>
    <t>160239.0</t>
  </si>
  <si>
    <t>161847.0</t>
  </si>
  <si>
    <t>76.364</t>
  </si>
  <si>
    <t>77.144</t>
  </si>
  <si>
    <t>165233.0</t>
  </si>
  <si>
    <t>77.962</t>
  </si>
  <si>
    <t>166941.0</t>
  </si>
  <si>
    <t>78.768</t>
  </si>
  <si>
    <t>168153.0</t>
  </si>
  <si>
    <t>8.061</t>
  </si>
  <si>
    <t>168859.0</t>
  </si>
  <si>
    <t>79.673</t>
  </si>
  <si>
    <t>-235.6</t>
  </si>
  <si>
    <t>-111.140306145314</t>
  </si>
  <si>
    <t>80.419</t>
  </si>
  <si>
    <t>81.626</t>
  </si>
  <si>
    <t>175489.0</t>
  </si>
  <si>
    <t>82.801</t>
  </si>
  <si>
    <t>178247.0</t>
  </si>
  <si>
    <t>84.102</t>
  </si>
  <si>
    <t>181438.0</t>
  </si>
  <si>
    <t>183231.0</t>
  </si>
  <si>
    <t>86.454</t>
  </si>
  <si>
    <t>184341.0</t>
  </si>
  <si>
    <t>86.978</t>
  </si>
  <si>
    <t>-214.5</t>
  </si>
  <si>
    <t>-101.186738829244</t>
  </si>
  <si>
    <t>186588.0</t>
  </si>
  <si>
    <t>88.038</t>
  </si>
  <si>
    <t>189711.0</t>
  </si>
  <si>
    <t>89.511</t>
  </si>
  <si>
    <t>192781.0</t>
  </si>
  <si>
    <t>92.638</t>
  </si>
  <si>
    <t>199408.0</t>
  </si>
  <si>
    <t>201696.0</t>
  </si>
  <si>
    <t>95.166</t>
  </si>
  <si>
    <t>-168.4</t>
  </si>
  <si>
    <t>-79.4398453092989</t>
  </si>
  <si>
    <t>205015.0</t>
  </si>
  <si>
    <t>207631.0</t>
  </si>
  <si>
    <t>210479.0</t>
  </si>
  <si>
    <t>99.31</t>
  </si>
  <si>
    <t>214124.0</t>
  </si>
  <si>
    <t>216899.0</t>
  </si>
  <si>
    <t>102.339</t>
  </si>
  <si>
    <t>218816.0</t>
  </si>
  <si>
    <t>103.244</t>
  </si>
  <si>
    <t>219725.0</t>
  </si>
  <si>
    <t>103.673</t>
  </si>
  <si>
    <t>-178.5</t>
  </si>
  <si>
    <t>-84.2043490956642</t>
  </si>
  <si>
    <t>222107.0</t>
  </si>
  <si>
    <t>104.797</t>
  </si>
  <si>
    <t>225498.0</t>
  </si>
  <si>
    <t>106.397</t>
  </si>
  <si>
    <t>228397.0</t>
  </si>
  <si>
    <t>107.764</t>
  </si>
  <si>
    <t>231678.0</t>
  </si>
  <si>
    <t>234571.0</t>
  </si>
  <si>
    <t>236511.0</t>
  </si>
  <si>
    <t>111.593</t>
  </si>
  <si>
    <t>237545.0</t>
  </si>
  <si>
    <t>112.081</t>
  </si>
  <si>
    <t>-155.6</t>
  </si>
  <si>
    <t>-73.4016622929151</t>
  </si>
  <si>
    <t>113.265</t>
  </si>
  <si>
    <t>247707.0</t>
  </si>
  <si>
    <t>116.875</t>
  </si>
  <si>
    <t>251389.0</t>
  </si>
  <si>
    <t>118.613</t>
  </si>
  <si>
    <t>120.671</t>
  </si>
  <si>
    <t>258707.0</t>
  </si>
  <si>
    <t>122.066</t>
  </si>
  <si>
    <t>260111.0</t>
  </si>
  <si>
    <t>-136.1</t>
  </si>
  <si>
    <t>-64.202867853893</t>
  </si>
  <si>
    <t>263419.0</t>
  </si>
  <si>
    <t>268321.0</t>
  </si>
  <si>
    <t>126.602</t>
  </si>
  <si>
    <t>273608.0</t>
  </si>
  <si>
    <t>129.096</t>
  </si>
  <si>
    <t>278804.0</t>
  </si>
  <si>
    <t>134.193</t>
  </si>
  <si>
    <t>20.756</t>
  </si>
  <si>
    <t>288174.0</t>
  </si>
  <si>
    <t>135.969</t>
  </si>
  <si>
    <t>290811.0</t>
  </si>
  <si>
    <t>137.213</t>
  </si>
  <si>
    <t>-80.6</t>
  </si>
  <si>
    <t>-38.0216836812915</t>
  </si>
  <si>
    <t>295137.0</t>
  </si>
  <si>
    <t>139.254</t>
  </si>
  <si>
    <t>301028.0</t>
  </si>
  <si>
    <t>142.034</t>
  </si>
  <si>
    <t>307243.0</t>
  </si>
  <si>
    <t>144.966</t>
  </si>
  <si>
    <t>313988.0</t>
  </si>
  <si>
    <t>148.149</t>
  </si>
  <si>
    <t>321013.0</t>
  </si>
  <si>
    <t>151.463</t>
  </si>
  <si>
    <t>326789.0</t>
  </si>
  <si>
    <t>154.189</t>
  </si>
  <si>
    <t>34.437</t>
  </si>
  <si>
    <t>239.64</t>
  </si>
  <si>
    <t>27.027</t>
  </si>
  <si>
    <t>330471.0</t>
  </si>
  <si>
    <t>155.926</t>
  </si>
  <si>
    <t>17.5012960865498</t>
  </si>
  <si>
    <t>336227.0</t>
  </si>
  <si>
    <t>158.642</t>
  </si>
  <si>
    <t>343698.0</t>
  </si>
  <si>
    <t>162.167</t>
  </si>
  <si>
    <t>350900.0</t>
  </si>
  <si>
    <t>165.565</t>
  </si>
  <si>
    <t>357268.0</t>
  </si>
  <si>
    <t>331.628</t>
  </si>
  <si>
    <t>363978.0</t>
  </si>
  <si>
    <t>171.736</t>
  </si>
  <si>
    <t>174.004</t>
  </si>
  <si>
    <t>371029.0</t>
  </si>
  <si>
    <t>175.062</t>
  </si>
  <si>
    <t>116.235023065387</t>
  </si>
  <si>
    <t>375616.0</t>
  </si>
  <si>
    <t>381927.0</t>
  </si>
  <si>
    <t>180.204</t>
  </si>
  <si>
    <t>387918.0</t>
  </si>
  <si>
    <t>183.031</t>
  </si>
  <si>
    <t>185.813</t>
  </si>
  <si>
    <t>400153.0</t>
  </si>
  <si>
    <t>404071.0</t>
  </si>
  <si>
    <t>190.653</t>
  </si>
  <si>
    <t>406134.0</t>
  </si>
  <si>
    <t>191.626</t>
  </si>
  <si>
    <t>483.5</t>
  </si>
  <si>
    <t>228.082928782933</t>
  </si>
  <si>
    <t>410591.0</t>
  </si>
  <si>
    <t>193.729</t>
  </si>
  <si>
    <t>418106.0</t>
  </si>
  <si>
    <t>197.275</t>
  </si>
  <si>
    <t>424873.0</t>
  </si>
  <si>
    <t>200.468</t>
  </si>
  <si>
    <t>203.186</t>
  </si>
  <si>
    <t>437292.0</t>
  </si>
  <si>
    <t>206.327</t>
  </si>
  <si>
    <t>440855.0</t>
  </si>
  <si>
    <t>208.008</t>
  </si>
  <si>
    <t>442647.0</t>
  </si>
  <si>
    <t>208.854</t>
  </si>
  <si>
    <t>819.6</t>
  </si>
  <si>
    <t>386.632406267823</t>
  </si>
  <si>
    <t>447973.0</t>
  </si>
  <si>
    <t>211.367</t>
  </si>
  <si>
    <t>454786.0</t>
  </si>
  <si>
    <t>214.581</t>
  </si>
  <si>
    <t>461592.0</t>
  </si>
  <si>
    <t>217.793</t>
  </si>
  <si>
    <t>467265.0</t>
  </si>
  <si>
    <t>220.469</t>
  </si>
  <si>
    <t>225.194</t>
  </si>
  <si>
    <t>479021.0</t>
  </si>
  <si>
    <t>226.016</t>
  </si>
  <si>
    <t>1164.7</t>
  </si>
  <si>
    <t>549.427481186107</t>
  </si>
  <si>
    <t>484617.0</t>
  </si>
  <si>
    <t>228.657</t>
  </si>
  <si>
    <t>492680.0</t>
  </si>
  <si>
    <t>232.461</t>
  </si>
  <si>
    <t>500076.0</t>
  </si>
  <si>
    <t>235.951</t>
  </si>
  <si>
    <t>506663.0</t>
  </si>
  <si>
    <t>239.059</t>
  </si>
  <si>
    <t>513601.0</t>
  </si>
  <si>
    <t>242.332</t>
  </si>
  <si>
    <t>244.051</t>
  </si>
  <si>
    <t>519120.0</t>
  </si>
  <si>
    <t>244.936</t>
  </si>
  <si>
    <t>1570.6</t>
  </si>
  <si>
    <t>740.903925432214</t>
  </si>
  <si>
    <t>524988.0</t>
  </si>
  <si>
    <t>247.705</t>
  </si>
  <si>
    <t>532166.0</t>
  </si>
  <si>
    <t>251.092</t>
  </si>
  <si>
    <t>538870.0</t>
  </si>
  <si>
    <t>254.255</t>
  </si>
  <si>
    <t>545798.0</t>
  </si>
  <si>
    <t>260.517</t>
  </si>
  <si>
    <t>555886.0</t>
  </si>
  <si>
    <t>262.283</t>
  </si>
  <si>
    <t>557637.0</t>
  </si>
  <si>
    <t>263.11</t>
  </si>
  <si>
    <t>1956.7</t>
  </si>
  <si>
    <t>923.040055324852</t>
  </si>
  <si>
    <t>563795.0</t>
  </si>
  <si>
    <t>266.015</t>
  </si>
  <si>
    <t>570798.0</t>
  </si>
  <si>
    <t>269.319</t>
  </si>
  <si>
    <t>577208.0</t>
  </si>
  <si>
    <t>583661.0</t>
  </si>
  <si>
    <t>275.388</t>
  </si>
  <si>
    <t>589788.0</t>
  </si>
  <si>
    <t>278.279</t>
  </si>
  <si>
    <t>592436.0</t>
  </si>
  <si>
    <t>279.529</t>
  </si>
  <si>
    <t>594115.0</t>
  </si>
  <si>
    <t>280.321</t>
  </si>
  <si>
    <t>2319.8</t>
  </si>
  <si>
    <t>1094.32632510993</t>
  </si>
  <si>
    <t>599749.0</t>
  </si>
  <si>
    <t>282.979</t>
  </si>
  <si>
    <t>606328.0</t>
  </si>
  <si>
    <t>286.083</t>
  </si>
  <si>
    <t>612678.0</t>
  </si>
  <si>
    <t>289.08</t>
  </si>
  <si>
    <t>618540.0</t>
  </si>
  <si>
    <t>291.845</t>
  </si>
  <si>
    <t>294.488</t>
  </si>
  <si>
    <t>626786.0</t>
  </si>
  <si>
    <t>295.736</t>
  </si>
  <si>
    <t>628232.0</t>
  </si>
  <si>
    <t>296.418</t>
  </si>
  <si>
    <t>2616.5</t>
  </si>
  <si>
    <t>1234.28952049751</t>
  </si>
  <si>
    <t>633995.0</t>
  </si>
  <si>
    <t>299.137</t>
  </si>
  <si>
    <t>640519.0</t>
  </si>
  <si>
    <t>302.216</t>
  </si>
  <si>
    <t>646904.0</t>
  </si>
  <si>
    <t>305.228</t>
  </si>
  <si>
    <t>652091.0</t>
  </si>
  <si>
    <t>307.676</t>
  </si>
  <si>
    <t>653427.0</t>
  </si>
  <si>
    <t>308.306</t>
  </si>
  <si>
    <t>655307.0</t>
  </si>
  <si>
    <t>309.193</t>
  </si>
  <si>
    <t>656971.0</t>
  </si>
  <si>
    <t>309.978</t>
  </si>
  <si>
    <t>2878.4</t>
  </si>
  <si>
    <t>1357.8364058093</t>
  </si>
  <si>
    <t>312.657</t>
  </si>
  <si>
    <t>668412.0</t>
  </si>
  <si>
    <t>674423.0</t>
  </si>
  <si>
    <t>318.213</t>
  </si>
  <si>
    <t>678496.0</t>
  </si>
  <si>
    <t>320.134</t>
  </si>
  <si>
    <t>320.804</t>
  </si>
  <si>
    <t>682219.0</t>
  </si>
  <si>
    <t>321.891</t>
  </si>
  <si>
    <t>684260.0</t>
  </si>
  <si>
    <t>322.854</t>
  </si>
  <si>
    <t>3114.3</t>
  </si>
  <si>
    <t>1469.11823186906</t>
  </si>
  <si>
    <t>690226.0</t>
  </si>
  <si>
    <t>325.669</t>
  </si>
  <si>
    <t>697182.0</t>
  </si>
  <si>
    <t>328.951</t>
  </si>
  <si>
    <t>703552.0</t>
  </si>
  <si>
    <t>331.957</t>
  </si>
  <si>
    <t>708811.0</t>
  </si>
  <si>
    <t>334.438</t>
  </si>
  <si>
    <t>27106.0</t>
  </si>
  <si>
    <t>713706.0</t>
  </si>
  <si>
    <t>336.747</t>
  </si>
  <si>
    <t>716375.0</t>
  </si>
  <si>
    <t>338.007</t>
  </si>
  <si>
    <t>718095.0</t>
  </si>
  <si>
    <t>338.818</t>
  </si>
  <si>
    <t>30625.0</t>
  </si>
  <si>
    <t>3260.4</t>
  </si>
  <si>
    <t>1538.0384302045</t>
  </si>
  <si>
    <t>723607.0</t>
  </si>
  <si>
    <t>341.419</t>
  </si>
  <si>
    <t>31109.0</t>
  </si>
  <si>
    <t>729800.0</t>
  </si>
  <si>
    <t>344.341</t>
  </si>
  <si>
    <t>32993.0</t>
  </si>
  <si>
    <t>32991.0</t>
  </si>
  <si>
    <t>735437.0</t>
  </si>
  <si>
    <t>347.001</t>
  </si>
  <si>
    <t>349.311</t>
  </si>
  <si>
    <t>745097.0</t>
  </si>
  <si>
    <t>351.559</t>
  </si>
  <si>
    <t>49217.0</t>
  </si>
  <si>
    <t>747594.0</t>
  </si>
  <si>
    <t>352.737</t>
  </si>
  <si>
    <t>49542.0</t>
  </si>
  <si>
    <t>748998.0</t>
  </si>
  <si>
    <t>353.399</t>
  </si>
  <si>
    <t>49544.0</t>
  </si>
  <si>
    <t>3409.9</t>
  </si>
  <si>
    <t>1608.56252090367</t>
  </si>
  <si>
    <t>754304.0</t>
  </si>
  <si>
    <t>355.903</t>
  </si>
  <si>
    <t>49906.0</t>
  </si>
  <si>
    <t>759688.0</t>
  </si>
  <si>
    <t>358.443</t>
  </si>
  <si>
    <t>52096.0</t>
  </si>
  <si>
    <t>764501.0</t>
  </si>
  <si>
    <t>360.714</t>
  </si>
  <si>
    <t>85.384</t>
  </si>
  <si>
    <t>769373.0</t>
  </si>
  <si>
    <t>363.013</t>
  </si>
  <si>
    <t>61869.0</t>
  </si>
  <si>
    <t>773778.0</t>
  </si>
  <si>
    <t>365.091</t>
  </si>
  <si>
    <t>64052.0</t>
  </si>
  <si>
    <t>775918.0</t>
  </si>
  <si>
    <t>366.101</t>
  </si>
  <si>
    <t>64773.0</t>
  </si>
  <si>
    <t>777211.0</t>
  </si>
  <si>
    <t>366.711</t>
  </si>
  <si>
    <t>64925.0</t>
  </si>
  <si>
    <t>3516.8</t>
  </si>
  <si>
    <t>1658.99078375144</t>
  </si>
  <si>
    <t>781911.0</t>
  </si>
  <si>
    <t>368.929</t>
  </si>
  <si>
    <t>787329.0</t>
  </si>
  <si>
    <t>371.485</t>
  </si>
  <si>
    <t>66767.0</t>
  </si>
  <si>
    <t>792287.0</t>
  </si>
  <si>
    <t>373.824</t>
  </si>
  <si>
    <t>71889.0</t>
  </si>
  <si>
    <t>796793.0</t>
  </si>
  <si>
    <t>375.95</t>
  </si>
  <si>
    <t>801092.0</t>
  </si>
  <si>
    <t>377.979</t>
  </si>
  <si>
    <t>55468.0</t>
  </si>
  <si>
    <t>803500.0</t>
  </si>
  <si>
    <t>379.115</t>
  </si>
  <si>
    <t>82932.0</t>
  </si>
  <si>
    <t>55479.0</t>
  </si>
  <si>
    <t>804961.0</t>
  </si>
  <si>
    <t>379.804</t>
  </si>
  <si>
    <t>55480.0</t>
  </si>
  <si>
    <t>3553.1</t>
  </si>
  <si>
    <t>1676.11469339946</t>
  </si>
  <si>
    <t>809497.0</t>
  </si>
  <si>
    <t>815206.0</t>
  </si>
  <si>
    <t>384.638</t>
  </si>
  <si>
    <t>84121.0</t>
  </si>
  <si>
    <t>820366.0</t>
  </si>
  <si>
    <t>387.073</t>
  </si>
  <si>
    <t>88979.0</t>
  </si>
  <si>
    <t>825613.0</t>
  </si>
  <si>
    <t>389.549</t>
  </si>
  <si>
    <t>96438.0</t>
  </si>
  <si>
    <t>40147.0</t>
  </si>
  <si>
    <t>830154.0</t>
  </si>
  <si>
    <t>391.691</t>
  </si>
  <si>
    <t>102132.0</t>
  </si>
  <si>
    <t>45481.0</t>
  </si>
  <si>
    <t>832651.0</t>
  </si>
  <si>
    <t>392.869</t>
  </si>
  <si>
    <t>102735.0</t>
  </si>
  <si>
    <t>834216.0</t>
  </si>
  <si>
    <t>393.608</t>
  </si>
  <si>
    <t>3573.4</t>
  </si>
  <si>
    <t>1685.69087427701</t>
  </si>
  <si>
    <t>835709.0</t>
  </si>
  <si>
    <t>394.312</t>
  </si>
  <si>
    <t>103135.0</t>
  </si>
  <si>
    <t>57108.0</t>
  </si>
  <si>
    <t>840770.0</t>
  </si>
  <si>
    <t>396.7</t>
  </si>
  <si>
    <t>103255.0</t>
  </si>
  <si>
    <t>57196.0</t>
  </si>
  <si>
    <t>399.287</t>
  </si>
  <si>
    <t>106474.0</t>
  </si>
  <si>
    <t>851403.0</t>
  </si>
  <si>
    <t>401.717</t>
  </si>
  <si>
    <t>115259.0</t>
  </si>
  <si>
    <t>66602.0</t>
  </si>
  <si>
    <t>855861.0</t>
  </si>
  <si>
    <t>403.82</t>
  </si>
  <si>
    <t>123995.0</t>
  </si>
  <si>
    <t>73532.0</t>
  </si>
  <si>
    <t>858085.0</t>
  </si>
  <si>
    <t>404.87</t>
  </si>
  <si>
    <t>859718.0</t>
  </si>
  <si>
    <t>74260.0</t>
  </si>
  <si>
    <t>3531.1</t>
  </si>
  <si>
    <t>-8.86</t>
  </si>
  <si>
    <t>1665.73656634005</t>
  </si>
  <si>
    <t>407.723</t>
  </si>
  <si>
    <t>74336.0</t>
  </si>
  <si>
    <t>50711.0</t>
  </si>
  <si>
    <t>869272.0</t>
  </si>
  <si>
    <t>410.148</t>
  </si>
  <si>
    <t>126146.0</t>
  </si>
  <si>
    <t>75391.0</t>
  </si>
  <si>
    <t>50788.0</t>
  </si>
  <si>
    <t>412.163</t>
  </si>
  <si>
    <t>131723.0</t>
  </si>
  <si>
    <t>80339.0</t>
  </si>
  <si>
    <t>878099.0</t>
  </si>
  <si>
    <t>140820.0</t>
  </si>
  <si>
    <t>882496.0</t>
  </si>
  <si>
    <t>416.388</t>
  </si>
  <si>
    <t>147603.0</t>
  </si>
  <si>
    <t>52796.0</t>
  </si>
  <si>
    <t>884563.0</t>
  </si>
  <si>
    <t>417.363</t>
  </si>
  <si>
    <t>150146.0</t>
  </si>
  <si>
    <t>97368.0</t>
  </si>
  <si>
    <t>885991.0</t>
  </si>
  <si>
    <t>418.037</t>
  </si>
  <si>
    <t>3478.8</t>
  </si>
  <si>
    <t>1641.06492792155</t>
  </si>
  <si>
    <t>890360.0</t>
  </si>
  <si>
    <t>420.098</t>
  </si>
  <si>
    <t>150625.0</t>
  </si>
  <si>
    <t>97842.0</t>
  </si>
  <si>
    <t>895676.0</t>
  </si>
  <si>
    <t>422.606</t>
  </si>
  <si>
    <t>99366.0</t>
  </si>
  <si>
    <t>900241.0</t>
  </si>
  <si>
    <t>424.76</t>
  </si>
  <si>
    <t>159171.0</t>
  </si>
  <si>
    <t>106188.0</t>
  </si>
  <si>
    <t>904725.0</t>
  </si>
  <si>
    <t>426.876</t>
  </si>
  <si>
    <t>116992.0</t>
  </si>
  <si>
    <t>53210.0</t>
  </si>
  <si>
    <t>909586.0</t>
  </si>
  <si>
    <t>429.169</t>
  </si>
  <si>
    <t>53759.0</t>
  </si>
  <si>
    <t>912197.0</t>
  </si>
  <si>
    <t>430.401</t>
  </si>
  <si>
    <t>913648.0</t>
  </si>
  <si>
    <t>431.086</t>
  </si>
  <si>
    <t>3477.1</t>
  </si>
  <si>
    <t>1640.26298173969</t>
  </si>
  <si>
    <t>918135.0</t>
  </si>
  <si>
    <t>433.203</t>
  </si>
  <si>
    <t>126316.0</t>
  </si>
  <si>
    <t>924366.0</t>
  </si>
  <si>
    <t>182239.0</t>
  </si>
  <si>
    <t>128496.0</t>
  </si>
  <si>
    <t>930204.0</t>
  </si>
  <si>
    <t>438.898</t>
  </si>
  <si>
    <t>189723.0</t>
  </si>
  <si>
    <t>135078.0</t>
  </si>
  <si>
    <t>54683.0</t>
  </si>
  <si>
    <t>935644.0</t>
  </si>
  <si>
    <t>441.464</t>
  </si>
  <si>
    <t>141814.0</t>
  </si>
  <si>
    <t>940932.0</t>
  </si>
  <si>
    <t>443.959</t>
  </si>
  <si>
    <t>211500.0</t>
  </si>
  <si>
    <t>146413.0</t>
  </si>
  <si>
    <t>65129.0</t>
  </si>
  <si>
    <t>943717.0</t>
  </si>
  <si>
    <t>445.273</t>
  </si>
  <si>
    <t>213459.0</t>
  </si>
  <si>
    <t>147777.0</t>
  </si>
  <si>
    <t>945398.0</t>
  </si>
  <si>
    <t>446.067</t>
  </si>
  <si>
    <t>213461.0</t>
  </si>
  <si>
    <t>147779.0</t>
  </si>
  <si>
    <t>3441.2</t>
  </si>
  <si>
    <t>1623.32776531092</t>
  </si>
  <si>
    <t>950098.0</t>
  </si>
  <si>
    <t>448.284</t>
  </si>
  <si>
    <t>215268.0</t>
  </si>
  <si>
    <t>149190.0</t>
  </si>
  <si>
    <t>66121.0</t>
  </si>
  <si>
    <t>956115.0</t>
  </si>
  <si>
    <t>451.123</t>
  </si>
  <si>
    <t>219460.0</t>
  </si>
  <si>
    <t>152883.0</t>
  </si>
  <si>
    <t>66621.0</t>
  </si>
  <si>
    <t>961909.0</t>
  </si>
  <si>
    <t>453.857</t>
  </si>
  <si>
    <t>229227.0</t>
  </si>
  <si>
    <t>967131.0</t>
  </si>
  <si>
    <t>456.321</t>
  </si>
  <si>
    <t>243425.0</t>
  </si>
  <si>
    <t>163944.0</t>
  </si>
  <si>
    <t>972298.0</t>
  </si>
  <si>
    <t>458.759</t>
  </si>
  <si>
    <t>257084.0</t>
  </si>
  <si>
    <t>172426.0</t>
  </si>
  <si>
    <t>975282.0</t>
  </si>
  <si>
    <t>460.167</t>
  </si>
  <si>
    <t>265789.0</t>
  </si>
  <si>
    <t>178870.0</t>
  </si>
  <si>
    <t>976907.0</t>
  </si>
  <si>
    <t>460.933</t>
  </si>
  <si>
    <t>265790.0</t>
  </si>
  <si>
    <t>178871.0</t>
  </si>
  <si>
    <t>3457.9</t>
  </si>
  <si>
    <t>1631.20570721511</t>
  </si>
  <si>
    <t>981749.0</t>
  </si>
  <si>
    <t>463.218</t>
  </si>
  <si>
    <t>267426.0</t>
  </si>
  <si>
    <t>180214.0</t>
  </si>
  <si>
    <t>987738.0</t>
  </si>
  <si>
    <t>466.044</t>
  </si>
  <si>
    <t>268491.0</t>
  </si>
  <si>
    <t>180494.0</t>
  </si>
  <si>
    <t>468.612</t>
  </si>
  <si>
    <t>274657.0</t>
  </si>
  <si>
    <t>93763.0</t>
  </si>
  <si>
    <t>998682.0</t>
  </si>
  <si>
    <t>471.208</t>
  </si>
  <si>
    <t>284771.0</t>
  </si>
  <si>
    <t>182624.0</t>
  </si>
  <si>
    <t>102201.0</t>
  </si>
  <si>
    <t>1004333.0</t>
  </si>
  <si>
    <t>473.874</t>
  </si>
  <si>
    <t>292279.0</t>
  </si>
  <si>
    <t>185606.0</t>
  </si>
  <si>
    <t>106731.0</t>
  </si>
  <si>
    <t>1007182.0</t>
  </si>
  <si>
    <t>475.218</t>
  </si>
  <si>
    <t>296526.0</t>
  </si>
  <si>
    <t>189672.0</t>
  </si>
  <si>
    <t>1009024.0</t>
  </si>
  <si>
    <t>476.087</t>
  </si>
  <si>
    <t>296528.0</t>
  </si>
  <si>
    <t>189673.0</t>
  </si>
  <si>
    <t>3444.2</t>
  </si>
  <si>
    <t>1624.74296445539</t>
  </si>
  <si>
    <t>1014046.0</t>
  </si>
  <si>
    <t>478.457</t>
  </si>
  <si>
    <t>297666.0</t>
  </si>
  <si>
    <t>190802.0</t>
  </si>
  <si>
    <t>106922.0</t>
  </si>
  <si>
    <t>1021025.0</t>
  </si>
  <si>
    <t>481.75</t>
  </si>
  <si>
    <t>301982.0</t>
  </si>
  <si>
    <t>1027457.0</t>
  </si>
  <si>
    <t>484.784</t>
  </si>
  <si>
    <t>311987.0</t>
  </si>
  <si>
    <t>202179.0</t>
  </si>
  <si>
    <t>1034103.0</t>
  </si>
  <si>
    <t>487.92</t>
  </si>
  <si>
    <t>112433.0</t>
  </si>
  <si>
    <t>1040870.0</t>
  </si>
  <si>
    <t>491.113</t>
  </si>
  <si>
    <t>342622.0</t>
  </si>
  <si>
    <t>227899.0</t>
  </si>
  <si>
    <t>114786.0</t>
  </si>
  <si>
    <t>492.747</t>
  </si>
  <si>
    <t>349926.0</t>
  </si>
  <si>
    <t>234706.0</t>
  </si>
  <si>
    <t>115283.0</t>
  </si>
  <si>
    <t>29.398</t>
  </si>
  <si>
    <t>1046106.0</t>
  </si>
  <si>
    <t>493.584</t>
  </si>
  <si>
    <t>351187.0</t>
  </si>
  <si>
    <t>235964.0</t>
  </si>
  <si>
    <t>115286.0</t>
  </si>
  <si>
    <t>3431.5</t>
  </si>
  <si>
    <t>1618.75195474382</t>
  </si>
  <si>
    <t>1051619.0</t>
  </si>
  <si>
    <t>496.185</t>
  </si>
  <si>
    <t>352324.0</t>
  </si>
  <si>
    <t>237094.0</t>
  </si>
  <si>
    <t>115293.0</t>
  </si>
  <si>
    <t>1058900.0</t>
  </si>
  <si>
    <t>499.62</t>
  </si>
  <si>
    <t>360383.0</t>
  </si>
  <si>
    <t>244830.0</t>
  </si>
  <si>
    <t>115616.0</t>
  </si>
  <si>
    <t>1064598.0</t>
  </si>
  <si>
    <t>502.309</t>
  </si>
  <si>
    <t>375136.0</t>
  </si>
  <si>
    <t>258253.0</t>
  </si>
  <si>
    <t>116947.0</t>
  </si>
  <si>
    <t>1070025.0</t>
  </si>
  <si>
    <t>504.869</t>
  </si>
  <si>
    <t>394630.0</t>
  </si>
  <si>
    <t>275058.0</t>
  </si>
  <si>
    <t>119638.0</t>
  </si>
  <si>
    <t>1075077.0</t>
  </si>
  <si>
    <t>507.253</t>
  </si>
  <si>
    <t>406893.0</t>
  </si>
  <si>
    <t>285197.0</t>
  </si>
  <si>
    <t>121763.0</t>
  </si>
  <si>
    <t>1077902.0</t>
  </si>
  <si>
    <t>508.586</t>
  </si>
  <si>
    <t>410024.0</t>
  </si>
  <si>
    <t>288299.0</t>
  </si>
  <si>
    <t>1079470.0</t>
  </si>
  <si>
    <t>509.326</t>
  </si>
  <si>
    <t>411620.0</t>
  </si>
  <si>
    <t>289893.0</t>
  </si>
  <si>
    <t>121794.0</t>
  </si>
  <si>
    <t>1618.04435517159</t>
  </si>
  <si>
    <t>1081397.0</t>
  </si>
  <si>
    <t>510.235</t>
  </si>
  <si>
    <t>411621.0</t>
  </si>
  <si>
    <t>289894.0</t>
  </si>
  <si>
    <t>1086286.0</t>
  </si>
  <si>
    <t>512.542</t>
  </si>
  <si>
    <t>414461.0</t>
  </si>
  <si>
    <t>292365.0</t>
  </si>
  <si>
    <t>122163.0</t>
  </si>
  <si>
    <t>1091722.0</t>
  </si>
  <si>
    <t>515.107</t>
  </si>
  <si>
    <t>420632.0</t>
  </si>
  <si>
    <t>298515.0</t>
  </si>
  <si>
    <t>122184.0</t>
  </si>
  <si>
    <t>1096987.0</t>
  </si>
  <si>
    <t>436049.0</t>
  </si>
  <si>
    <t>313274.0</t>
  </si>
  <si>
    <t>122842.0</t>
  </si>
  <si>
    <t>1101798.0</t>
  </si>
  <si>
    <t>519.861</t>
  </si>
  <si>
    <t>456313.0</t>
  </si>
  <si>
    <t>331837.0</t>
  </si>
  <si>
    <t>124543.0</t>
  </si>
  <si>
    <t>1104693.0</t>
  </si>
  <si>
    <t>465524.0</t>
  </si>
  <si>
    <t>340918.0</t>
  </si>
  <si>
    <t>124674.0</t>
  </si>
  <si>
    <t>213.848</t>
  </si>
  <si>
    <t>1106214.0</t>
  </si>
  <si>
    <t>521.944</t>
  </si>
  <si>
    <t>342547.0</t>
  </si>
  <si>
    <t>124687.0</t>
  </si>
  <si>
    <t>3416.3</t>
  </si>
  <si>
    <t>1611.58161241186</t>
  </si>
  <si>
    <t>1110921.0</t>
  </si>
  <si>
    <t>524.165</t>
  </si>
  <si>
    <t>469033.0</t>
  </si>
  <si>
    <t>344208.0</t>
  </si>
  <si>
    <t>124893.0</t>
  </si>
  <si>
    <t>1116298.0</t>
  </si>
  <si>
    <t>526.702</t>
  </si>
  <si>
    <t>472911.0</t>
  </si>
  <si>
    <t>347301.0</t>
  </si>
  <si>
    <t>1120657.0</t>
  </si>
  <si>
    <t>528.759</t>
  </si>
  <si>
    <t>484614.0</t>
  </si>
  <si>
    <t>355141.0</t>
  </si>
  <si>
    <t>129541.0</t>
  </si>
  <si>
    <t>1124972.0</t>
  </si>
  <si>
    <t>530.795</t>
  </si>
  <si>
    <t>504171.0</t>
  </si>
  <si>
    <t>364638.0</t>
  </si>
  <si>
    <t>139606.0</t>
  </si>
  <si>
    <t>1128817.0</t>
  </si>
  <si>
    <t>532.609</t>
  </si>
  <si>
    <t>518320.0</t>
  </si>
  <si>
    <t>373047.0</t>
  </si>
  <si>
    <t>1131458.0</t>
  </si>
  <si>
    <t>533.855</t>
  </si>
  <si>
    <t>524480.0</t>
  </si>
  <si>
    <t>149000.0</t>
  </si>
  <si>
    <t>1133102.0</t>
  </si>
  <si>
    <t>534.631</t>
  </si>
  <si>
    <t>525766.0</t>
  </si>
  <si>
    <t>376833.0</t>
  </si>
  <si>
    <t>149007.0</t>
  </si>
  <si>
    <t>3450.2</t>
  </si>
  <si>
    <t>1627.57336274432</t>
  </si>
  <si>
    <t>1136745.0</t>
  </si>
  <si>
    <t>536.35</t>
  </si>
  <si>
    <t>528476.0</t>
  </si>
  <si>
    <t>379169.0</t>
  </si>
  <si>
    <t>1141637.0</t>
  </si>
  <si>
    <t>538.658</t>
  </si>
  <si>
    <t>535168.0</t>
  </si>
  <si>
    <t>384390.0</t>
  </si>
  <si>
    <t>150855.0</t>
  </si>
  <si>
    <t>1145962.0</t>
  </si>
  <si>
    <t>540.699</t>
  </si>
  <si>
    <t>552054.0</t>
  </si>
  <si>
    <t>392137.0</t>
  </si>
  <si>
    <t>160007.0</t>
  </si>
  <si>
    <t>1151334.0</t>
  </si>
  <si>
    <t>543.233</t>
  </si>
  <si>
    <t>572081.0</t>
  </si>
  <si>
    <t>400284.0</t>
  </si>
  <si>
    <t>171929.0</t>
  </si>
  <si>
    <t>1156514.0</t>
  </si>
  <si>
    <t>545.677</t>
  </si>
  <si>
    <t>589781.0</t>
  </si>
  <si>
    <t>411175.0</t>
  </si>
  <si>
    <t>178754.0</t>
  </si>
  <si>
    <t>1159204.0</t>
  </si>
  <si>
    <t>546.947</t>
  </si>
  <si>
    <t>592731.0</t>
  </si>
  <si>
    <t>413666.0</t>
  </si>
  <si>
    <t>179217.0</t>
  </si>
  <si>
    <t>1160558.0</t>
  </si>
  <si>
    <t>547.585</t>
  </si>
  <si>
    <t>593406.0</t>
  </si>
  <si>
    <t>414324.0</t>
  </si>
  <si>
    <t>3490.7</t>
  </si>
  <si>
    <t>1646.67855119459</t>
  </si>
  <si>
    <t>1164211.0</t>
  </si>
  <si>
    <t>549.309</t>
  </si>
  <si>
    <t>593793.0</t>
  </si>
  <si>
    <t>414703.0</t>
  </si>
  <si>
    <t>179245.0</t>
  </si>
  <si>
    <t>1166219.0</t>
  </si>
  <si>
    <t>550.256</t>
  </si>
  <si>
    <t>594259.0</t>
  </si>
  <si>
    <t>415164.0</t>
  </si>
  <si>
    <t>179253.0</t>
  </si>
  <si>
    <t>1170156.0</t>
  </si>
  <si>
    <t>552.114</t>
  </si>
  <si>
    <t>602264.0</t>
  </si>
  <si>
    <t>1174598.0</t>
  </si>
  <si>
    <t>554.21</t>
  </si>
  <si>
    <t>621659.0</t>
  </si>
  <si>
    <t>424382.0</t>
  </si>
  <si>
    <t>197447.0</t>
  </si>
  <si>
    <t>1178795.0</t>
  </si>
  <si>
    <t>556.19</t>
  </si>
  <si>
    <t>642824.0</t>
  </si>
  <si>
    <t>430738.0</t>
  </si>
  <si>
    <t>212333.0</t>
  </si>
  <si>
    <t>1180622.0</t>
  </si>
  <si>
    <t>557.052</t>
  </si>
  <si>
    <t>650057.0</t>
  </si>
  <si>
    <t>431610.0</t>
  </si>
  <si>
    <t>218699.0</t>
  </si>
  <si>
    <t>1182002.0</t>
  </si>
  <si>
    <t>557.703</t>
  </si>
  <si>
    <t>653510.0</t>
  </si>
  <si>
    <t>220860.0</t>
  </si>
  <si>
    <t>3475.8</t>
  </si>
  <si>
    <t>1639.64972877708</t>
  </si>
  <si>
    <t>1186026.0</t>
  </si>
  <si>
    <t>559.602</t>
  </si>
  <si>
    <t>661557.0</t>
  </si>
  <si>
    <t>438008.0</t>
  </si>
  <si>
    <t>223806.0</t>
  </si>
  <si>
    <t>1190776.0</t>
  </si>
  <si>
    <t>561.843</t>
  </si>
  <si>
    <t>671442.0</t>
  </si>
  <si>
    <t>445192.0</t>
  </si>
  <si>
    <t>226621.0</t>
  </si>
  <si>
    <t>1195004.0</t>
  </si>
  <si>
    <t>563.838</t>
  </si>
  <si>
    <t>689519.0</t>
  </si>
  <si>
    <t>455380.0</t>
  </si>
  <si>
    <t>234594.0</t>
  </si>
  <si>
    <t>1199033.0</t>
  </si>
  <si>
    <t>565.739</t>
  </si>
  <si>
    <t>717442.0</t>
  </si>
  <si>
    <t>471078.0</t>
  </si>
  <si>
    <t>246889.0</t>
  </si>
  <si>
    <t>1203360.0</t>
  </si>
  <si>
    <t>567.781</t>
  </si>
  <si>
    <t>738873.0</t>
  </si>
  <si>
    <t>484674.0</t>
  </si>
  <si>
    <t>255513.0</t>
  </si>
  <si>
    <t>1205766.0</t>
  </si>
  <si>
    <t>568.916</t>
  </si>
  <si>
    <t>749155.0</t>
  </si>
  <si>
    <t>490210.0</t>
  </si>
  <si>
    <t>260805.0</t>
  </si>
  <si>
    <t>1207076.0</t>
  </si>
  <si>
    <t>569.534</t>
  </si>
  <si>
    <t>750945.0</t>
  </si>
  <si>
    <t>491865.0</t>
  </si>
  <si>
    <t>260942.0</t>
  </si>
  <si>
    <t>3483.3</t>
  </si>
  <si>
    <t>1643.18772663825</t>
  </si>
  <si>
    <t>1210798.0</t>
  </si>
  <si>
    <t>571.29</t>
  </si>
  <si>
    <t>753940.0</t>
  </si>
  <si>
    <t>494198.0</t>
  </si>
  <si>
    <t>262324.0</t>
  </si>
  <si>
    <t>1215498.0</t>
  </si>
  <si>
    <t>573.508</t>
  </si>
  <si>
    <t>764023.0</t>
  </si>
  <si>
    <t>502478.0</t>
  </si>
  <si>
    <t>264467.0</t>
  </si>
  <si>
    <t>1220134.0</t>
  </si>
  <si>
    <t>575.695</t>
  </si>
  <si>
    <t>785064.0</t>
  </si>
  <si>
    <t>519097.0</t>
  </si>
  <si>
    <t>270340.0</t>
  </si>
  <si>
    <t>1224096.0</t>
  </si>
  <si>
    <t>577.565</t>
  </si>
  <si>
    <t>813264.0</t>
  </si>
  <si>
    <t>280117.0</t>
  </si>
  <si>
    <t>1228273.0</t>
  </si>
  <si>
    <t>579.535</t>
  </si>
  <si>
    <t>837338.0</t>
  </si>
  <si>
    <t>556092.0</t>
  </si>
  <si>
    <t>288840.0</t>
  </si>
  <si>
    <t>1230744.0</t>
  </si>
  <si>
    <t>580.701</t>
  </si>
  <si>
    <t>846073.0</t>
  </si>
  <si>
    <t>563031.0</t>
  </si>
  <si>
    <t>1232248.0</t>
  </si>
  <si>
    <t>581.411</t>
  </si>
  <si>
    <t>849211.0</t>
  </si>
  <si>
    <t>563214.0</t>
  </si>
  <si>
    <t>296142.0</t>
  </si>
  <si>
    <t>3505.4</t>
  </si>
  <si>
    <t>1653.61302700247</t>
  </si>
  <si>
    <t>1236481.0</t>
  </si>
  <si>
    <t>583.408</t>
  </si>
  <si>
    <t>857250.0</t>
  </si>
  <si>
    <t>566774.0</t>
  </si>
  <si>
    <t>301271.0</t>
  </si>
  <si>
    <t>1240950.0</t>
  </si>
  <si>
    <t>585.517</t>
  </si>
  <si>
    <t>869513.0</t>
  </si>
  <si>
    <t>577143.0</t>
  </si>
  <si>
    <t>304915.0</t>
  </si>
  <si>
    <t>1244802.0</t>
  </si>
  <si>
    <t>587.334</t>
  </si>
  <si>
    <t>892423.0</t>
  </si>
  <si>
    <t>593087.0</t>
  </si>
  <si>
    <t>312976.0</t>
  </si>
  <si>
    <t>1248938.0</t>
  </si>
  <si>
    <t>589.286</t>
  </si>
  <si>
    <t>922369.0</t>
  </si>
  <si>
    <t>616726.0</t>
  </si>
  <si>
    <t>320077.0</t>
  </si>
  <si>
    <t>1252983.0</t>
  </si>
  <si>
    <t>591.194</t>
  </si>
  <si>
    <t>948527.0</t>
  </si>
  <si>
    <t>631826.0</t>
  </si>
  <si>
    <t>332926.0</t>
  </si>
  <si>
    <t>1255101.0</t>
  </si>
  <si>
    <t>592.194</t>
  </si>
  <si>
    <t>959467.0</t>
  </si>
  <si>
    <t>1256506.0</t>
  </si>
  <si>
    <t>592.857</t>
  </si>
  <si>
    <t>962541.0</t>
  </si>
  <si>
    <t>342348.0</t>
  </si>
  <si>
    <t>3540.3</t>
  </si>
  <si>
    <t>1670.07651038308</t>
  </si>
  <si>
    <t>1260071.0</t>
  </si>
  <si>
    <t>594.539</t>
  </si>
  <si>
    <t>968741.0</t>
  </si>
  <si>
    <t>637736.0</t>
  </si>
  <si>
    <t>347700.0</t>
  </si>
  <si>
    <t>1264313.0</t>
  </si>
  <si>
    <t>596.54</t>
  </si>
  <si>
    <t>641480.0</t>
  </si>
  <si>
    <t>354732.0</t>
  </si>
  <si>
    <t>1268331.0</t>
  </si>
  <si>
    <t>598.436</t>
  </si>
  <si>
    <t>999829.0</t>
  </si>
  <si>
    <t>648759.0</t>
  </si>
  <si>
    <t>369900.0</t>
  </si>
  <si>
    <t>1271923.0</t>
  </si>
  <si>
    <t>600.131</t>
  </si>
  <si>
    <t>1028708.0</t>
  </si>
  <si>
    <t>390472.0</t>
  </si>
  <si>
    <t>28879.0</t>
  </si>
  <si>
    <t>1275638.0</t>
  </si>
  <si>
    <t>601.884</t>
  </si>
  <si>
    <t>1050258.0</t>
  </si>
  <si>
    <t>666602.0</t>
  </si>
  <si>
    <t>404690.0</t>
  </si>
  <si>
    <t>1277492.0</t>
  </si>
  <si>
    <t>602.758</t>
  </si>
  <si>
    <t>1060728.0</t>
  </si>
  <si>
    <t>670477.0</t>
  </si>
  <si>
    <t>411593.0</t>
  </si>
  <si>
    <t>1278995.0</t>
  </si>
  <si>
    <t>603.467</t>
  </si>
  <si>
    <t>1060731.0</t>
  </si>
  <si>
    <t>670478.0</t>
  </si>
  <si>
    <t>411595.0</t>
  </si>
  <si>
    <t>3558.4</t>
  </si>
  <si>
    <t>1678.61487855469</t>
  </si>
  <si>
    <t>1282376.0</t>
  </si>
  <si>
    <t>605.063</t>
  </si>
  <si>
    <t>1067270.0</t>
  </si>
  <si>
    <t>673479.0</t>
  </si>
  <si>
    <t>1286550.0</t>
  </si>
  <si>
    <t>607.032</t>
  </si>
  <si>
    <t>1082353.0</t>
  </si>
  <si>
    <t>678231.0</t>
  </si>
  <si>
    <t>1290391.0</t>
  </si>
  <si>
    <t>608.844</t>
  </si>
  <si>
    <t>1111525.0</t>
  </si>
  <si>
    <t>694156.0</t>
  </si>
  <si>
    <t>442141.0</t>
  </si>
  <si>
    <t>1294318.0</t>
  </si>
  <si>
    <t>610.697</t>
  </si>
  <si>
    <t>1148019.0</t>
  </si>
  <si>
    <t>712497.0</t>
  </si>
  <si>
    <t>462130.0</t>
  </si>
  <si>
    <t>1297796.0</t>
  </si>
  <si>
    <t>612.338</t>
  </si>
  <si>
    <t>1176347.0</t>
  </si>
  <si>
    <t>723669.0</t>
  </si>
  <si>
    <t>1300053.0</t>
  </si>
  <si>
    <t>613.403</t>
  </si>
  <si>
    <t>1188938.0</t>
  </si>
  <si>
    <t>730317.0</t>
  </si>
  <si>
    <t>490096.0</t>
  </si>
  <si>
    <t>1301382.0</t>
  </si>
  <si>
    <t>614.03</t>
  </si>
  <si>
    <t>1193788.0</t>
  </si>
  <si>
    <t>734383.0</t>
  </si>
  <si>
    <t>3604.5</t>
  </si>
  <si>
    <t>1700.36177207463</t>
  </si>
  <si>
    <t>1304435.0</t>
  </si>
  <si>
    <t>615.471</t>
  </si>
  <si>
    <t>1201115.0</t>
  </si>
  <si>
    <t>497273.0</t>
  </si>
  <si>
    <t>1307943.0</t>
  </si>
  <si>
    <t>617.126</t>
  </si>
  <si>
    <t>1214979.0</t>
  </si>
  <si>
    <t>744990.0</t>
  </si>
  <si>
    <t>505108.0</t>
  </si>
  <si>
    <t>1310979.0</t>
  </si>
  <si>
    <t>618.558</t>
  </si>
  <si>
    <t>1238135.0</t>
  </si>
  <si>
    <t>754794.0</t>
  </si>
  <si>
    <t>519222.0</t>
  </si>
  <si>
    <t>1313716.0</t>
  </si>
  <si>
    <t>619.85</t>
  </si>
  <si>
    <t>1270856.0</t>
  </si>
  <si>
    <t>771017.0</t>
  </si>
  <si>
    <t>537001.0</t>
  </si>
  <si>
    <t>1316416.0</t>
  </si>
  <si>
    <t>621.124</t>
  </si>
  <si>
    <t>1295062.0</t>
  </si>
  <si>
    <t>778842.0</t>
  </si>
  <si>
    <t>554423.0</t>
  </si>
  <si>
    <t>24206.0</t>
  </si>
  <si>
    <t>1317792.0</t>
  </si>
  <si>
    <t>621.773</t>
  </si>
  <si>
    <t>1305873.0</t>
  </si>
  <si>
    <t>783533.0</t>
  </si>
  <si>
    <t>1318816.0</t>
  </si>
  <si>
    <t>622.256</t>
  </si>
  <si>
    <t>1309207.0</t>
  </si>
  <si>
    <t>786161.0</t>
  </si>
  <si>
    <t>561830.0</t>
  </si>
  <si>
    <t>3628.8</t>
  </si>
  <si>
    <t>1711.8248851448</t>
  </si>
  <si>
    <t>1321148.0</t>
  </si>
  <si>
    <t>623.357</t>
  </si>
  <si>
    <t>1315909.0</t>
  </si>
  <si>
    <t>789102.0</t>
  </si>
  <si>
    <t>565769.0</t>
  </si>
  <si>
    <t>1323802.0</t>
  </si>
  <si>
    <t>624.609</t>
  </si>
  <si>
    <t>1325593.0</t>
  </si>
  <si>
    <t>794803.0</t>
  </si>
  <si>
    <t>570738.0</t>
  </si>
  <si>
    <t>1326146.0</t>
  </si>
  <si>
    <t>625.715</t>
  </si>
  <si>
    <t>1342036.0</t>
  </si>
  <si>
    <t>802096.0</t>
  </si>
  <si>
    <t>1328564.0</t>
  </si>
  <si>
    <t>626.856</t>
  </si>
  <si>
    <t>1362343.0</t>
  </si>
  <si>
    <t>809853.0</t>
  </si>
  <si>
    <t>595643.0</t>
  </si>
  <si>
    <t>18.398</t>
  </si>
  <si>
    <t>1330819.0</t>
  </si>
  <si>
    <t>627.92</t>
  </si>
  <si>
    <t>1376249.0</t>
  </si>
  <si>
    <t>814779.0</t>
  </si>
  <si>
    <t>605638.0</t>
  </si>
  <si>
    <t>628.423</t>
  </si>
  <si>
    <t>816117.0</t>
  </si>
  <si>
    <t>606977.0</t>
  </si>
  <si>
    <t>1332696.0</t>
  </si>
  <si>
    <t>628.805</t>
  </si>
  <si>
    <t>1380071.0</t>
  </si>
  <si>
    <t>816207.0</t>
  </si>
  <si>
    <t>608390.0</t>
  </si>
  <si>
    <t>3666.9</t>
  </si>
  <si>
    <t>1729.7979142795</t>
  </si>
  <si>
    <t>1334890.0</t>
  </si>
  <si>
    <t>629.84</t>
  </si>
  <si>
    <t>1385322.0</t>
  </si>
  <si>
    <t>817956.0</t>
  </si>
  <si>
    <t>612516.0</t>
  </si>
  <si>
    <t>1336980.0</t>
  </si>
  <si>
    <t>630.827</t>
  </si>
  <si>
    <t>1395708.0</t>
  </si>
  <si>
    <t>821041.0</t>
  </si>
  <si>
    <t>620331.0</t>
  </si>
  <si>
    <t>631.847</t>
  </si>
  <si>
    <t>1415629.0</t>
  </si>
  <si>
    <t>826016.0</t>
  </si>
  <si>
    <t>636194.0</t>
  </si>
  <si>
    <t>1341315.0</t>
  </si>
  <si>
    <t>632.872</t>
  </si>
  <si>
    <t>1441356.0</t>
  </si>
  <si>
    <t>831152.0</t>
  </si>
  <si>
    <t>657901.0</t>
  </si>
  <si>
    <t>1342272.0</t>
  </si>
  <si>
    <t>633.323</t>
  </si>
  <si>
    <t>1441416.0</t>
  </si>
  <si>
    <t>831162.0</t>
  </si>
  <si>
    <t>657960.0</t>
  </si>
  <si>
    <t>1343133.0</t>
  </si>
  <si>
    <t>633.73</t>
  </si>
  <si>
    <t>1445445.0</t>
  </si>
  <si>
    <t>831600.0</t>
  </si>
  <si>
    <t>661713.0</t>
  </si>
  <si>
    <t>1343790.0</t>
  </si>
  <si>
    <t>634.04</t>
  </si>
  <si>
    <t>1445459.0</t>
  </si>
  <si>
    <t>831610.0</t>
  </si>
  <si>
    <t>661724.0</t>
  </si>
  <si>
    <t>1737.95889601258</t>
  </si>
  <si>
    <t>1345447.0</t>
  </si>
  <si>
    <t>634.821</t>
  </si>
  <si>
    <t>1451661.0</t>
  </si>
  <si>
    <t>832919.0</t>
  </si>
  <si>
    <t>666921.0</t>
  </si>
  <si>
    <t>1347486.0</t>
  </si>
  <si>
    <t>635.784</t>
  </si>
  <si>
    <t>1463363.0</t>
  </si>
  <si>
    <t>834873.0</t>
  </si>
  <si>
    <t>677257.0</t>
  </si>
  <si>
    <t>1349119.0</t>
  </si>
  <si>
    <t>636.554</t>
  </si>
  <si>
    <t>1477579.0</t>
  </si>
  <si>
    <t>838629.0</t>
  </si>
  <si>
    <t>688588.0</t>
  </si>
  <si>
    <t>1350781.0</t>
  </si>
  <si>
    <t>637.338</t>
  </si>
  <si>
    <t>1497459.0</t>
  </si>
  <si>
    <t>842332.0</t>
  </si>
  <si>
    <t>705486.0</t>
  </si>
  <si>
    <t>1352301.0</t>
  </si>
  <si>
    <t>638.055</t>
  </si>
  <si>
    <t>1511840.0</t>
  </si>
  <si>
    <t>846217.0</t>
  </si>
  <si>
    <t>716797.0</t>
  </si>
  <si>
    <t>1353151.0</t>
  </si>
  <si>
    <t>638.456</t>
  </si>
  <si>
    <t>1513385.0</t>
  </si>
  <si>
    <t>846640.0</t>
  </si>
  <si>
    <t>718002.0</t>
  </si>
  <si>
    <t>1353756.0</t>
  </si>
  <si>
    <t>638.742</t>
  </si>
  <si>
    <t>1513403.0</t>
  </si>
  <si>
    <t>718020.0</t>
  </si>
  <si>
    <t>3723.7</t>
  </si>
  <si>
    <t>1756.5923514147</t>
  </si>
  <si>
    <t>1355459.0</t>
  </si>
  <si>
    <t>639.545</t>
  </si>
  <si>
    <t>1519967.0</t>
  </si>
  <si>
    <t>848091.0</t>
  </si>
  <si>
    <t>723553.0</t>
  </si>
  <si>
    <t>1357574.0</t>
  </si>
  <si>
    <t>640.543</t>
  </si>
  <si>
    <t>1528284.0</t>
  </si>
  <si>
    <t>850338.0</t>
  </si>
  <si>
    <t>730266.0</t>
  </si>
  <si>
    <t>1359294.0</t>
  </si>
  <si>
    <t>641.355</t>
  </si>
  <si>
    <t>1540779.0</t>
  </si>
  <si>
    <t>854831.0</t>
  </si>
  <si>
    <t>739469.0</t>
  </si>
  <si>
    <t>1360998.0</t>
  </si>
  <si>
    <t>642.159</t>
  </si>
  <si>
    <t>1556649.0</t>
  </si>
  <si>
    <t>750833.0</t>
  </si>
  <si>
    <t>1362639.0</t>
  </si>
  <si>
    <t>642.933</t>
  </si>
  <si>
    <t>1567849.0</t>
  </si>
  <si>
    <t>864862.0</t>
  </si>
  <si>
    <t>759012.0</t>
  </si>
  <si>
    <t>1363413.0</t>
  </si>
  <si>
    <t>643.298</t>
  </si>
  <si>
    <t>1568941.0</t>
  </si>
  <si>
    <t>865588.0</t>
  </si>
  <si>
    <t>759633.0</t>
  </si>
  <si>
    <t>1363983.0</t>
  </si>
  <si>
    <t>643.567</t>
  </si>
  <si>
    <t>1569171.0</t>
  </si>
  <si>
    <t>865805.0</t>
  </si>
  <si>
    <t>759771.0</t>
  </si>
  <si>
    <t>3693.2</t>
  </si>
  <si>
    <t>1742.20449344598</t>
  </si>
  <si>
    <t>1365837.0</t>
  </si>
  <si>
    <t>644.442</t>
  </si>
  <si>
    <t>1575451.0</t>
  </si>
  <si>
    <t>868815.0</t>
  </si>
  <si>
    <t>763842.0</t>
  </si>
  <si>
    <t>1367595.0</t>
  </si>
  <si>
    <t>645.272</t>
  </si>
  <si>
    <t>1582129.0</t>
  </si>
  <si>
    <t>871890.0</t>
  </si>
  <si>
    <t>768201.0</t>
  </si>
  <si>
    <t>1369289.0</t>
  </si>
  <si>
    <t>646.071</t>
  </si>
  <si>
    <t>1593079.0</t>
  </si>
  <si>
    <t>774710.0</t>
  </si>
  <si>
    <t>1370974.0</t>
  </si>
  <si>
    <t>646.866</t>
  </si>
  <si>
    <t>1606997.0</t>
  </si>
  <si>
    <t>783663.0</t>
  </si>
  <si>
    <t>1372707.0</t>
  </si>
  <si>
    <t>647.684</t>
  </si>
  <si>
    <t>1617155.0</t>
  </si>
  <si>
    <t>892021.0</t>
  </si>
  <si>
    <t>1373526.0</t>
  </si>
  <si>
    <t>648.07</t>
  </si>
  <si>
    <t>1618811.0</t>
  </si>
  <si>
    <t>893403.0</t>
  </si>
  <si>
    <t>790720.0</t>
  </si>
  <si>
    <t>1374117.0</t>
  </si>
  <si>
    <t>648.349</t>
  </si>
  <si>
    <t>1618842.0</t>
  </si>
  <si>
    <t>893431.0</t>
  </si>
  <si>
    <t>790729.0</t>
  </si>
  <si>
    <t>3669.9</t>
  </si>
  <si>
    <t>-6.43</t>
  </si>
  <si>
    <t>1731.21311342397</t>
  </si>
  <si>
    <t>1375854.0</t>
  </si>
  <si>
    <t>649.168</t>
  </si>
  <si>
    <t>1623900.0</t>
  </si>
  <si>
    <t>896600.0</t>
  </si>
  <si>
    <t>793721.0</t>
  </si>
  <si>
    <t>1377661.0</t>
  </si>
  <si>
    <t>650.021</t>
  </si>
  <si>
    <t>1629417.0</t>
  </si>
  <si>
    <t>900069.0</t>
  </si>
  <si>
    <t>797087.0</t>
  </si>
  <si>
    <t>1379109.0</t>
  </si>
  <si>
    <t>650.704</t>
  </si>
  <si>
    <t>1639064.0</t>
  </si>
  <si>
    <t>906235.0</t>
  </si>
  <si>
    <t>802582.0</t>
  </si>
  <si>
    <t>1380750.0</t>
  </si>
  <si>
    <t>651.478</t>
  </si>
  <si>
    <t>1649988.0</t>
  </si>
  <si>
    <t>912672.0</t>
  </si>
  <si>
    <t>808899.0</t>
  </si>
  <si>
    <t>1382617.0</t>
  </si>
  <si>
    <t>652.359</t>
  </si>
  <si>
    <t>1659161.0</t>
  </si>
  <si>
    <t>918544.0</t>
  </si>
  <si>
    <t>814173.0</t>
  </si>
  <si>
    <t>1383357.0</t>
  </si>
  <si>
    <t>652.709</t>
  </si>
  <si>
    <t>1660650.0</t>
  </si>
  <si>
    <t>919657.0</t>
  </si>
  <si>
    <t>814924.0</t>
  </si>
  <si>
    <t>1383950.0</t>
  </si>
  <si>
    <t>652.988</t>
  </si>
  <si>
    <t>1660670.0</t>
  </si>
  <si>
    <t>919665.0</t>
  </si>
  <si>
    <t>814941.0</t>
  </si>
  <si>
    <t>3629.2</t>
  </si>
  <si>
    <t>1712.01357836406</t>
  </si>
  <si>
    <t>1385602.0</t>
  </si>
  <si>
    <t>653.768</t>
  </si>
  <si>
    <t>1665691.0</t>
  </si>
  <si>
    <t>923000.0</t>
  </si>
  <si>
    <t>817571.0</t>
  </si>
  <si>
    <t>1387189.0</t>
  </si>
  <si>
    <t>654.517</t>
  </si>
  <si>
    <t>1672100.0</t>
  </si>
  <si>
    <t>927859.0</t>
  </si>
  <si>
    <t>820467.0</t>
  </si>
  <si>
    <t>1388669.0</t>
  </si>
  <si>
    <t>655.215</t>
  </si>
  <si>
    <t>1680889.0</t>
  </si>
  <si>
    <t>933077.0</t>
  </si>
  <si>
    <t>825598.0</t>
  </si>
  <si>
    <t>1390359.0</t>
  </si>
  <si>
    <t>656.012</t>
  </si>
  <si>
    <t>1691365.0</t>
  </si>
  <si>
    <t>938728.0</t>
  </si>
  <si>
    <t>831831.0</t>
  </si>
  <si>
    <t>1392037.0</t>
  </si>
  <si>
    <t>656.804</t>
  </si>
  <si>
    <t>1699302.0</t>
  </si>
  <si>
    <t>942837.0</t>
  </si>
  <si>
    <t>837104.0</t>
  </si>
  <si>
    <t>1392801.0</t>
  </si>
  <si>
    <t>657.164</t>
  </si>
  <si>
    <t>1701324.0</t>
  </si>
  <si>
    <t>944279.0</t>
  </si>
  <si>
    <t>838326.0</t>
  </si>
  <si>
    <t>1393449.0</t>
  </si>
  <si>
    <t>657.47</t>
  </si>
  <si>
    <t>1701333.0</t>
  </si>
  <si>
    <t>944287.0</t>
  </si>
  <si>
    <t>838335.0</t>
  </si>
  <si>
    <t>3619.1</t>
  </si>
  <si>
    <t>1707.24907457769</t>
  </si>
  <si>
    <t>1395226.0</t>
  </si>
  <si>
    <t>658.309</t>
  </si>
  <si>
    <t>1706094.0</t>
  </si>
  <si>
    <t>946922.0</t>
  </si>
  <si>
    <t>841308.0</t>
  </si>
  <si>
    <t>1396816.0</t>
  </si>
  <si>
    <t>659.059</t>
  </si>
  <si>
    <t>1711700.0</t>
  </si>
  <si>
    <t>950649.0</t>
  </si>
  <si>
    <t>1398430.0</t>
  </si>
  <si>
    <t>659.82</t>
  </si>
  <si>
    <t>1719774.0</t>
  </si>
  <si>
    <t>954782.0</t>
  </si>
  <si>
    <t>849012.0</t>
  </si>
  <si>
    <t>1400205.0</t>
  </si>
  <si>
    <t>660.658</t>
  </si>
  <si>
    <t>1729556.0</t>
  </si>
  <si>
    <t>959599.0</t>
  </si>
  <si>
    <t>855299.0</t>
  </si>
  <si>
    <t>1401783.0</t>
  </si>
  <si>
    <t>661.402</t>
  </si>
  <si>
    <t>1737413.0</t>
  </si>
  <si>
    <t>962798.0</t>
  </si>
  <si>
    <t>860695.0</t>
  </si>
  <si>
    <t>1402561.0</t>
  </si>
  <si>
    <t>661.77</t>
  </si>
  <si>
    <t>1738347.0</t>
  </si>
  <si>
    <t>963456.0</t>
  </si>
  <si>
    <t>1403232.0</t>
  </si>
  <si>
    <t>662.086</t>
  </si>
  <si>
    <t>1738851.0</t>
  </si>
  <si>
    <t>963842.0</t>
  </si>
  <si>
    <t>861336.0</t>
  </si>
  <si>
    <t>3578.6</t>
  </si>
  <si>
    <t>-10.93</t>
  </si>
  <si>
    <t>1688.14388612742</t>
  </si>
  <si>
    <t>1405089.0</t>
  </si>
  <si>
    <t>662.962</t>
  </si>
  <si>
    <t>1742767.0</t>
  </si>
  <si>
    <t>966040.0</t>
  </si>
  <si>
    <t>863646.0</t>
  </si>
  <si>
    <t>1407066.0</t>
  </si>
  <si>
    <t>663.895</t>
  </si>
  <si>
    <t>1747647.0</t>
  </si>
  <si>
    <t>968709.0</t>
  </si>
  <si>
    <t>866500.0</t>
  </si>
  <si>
    <t>1408897.0</t>
  </si>
  <si>
    <t>664.759</t>
  </si>
  <si>
    <t>1754348.0</t>
  </si>
  <si>
    <t>972107.0</t>
  </si>
  <si>
    <t>870725.0</t>
  </si>
  <si>
    <t>1410741.0</t>
  </si>
  <si>
    <t>665.629</t>
  </si>
  <si>
    <t>1763672.0</t>
  </si>
  <si>
    <t>976012.0</t>
  </si>
  <si>
    <t>876992.0</t>
  </si>
  <si>
    <t>1412613.0</t>
  </si>
  <si>
    <t>666.512</t>
  </si>
  <si>
    <t>1771362.0</t>
  </si>
  <si>
    <t>979268.0</t>
  </si>
  <si>
    <t>882365.0</t>
  </si>
  <si>
    <t>1413534.0</t>
  </si>
  <si>
    <t>666.947</t>
  </si>
  <si>
    <t>1772056.0</t>
  </si>
  <si>
    <t>979740.0</t>
  </si>
  <si>
    <t>882818.0</t>
  </si>
  <si>
    <t>1414337.0</t>
  </si>
  <si>
    <t>667.326</t>
  </si>
  <si>
    <t>979807.0</t>
  </si>
  <si>
    <t>882857.0</t>
  </si>
  <si>
    <t>3563.7</t>
  </si>
  <si>
    <t>1681.11506370991</t>
  </si>
  <si>
    <t>1416399.0</t>
  </si>
  <si>
    <t>668.299</t>
  </si>
  <si>
    <t>982647.0</t>
  </si>
  <si>
    <t>886066.0</t>
  </si>
  <si>
    <t>1418637.0</t>
  </si>
  <si>
    <t>669.355</t>
  </si>
  <si>
    <t>1783911.0</t>
  </si>
  <si>
    <t>986159.0</t>
  </si>
  <si>
    <t>1420875.0</t>
  </si>
  <si>
    <t>670.411</t>
  </si>
  <si>
    <t>990185.0</t>
  </si>
  <si>
    <t>894270.0</t>
  </si>
  <si>
    <t>1423356.0</t>
  </si>
  <si>
    <t>671.581</t>
  </si>
  <si>
    <t>1800578.0</t>
  </si>
  <si>
    <t>994473.0</t>
  </si>
  <si>
    <t>899997.0</t>
  </si>
  <si>
    <t>1425477.0</t>
  </si>
  <si>
    <t>672.582</t>
  </si>
  <si>
    <t>1807810.0</t>
  </si>
  <si>
    <t>998188.0</t>
  </si>
  <si>
    <t>904642.0</t>
  </si>
  <si>
    <t>1426876.0</t>
  </si>
  <si>
    <t>673.242</t>
  </si>
  <si>
    <t>1808715.0</t>
  </si>
  <si>
    <t>998746.0</t>
  </si>
  <si>
    <t>905203.0</t>
  </si>
  <si>
    <t>27.501</t>
  </si>
  <si>
    <t>1427631.0</t>
  </si>
  <si>
    <t>673.598</t>
  </si>
  <si>
    <t>1808717.0</t>
  </si>
  <si>
    <t>998748.0</t>
  </si>
  <si>
    <t>905205.0</t>
  </si>
  <si>
    <t>3519.6</t>
  </si>
  <si>
    <t>1660.31163628627</t>
  </si>
  <si>
    <t>1430120.0</t>
  </si>
  <si>
    <t>674.773</t>
  </si>
  <si>
    <t>1813398.0</t>
  </si>
  <si>
    <t>1001242.0</t>
  </si>
  <si>
    <t>907890.0</t>
  </si>
  <si>
    <t>1432926.0</t>
  </si>
  <si>
    <t>676.097</t>
  </si>
  <si>
    <t>1819571.0</t>
  </si>
  <si>
    <t>1004882.0</t>
  </si>
  <si>
    <t>911533.0</t>
  </si>
  <si>
    <t>1435861.0</t>
  </si>
  <si>
    <t>677.481</t>
  </si>
  <si>
    <t>1826698.0</t>
  </si>
  <si>
    <t>1008728.0</t>
  </si>
  <si>
    <t>915493.0</t>
  </si>
  <si>
    <t>1438816.0</t>
  </si>
  <si>
    <t>678.876</t>
  </si>
  <si>
    <t>1835874.0</t>
  </si>
  <si>
    <t>1013546.0</t>
  </si>
  <si>
    <t>920783.0</t>
  </si>
  <si>
    <t>1441920.0</t>
  </si>
  <si>
    <t>680.34</t>
  </si>
  <si>
    <t>1842976.0</t>
  </si>
  <si>
    <t>925048.0</t>
  </si>
  <si>
    <t>1443316.0</t>
  </si>
  <si>
    <t>680.999</t>
  </si>
  <si>
    <t>1843988.0</t>
  </si>
  <si>
    <t>1017866.0</t>
  </si>
  <si>
    <t>925619.0</t>
  </si>
  <si>
    <t>1444204.0</t>
  </si>
  <si>
    <t>681.418</t>
  </si>
  <si>
    <t>1844044.0</t>
  </si>
  <si>
    <t>1017914.0</t>
  </si>
  <si>
    <t>925644.0</t>
  </si>
  <si>
    <t>3476.1</t>
  </si>
  <si>
    <t>-11.52</t>
  </si>
  <si>
    <t>1639.79124869153</t>
  </si>
  <si>
    <t>1447123.0</t>
  </si>
  <si>
    <t>682.795</t>
  </si>
  <si>
    <t>1848441.0</t>
  </si>
  <si>
    <t>1020480.0</t>
  </si>
  <si>
    <t>928011.0</t>
  </si>
  <si>
    <t>1450913.0</t>
  </si>
  <si>
    <t>684.583</t>
  </si>
  <si>
    <t>1853253.0</t>
  </si>
  <si>
    <t>1023511.0</t>
  </si>
  <si>
    <t>930642.0</t>
  </si>
  <si>
    <t>1454526.0</t>
  </si>
  <si>
    <t>686.288</t>
  </si>
  <si>
    <t>1858587.0</t>
  </si>
  <si>
    <t>1026411.0</t>
  </si>
  <si>
    <t>933624.0</t>
  </si>
  <si>
    <t>1457829.0</t>
  </si>
  <si>
    <t>687.847</t>
  </si>
  <si>
    <t>1866472.0</t>
  </si>
  <si>
    <t>1030285.0</t>
  </si>
  <si>
    <t>938475.0</t>
  </si>
  <si>
    <t>1461586.0</t>
  </si>
  <si>
    <t>689.619</t>
  </si>
  <si>
    <t>1872906.0</t>
  </si>
  <si>
    <t>1033774.0</t>
  </si>
  <si>
    <t>942118.0</t>
  </si>
  <si>
    <t>1463296.0</t>
  </si>
  <si>
    <t>690.426</t>
  </si>
  <si>
    <t>1873501.0</t>
  </si>
  <si>
    <t>1034217.0</t>
  </si>
  <si>
    <t>942428.0</t>
  </si>
  <si>
    <t>1464725.0</t>
  </si>
  <si>
    <t>691.1</t>
  </si>
  <si>
    <t>3498.8</t>
  </si>
  <si>
    <t>1650.49958888465</t>
  </si>
  <si>
    <t>1468672.0</t>
  </si>
  <si>
    <t>692.963</t>
  </si>
  <si>
    <t>1036845.0</t>
  </si>
  <si>
    <t>944852.0</t>
  </si>
  <si>
    <t>1473833.0</t>
  </si>
  <si>
    <t>695.398</t>
  </si>
  <si>
    <t>1884849.0</t>
  </si>
  <si>
    <t>1041405.0</t>
  </si>
  <si>
    <t>948314.0</t>
  </si>
  <si>
    <t>1478757.0</t>
  </si>
  <si>
    <t>697.721</t>
  </si>
  <si>
    <t>1893235.0</t>
  </si>
  <si>
    <t>1046312.0</t>
  </si>
  <si>
    <t>952509.0</t>
  </si>
  <si>
    <t>1483945.0</t>
  </si>
  <si>
    <t>1904627.0</t>
  </si>
  <si>
    <t>1052701.0</t>
  </si>
  <si>
    <t>957943.0</t>
  </si>
  <si>
    <t>1489436.0</t>
  </si>
  <si>
    <t>702.76</t>
  </si>
  <si>
    <t>1913481.0</t>
  </si>
  <si>
    <t>1057901.0</t>
  </si>
  <si>
    <t>962526.0</t>
  </si>
  <si>
    <t>1492159.0</t>
  </si>
  <si>
    <t>704.045</t>
  </si>
  <si>
    <t>1059083.0</t>
  </si>
  <si>
    <t>963268.0</t>
  </si>
  <si>
    <t>1493816.0</t>
  </si>
  <si>
    <t>704.826</t>
  </si>
  <si>
    <t>1915133.0</t>
  </si>
  <si>
    <t>1059085.0</t>
  </si>
  <si>
    <t>963270.0</t>
  </si>
  <si>
    <t>3563.1</t>
  </si>
  <si>
    <t>1680.83202388101</t>
  </si>
  <si>
    <t>1499484.0</t>
  </si>
  <si>
    <t>707.501</t>
  </si>
  <si>
    <t>1924156.0</t>
  </si>
  <si>
    <t>1065926.0</t>
  </si>
  <si>
    <t>966848.0</t>
  </si>
  <si>
    <t>1506231.0</t>
  </si>
  <si>
    <t>710.684</t>
  </si>
  <si>
    <t>1939672.0</t>
  </si>
  <si>
    <t>1078426.0</t>
  </si>
  <si>
    <t>972446.0</t>
  </si>
  <si>
    <t>1512938.0</t>
  </si>
  <si>
    <t>713.849</t>
  </si>
  <si>
    <t>1956605.0</t>
  </si>
  <si>
    <t>978763.0</t>
  </si>
  <si>
    <t>16933.0</t>
  </si>
  <si>
    <t>1519472.0</t>
  </si>
  <si>
    <t>716.932</t>
  </si>
  <si>
    <t>1978140.0</t>
  </si>
  <si>
    <t>1105649.0</t>
  </si>
  <si>
    <t>987990.0</t>
  </si>
  <si>
    <t>93.32</t>
  </si>
  <si>
    <t>1525727.0</t>
  </si>
  <si>
    <t>719.883</t>
  </si>
  <si>
    <t>1995186.0</t>
  </si>
  <si>
    <t>1117250.0</t>
  </si>
  <si>
    <t>995138.0</t>
  </si>
  <si>
    <t>1528306.0</t>
  </si>
  <si>
    <t>721.1</t>
  </si>
  <si>
    <t>2002783.0</t>
  </si>
  <si>
    <t>1123594.0</t>
  </si>
  <si>
    <t>997444.0</t>
  </si>
  <si>
    <t>1530012.0</t>
  </si>
  <si>
    <t>721.905</t>
  </si>
  <si>
    <t>2006138.0</t>
  </si>
  <si>
    <t>1126292.0</t>
  </si>
  <si>
    <t>3591.6</t>
  </si>
  <si>
    <t>1694.27641575343</t>
  </si>
  <si>
    <t>1535741.0</t>
  </si>
  <si>
    <t>724.608</t>
  </si>
  <si>
    <t>2013430.0</t>
  </si>
  <si>
    <t>1131244.0</t>
  </si>
  <si>
    <t>1000795.0</t>
  </si>
  <si>
    <t>1541678.0</t>
  </si>
  <si>
    <t>727.409</t>
  </si>
  <si>
    <t>2021380.0</t>
  </si>
  <si>
    <t>1136106.0</t>
  </si>
  <si>
    <t>1003375.0</t>
  </si>
  <si>
    <t>1547298.0</t>
  </si>
  <si>
    <t>730.061</t>
  </si>
  <si>
    <t>2029689.0</t>
  </si>
  <si>
    <t>1006339.0</t>
  </si>
  <si>
    <t>1552770.0</t>
  </si>
  <si>
    <t>732.643</t>
  </si>
  <si>
    <t>2041369.0</t>
  </si>
  <si>
    <t>1146584.0</t>
  </si>
  <si>
    <t>1011982.0</t>
  </si>
  <si>
    <t>1558307.0</t>
  </si>
  <si>
    <t>735.255</t>
  </si>
  <si>
    <t>2051548.0</t>
  </si>
  <si>
    <t>1152422.0</t>
  </si>
  <si>
    <t>1017515.0</t>
  </si>
  <si>
    <t>179.73</t>
  </si>
  <si>
    <t>1560623.0</t>
  </si>
  <si>
    <t>736.348</t>
  </si>
  <si>
    <t>2053324.0</t>
  </si>
  <si>
    <t>1153641.0</t>
  </si>
  <si>
    <t>1018501.0</t>
  </si>
  <si>
    <t>1562066.0</t>
  </si>
  <si>
    <t>737.029</t>
  </si>
  <si>
    <t>2053909.0</t>
  </si>
  <si>
    <t>1154149.0</t>
  </si>
  <si>
    <t>1018952.0</t>
  </si>
  <si>
    <t>3635.1</t>
  </si>
  <si>
    <t>1714.79680334817</t>
  </si>
  <si>
    <t>1566856.0</t>
  </si>
  <si>
    <t>739.289</t>
  </si>
  <si>
    <t>2059084.0</t>
  </si>
  <si>
    <t>1021798.0</t>
  </si>
  <si>
    <t>1573267.0</t>
  </si>
  <si>
    <t>742.314</t>
  </si>
  <si>
    <t>2066268.0</t>
  </si>
  <si>
    <t>1160782.0</t>
  </si>
  <si>
    <t>1025765.0</t>
  </si>
  <si>
    <t>1579023.0</t>
  </si>
  <si>
    <t>745.03</t>
  </si>
  <si>
    <t>2073556.0</t>
  </si>
  <si>
    <t>1163144.0</t>
  </si>
  <si>
    <t>1029119.0</t>
  </si>
  <si>
    <t>1584358.0</t>
  </si>
  <si>
    <t>747.547</t>
  </si>
  <si>
    <t>2082047.0</t>
  </si>
  <si>
    <t>1165681.0</t>
  </si>
  <si>
    <t>1033986.0</t>
  </si>
  <si>
    <t>1589360.0</t>
  </si>
  <si>
    <t>749.907</t>
  </si>
  <si>
    <t>2088814.0</t>
  </si>
  <si>
    <t>1167362.0</t>
  </si>
  <si>
    <t>1038080.0</t>
  </si>
  <si>
    <t>1591803.0</t>
  </si>
  <si>
    <t>751.059</t>
  </si>
  <si>
    <t>2089859.0</t>
  </si>
  <si>
    <t>1167733.0</t>
  </si>
  <si>
    <t>1038597.0</t>
  </si>
  <si>
    <t>1593004.0</t>
  </si>
  <si>
    <t>751.626</t>
  </si>
  <si>
    <t>2089904.0</t>
  </si>
  <si>
    <t>1167758.0</t>
  </si>
  <si>
    <t>1038617.0</t>
  </si>
  <si>
    <t>3698.4</t>
  </si>
  <si>
    <t>1744.65750529638</t>
  </si>
  <si>
    <t>1597791.0</t>
  </si>
  <si>
    <t>753.885</t>
  </si>
  <si>
    <t>2094834.0</t>
  </si>
  <si>
    <t>1168764.0</t>
  </si>
  <si>
    <t>1042263.0</t>
  </si>
  <si>
    <t>1603968.0</t>
  </si>
  <si>
    <t>756.799</t>
  </si>
  <si>
    <t>2102357.0</t>
  </si>
  <si>
    <t>1170018.0</t>
  </si>
  <si>
    <t>1048152.0</t>
  </si>
  <si>
    <t>1609308.0</t>
  </si>
  <si>
    <t>759.319</t>
  </si>
  <si>
    <t>2110654.0</t>
  </si>
  <si>
    <t>1054542.0</t>
  </si>
  <si>
    <t>1614021.0</t>
  </si>
  <si>
    <t>761.543</t>
  </si>
  <si>
    <t>2123477.0</t>
  </si>
  <si>
    <t>1172819.0</t>
  </si>
  <si>
    <t>1064619.0</t>
  </si>
  <si>
    <t>1618636.0</t>
  </si>
  <si>
    <t>763.72</t>
  </si>
  <si>
    <t>2133438.0</t>
  </si>
  <si>
    <t>1173845.0</t>
  </si>
  <si>
    <t>1072815.0</t>
  </si>
  <si>
    <t>1620685.0</t>
  </si>
  <si>
    <t>764.687</t>
  </si>
  <si>
    <t>2135156.0</t>
  </si>
  <si>
    <t>1174092.0</t>
  </si>
  <si>
    <t>1074238.0</t>
  </si>
  <si>
    <t>27287.0</t>
  </si>
  <si>
    <t>28.924</t>
  </si>
  <si>
    <t>1621697.0</t>
  </si>
  <si>
    <t>765.164</t>
  </si>
  <si>
    <t>2135411.0</t>
  </si>
  <si>
    <t>1174130.0</t>
  </si>
  <si>
    <t>1074446.0</t>
  </si>
  <si>
    <t>3716.7</t>
  </si>
  <si>
    <t>1753.29022007762</t>
  </si>
  <si>
    <t>1626259.0</t>
  </si>
  <si>
    <t>767.317</t>
  </si>
  <si>
    <t>2140958.0</t>
  </si>
  <si>
    <t>1174834.0</t>
  </si>
  <si>
    <t>1078971.0</t>
  </si>
  <si>
    <t>1631951.0</t>
  </si>
  <si>
    <t>770.003</t>
  </si>
  <si>
    <t>2147135.0</t>
  </si>
  <si>
    <t>1175902.0</t>
  </si>
  <si>
    <t>1083418.0</t>
  </si>
  <si>
    <t>101.29</t>
  </si>
  <si>
    <t>1637330.0</t>
  </si>
  <si>
    <t>772.54</t>
  </si>
  <si>
    <t>2152821.0</t>
  </si>
  <si>
    <t>1176749.0</t>
  </si>
  <si>
    <t>1087352.0</t>
  </si>
  <si>
    <t>29315.0</t>
  </si>
  <si>
    <t>101.56</t>
  </si>
  <si>
    <t>1642471.0</t>
  </si>
  <si>
    <t>774.966</t>
  </si>
  <si>
    <t>2161019.0</t>
  </si>
  <si>
    <t>1177793.0</t>
  </si>
  <si>
    <t>1093099.0</t>
  </si>
  <si>
    <t>1648195.0</t>
  </si>
  <si>
    <t>777.667</t>
  </si>
  <si>
    <t>2166927.0</t>
  </si>
  <si>
    <t>1178683.0</t>
  </si>
  <si>
    <t>1096969.0</t>
  </si>
  <si>
    <t>1650474.0</t>
  </si>
  <si>
    <t>778.742</t>
  </si>
  <si>
    <t>2167379.0</t>
  </si>
  <si>
    <t>1178831.0</t>
  </si>
  <si>
    <t>1097248.0</t>
  </si>
  <si>
    <t>779.382</t>
  </si>
  <si>
    <t>2167418.0</t>
  </si>
  <si>
    <t>1178841.0</t>
  </si>
  <si>
    <t>1097277.0</t>
  </si>
  <si>
    <t>3769.6</t>
  </si>
  <si>
    <t>1778.24489832502</t>
  </si>
  <si>
    <t>1657068.0</t>
  </si>
  <si>
    <t>781.853</t>
  </si>
  <si>
    <t>2170576.0</t>
  </si>
  <si>
    <t>1179508.0</t>
  </si>
  <si>
    <t>1099196.0</t>
  </si>
  <si>
    <t>1664438.0</t>
  </si>
  <si>
    <t>785.331</t>
  </si>
  <si>
    <t>2174248.0</t>
  </si>
  <si>
    <t>1180233.0</t>
  </si>
  <si>
    <t>1101328.0</t>
  </si>
  <si>
    <t>1671083.0</t>
  </si>
  <si>
    <t>788.466</t>
  </si>
  <si>
    <t>2178368.0</t>
  </si>
  <si>
    <t>1181051.0</t>
  </si>
  <si>
    <t>1103483.0</t>
  </si>
  <si>
    <t>1677958.0</t>
  </si>
  <si>
    <t>791.71</t>
  </si>
  <si>
    <t>2185076.0</t>
  </si>
  <si>
    <t>1182206.0</t>
  </si>
  <si>
    <t>1106855.0</t>
  </si>
  <si>
    <t>1685467.0</t>
  </si>
  <si>
    <t>795.253</t>
  </si>
  <si>
    <t>2190470.0</t>
  </si>
  <si>
    <t>1183092.0</t>
  </si>
  <si>
    <t>1109057.0</t>
  </si>
  <si>
    <t>1689925.0</t>
  </si>
  <si>
    <t>797.356</t>
  </si>
  <si>
    <t>2190889.0</t>
  </si>
  <si>
    <t>1183239.0</t>
  </si>
  <si>
    <t>1109266.0</t>
  </si>
  <si>
    <t>1692009.0</t>
  </si>
  <si>
    <t>798.34</t>
  </si>
  <si>
    <t>3850.5</t>
  </si>
  <si>
    <t>1816.40810192076</t>
  </si>
  <si>
    <t>1698085.0</t>
  </si>
  <si>
    <t>801.206</t>
  </si>
  <si>
    <t>2193630.0</t>
  </si>
  <si>
    <t>1184068.0</t>
  </si>
  <si>
    <t>1110320.0</t>
  </si>
  <si>
    <t>1706398.0</t>
  </si>
  <si>
    <t>805.129</t>
  </si>
  <si>
    <t>2197531.0</t>
  </si>
  <si>
    <t>1185133.0</t>
  </si>
  <si>
    <t>1111861.0</t>
  </si>
  <si>
    <t>1713730.0</t>
  </si>
  <si>
    <t>808.588</t>
  </si>
  <si>
    <t>2201436.0</t>
  </si>
  <si>
    <t>1186024.0</t>
  </si>
  <si>
    <t>1113024.0</t>
  </si>
  <si>
    <t>1720532.0</t>
  </si>
  <si>
    <t>811.798</t>
  </si>
  <si>
    <t>2208844.0</t>
  </si>
  <si>
    <t>1115151.0</t>
  </si>
  <si>
    <t>263.227</t>
  </si>
  <si>
    <t>1728141.0</t>
  </si>
  <si>
    <t>815.388</t>
  </si>
  <si>
    <t>2213047.0</t>
  </si>
  <si>
    <t>1116315.0</t>
  </si>
  <si>
    <t>49137.0</t>
  </si>
  <si>
    <t>1732095.0</t>
  </si>
  <si>
    <t>817.253</t>
  </si>
  <si>
    <t>2213579.0</t>
  </si>
  <si>
    <t>1188881.0</t>
  </si>
  <si>
    <t>1116448.0</t>
  </si>
  <si>
    <t>1734738.0</t>
  </si>
  <si>
    <t>818.5</t>
  </si>
  <si>
    <t>2213583.0</t>
  </si>
  <si>
    <t>3916.6</t>
  </si>
  <si>
    <t>1847.5896564038</t>
  </si>
  <si>
    <t>819.747</t>
  </si>
  <si>
    <t>2213584.0</t>
  </si>
  <si>
    <t>1188882.0</t>
  </si>
  <si>
    <t>1116449.0</t>
  </si>
  <si>
    <t>1745136.0</t>
  </si>
  <si>
    <t>823.407</t>
  </si>
  <si>
    <t>2218999.0</t>
  </si>
  <si>
    <t>1190307.0</t>
  </si>
  <si>
    <t>1117849.0</t>
  </si>
  <si>
    <t>104.68</t>
  </si>
  <si>
    <t>1755312.0</t>
  </si>
  <si>
    <t>828.208</t>
  </si>
  <si>
    <t>2228491.0</t>
  </si>
  <si>
    <t>1191502.0</t>
  </si>
  <si>
    <t>1118973.0</t>
  </si>
  <si>
    <t>1765295.0</t>
  </si>
  <si>
    <t>832.918</t>
  </si>
  <si>
    <t>2245342.0</t>
  </si>
  <si>
    <t>1193502.0</t>
  </si>
  <si>
    <t>1120670.0</t>
  </si>
  <si>
    <t>1774938.0</t>
  </si>
  <si>
    <t>837.468</t>
  </si>
  <si>
    <t>2260585.0</t>
  </si>
  <si>
    <t>1195277.0</t>
  </si>
  <si>
    <t>1121975.0</t>
  </si>
  <si>
    <t>84629.0</t>
  </si>
  <si>
    <t>1780394.0</t>
  </si>
  <si>
    <t>840.042</t>
  </si>
  <si>
    <t>2265767.0</t>
  </si>
  <si>
    <t>1196012.0</t>
  </si>
  <si>
    <t>1122257.0</t>
  </si>
  <si>
    <t>88807.0</t>
  </si>
  <si>
    <t>1783356.0</t>
  </si>
  <si>
    <t>841.44</t>
  </si>
  <si>
    <t>2267799.0</t>
  </si>
  <si>
    <t>1196260.0</t>
  </si>
  <si>
    <t>1122385.0</t>
  </si>
  <si>
    <t>90470.0</t>
  </si>
  <si>
    <t>4072.3</t>
  </si>
  <si>
    <t>1921.03849200153</t>
  </si>
  <si>
    <t>1790978.0</t>
  </si>
  <si>
    <t>845.036</t>
  </si>
  <si>
    <t>2279874.0</t>
  </si>
  <si>
    <t>1198077.0</t>
  </si>
  <si>
    <t>1123317.0</t>
  </si>
  <si>
    <t>1801557.0</t>
  </si>
  <si>
    <t>850.028</t>
  </si>
  <si>
    <t>2294367.0</t>
  </si>
  <si>
    <t>1200178.0</t>
  </si>
  <si>
    <t>1124289.0</t>
  </si>
  <si>
    <t>1810639.0</t>
  </si>
  <si>
    <t>854.313</t>
  </si>
  <si>
    <t>2312955.0</t>
  </si>
  <si>
    <t>1202198.0</t>
  </si>
  <si>
    <t>1125534.0</t>
  </si>
  <si>
    <t>126765.0</t>
  </si>
  <si>
    <t>1819767.0</t>
  </si>
  <si>
    <t>858.62</t>
  </si>
  <si>
    <t>2336185.0</t>
  </si>
  <si>
    <t>1204919.0</t>
  </si>
  <si>
    <t>1127254.0</t>
  </si>
  <si>
    <t>145646.0</t>
  </si>
  <si>
    <t>1828987.0</t>
  </si>
  <si>
    <t>2357812.0</t>
  </si>
  <si>
    <t>1207436.0</t>
  </si>
  <si>
    <t>1128807.0</t>
  </si>
  <si>
    <t>103.31</t>
  </si>
  <si>
    <t>1834338.0</t>
  </si>
  <si>
    <t>865.495</t>
  </si>
  <si>
    <t>2364424.0</t>
  </si>
  <si>
    <t>1208569.0</t>
  </si>
  <si>
    <t>1129192.0</t>
  </si>
  <si>
    <t>168434.0</t>
  </si>
  <si>
    <t>1837754.0</t>
  </si>
  <si>
    <t>867.106</t>
  </si>
  <si>
    <t>2365794.0</t>
  </si>
  <si>
    <t>1208804.0</t>
  </si>
  <si>
    <t>1129264.0</t>
  </si>
  <si>
    <t>169504.0</t>
  </si>
  <si>
    <t>4265.8</t>
  </si>
  <si>
    <t>2012.31883681952</t>
  </si>
  <si>
    <t>1845408.0</t>
  </si>
  <si>
    <t>870.718</t>
  </si>
  <si>
    <t>2377245.0</t>
  </si>
  <si>
    <t>1210832.0</t>
  </si>
  <si>
    <t>1130157.0</t>
  </si>
  <si>
    <t>178084.0</t>
  </si>
  <si>
    <t>1855461.0</t>
  </si>
  <si>
    <t>875.461</t>
  </si>
  <si>
    <t>2394325.0</t>
  </si>
  <si>
    <t>1213374.0</t>
  </si>
  <si>
    <t>1131256.0</t>
  </si>
  <si>
    <t>191578.0</t>
  </si>
  <si>
    <t>1864684.0</t>
  </si>
  <si>
    <t>879.813</t>
  </si>
  <si>
    <t>2411077.0</t>
  </si>
  <si>
    <t>1215712.0</t>
  </si>
  <si>
    <t>204696.0</t>
  </si>
  <si>
    <t>1872967.0</t>
  </si>
  <si>
    <t>883.721</t>
  </si>
  <si>
    <t>2431174.0</t>
  </si>
  <si>
    <t>1218417.0</t>
  </si>
  <si>
    <t>1134576.0</t>
  </si>
  <si>
    <t>220229.0</t>
  </si>
  <si>
    <t>1881101.0</t>
  </si>
  <si>
    <t>887.559</t>
  </si>
  <si>
    <t>2447020.0</t>
  </si>
  <si>
    <t>1220662.0</t>
  </si>
  <si>
    <t>1136215.0</t>
  </si>
  <si>
    <t>232294.0</t>
  </si>
  <si>
    <t>1885844.0</t>
  </si>
  <si>
    <t>889.797</t>
  </si>
  <si>
    <t>2452366.0</t>
  </si>
  <si>
    <t>1221624.0</t>
  </si>
  <si>
    <t>1136612.0</t>
  </si>
  <si>
    <t>236315.0</t>
  </si>
  <si>
    <t>1888583.0</t>
  </si>
  <si>
    <t>891.089</t>
  </si>
  <si>
    <t>2453594.0</t>
  </si>
  <si>
    <t>1221843.0</t>
  </si>
  <si>
    <t>237242.0</t>
  </si>
  <si>
    <t>4445.3</t>
  </si>
  <si>
    <t>2096.99491896334</t>
  </si>
  <si>
    <t>1895934.0</t>
  </si>
  <si>
    <t>894.557</t>
  </si>
  <si>
    <t>2461072.0</t>
  </si>
  <si>
    <t>1223061.0</t>
  </si>
  <si>
    <t>1137175.0</t>
  </si>
  <si>
    <t>243089.0</t>
  </si>
  <si>
    <t>1904557.0</t>
  </si>
  <si>
    <t>898.626</t>
  </si>
  <si>
    <t>2471188.0</t>
  </si>
  <si>
    <t>1224649.0</t>
  </si>
  <si>
    <t>1138496.0</t>
  </si>
  <si>
    <t>250371.0</t>
  </si>
  <si>
    <t>1911767.0</t>
  </si>
  <si>
    <t>902.028</t>
  </si>
  <si>
    <t>2484741.0</t>
  </si>
  <si>
    <t>1139897.0</t>
  </si>
  <si>
    <t>261133.0</t>
  </si>
  <si>
    <t>1918295.0</t>
  </si>
  <si>
    <t>905.108</t>
  </si>
  <si>
    <t>2500355.0</t>
  </si>
  <si>
    <t>1142023.0</t>
  </si>
  <si>
    <t>273125.0</t>
  </si>
  <si>
    <t>1924442.0</t>
  </si>
  <si>
    <t>908.008</t>
  </si>
  <si>
    <t>2513368.0</t>
  </si>
  <si>
    <t>1229098.0</t>
  </si>
  <si>
    <t>1144038.0</t>
  </si>
  <si>
    <t>282785.0</t>
  </si>
  <si>
    <t>1927863.0</t>
  </si>
  <si>
    <t>909.622</t>
  </si>
  <si>
    <t>2517584.0</t>
  </si>
  <si>
    <t>1229708.0</t>
  </si>
  <si>
    <t>1144623.0</t>
  </si>
  <si>
    <t>285836.0</t>
  </si>
  <si>
    <t>1930094.0</t>
  </si>
  <si>
    <t>910.675</t>
  </si>
  <si>
    <t>2518085.0</t>
  </si>
  <si>
    <t>1229783.0</t>
  </si>
  <si>
    <t>1144702.0</t>
  </si>
  <si>
    <t>286190.0</t>
  </si>
  <si>
    <t>4596.8</t>
  </si>
  <si>
    <t>2168.46247575882</t>
  </si>
  <si>
    <t>1936385.0</t>
  </si>
  <si>
    <t>913.643</t>
  </si>
  <si>
    <t>2525412.0</t>
  </si>
  <si>
    <t>1230705.0</t>
  </si>
  <si>
    <t>1146304.0</t>
  </si>
  <si>
    <t>291054.0</t>
  </si>
  <si>
    <t>1943368.0</t>
  </si>
  <si>
    <t>916.938</t>
  </si>
  <si>
    <t>2534369.0</t>
  </si>
  <si>
    <t>1231850.0</t>
  </si>
  <si>
    <t>1148021.0</t>
  </si>
  <si>
    <t>297197.0</t>
  </si>
  <si>
    <t>1949611.0</t>
  </si>
  <si>
    <t>919.884</t>
  </si>
  <si>
    <t>2545357.0</t>
  </si>
  <si>
    <t>1232770.0</t>
  </si>
  <si>
    <t>1149958.0</t>
  </si>
  <si>
    <t>305379.0</t>
  </si>
  <si>
    <t>1955141.0</t>
  </si>
  <si>
    <t>2557775.0</t>
  </si>
  <si>
    <t>1233841.0</t>
  </si>
  <si>
    <t>1152796.0</t>
  </si>
  <si>
    <t>313963.0</t>
  </si>
  <si>
    <t>1960659.0</t>
  </si>
  <si>
    <t>925.097</t>
  </si>
  <si>
    <t>2568286.0</t>
  </si>
  <si>
    <t>1234838.0</t>
  </si>
  <si>
    <t>1155451.0</t>
  </si>
  <si>
    <t>320888.0</t>
  </si>
  <si>
    <t>1963654.0</t>
  </si>
  <si>
    <t>926.51</t>
  </si>
  <si>
    <t>2570458.0</t>
  </si>
  <si>
    <t>1235090.0</t>
  </si>
  <si>
    <t>1155976.0</t>
  </si>
  <si>
    <t>322300.0</t>
  </si>
  <si>
    <t>1965511.0</t>
  </si>
  <si>
    <t>927.386</t>
  </si>
  <si>
    <t>2570874.0</t>
  </si>
  <si>
    <t>1235167.0</t>
  </si>
  <si>
    <t>1156120.0</t>
  </si>
  <si>
    <t>322498.0</t>
  </si>
  <si>
    <t>2262.00713920795</t>
  </si>
  <si>
    <t>1970998.0</t>
  </si>
  <si>
    <t>929.975</t>
  </si>
  <si>
    <t>2577116.0</t>
  </si>
  <si>
    <t>1235791.0</t>
  </si>
  <si>
    <t>1158014.0</t>
  </si>
  <si>
    <t>326280.0</t>
  </si>
  <si>
    <t>1977574.0</t>
  </si>
  <si>
    <t>933.078</t>
  </si>
  <si>
    <t>2584356.0</t>
  </si>
  <si>
    <t>1236477.0</t>
  </si>
  <si>
    <t>1160011.0</t>
  </si>
  <si>
    <t>330901.0</t>
  </si>
  <si>
    <t>1983520.0</t>
  </si>
  <si>
    <t>935.883</t>
  </si>
  <si>
    <t>2593078.0</t>
  </si>
  <si>
    <t>1237181.0</t>
  </si>
  <si>
    <t>1162310.0</t>
  </si>
  <si>
    <t>1988573.0</t>
  </si>
  <si>
    <t>938.267</t>
  </si>
  <si>
    <t>2602842.0</t>
  </si>
  <si>
    <t>1237944.0</t>
  </si>
  <si>
    <t>1165172.0</t>
  </si>
  <si>
    <t>342888.0</t>
  </si>
  <si>
    <t>1993625.0</t>
  </si>
  <si>
    <t>940.651</t>
  </si>
  <si>
    <t>2611532.0</t>
  </si>
  <si>
    <t>1238522.0</t>
  </si>
  <si>
    <t>1167990.0</t>
  </si>
  <si>
    <t>348255.0</t>
  </si>
  <si>
    <t>428.805</t>
  </si>
  <si>
    <t>1995855.0</t>
  </si>
  <si>
    <t>941.703</t>
  </si>
  <si>
    <t>2613136.0</t>
  </si>
  <si>
    <t>1238662.0</t>
  </si>
  <si>
    <t>1168522.0</t>
  </si>
  <si>
    <t>349200.0</t>
  </si>
  <si>
    <t>123.27</t>
  </si>
  <si>
    <t>1997605.0</t>
  </si>
  <si>
    <t>942.529</t>
  </si>
  <si>
    <t>2613368.0</t>
  </si>
  <si>
    <t>1238683.0</t>
  </si>
  <si>
    <t>1168606.0</t>
  </si>
  <si>
    <t>349331.0</t>
  </si>
  <si>
    <t>4903.6</t>
  </si>
  <si>
    <t>2313.19017493277</t>
  </si>
  <si>
    <t>2002718.0</t>
  </si>
  <si>
    <t>944.941</t>
  </si>
  <si>
    <t>2618127.0</t>
  </si>
  <si>
    <t>1239123.0</t>
  </si>
  <si>
    <t>1169923.0</t>
  </si>
  <si>
    <t>352387.0</t>
  </si>
  <si>
    <t>2008625.0</t>
  </si>
  <si>
    <t>947.728</t>
  </si>
  <si>
    <t>2624461.0</t>
  </si>
  <si>
    <t>1239644.0</t>
  </si>
  <si>
    <t>1171288.0</t>
  </si>
  <si>
    <t>2013553.0</t>
  </si>
  <si>
    <t>950.054</t>
  </si>
  <si>
    <t>2633607.0</t>
  </si>
  <si>
    <t>1240341.0</t>
  </si>
  <si>
    <t>1172997.0</t>
  </si>
  <si>
    <t>363738.0</t>
  </si>
  <si>
    <t>2018590.0</t>
  </si>
  <si>
    <t>952.43</t>
  </si>
  <si>
    <t>2643750.0</t>
  </si>
  <si>
    <t>1241137.0</t>
  </si>
  <si>
    <t>1174928.0</t>
  </si>
  <si>
    <t>371234.0</t>
  </si>
  <si>
    <t>2023074.0</t>
  </si>
  <si>
    <t>954.546</t>
  </si>
  <si>
    <t>2652287.0</t>
  </si>
  <si>
    <t>1241798.0</t>
  </si>
  <si>
    <t>1176717.0</t>
  </si>
  <si>
    <t>377406.0</t>
  </si>
  <si>
    <t>2025340.0</t>
  </si>
  <si>
    <t>955.615</t>
  </si>
  <si>
    <t>2653981.0</t>
  </si>
  <si>
    <t>1241977.0</t>
  </si>
  <si>
    <t>1177030.0</t>
  </si>
  <si>
    <t>378634.0</t>
  </si>
  <si>
    <t>2026890.0</t>
  </si>
  <si>
    <t>956.346</t>
  </si>
  <si>
    <t>2661865.0</t>
  </si>
  <si>
    <t>1242502.0</t>
  </si>
  <si>
    <t>1177597.0</t>
  </si>
  <si>
    <t>385502.0</t>
  </si>
  <si>
    <t>4978.1</t>
  </si>
  <si>
    <t>2348.33428702031</t>
  </si>
  <si>
    <t>2031871.0</t>
  </si>
  <si>
    <t>958.697</t>
  </si>
  <si>
    <t>2677744.0</t>
  </si>
  <si>
    <t>1243642.0</t>
  </si>
  <si>
    <t>1179218.0</t>
  </si>
  <si>
    <t>398791.0</t>
  </si>
  <si>
    <t>2037437.0</t>
  </si>
  <si>
    <t>961.323</t>
  </si>
  <si>
    <t>2694419.0</t>
  </si>
  <si>
    <t>1244882.0</t>
  </si>
  <si>
    <t>1180907.0</t>
  </si>
  <si>
    <t>412724.0</t>
  </si>
  <si>
    <t>2042372.0</t>
  </si>
  <si>
    <t>963.651</t>
  </si>
  <si>
    <t>2712673.0</t>
  </si>
  <si>
    <t>1246292.0</t>
  </si>
  <si>
    <t>1182608.0</t>
  </si>
  <si>
    <t>428050.0</t>
  </si>
  <si>
    <t>2047376.0</t>
  </si>
  <si>
    <t>966.012</t>
  </si>
  <si>
    <t>2731692.0</t>
  </si>
  <si>
    <t>1247914.0</t>
  </si>
  <si>
    <t>1184610.0</t>
  </si>
  <si>
    <t>443644.0</t>
  </si>
  <si>
    <t>2051640.0</t>
  </si>
  <si>
    <t>968.024</t>
  </si>
  <si>
    <t>2735054.0</t>
  </si>
  <si>
    <t>1248189.0</t>
  </si>
  <si>
    <t>1185167.0</t>
  </si>
  <si>
    <t>446229.0</t>
  </si>
  <si>
    <t>2053801.0</t>
  </si>
  <si>
    <t>969.044</t>
  </si>
  <si>
    <t>2055649.0</t>
  </si>
  <si>
    <t>969.916</t>
  </si>
  <si>
    <t>2735303.0</t>
  </si>
  <si>
    <t>1248217.0</t>
  </si>
  <si>
    <t>1185201.0</t>
  </si>
  <si>
    <t>446419.0</t>
  </si>
  <si>
    <t>5032.2</t>
  </si>
  <si>
    <t>2373.8550449255</t>
  </si>
  <si>
    <t>2060986.0</t>
  </si>
  <si>
    <t>972.434</t>
  </si>
  <si>
    <t>2741434.0</t>
  </si>
  <si>
    <t>1248681.0</t>
  </si>
  <si>
    <t>1186020.0</t>
  </si>
  <si>
    <t>451343.0</t>
  </si>
  <si>
    <t>2066935.0</t>
  </si>
  <si>
    <t>975.241</t>
  </si>
  <si>
    <t>2748978.0</t>
  </si>
  <si>
    <t>1249287.0</t>
  </si>
  <si>
    <t>1187160.0</t>
  </si>
  <si>
    <t>457235.0</t>
  </si>
  <si>
    <t>2072049.0</t>
  </si>
  <si>
    <t>977.654</t>
  </si>
  <si>
    <t>2755063.0</t>
  </si>
  <si>
    <t>1249727.0</t>
  </si>
  <si>
    <t>1188006.0</t>
  </si>
  <si>
    <t>462120.0</t>
  </si>
  <si>
    <t>2077225.0</t>
  </si>
  <si>
    <t>980.096</t>
  </si>
  <si>
    <t>2760704.0</t>
  </si>
  <si>
    <t>1250336.0</t>
  </si>
  <si>
    <t>466412.0</t>
  </si>
  <si>
    <t>2081491.0</t>
  </si>
  <si>
    <t>982.109</t>
  </si>
  <si>
    <t>2761948.0</t>
  </si>
  <si>
    <t>1250439.0</t>
  </si>
  <si>
    <t>1188990.0</t>
  </si>
  <si>
    <t>467389.0</t>
  </si>
  <si>
    <t>2083475.0</t>
  </si>
  <si>
    <t>983.045</t>
  </si>
  <si>
    <t>2761949.0</t>
  </si>
  <si>
    <t>467390.0</t>
  </si>
  <si>
    <t>2085763.0</t>
  </si>
  <si>
    <t>984.124</t>
  </si>
  <si>
    <t>2762076.0</t>
  </si>
  <si>
    <t>1250450.0</t>
  </si>
  <si>
    <t>1189007.0</t>
  </si>
  <si>
    <t>467489.0</t>
  </si>
  <si>
    <t>5096.5</t>
  </si>
  <si>
    <t>2404.18747992186</t>
  </si>
  <si>
    <t>2093256.0</t>
  </si>
  <si>
    <t>987.66</t>
  </si>
  <si>
    <t>2767459.0</t>
  </si>
  <si>
    <t>1250895.0</t>
  </si>
  <si>
    <t>1189865.0</t>
  </si>
  <si>
    <t>471672.0</t>
  </si>
  <si>
    <t>2103836.0</t>
  </si>
  <si>
    <t>992.652</t>
  </si>
  <si>
    <t>2774856.0</t>
  </si>
  <si>
    <t>1251470.0</t>
  </si>
  <si>
    <t>1190727.0</t>
  </si>
  <si>
    <t>2113934.0</t>
  </si>
  <si>
    <t>997.416</t>
  </si>
  <si>
    <t>2785451.0</t>
  </si>
  <si>
    <t>1252188.0</t>
  </si>
  <si>
    <t>1191881.0</t>
  </si>
  <si>
    <t>486522.0</t>
  </si>
  <si>
    <t>2124960.0</t>
  </si>
  <si>
    <t>1002.619</t>
  </si>
  <si>
    <t>2797719.0</t>
  </si>
  <si>
    <t>1253111.0</t>
  </si>
  <si>
    <t>1193228.0</t>
  </si>
  <si>
    <t>2136192.0</t>
  </si>
  <si>
    <t>1007.918</t>
  </si>
  <si>
    <t>2808557.0</t>
  </si>
  <si>
    <t>1253727.0</t>
  </si>
  <si>
    <t>1194472.0</t>
  </si>
  <si>
    <t>505700.0</t>
  </si>
  <si>
    <t>2143617.0</t>
  </si>
  <si>
    <t>1011.422</t>
  </si>
  <si>
    <t>2809975.0</t>
  </si>
  <si>
    <t>1253838.0</t>
  </si>
  <si>
    <t>1194674.0</t>
  </si>
  <si>
    <t>2148871.0</t>
  </si>
  <si>
    <t>1013.901</t>
  </si>
  <si>
    <t>2810324.0</t>
  </si>
  <si>
    <t>1253858.0</t>
  </si>
  <si>
    <t>1194723.0</t>
  </si>
  <si>
    <t>507110.0</t>
  </si>
  <si>
    <t>2408.19721083118</t>
  </si>
  <si>
    <t>2159129.0</t>
  </si>
  <si>
    <t>1018.741</t>
  </si>
  <si>
    <t>2816601.0</t>
  </si>
  <si>
    <t>1254240.0</t>
  </si>
  <si>
    <t>512092.0</t>
  </si>
  <si>
    <t>2173952.0</t>
  </si>
  <si>
    <t>1025.735</t>
  </si>
  <si>
    <t>2823690.0</t>
  </si>
  <si>
    <t>1254782.0</t>
  </si>
  <si>
    <t>1196854.0</t>
  </si>
  <si>
    <t>2187302.0</t>
  </si>
  <si>
    <t>1032.033</t>
  </si>
  <si>
    <t>2831095.0</t>
  </si>
  <si>
    <t>1255271.0</t>
  </si>
  <si>
    <t>1197993.0</t>
  </si>
  <si>
    <t>523415.0</t>
  </si>
  <si>
    <t>2200995.0</t>
  </si>
  <si>
    <t>1038.494</t>
  </si>
  <si>
    <t>2847348.0</t>
  </si>
  <si>
    <t>1256279.0</t>
  </si>
  <si>
    <t>1200177.0</t>
  </si>
  <si>
    <t>536607.0</t>
  </si>
  <si>
    <t>2215361.0</t>
  </si>
  <si>
    <t>1045.273</t>
  </si>
  <si>
    <t>2863271.0</t>
  </si>
  <si>
    <t>1257138.0</t>
  </si>
  <si>
    <t>1201943.0</t>
  </si>
  <si>
    <t>550029.0</t>
  </si>
  <si>
    <t>2225669.0</t>
  </si>
  <si>
    <t>1050.136</t>
  </si>
  <si>
    <t>2872869.0</t>
  </si>
  <si>
    <t>1257712.0</t>
  </si>
  <si>
    <t>1202729.0</t>
  </si>
  <si>
    <t>558324.0</t>
  </si>
  <si>
    <t>2233579.0</t>
  </si>
  <si>
    <t>1053.868</t>
  </si>
  <si>
    <t>2873057.0</t>
  </si>
  <si>
    <t>1257726.0</t>
  </si>
  <si>
    <t>1202757.0</t>
  </si>
  <si>
    <t>558472.0</t>
  </si>
  <si>
    <t>5118.9</t>
  </si>
  <si>
    <t>2414.75430020053</t>
  </si>
  <si>
    <t>2247391.0</t>
  </si>
  <si>
    <t>1060.385</t>
  </si>
  <si>
    <t>2875634.0</t>
  </si>
  <si>
    <t>1257953.0</t>
  </si>
  <si>
    <t>1203147.0</t>
  </si>
  <si>
    <t>560469.0</t>
  </si>
  <si>
    <t>2266842.0</t>
  </si>
  <si>
    <t>1069.563</t>
  </si>
  <si>
    <t>2879340.0</t>
  </si>
  <si>
    <t>1203822.0</t>
  </si>
  <si>
    <t>563206.0</t>
  </si>
  <si>
    <t>2284140.0</t>
  </si>
  <si>
    <t>1077.724</t>
  </si>
  <si>
    <t>2883594.0</t>
  </si>
  <si>
    <t>1258660.0</t>
  </si>
  <si>
    <t>1204519.0</t>
  </si>
  <si>
    <t>566469.0</t>
  </si>
  <si>
    <t>136.03</t>
  </si>
  <si>
    <t>2298864.0</t>
  </si>
  <si>
    <t>1084.672</t>
  </si>
  <si>
    <t>2888382.0</t>
  </si>
  <si>
    <t>1259091.0</t>
  </si>
  <si>
    <t>1205381.0</t>
  </si>
  <si>
    <t>570023.0</t>
  </si>
  <si>
    <t>2313539.0</t>
  </si>
  <si>
    <t>1091.596</t>
  </si>
  <si>
    <t>6.617</t>
  </si>
  <si>
    <t>2893435.0</t>
  </si>
  <si>
    <t>1259470.0</t>
  </si>
  <si>
    <t>1206024.0</t>
  </si>
  <si>
    <t>574121.0</t>
  </si>
  <si>
    <t>136.49</t>
  </si>
  <si>
    <t>2332392.0</t>
  </si>
  <si>
    <t>1100.491</t>
  </si>
  <si>
    <t>8.895</t>
  </si>
  <si>
    <t>2894046.0</t>
  </si>
  <si>
    <t>1259525.0</t>
  </si>
  <si>
    <t>1206107.0</t>
  </si>
  <si>
    <t>574607.0</t>
  </si>
  <si>
    <t>2343515.0</t>
  </si>
  <si>
    <t>1105.739</t>
  </si>
  <si>
    <t>2894143.0</t>
  </si>
  <si>
    <t>1259534.0</t>
  </si>
  <si>
    <t>1206118.0</t>
  </si>
  <si>
    <t>5093.2</t>
  </si>
  <si>
    <t>2402.63076086295</t>
  </si>
  <si>
    <t>2360527.0</t>
  </si>
  <si>
    <t>1113.766</t>
  </si>
  <si>
    <t>2896275.0</t>
  </si>
  <si>
    <t>1259686.0</t>
  </si>
  <si>
    <t>1206454.0</t>
  </si>
  <si>
    <t>576354.0</t>
  </si>
  <si>
    <t>2383471.0</t>
  </si>
  <si>
    <t>1124.592</t>
  </si>
  <si>
    <t>2899061.0</t>
  </si>
  <si>
    <t>1259961.0</t>
  </si>
  <si>
    <t>578399.0</t>
  </si>
  <si>
    <t>2403200.0</t>
  </si>
  <si>
    <t>1133.9</t>
  </si>
  <si>
    <t>2902825.0</t>
  </si>
  <si>
    <t>1260245.0</t>
  </si>
  <si>
    <t>1207647.0</t>
  </si>
  <si>
    <t>2425852.0</t>
  </si>
  <si>
    <t>1144.588</t>
  </si>
  <si>
    <t>2907345.0</t>
  </si>
  <si>
    <t>1260559.0</t>
  </si>
  <si>
    <t>1208420.0</t>
  </si>
  <si>
    <t>584736.0</t>
  </si>
  <si>
    <t>2446524.0</t>
  </si>
  <si>
    <t>1154.342</t>
  </si>
  <si>
    <t>2911936.0</t>
  </si>
  <si>
    <t>1260849.0</t>
  </si>
  <si>
    <t>1209283.0</t>
  </si>
  <si>
    <t>588243.0</t>
  </si>
  <si>
    <t>137.37</t>
  </si>
  <si>
    <t>2464485.0</t>
  </si>
  <si>
    <t>1162.817</t>
  </si>
  <si>
    <t>8.475</t>
  </si>
  <si>
    <t>2912584.0</t>
  </si>
  <si>
    <t>1260887.0</t>
  </si>
  <si>
    <t>1209375.0</t>
  </si>
  <si>
    <t>588777.0</t>
  </si>
  <si>
    <t>2475567.0</t>
  </si>
  <si>
    <t>1168.045</t>
  </si>
  <si>
    <t>2912712.0</t>
  </si>
  <si>
    <t>1260894.0</t>
  </si>
  <si>
    <t>1209403.0</t>
  </si>
  <si>
    <t>588874.0</t>
  </si>
  <si>
    <t>5077.9</t>
  </si>
  <si>
    <t>-3.07</t>
  </si>
  <si>
    <t>2395.41324522618</t>
  </si>
  <si>
    <t>2491172.0</t>
  </si>
  <si>
    <t>1175.408</t>
  </si>
  <si>
    <t>2915311.0</t>
  </si>
  <si>
    <t>1261016.0</t>
  </si>
  <si>
    <t>1209801.0</t>
  </si>
  <si>
    <t>590989.0</t>
  </si>
  <si>
    <t>2607657.0</t>
  </si>
  <si>
    <t>116485.0</t>
  </si>
  <si>
    <t>1230.369</t>
  </si>
  <si>
    <t>54.961</t>
  </si>
  <si>
    <t>15.111</t>
  </si>
  <si>
    <t>2918778.0</t>
  </si>
  <si>
    <t>1261200.0</t>
  </si>
  <si>
    <t>1210404.0</t>
  </si>
  <si>
    <t>593707.0</t>
  </si>
  <si>
    <t>2738654.0</t>
  </si>
  <si>
    <t>130997.0</t>
  </si>
  <si>
    <t>1292.178</t>
  </si>
  <si>
    <t>61.808</t>
  </si>
  <si>
    <t>47922.0</t>
  </si>
  <si>
    <t>22.611</t>
  </si>
  <si>
    <t>2923275.0</t>
  </si>
  <si>
    <t>1261430.0</t>
  </si>
  <si>
    <t>1211195.0</t>
  </si>
  <si>
    <t>597226.0</t>
  </si>
  <si>
    <t>2847625.0</t>
  </si>
  <si>
    <t>1343.593</t>
  </si>
  <si>
    <t>51.416</t>
  </si>
  <si>
    <t>28.429</t>
  </si>
  <si>
    <t>2928576.0</t>
  </si>
  <si>
    <t>1261676.0</t>
  </si>
  <si>
    <t>1212034.0</t>
  </si>
  <si>
    <t>601529.0</t>
  </si>
  <si>
    <t>2969090.0</t>
  </si>
  <si>
    <t>121465.0</t>
  </si>
  <si>
    <t>1400.904</t>
  </si>
  <si>
    <t>74652.0</t>
  </si>
  <si>
    <t>35.223</t>
  </si>
  <si>
    <t>2933066.0</t>
  </si>
  <si>
    <t>1261915.0</t>
  </si>
  <si>
    <t>1212832.0</t>
  </si>
  <si>
    <t>605051.0</t>
  </si>
  <si>
    <t>3049531.0</t>
  </si>
  <si>
    <t>1438.858</t>
  </si>
  <si>
    <t>39.435</t>
  </si>
  <si>
    <t>2933956.0</t>
  </si>
  <si>
    <t>1261963.0</t>
  </si>
  <si>
    <t>1212979.0</t>
  </si>
  <si>
    <t>605771.0</t>
  </si>
  <si>
    <t>3099883.0</t>
  </si>
  <si>
    <t>50352.0</t>
  </si>
  <si>
    <t>1462.616</t>
  </si>
  <si>
    <t>23.758</t>
  </si>
  <si>
    <t>42.082</t>
  </si>
  <si>
    <t>2934019.0</t>
  </si>
  <si>
    <t>1212991.0</t>
  </si>
  <si>
    <t>605819.0</t>
  </si>
  <si>
    <t>5159.6</t>
  </si>
  <si>
    <t>2433.95383526044</t>
  </si>
  <si>
    <t>3226160.0</t>
  </si>
  <si>
    <t>59.581</t>
  </si>
  <si>
    <t>49.541</t>
  </si>
  <si>
    <t>2936043.0</t>
  </si>
  <si>
    <t>1262095.0</t>
  </si>
  <si>
    <t>1213342.0</t>
  </si>
  <si>
    <t>3280187.0</t>
  </si>
  <si>
    <t>54027.0</t>
  </si>
  <si>
    <t>1547.689</t>
  </si>
  <si>
    <t>25.492</t>
  </si>
  <si>
    <t>96076.0</t>
  </si>
  <si>
    <t>2936073.0</t>
  </si>
  <si>
    <t>1262096.0</t>
  </si>
  <si>
    <t>1213347.0</t>
  </si>
  <si>
    <t>607433.0</t>
  </si>
  <si>
    <t>3409146.0</t>
  </si>
  <si>
    <t>128959.0</t>
  </si>
  <si>
    <t>1608.535</t>
  </si>
  <si>
    <t>60.847</t>
  </si>
  <si>
    <t>95785.0</t>
  </si>
  <si>
    <t>45.194</t>
  </si>
  <si>
    <t>2939165.0</t>
  </si>
  <si>
    <t>1262335.0</t>
  </si>
  <si>
    <t>1214025.0</t>
  </si>
  <si>
    <t>609651.0</t>
  </si>
  <si>
    <t>3504797.0</t>
  </si>
  <si>
    <t>95651.0</t>
  </si>
  <si>
    <t>1653.666</t>
  </si>
  <si>
    <t>45.131</t>
  </si>
  <si>
    <t>93882.0</t>
  </si>
  <si>
    <t>44.296</t>
  </si>
  <si>
    <t>2943553.0</t>
  </si>
  <si>
    <t>1214831.0</t>
  </si>
  <si>
    <t>613058.0</t>
  </si>
  <si>
    <t>3611959.0</t>
  </si>
  <si>
    <t>1704.229</t>
  </si>
  <si>
    <t>43.332</t>
  </si>
  <si>
    <t>2946830.0</t>
  </si>
  <si>
    <t>1262781.0</t>
  </si>
  <si>
    <t>1215398.0</t>
  </si>
  <si>
    <t>615648.0</t>
  </si>
  <si>
    <t>3683012.0</t>
  </si>
  <si>
    <t>71053.0</t>
  </si>
  <si>
    <t>1737.753</t>
  </si>
  <si>
    <t>42.699</t>
  </si>
  <si>
    <t>2947316.0</t>
  </si>
  <si>
    <t>1262805.0</t>
  </si>
  <si>
    <t>1215476.0</t>
  </si>
  <si>
    <t>616042.0</t>
  </si>
  <si>
    <t>3734505.0</t>
  </si>
  <si>
    <t>1762.049</t>
  </si>
  <si>
    <t>42.776</t>
  </si>
  <si>
    <t>2947366.0</t>
  </si>
  <si>
    <t>1262807.0</t>
  </si>
  <si>
    <t>1215485.0</t>
  </si>
  <si>
    <t>616082.0</t>
  </si>
  <si>
    <t>5221.7</t>
  </si>
  <si>
    <t>2463.24845755087</t>
  </si>
  <si>
    <t>3848753.0</t>
  </si>
  <si>
    <t>114248.0</t>
  </si>
  <si>
    <t>1815.955</t>
  </si>
  <si>
    <t>53.906</t>
  </si>
  <si>
    <t>88942.0</t>
  </si>
  <si>
    <t>1262914.0</t>
  </si>
  <si>
    <t>1215732.0</t>
  </si>
  <si>
    <t>617342.0</t>
  </si>
  <si>
    <t>3932014.0</t>
  </si>
  <si>
    <t>83261.0</t>
  </si>
  <si>
    <t>1855.24</t>
  </si>
  <si>
    <t>93118.0</t>
  </si>
  <si>
    <t>2950830.0</t>
  </si>
  <si>
    <t>1263072.0</t>
  </si>
  <si>
    <t>1216069.0</t>
  </si>
  <si>
    <t>618770.0</t>
  </si>
  <si>
    <t>4027234.0</t>
  </si>
  <si>
    <t>95220.0</t>
  </si>
  <si>
    <t>1900.167</t>
  </si>
  <si>
    <t>44.928</t>
  </si>
  <si>
    <t>88298.0</t>
  </si>
  <si>
    <t>41.662</t>
  </si>
  <si>
    <t>2952774.0</t>
  </si>
  <si>
    <t>1263210.0</t>
  </si>
  <si>
    <t>1216448.0</t>
  </si>
  <si>
    <t>620219.0</t>
  </si>
  <si>
    <t>4106499.0</t>
  </si>
  <si>
    <t>79265.0</t>
  </si>
  <si>
    <t>1937.567</t>
  </si>
  <si>
    <t>40.557</t>
  </si>
  <si>
    <t>2955031.0</t>
  </si>
  <si>
    <t>1263351.0</t>
  </si>
  <si>
    <t>1216816.0</t>
  </si>
  <si>
    <t>4196768.0</t>
  </si>
  <si>
    <t>90269.0</t>
  </si>
  <si>
    <t>1980.159</t>
  </si>
  <si>
    <t>42.592</t>
  </si>
  <si>
    <t>2957298.0</t>
  </si>
  <si>
    <t>1263495.0</t>
  </si>
  <si>
    <t>1217173.0</t>
  </si>
  <si>
    <t>623831.0</t>
  </si>
  <si>
    <t>4256157.0</t>
  </si>
  <si>
    <t>2008.18</t>
  </si>
  <si>
    <t>28.021</t>
  </si>
  <si>
    <t>2957599.0</t>
  </si>
  <si>
    <t>1263513.0</t>
  </si>
  <si>
    <t>1217212.0</t>
  </si>
  <si>
    <t>624082.0</t>
  </si>
  <si>
    <t>4292210.0</t>
  </si>
  <si>
    <t>2025.191</t>
  </si>
  <si>
    <t>79672.0</t>
  </si>
  <si>
    <t>37.592</t>
  </si>
  <si>
    <t>2957618.0</t>
  </si>
  <si>
    <t>1263517.0</t>
  </si>
  <si>
    <t>1217214.0</t>
  </si>
  <si>
    <t>624099.0</t>
  </si>
  <si>
    <t>5298.8</t>
  </si>
  <si>
    <t>2499.61907556362</t>
  </si>
  <si>
    <t>4316555.0</t>
  </si>
  <si>
    <t>2036.678</t>
  </si>
  <si>
    <t>31.532</t>
  </si>
  <si>
    <t>2958283.0</t>
  </si>
  <si>
    <t>1263552.0</t>
  </si>
  <si>
    <t>1217299.0</t>
  </si>
  <si>
    <t>624657.0</t>
  </si>
  <si>
    <t>4332819.0</t>
  </si>
  <si>
    <t>2044.351</t>
  </si>
  <si>
    <t>27.016</t>
  </si>
  <si>
    <t>2958905.0</t>
  </si>
  <si>
    <t>1263591.0</t>
  </si>
  <si>
    <t>1217407.0</t>
  </si>
  <si>
    <t>625145.0</t>
  </si>
  <si>
    <t>4351344.0</t>
  </si>
  <si>
    <t>2053.092</t>
  </si>
  <si>
    <t>2960010.0</t>
  </si>
  <si>
    <t>1263641.0</t>
  </si>
  <si>
    <t>1217588.0</t>
  </si>
  <si>
    <t>626029.0</t>
  </si>
  <si>
    <t>4365813.0</t>
  </si>
  <si>
    <t>2961110.0</t>
  </si>
  <si>
    <t>1263702.0</t>
  </si>
  <si>
    <t>1217780.0</t>
  </si>
  <si>
    <t>626889.0</t>
  </si>
  <si>
    <t>139.69</t>
  </si>
  <si>
    <t>4381764.0</t>
  </si>
  <si>
    <t>2067.445</t>
  </si>
  <si>
    <t>26428.0</t>
  </si>
  <si>
    <t>2962293.0</t>
  </si>
  <si>
    <t>1263778.0</t>
  </si>
  <si>
    <t>1217970.0</t>
  </si>
  <si>
    <t>4389269.0</t>
  </si>
  <si>
    <t>2070.986</t>
  </si>
  <si>
    <t>2962368.0</t>
  </si>
  <si>
    <t>1263784.0</t>
  </si>
  <si>
    <t>1217975.0</t>
  </si>
  <si>
    <t>627913.0</t>
  </si>
  <si>
    <t>4395372.0</t>
  </si>
  <si>
    <t>2073.866</t>
  </si>
  <si>
    <t>1217981.0</t>
  </si>
  <si>
    <t>627926.0</t>
  </si>
  <si>
    <t>5287.5</t>
  </si>
  <si>
    <t>2494.28849211946</t>
  </si>
  <si>
    <t>4413113.0</t>
  </si>
  <si>
    <t>2082.237</t>
  </si>
  <si>
    <t>2962788.0</t>
  </si>
  <si>
    <t>1263808.0</t>
  </si>
  <si>
    <t>1218037.0</t>
  </si>
  <si>
    <t>4425299.0</t>
  </si>
  <si>
    <t>2087.986</t>
  </si>
  <si>
    <t>2963125.0</t>
  </si>
  <si>
    <t>1263830.0</t>
  </si>
  <si>
    <t>1218125.0</t>
  </si>
  <si>
    <t>628493.0</t>
  </si>
  <si>
    <t>4439587.0</t>
  </si>
  <si>
    <t>2094.728</t>
  </si>
  <si>
    <t>2963978.0</t>
  </si>
  <si>
    <t>1263894.0</t>
  </si>
  <si>
    <t>1218248.0</t>
  </si>
  <si>
    <t>4451964.0</t>
  </si>
  <si>
    <t>2100.568</t>
  </si>
  <si>
    <t>2964743.0</t>
  </si>
  <si>
    <t>1263942.0</t>
  </si>
  <si>
    <t>1218390.0</t>
  </si>
  <si>
    <t>629768.0</t>
  </si>
  <si>
    <t>4466016.0</t>
  </si>
  <si>
    <t>2107.198</t>
  </si>
  <si>
    <t>5.679</t>
  </si>
  <si>
    <t>2965576.0</t>
  </si>
  <si>
    <t>1263988.0</t>
  </si>
  <si>
    <t>1218519.0</t>
  </si>
  <si>
    <t>630446.0</t>
  </si>
  <si>
    <t>4472410.0</t>
  </si>
  <si>
    <t>2110.215</t>
  </si>
  <si>
    <t>2965645.0</t>
  </si>
  <si>
    <t>1218530.0</t>
  </si>
  <si>
    <t>630502.0</t>
  </si>
  <si>
    <t>4477588.0</t>
  </si>
  <si>
    <t>2112.658</t>
  </si>
  <si>
    <t>2965656.0</t>
  </si>
  <si>
    <t>1218531.0</t>
  </si>
  <si>
    <t>630515.0</t>
  </si>
  <si>
    <t>2496.41129083616</t>
  </si>
  <si>
    <t>4494840.0</t>
  </si>
  <si>
    <t>2120.798</t>
  </si>
  <si>
    <t>2965992.0</t>
  </si>
  <si>
    <t>1264002.0</t>
  </si>
  <si>
    <t>1218587.0</t>
  </si>
  <si>
    <t>630788.0</t>
  </si>
  <si>
    <t>4506696.0</t>
  </si>
  <si>
    <t>2126.392</t>
  </si>
  <si>
    <t>2966440.0</t>
  </si>
  <si>
    <t>1264025.0</t>
  </si>
  <si>
    <t>1218740.0</t>
  </si>
  <si>
    <t>631071.0</t>
  </si>
  <si>
    <t>139.94</t>
  </si>
  <si>
    <t>4521599.0</t>
  </si>
  <si>
    <t>2133.423</t>
  </si>
  <si>
    <t>2967269.0</t>
  </si>
  <si>
    <t>1264073.0</t>
  </si>
  <si>
    <t>1218869.0</t>
  </si>
  <si>
    <t>631733.0</t>
  </si>
  <si>
    <t>4534119.0</t>
  </si>
  <si>
    <t>2139.331</t>
  </si>
  <si>
    <t>11736.0</t>
  </si>
  <si>
    <t>2967886.0</t>
  </si>
  <si>
    <t>1264117.0</t>
  </si>
  <si>
    <t>1219005.0</t>
  </si>
  <si>
    <t>632180.0</t>
  </si>
  <si>
    <t>4549394.0</t>
  </si>
  <si>
    <t>2146.538</t>
  </si>
  <si>
    <t>2968689.0</t>
  </si>
  <si>
    <t>1264156.0</t>
  </si>
  <si>
    <t>1219095.0</t>
  </si>
  <si>
    <t>632864.0</t>
  </si>
  <si>
    <t>4555816.0</t>
  </si>
  <si>
    <t>2149.568</t>
  </si>
  <si>
    <t>2968761.0</t>
  </si>
  <si>
    <t>1264157.0</t>
  </si>
  <si>
    <t>1219107.0</t>
  </si>
  <si>
    <t>632923.0</t>
  </si>
  <si>
    <t>4561694.0</t>
  </si>
  <si>
    <t>2152.341</t>
  </si>
  <si>
    <t>2968772.0</t>
  </si>
  <si>
    <t>1219108.0</t>
  </si>
  <si>
    <t>632933.0</t>
  </si>
  <si>
    <t>5337.1</t>
  </si>
  <si>
    <t>2517.68645130795</t>
  </si>
  <si>
    <t>4580990.0</t>
  </si>
  <si>
    <t>2161.446</t>
  </si>
  <si>
    <t>2969080.0</t>
  </si>
  <si>
    <t>1264174.0</t>
  </si>
  <si>
    <t>1219146.0</t>
  </si>
  <si>
    <t>633190.0</t>
  </si>
  <si>
    <t>140.06</t>
  </si>
  <si>
    <t>4595019.0</t>
  </si>
  <si>
    <t>2168.065</t>
  </si>
  <si>
    <t>2969646.0</t>
  </si>
  <si>
    <t>1264211.0</t>
  </si>
  <si>
    <t>1219217.0</t>
  </si>
  <si>
    <t>4611136.0</t>
  </si>
  <si>
    <t>2175.67</t>
  </si>
  <si>
    <t>2970479.0</t>
  </si>
  <si>
    <t>1264246.0</t>
  </si>
  <si>
    <t>1219313.0</t>
  </si>
  <si>
    <t>634361.0</t>
  </si>
  <si>
    <t>4625333.0</t>
  </si>
  <si>
    <t>2182.368</t>
  </si>
  <si>
    <t>2971333.0</t>
  </si>
  <si>
    <t>1264297.0</t>
  </si>
  <si>
    <t>1219394.0</t>
  </si>
  <si>
    <t>635096.0</t>
  </si>
  <si>
    <t>4642068.0</t>
  </si>
  <si>
    <t>2190.264</t>
  </si>
  <si>
    <t>2972244.0</t>
  </si>
  <si>
    <t>1264345.0</t>
  </si>
  <si>
    <t>1219472.0</t>
  </si>
  <si>
    <t>635897.0</t>
  </si>
  <si>
    <t>140.21</t>
  </si>
  <si>
    <t>4649203.0</t>
  </si>
  <si>
    <t>2193.631</t>
  </si>
  <si>
    <t>2972297.0</t>
  </si>
  <si>
    <t>1264349.0</t>
  </si>
  <si>
    <t>1219475.0</t>
  </si>
  <si>
    <t>635943.0</t>
  </si>
  <si>
    <t>4655227.0</t>
  </si>
  <si>
    <t>2196.473</t>
  </si>
  <si>
    <t>2972318.0</t>
  </si>
  <si>
    <t>1264350.0</t>
  </si>
  <si>
    <t>1219479.0</t>
  </si>
  <si>
    <t>635959.0</t>
  </si>
  <si>
    <t>5335.8</t>
  </si>
  <si>
    <t>2517.07319834535</t>
  </si>
  <si>
    <t>4676245.0</t>
  </si>
  <si>
    <t>2206.39</t>
  </si>
  <si>
    <t>9.917</t>
  </si>
  <si>
    <t>2972710.0</t>
  </si>
  <si>
    <t>1219527.0</t>
  </si>
  <si>
    <t>636293.0</t>
  </si>
  <si>
    <t>140.23</t>
  </si>
  <si>
    <t>4691276.0</t>
  </si>
  <si>
    <t>2213.482</t>
  </si>
  <si>
    <t>2973236.0</t>
  </si>
  <si>
    <t>1264387.0</t>
  </si>
  <si>
    <t>1219584.0</t>
  </si>
  <si>
    <t>140.26</t>
  </si>
  <si>
    <t>4708330.0</t>
  </si>
  <si>
    <t>2221.529</t>
  </si>
  <si>
    <t>2974235.0</t>
  </si>
  <si>
    <t>1264443.0</t>
  </si>
  <si>
    <t>1219678.0</t>
  </si>
  <si>
    <t>637625.0</t>
  </si>
  <si>
    <t>4722397.0</t>
  </si>
  <si>
    <t>2228.166</t>
  </si>
  <si>
    <t>2975116.0</t>
  </si>
  <si>
    <t>1264483.0</t>
  </si>
  <si>
    <t>1219758.0</t>
  </si>
  <si>
    <t>638418.0</t>
  </si>
  <si>
    <t>140.35</t>
  </si>
  <si>
    <t>4739279.0</t>
  </si>
  <si>
    <t>2236.131</t>
  </si>
  <si>
    <t>2975979.0</t>
  </si>
  <si>
    <t>1264533.0</t>
  </si>
  <si>
    <t>1219833.0</t>
  </si>
  <si>
    <t>639177.0</t>
  </si>
  <si>
    <t>4746591.0</t>
  </si>
  <si>
    <t>2239.581</t>
  </si>
  <si>
    <t>2976014.0</t>
  </si>
  <si>
    <t>1264535.0</t>
  </si>
  <si>
    <t>1219837.0</t>
  </si>
  <si>
    <t>639206.0</t>
  </si>
  <si>
    <t>4752549.0</t>
  </si>
  <si>
    <t>2242.392</t>
  </si>
  <si>
    <t>2976030.0</t>
  </si>
  <si>
    <t>1219840.0</t>
  </si>
  <si>
    <t>639219.0</t>
  </si>
  <si>
    <t>5326.5</t>
  </si>
  <si>
    <t>2512.68608099751</t>
  </si>
  <si>
    <t>4773635.0</t>
  </si>
  <si>
    <t>2252.341</t>
  </si>
  <si>
    <t>2976368.0</t>
  </si>
  <si>
    <t>1219867.0</t>
  </si>
  <si>
    <t>639538.0</t>
  </si>
  <si>
    <t>4788105.0</t>
  </si>
  <si>
    <t>2259.169</t>
  </si>
  <si>
    <t>2976797.0</t>
  </si>
  <si>
    <t>1264572.0</t>
  </si>
  <si>
    <t>1219914.0</t>
  </si>
  <si>
    <t>639919.0</t>
  </si>
  <si>
    <t>4804390.0</t>
  </si>
  <si>
    <t>2266.853</t>
  </si>
  <si>
    <t>2977601.0</t>
  </si>
  <si>
    <t>1264610.0</t>
  </si>
  <si>
    <t>1219994.0</t>
  </si>
  <si>
    <t>640624.0</t>
  </si>
  <si>
    <t>4817285.0</t>
  </si>
  <si>
    <t>2272.937</t>
  </si>
  <si>
    <t>2978361.0</t>
  </si>
  <si>
    <t>1264639.0</t>
  </si>
  <si>
    <t>1220050.0</t>
  </si>
  <si>
    <t>641371.0</t>
  </si>
  <si>
    <t>4831995.0</t>
  </si>
  <si>
    <t>2279.877</t>
  </si>
  <si>
    <t>2979134.0</t>
  </si>
  <si>
    <t>1264680.0</t>
  </si>
  <si>
    <t>1220124.0</t>
  </si>
  <si>
    <t>642050.0</t>
  </si>
  <si>
    <t>4837446.0</t>
  </si>
  <si>
    <t>2282.449</t>
  </si>
  <si>
    <t>2979176.0</t>
  </si>
  <si>
    <t>1264683.0</t>
  </si>
  <si>
    <t>1220128.0</t>
  </si>
  <si>
    <t>642086.0</t>
  </si>
  <si>
    <t>4842903.0</t>
  </si>
  <si>
    <t>2285.024</t>
  </si>
  <si>
    <t>2979192.0</t>
  </si>
  <si>
    <t>1220129.0</t>
  </si>
  <si>
    <t>642101.0</t>
  </si>
  <si>
    <t>5313.4</t>
  </si>
  <si>
    <t>2506.50637806668</t>
  </si>
  <si>
    <t>4861893.0</t>
  </si>
  <si>
    <t>2293.984</t>
  </si>
  <si>
    <t>2979574.0</t>
  </si>
  <si>
    <t>1264694.0</t>
  </si>
  <si>
    <t>1220161.0</t>
  </si>
  <si>
    <t>4874889.0</t>
  </si>
  <si>
    <t>2300.116</t>
  </si>
  <si>
    <t>2980018.0</t>
  </si>
  <si>
    <t>1264711.0</t>
  </si>
  <si>
    <t>1220207.0</t>
  </si>
  <si>
    <t>642868.0</t>
  </si>
  <si>
    <t>4889577.0</t>
  </si>
  <si>
    <t>2307.046</t>
  </si>
  <si>
    <t>2980954.0</t>
  </si>
  <si>
    <t>1264751.0</t>
  </si>
  <si>
    <t>1220305.0</t>
  </si>
  <si>
    <t>643695.0</t>
  </si>
  <si>
    <t>4901712.0</t>
  </si>
  <si>
    <t>2312.772</t>
  </si>
  <si>
    <t>1264778.0</t>
  </si>
  <si>
    <t>644487.0</t>
  </si>
  <si>
    <t>4914729.0</t>
  </si>
  <si>
    <t>2318.914</t>
  </si>
  <si>
    <t>2982553.0</t>
  </si>
  <si>
    <t>1220461.0</t>
  </si>
  <si>
    <t>645142.0</t>
  </si>
  <si>
    <t>4919548.0</t>
  </si>
  <si>
    <t>2321.188</t>
  </si>
  <si>
    <t>2982595.0</t>
  </si>
  <si>
    <t>1264817.0</t>
  </si>
  <si>
    <t>1220468.0</t>
  </si>
  <si>
    <t>645177.0</t>
  </si>
  <si>
    <t>4923881.0</t>
  </si>
  <si>
    <t>2323.232</t>
  </si>
  <si>
    <t>2982615.0</t>
  </si>
  <si>
    <t>1264820.0</t>
  </si>
  <si>
    <t>1220470.0</t>
  </si>
  <si>
    <t>645192.0</t>
  </si>
  <si>
    <t>5318.1</t>
  </si>
  <si>
    <t>2508.72352339301</t>
  </si>
  <si>
    <t>4940235.0</t>
  </si>
  <si>
    <t>2330.948</t>
  </si>
  <si>
    <t>2982962.0</t>
  </si>
  <si>
    <t>1264838.0</t>
  </si>
  <si>
    <t>1220502.0</t>
  </si>
  <si>
    <t>645501.0</t>
  </si>
  <si>
    <t>140.72</t>
  </si>
  <si>
    <t>4950518.0</t>
  </si>
  <si>
    <t>2335.8</t>
  </si>
  <si>
    <t>2983300.0</t>
  </si>
  <si>
    <t>1264870.0</t>
  </si>
  <si>
    <t>1220547.0</t>
  </si>
  <si>
    <t>645780.0</t>
  </si>
  <si>
    <t>4962923.0</t>
  </si>
  <si>
    <t>2341.653</t>
  </si>
  <si>
    <t>2983960.0</t>
  </si>
  <si>
    <t>1264895.0</t>
  </si>
  <si>
    <t>1220641.0</t>
  </si>
  <si>
    <t>646355.0</t>
  </si>
  <si>
    <t>4972541.0</t>
  </si>
  <si>
    <t>2346.191</t>
  </si>
  <si>
    <t>2984678.0</t>
  </si>
  <si>
    <t>1264937.0</t>
  </si>
  <si>
    <t>1220706.0</t>
  </si>
  <si>
    <t>647299.0</t>
  </si>
  <si>
    <t>4983359.0</t>
  </si>
  <si>
    <t>2351.295</t>
  </si>
  <si>
    <t>2985282.0</t>
  </si>
  <si>
    <t>1264961.0</t>
  </si>
  <si>
    <t>1220770.0</t>
  </si>
  <si>
    <t>647836.0</t>
  </si>
  <si>
    <t>4987667.0</t>
  </si>
  <si>
    <t>2353.328</t>
  </si>
  <si>
    <t>2985308.0</t>
  </si>
  <si>
    <t>1264962.0</t>
  </si>
  <si>
    <t>1220772.0</t>
  </si>
  <si>
    <t>647859.0</t>
  </si>
  <si>
    <t>4990620.0</t>
  </si>
  <si>
    <t>2354.721</t>
  </si>
  <si>
    <t>2985314.0</t>
  </si>
  <si>
    <t>1264963.0</t>
  </si>
  <si>
    <t>1220773.0</t>
  </si>
  <si>
    <t>647863.0</t>
  </si>
  <si>
    <t>5356.4</t>
  </si>
  <si>
    <t>2526.79089913734</t>
  </si>
  <si>
    <t>4995518.0</t>
  </si>
  <si>
    <t>2357.032</t>
  </si>
  <si>
    <t>2985323.0</t>
  </si>
  <si>
    <t>1264964.0</t>
  </si>
  <si>
    <t>1220775.0</t>
  </si>
  <si>
    <t>647870.0</t>
  </si>
  <si>
    <t>5010164.0</t>
  </si>
  <si>
    <t>2363.943</t>
  </si>
  <si>
    <t>2985636.0</t>
  </si>
  <si>
    <t>1264986.0</t>
  </si>
  <si>
    <t>1220819.0</t>
  </si>
  <si>
    <t>648131.0</t>
  </si>
  <si>
    <t>5020698.0</t>
  </si>
  <si>
    <t>2368.913</t>
  </si>
  <si>
    <t>2986182.0</t>
  </si>
  <si>
    <t>1265009.0</t>
  </si>
  <si>
    <t>1220878.0</t>
  </si>
  <si>
    <t>648609.0</t>
  </si>
  <si>
    <t>5031152.0</t>
  </si>
  <si>
    <t>2373.846</t>
  </si>
  <si>
    <t>2986698.0</t>
  </si>
  <si>
    <t>1265041.0</t>
  </si>
  <si>
    <t>1220911.0</t>
  </si>
  <si>
    <t>649084.0</t>
  </si>
  <si>
    <t>5042377.0</t>
  </si>
  <si>
    <t>2379.142</t>
  </si>
  <si>
    <t>2987186.0</t>
  </si>
  <si>
    <t>1265064.0</t>
  </si>
  <si>
    <t>1220977.0</t>
  </si>
  <si>
    <t>649522.0</t>
  </si>
  <si>
    <t>5047899.0</t>
  </si>
  <si>
    <t>2381.747</t>
  </si>
  <si>
    <t>2987228.0</t>
  </si>
  <si>
    <t>1265066.0</t>
  </si>
  <si>
    <t>1220983.0</t>
  </si>
  <si>
    <t>649559.0</t>
  </si>
  <si>
    <t>5051667.0</t>
  </si>
  <si>
    <t>2383.525</t>
  </si>
  <si>
    <t>2987243.0</t>
  </si>
  <si>
    <t>1265068.0</t>
  </si>
  <si>
    <t>1220984.0</t>
  </si>
  <si>
    <t>649573.0</t>
  </si>
  <si>
    <t>5374.3</t>
  </si>
  <si>
    <t>2535.23492069932</t>
  </si>
  <si>
    <t>5064669.0</t>
  </si>
  <si>
    <t>2389.66</t>
  </si>
  <si>
    <t>2987491.0</t>
  </si>
  <si>
    <t>1265076.0</t>
  </si>
  <si>
    <t>1220999.0</t>
  </si>
  <si>
    <t>649803.0</t>
  </si>
  <si>
    <t>5078027.0</t>
  </si>
  <si>
    <t>2395.963</t>
  </si>
  <si>
    <t>2987886.0</t>
  </si>
  <si>
    <t>1265100.0</t>
  </si>
  <si>
    <t>1221040.0</t>
  </si>
  <si>
    <t>650137.0</t>
  </si>
  <si>
    <t>5083115.0</t>
  </si>
  <si>
    <t>2398.363</t>
  </si>
  <si>
    <t>2987906.0</t>
  </si>
  <si>
    <t>1265103.0</t>
  </si>
  <si>
    <t>1221041.0</t>
  </si>
  <si>
    <t>650153.0</t>
  </si>
  <si>
    <t>5093219.0</t>
  </si>
  <si>
    <t>2403.131</t>
  </si>
  <si>
    <t>2988111.0</t>
  </si>
  <si>
    <t>1265114.0</t>
  </si>
  <si>
    <t>1221055.0</t>
  </si>
  <si>
    <t>650347.0</t>
  </si>
  <si>
    <t>5102107.0</t>
  </si>
  <si>
    <t>2407.324</t>
  </si>
  <si>
    <t>2988388.0</t>
  </si>
  <si>
    <t>1265131.0</t>
  </si>
  <si>
    <t>1221095.0</t>
  </si>
  <si>
    <t>650582.0</t>
  </si>
  <si>
    <t>5106406.0</t>
  </si>
  <si>
    <t>2409.353</t>
  </si>
  <si>
    <t>2988402.0</t>
  </si>
  <si>
    <t>650596.0</t>
  </si>
  <si>
    <t>2410.613</t>
  </si>
  <si>
    <t>2988408.0</t>
  </si>
  <si>
    <t>650602.0</t>
  </si>
  <si>
    <t>5382.8</t>
  </si>
  <si>
    <t>2539.24465160863</t>
  </si>
  <si>
    <t>5113326.0</t>
  </si>
  <si>
    <t>2412.618</t>
  </si>
  <si>
    <t>2988419.0</t>
  </si>
  <si>
    <t>5124264.0</t>
  </si>
  <si>
    <t>2417.779</t>
  </si>
  <si>
    <t>2988746.0</t>
  </si>
  <si>
    <t>1265155.0</t>
  </si>
  <si>
    <t>1221147.0</t>
  </si>
  <si>
    <t>650877.0</t>
  </si>
  <si>
    <t>5132584.0</t>
  </si>
  <si>
    <t>2421.704</t>
  </si>
  <si>
    <t>2989174.0</t>
  </si>
  <si>
    <t>1265172.0</t>
  </si>
  <si>
    <t>1221191.0</t>
  </si>
  <si>
    <t>651256.0</t>
  </si>
  <si>
    <t>5140548.0</t>
  </si>
  <si>
    <t>2425.462</t>
  </si>
  <si>
    <t>2989616.0</t>
  </si>
  <si>
    <t>1265202.0</t>
  </si>
  <si>
    <t>1221250.0</t>
  </si>
  <si>
    <t>651646.0</t>
  </si>
  <si>
    <t>5148580.0</t>
  </si>
  <si>
    <t>2429.252</t>
  </si>
  <si>
    <t>2990049.0</t>
  </si>
  <si>
    <t>1265239.0</t>
  </si>
  <si>
    <t>652015.0</t>
  </si>
  <si>
    <t>5151919.0</t>
  </si>
  <si>
    <t>2430.827</t>
  </si>
  <si>
    <t>2990080.0</t>
  </si>
  <si>
    <t>1265240.0</t>
  </si>
  <si>
    <t>1221301.0</t>
  </si>
  <si>
    <t>652042.0</t>
  </si>
  <si>
    <t>5154679.0</t>
  </si>
  <si>
    <t>2432.129</t>
  </si>
  <si>
    <t>2990090.0</t>
  </si>
  <si>
    <t>1265241.0</t>
  </si>
  <si>
    <t>1221302.0</t>
  </si>
  <si>
    <t>652051.0</t>
  </si>
  <si>
    <t>5379.7</t>
  </si>
  <si>
    <t>2537.78227915935</t>
  </si>
  <si>
    <t>5164474.0</t>
  </si>
  <si>
    <t>2436.751</t>
  </si>
  <si>
    <t>2990192.0</t>
  </si>
  <si>
    <t>1265254.0</t>
  </si>
  <si>
    <t>1221308.0</t>
  </si>
  <si>
    <t>652138.0</t>
  </si>
  <si>
    <t>5171131.0</t>
  </si>
  <si>
    <t>2439.892</t>
  </si>
  <si>
    <t>2990464.0</t>
  </si>
  <si>
    <t>1265279.0</t>
  </si>
  <si>
    <t>1221335.0</t>
  </si>
  <si>
    <t>652362.0</t>
  </si>
  <si>
    <t>5178405.0</t>
  </si>
  <si>
    <t>2443.324</t>
  </si>
  <si>
    <t>2990789.0</t>
  </si>
  <si>
    <t>1265294.0</t>
  </si>
  <si>
    <t>1221370.0</t>
  </si>
  <si>
    <t>652655.0</t>
  </si>
  <si>
    <t>5184966.0</t>
  </si>
  <si>
    <t>2446.42</t>
  </si>
  <si>
    <t>2991085.0</t>
  </si>
  <si>
    <t>1265333.0</t>
  </si>
  <si>
    <t>652948.0</t>
  </si>
  <si>
    <t>5191719.0</t>
  </si>
  <si>
    <t>2449.606</t>
  </si>
  <si>
    <t>2991400.0</t>
  </si>
  <si>
    <t>1265363.0</t>
  </si>
  <si>
    <t>1221446.0</t>
  </si>
  <si>
    <t>653238.0</t>
  </si>
  <si>
    <t>5194545.0</t>
  </si>
  <si>
    <t>2450.939</t>
  </si>
  <si>
    <t>2991412.0</t>
  </si>
  <si>
    <t>1265364.0</t>
  </si>
  <si>
    <t>1221448.0</t>
  </si>
  <si>
    <t>653248.0</t>
  </si>
  <si>
    <t>5196819.0</t>
  </si>
  <si>
    <t>2452.012</t>
  </si>
  <si>
    <t>5391.2</t>
  </si>
  <si>
    <t>2543.20720921314</t>
  </si>
  <si>
    <t>5204068.0</t>
  </si>
  <si>
    <t>2455.432</t>
  </si>
  <si>
    <t>2991511.0</t>
  </si>
  <si>
    <t>1265373.0</t>
  </si>
  <si>
    <t>1221457.0</t>
  </si>
  <si>
    <t>5209205.0</t>
  </si>
  <si>
    <t>2457.856</t>
  </si>
  <si>
    <t>2991661.0</t>
  </si>
  <si>
    <t>1265385.0</t>
  </si>
  <si>
    <t>1221492.0</t>
  </si>
  <si>
    <t>653445.0</t>
  </si>
  <si>
    <t>5214573.0</t>
  </si>
  <si>
    <t>2460.389</t>
  </si>
  <si>
    <t>2991902.0</t>
  </si>
  <si>
    <t>1265408.0</t>
  </si>
  <si>
    <t>1221521.0</t>
  </si>
  <si>
    <t>653653.0</t>
  </si>
  <si>
    <t>5219500.0</t>
  </si>
  <si>
    <t>2462.714</t>
  </si>
  <si>
    <t>2992234.0</t>
  </si>
  <si>
    <t>1265433.0</t>
  </si>
  <si>
    <t>1221551.0</t>
  </si>
  <si>
    <t>653997.0</t>
  </si>
  <si>
    <t>5224821.0</t>
  </si>
  <si>
    <t>2465.224</t>
  </si>
  <si>
    <t>2992450.0</t>
  </si>
  <si>
    <t>1265442.0</t>
  </si>
  <si>
    <t>1221572.0</t>
  </si>
  <si>
    <t>654202.0</t>
  </si>
  <si>
    <t>5227146.0</t>
  </si>
  <si>
    <t>2466.321</t>
  </si>
  <si>
    <t>2992464.0</t>
  </si>
  <si>
    <t>1265444.0</t>
  </si>
  <si>
    <t>1221573.0</t>
  </si>
  <si>
    <t>654213.0</t>
  </si>
  <si>
    <t>5228990.0</t>
  </si>
  <si>
    <t>2467.191</t>
  </si>
  <si>
    <t>5404.5</t>
  </si>
  <si>
    <t>2549.4812587536</t>
  </si>
  <si>
    <t>5235288.0</t>
  </si>
  <si>
    <t>2470.163</t>
  </si>
  <si>
    <t>2992513.0</t>
  </si>
  <si>
    <t>1265448.0</t>
  </si>
  <si>
    <t>1221581.0</t>
  </si>
  <si>
    <t>654250.0</t>
  </si>
  <si>
    <t>5239828.0</t>
  </si>
  <si>
    <t>2472.305</t>
  </si>
  <si>
    <t>2992690.0</t>
  </si>
  <si>
    <t>1265458.0</t>
  </si>
  <si>
    <t>1221613.0</t>
  </si>
  <si>
    <t>654435.0</t>
  </si>
  <si>
    <t>141.18</t>
  </si>
  <si>
    <t>5244719.0</t>
  </si>
  <si>
    <t>2474.613</t>
  </si>
  <si>
    <t>2992872.0</t>
  </si>
  <si>
    <t>1265478.0</t>
  </si>
  <si>
    <t>1221641.0</t>
  </si>
  <si>
    <t>654572.0</t>
  </si>
  <si>
    <t>5249372.0</t>
  </si>
  <si>
    <t>2476.808</t>
  </si>
  <si>
    <t>2993191.0</t>
  </si>
  <si>
    <t>1265504.0</t>
  </si>
  <si>
    <t>1221672.0</t>
  </si>
  <si>
    <t>655023.0</t>
  </si>
  <si>
    <t>5254103.0</t>
  </si>
  <si>
    <t>2479.04</t>
  </si>
  <si>
    <t>2993318.0</t>
  </si>
  <si>
    <t>1265517.0</t>
  </si>
  <si>
    <t>1221691.0</t>
  </si>
  <si>
    <t>655128.0</t>
  </si>
  <si>
    <t>5256008.0</t>
  </si>
  <si>
    <t>2479.939</t>
  </si>
  <si>
    <t>5257917.0</t>
  </si>
  <si>
    <t>2480.84</t>
  </si>
  <si>
    <t>2544.52806174797</t>
  </si>
  <si>
    <t>5263756.0</t>
  </si>
  <si>
    <t>2483.595</t>
  </si>
  <si>
    <t>2993390.0</t>
  </si>
  <si>
    <t>1265525.0</t>
  </si>
  <si>
    <t>1221700.0</t>
  </si>
  <si>
    <t>655185.0</t>
  </si>
  <si>
    <t>5267930.0</t>
  </si>
  <si>
    <t>2485.564</t>
  </si>
  <si>
    <t>2993530.0</t>
  </si>
  <si>
    <t>1221722.0</t>
  </si>
  <si>
    <t>5271982.0</t>
  </si>
  <si>
    <t>2487.476</t>
  </si>
  <si>
    <t>2993701.0</t>
  </si>
  <si>
    <t>1265559.0</t>
  </si>
  <si>
    <t>1221746.0</t>
  </si>
  <si>
    <t>655445.0</t>
  </si>
  <si>
    <t>5275279.0</t>
  </si>
  <si>
    <t>2489.032</t>
  </si>
  <si>
    <t>2993927.0</t>
  </si>
  <si>
    <t>1265583.0</t>
  </si>
  <si>
    <t>1221779.0</t>
  </si>
  <si>
    <t>655639.0</t>
  </si>
  <si>
    <t>5278785.0</t>
  </si>
  <si>
    <t>2490.686</t>
  </si>
  <si>
    <t>2994024.0</t>
  </si>
  <si>
    <t>1265589.0</t>
  </si>
  <si>
    <t>1221803.0</t>
  </si>
  <si>
    <t>655714.0</t>
  </si>
  <si>
    <t>5280182.0</t>
  </si>
  <si>
    <t>2491.345</t>
  </si>
  <si>
    <t>2994026.0</t>
  </si>
  <si>
    <t>655719.0</t>
  </si>
  <si>
    <t>5281589.0</t>
  </si>
  <si>
    <t>2492.009</t>
  </si>
  <si>
    <t>5401.5</t>
  </si>
  <si>
    <t>2548.06605960913</t>
  </si>
  <si>
    <t>5286199.0</t>
  </si>
  <si>
    <t>2494.184</t>
  </si>
  <si>
    <t>2994059.0</t>
  </si>
  <si>
    <t>1265592.0</t>
  </si>
  <si>
    <t>1221810.0</t>
  </si>
  <si>
    <t>655746.0</t>
  </si>
  <si>
    <t>5289644.0</t>
  </si>
  <si>
    <t>2495.81</t>
  </si>
  <si>
    <t>2994168.0</t>
  </si>
  <si>
    <t>1265609.0</t>
  </si>
  <si>
    <t>1221828.0</t>
  </si>
  <si>
    <t>655822.0</t>
  </si>
  <si>
    <t>5293150.0</t>
  </si>
  <si>
    <t>2497.464</t>
  </si>
  <si>
    <t>2994296.0</t>
  </si>
  <si>
    <t>1265622.0</t>
  </si>
  <si>
    <t>1221848.0</t>
  </si>
  <si>
    <t>655922.0</t>
  </si>
  <si>
    <t>141.25</t>
  </si>
  <si>
    <t>5296353.0</t>
  </si>
  <si>
    <t>2498.975</t>
  </si>
  <si>
    <t>2994516.0</t>
  </si>
  <si>
    <t>1265652.0</t>
  </si>
  <si>
    <t>1221887.0</t>
  </si>
  <si>
    <t>656100.0</t>
  </si>
  <si>
    <t>5299842.0</t>
  </si>
  <si>
    <t>2500.621</t>
  </si>
  <si>
    <t>2994571.0</t>
  </si>
  <si>
    <t>1265658.0</t>
  </si>
  <si>
    <t>1221897.0</t>
  </si>
  <si>
    <t>656139.0</t>
  </si>
  <si>
    <t>5301161.0</t>
  </si>
  <si>
    <t>2501.244</t>
  </si>
  <si>
    <t>13.751</t>
  </si>
  <si>
    <t>5302478.0</t>
  </si>
  <si>
    <t>2501.865</t>
  </si>
  <si>
    <t>5396.2</t>
  </si>
  <si>
    <t>2545.56587445391</t>
  </si>
  <si>
    <t>5306920.0</t>
  </si>
  <si>
    <t>2503.961</t>
  </si>
  <si>
    <t>2994593.0</t>
  </si>
  <si>
    <t>1265663.0</t>
  </si>
  <si>
    <t>1221899.0</t>
  </si>
  <si>
    <t>656158.0</t>
  </si>
  <si>
    <t>5310465.0</t>
  </si>
  <si>
    <t>2505.634</t>
  </si>
  <si>
    <t>2994676.0</t>
  </si>
  <si>
    <t>1265670.0</t>
  </si>
  <si>
    <t>1221916.0</t>
  </si>
  <si>
    <t>656224.0</t>
  </si>
  <si>
    <t>5314167.0</t>
  </si>
  <si>
    <t>2507.38</t>
  </si>
  <si>
    <t>2994794.0</t>
  </si>
  <si>
    <t>1265676.0</t>
  </si>
  <si>
    <t>1221947.0</t>
  </si>
  <si>
    <t>656321.0</t>
  </si>
  <si>
    <t>5317442.0</t>
  </si>
  <si>
    <t>2508.926</t>
  </si>
  <si>
    <t>2995024.0</t>
  </si>
  <si>
    <t>1265695.0</t>
  </si>
  <si>
    <t>1221989.0</t>
  </si>
  <si>
    <t>656534.0</t>
  </si>
  <si>
    <t>5320981.0</t>
  </si>
  <si>
    <t>2510.595</t>
  </si>
  <si>
    <t>2995126.0</t>
  </si>
  <si>
    <t>1265702.0</t>
  </si>
  <si>
    <t>1222002.0</t>
  </si>
  <si>
    <t>656620.0</t>
  </si>
  <si>
    <t>5322387.0</t>
  </si>
  <si>
    <t>2511.259</t>
  </si>
  <si>
    <t>5323807.0</t>
  </si>
  <si>
    <t>2511.929</t>
  </si>
  <si>
    <t>5402.7</t>
  </si>
  <si>
    <t>2548.63213926692</t>
  </si>
  <si>
    <t>5328619.0</t>
  </si>
  <si>
    <t>2514.199</t>
  </si>
  <si>
    <t>2995169.0</t>
  </si>
  <si>
    <t>1265707.0</t>
  </si>
  <si>
    <t>1222012.0</t>
  </si>
  <si>
    <t>656656.0</t>
  </si>
  <si>
    <t>5332375.0</t>
  </si>
  <si>
    <t>2515.971</t>
  </si>
  <si>
    <t>2995329.0</t>
  </si>
  <si>
    <t>1265718.0</t>
  </si>
  <si>
    <t>1222039.0</t>
  </si>
  <si>
    <t>656791.0</t>
  </si>
  <si>
    <t>5336373.0</t>
  </si>
  <si>
    <t>2517.858</t>
  </si>
  <si>
    <t>2995519.0</t>
  </si>
  <si>
    <t>1222076.0</t>
  </si>
  <si>
    <t>656946.0</t>
  </si>
  <si>
    <t>2995722.0</t>
  </si>
  <si>
    <t>1265745.0</t>
  </si>
  <si>
    <t>1222110.0</t>
  </si>
  <si>
    <t>657133.0</t>
  </si>
  <si>
    <t>2995870.0</t>
  </si>
  <si>
    <t>1265756.0</t>
  </si>
  <si>
    <t>1222127.0</t>
  </si>
  <si>
    <t>657259.0</t>
  </si>
  <si>
    <t>5408.4</t>
  </si>
  <si>
    <t>2551.3210176414</t>
  </si>
  <si>
    <t>2995928.0</t>
  </si>
  <si>
    <t>1265760.0</t>
  </si>
  <si>
    <t>657314.0</t>
  </si>
  <si>
    <t>2996039.0</t>
  </si>
  <si>
    <t>1265764.0</t>
  </si>
  <si>
    <t>1222155.0</t>
  </si>
  <si>
    <t>657405.0</t>
  </si>
  <si>
    <t>2996173.0</t>
  </si>
  <si>
    <t>1265774.0</t>
  </si>
  <si>
    <t>1222166.0</t>
  </si>
  <si>
    <t>657530.0</t>
  </si>
  <si>
    <t>2996395.0</t>
  </si>
  <si>
    <t>1265789.0</t>
  </si>
  <si>
    <t>1222187.0</t>
  </si>
  <si>
    <t>657759.0</t>
  </si>
  <si>
    <t>2996503.0</t>
  </si>
  <si>
    <t>1265796.0</t>
  </si>
  <si>
    <t>1222206.0</t>
  </si>
  <si>
    <t>657843.0</t>
  </si>
  <si>
    <t>5468.3</t>
  </si>
  <si>
    <t>2579.57782722588</t>
  </si>
  <si>
    <t>2996534.0</t>
  </si>
  <si>
    <t>1222209.0</t>
  </si>
  <si>
    <t>657877.0</t>
  </si>
  <si>
    <t>2996643.0</t>
  </si>
  <si>
    <t>1265802.0</t>
  </si>
  <si>
    <t>1222225.0</t>
  </si>
  <si>
    <t>657967.0</t>
  </si>
  <si>
    <t>5468.2</t>
  </si>
  <si>
    <t>2579.53065392107</t>
  </si>
  <si>
    <t>5480.3</t>
  </si>
  <si>
    <t>2585.23862380374</t>
  </si>
  <si>
    <t>2621.42054859723</t>
  </si>
  <si>
    <t>5546.3</t>
  </si>
  <si>
    <t>2616.37300498197</t>
  </si>
  <si>
    <t>5587.2</t>
  </si>
  <si>
    <t>2635.66688665151</t>
  </si>
  <si>
    <t>5643.7</t>
  </si>
  <si>
    <t>2662.31980387227</t>
  </si>
  <si>
    <t>2670.9525186535</t>
  </si>
  <si>
    <t>5657.9</t>
  </si>
  <si>
    <t>2669.01841315607</t>
  </si>
  <si>
    <t>-14.64</t>
  </si>
  <si>
    <t>2642.64853576421</t>
  </si>
  <si>
    <t>5596.7</t>
  </si>
  <si>
    <t>2640.14835060898</t>
  </si>
  <si>
    <t>5607.6</t>
  </si>
  <si>
    <t>2645.29024083387</t>
  </si>
  <si>
    <t>5576.5</t>
  </si>
  <si>
    <t>2630.61934303625</t>
  </si>
  <si>
    <t>5610.2</t>
  </si>
  <si>
    <t>2646.51674675908</t>
  </si>
  <si>
    <t>5622.9</t>
  </si>
  <si>
    <t>2652.50775647064</t>
  </si>
  <si>
    <t>56.425</t>
  </si>
  <si>
    <t>5627.2</t>
  </si>
  <si>
    <t>2654.53620857771</t>
  </si>
  <si>
    <t>5623.5</t>
  </si>
  <si>
    <t>2652.79079629954</t>
  </si>
  <si>
    <t>2645.00720100498</t>
  </si>
  <si>
    <t>SLB</t>
  </si>
  <si>
    <t>Solomon Islands</t>
  </si>
  <si>
    <t>39363.0</t>
  </si>
  <si>
    <t>97744.0</t>
  </si>
  <si>
    <t>74573.0</t>
  </si>
  <si>
    <t>130204.0</t>
  </si>
  <si>
    <t>104760.0</t>
  </si>
  <si>
    <t>141920.0</t>
  </si>
  <si>
    <t>113423.0</t>
  </si>
  <si>
    <t>28497.0</t>
  </si>
  <si>
    <t>121778.0</t>
  </si>
  <si>
    <t>171562.0</t>
  </si>
  <si>
    <t>193817.0</t>
  </si>
  <si>
    <t>150777.0</t>
  </si>
  <si>
    <t>208046.0</t>
  </si>
  <si>
    <t>161521.0</t>
  </si>
  <si>
    <t>46525.0</t>
  </si>
  <si>
    <t>228912.0</t>
  </si>
  <si>
    <t>176593.0</t>
  </si>
  <si>
    <t>235918.0</t>
  </si>
  <si>
    <t>179973.0</t>
  </si>
  <si>
    <t>246124.0</t>
  </si>
  <si>
    <t>185485.0</t>
  </si>
  <si>
    <t>60639.0</t>
  </si>
  <si>
    <t>256766.0</t>
  </si>
  <si>
    <t>190800.0</t>
  </si>
  <si>
    <t>65966.0</t>
  </si>
  <si>
    <t>264085.0</t>
  </si>
  <si>
    <t>193126.0</t>
  </si>
  <si>
    <t>271063.0</t>
  </si>
  <si>
    <t>195262.0</t>
  </si>
  <si>
    <t>75801.0</t>
  </si>
  <si>
    <t>277797.0</t>
  </si>
  <si>
    <t>197796.0</t>
  </si>
  <si>
    <t>80001.0</t>
  </si>
  <si>
    <t>285196.0</t>
  </si>
  <si>
    <t>200876.0</t>
  </si>
  <si>
    <t>206118.0</t>
  </si>
  <si>
    <t>315286.0</t>
  </si>
  <si>
    <t>214939.0</t>
  </si>
  <si>
    <t>100347.0</t>
  </si>
  <si>
    <t>342774.0</t>
  </si>
  <si>
    <t>226873.0</t>
  </si>
  <si>
    <t>115901.0</t>
  </si>
  <si>
    <t>358073.0</t>
  </si>
  <si>
    <t>235668.0</t>
  </si>
  <si>
    <t>122405.0</t>
  </si>
  <si>
    <t>358870.0</t>
  </si>
  <si>
    <t>380796.0</t>
  </si>
  <si>
    <t>245948.0</t>
  </si>
  <si>
    <t>133612.0</t>
  </si>
  <si>
    <t>392884.0</t>
  </si>
  <si>
    <t>251123.0</t>
  </si>
  <si>
    <t>140525.0</t>
  </si>
  <si>
    <t>425059.0</t>
  </si>
  <si>
    <t>283298.0</t>
  </si>
  <si>
    <t>434012.0</t>
  </si>
  <si>
    <t>148371.0</t>
  </si>
  <si>
    <t>452002.0</t>
  </si>
  <si>
    <t>166361.0</t>
  </si>
  <si>
    <t>458474.0</t>
  </si>
  <si>
    <t>172833.0</t>
  </si>
  <si>
    <t>463637.0</t>
  </si>
  <si>
    <t>177996.0</t>
  </si>
  <si>
    <t>469091.0</t>
  </si>
  <si>
    <t>284693.0</t>
  </si>
  <si>
    <t>182055.0</t>
  </si>
  <si>
    <t>479045.0</t>
  </si>
  <si>
    <t>289502.0</t>
  </si>
  <si>
    <t>187200.0</t>
  </si>
  <si>
    <t>505046.0</t>
  </si>
  <si>
    <t>295016.0</t>
  </si>
  <si>
    <t>192043.0</t>
  </si>
  <si>
    <t>513692.0</t>
  </si>
  <si>
    <t>299608.0</t>
  </si>
  <si>
    <t>196097.0</t>
  </si>
  <si>
    <t>520305.0</t>
  </si>
  <si>
    <t>303164.0</t>
  </si>
  <si>
    <t>199154.0</t>
  </si>
  <si>
    <t>523719.0</t>
  </si>
  <si>
    <t>304590.0</t>
  </si>
  <si>
    <t>201142.0</t>
  </si>
  <si>
    <t>529943.0</t>
  </si>
  <si>
    <t>307951.0</t>
  </si>
  <si>
    <t>204005.0</t>
  </si>
  <si>
    <t>537749.0</t>
  </si>
  <si>
    <t>311774.0</t>
  </si>
  <si>
    <t>542968.0</t>
  </si>
  <si>
    <t>315000.0</t>
  </si>
  <si>
    <t>209981.0</t>
  </si>
  <si>
    <t>546129.0</t>
  </si>
  <si>
    <t>315969.0</t>
  </si>
  <si>
    <t>212173.0</t>
  </si>
  <si>
    <t>625956.0</t>
  </si>
  <si>
    <t>343821.0</t>
  </si>
  <si>
    <t>254352.0</t>
  </si>
  <si>
    <t>27783.0</t>
  </si>
  <si>
    <t>SOM</t>
  </si>
  <si>
    <t>Somalia</t>
  </si>
  <si>
    <t>124471.0</t>
  </si>
  <si>
    <t>125205.0</t>
  </si>
  <si>
    <t>128519.0</t>
  </si>
  <si>
    <t>134133.0</t>
  </si>
  <si>
    <t>129419.0</t>
  </si>
  <si>
    <t>137618.0</t>
  </si>
  <si>
    <t>142018.0</t>
  </si>
  <si>
    <t>154986.0</t>
  </si>
  <si>
    <t>135107.0</t>
  </si>
  <si>
    <t>156548.0</t>
  </si>
  <si>
    <t>158709.0</t>
  </si>
  <si>
    <t>159923.0</t>
  </si>
  <si>
    <t>163978.0</t>
  </si>
  <si>
    <t>178264.0</t>
  </si>
  <si>
    <t>190399.0</t>
  </si>
  <si>
    <t>54639.0</t>
  </si>
  <si>
    <t>204176.0</t>
  </si>
  <si>
    <t>66195.0</t>
  </si>
  <si>
    <t>138603.0</t>
  </si>
  <si>
    <t>69812.0</t>
  </si>
  <si>
    <t>149996.0</t>
  </si>
  <si>
    <t>249790.0</t>
  </si>
  <si>
    <t>162655.0</t>
  </si>
  <si>
    <t>87135.0</t>
  </si>
  <si>
    <t>279869.0</t>
  </si>
  <si>
    <t>186595.0</t>
  </si>
  <si>
    <t>282522.0</t>
  </si>
  <si>
    <t>188765.0</t>
  </si>
  <si>
    <t>93757.0</t>
  </si>
  <si>
    <t>291053.0</t>
  </si>
  <si>
    <t>194876.0</t>
  </si>
  <si>
    <t>96177.0</t>
  </si>
  <si>
    <t>295107.0</t>
  </si>
  <si>
    <t>197682.0</t>
  </si>
  <si>
    <t>97425.0</t>
  </si>
  <si>
    <t>339599.0</t>
  </si>
  <si>
    <t>223498.0</t>
  </si>
  <si>
    <t>351305.0</t>
  </si>
  <si>
    <t>231089.0</t>
  </si>
  <si>
    <t>120216.0</t>
  </si>
  <si>
    <t>390141.0</t>
  </si>
  <si>
    <t>241945.0</t>
  </si>
  <si>
    <t>430762.0</t>
  </si>
  <si>
    <t>249200.0</t>
  </si>
  <si>
    <t>181599.0</t>
  </si>
  <si>
    <t>464359.0</t>
  </si>
  <si>
    <t>213944.0</t>
  </si>
  <si>
    <t>477075.0</t>
  </si>
  <si>
    <t>251458.0</t>
  </si>
  <si>
    <t>225617.0</t>
  </si>
  <si>
    <t>495041.0</t>
  </si>
  <si>
    <t>259041.0</t>
  </si>
  <si>
    <t>236000.0</t>
  </si>
  <si>
    <t>542501.0</t>
  </si>
  <si>
    <t>297741.0</t>
  </si>
  <si>
    <t>244760.0</t>
  </si>
  <si>
    <t>599715.0</t>
  </si>
  <si>
    <t>341084.0</t>
  </si>
  <si>
    <t>647129.0</t>
  </si>
  <si>
    <t>361937.0</t>
  </si>
  <si>
    <t>285192.0</t>
  </si>
  <si>
    <t>654862.0</t>
  </si>
  <si>
    <t>668104.0</t>
  </si>
  <si>
    <t>304737.0</t>
  </si>
  <si>
    <t>681532.0</t>
  </si>
  <si>
    <t>365791.0</t>
  </si>
  <si>
    <t>315741.0</t>
  </si>
  <si>
    <t>691649.0</t>
  </si>
  <si>
    <t>23737.0</t>
  </si>
  <si>
    <t>964433.0</t>
  </si>
  <si>
    <t>589128.0</t>
  </si>
  <si>
    <t>564612.0</t>
  </si>
  <si>
    <t>1147627.0</t>
  </si>
  <si>
    <t>892093.0</t>
  </si>
  <si>
    <t>664422.0</t>
  </si>
  <si>
    <t>1369400.0</t>
  </si>
  <si>
    <t>1088665.0</t>
  </si>
  <si>
    <t>745600.0</t>
  </si>
  <si>
    <t>1453959.0</t>
  </si>
  <si>
    <t>1164923.0</t>
  </si>
  <si>
    <t>770720.0</t>
  </si>
  <si>
    <t>1504914.0</t>
  </si>
  <si>
    <t>1203131.0</t>
  </si>
  <si>
    <t>810010.0</t>
  </si>
  <si>
    <t>1610500.0</t>
  </si>
  <si>
    <t>1305856.0</t>
  </si>
  <si>
    <t>867137.0</t>
  </si>
  <si>
    <t>1643639.0</t>
  </si>
  <si>
    <t>1338686.0</t>
  </si>
  <si>
    <t>870006.0</t>
  </si>
  <si>
    <t>1659803.0</t>
  </si>
  <si>
    <t>1354850.0</t>
  </si>
  <si>
    <t>1794447.0</t>
  </si>
  <si>
    <t>1450684.0</t>
  </si>
  <si>
    <t>922190.0</t>
  </si>
  <si>
    <t>1838348.0</t>
  </si>
  <si>
    <t>1479158.0</t>
  </si>
  <si>
    <t>937617.0</t>
  </si>
  <si>
    <t>400466.0</t>
  </si>
  <si>
    <t>2335560.0</t>
  </si>
  <si>
    <t>1869813.0</t>
  </si>
  <si>
    <t>1253056.0</t>
  </si>
  <si>
    <t>893.6</t>
  </si>
  <si>
    <t>2395219.0</t>
  </si>
  <si>
    <t>1929472.0</t>
  </si>
  <si>
    <t>1290895.0</t>
  </si>
  <si>
    <t>2477195.0</t>
  </si>
  <si>
    <t>2011448.0</t>
  </si>
  <si>
    <t>1351016.0</t>
  </si>
  <si>
    <t>2511394.0</t>
  </si>
  <si>
    <t>2033814.0</t>
  </si>
  <si>
    <t>1383207.0</t>
  </si>
  <si>
    <t>638.5</t>
  </si>
  <si>
    <t>2651515.0</t>
  </si>
  <si>
    <t>2173928.0</t>
  </si>
  <si>
    <t>1385138.0</t>
  </si>
  <si>
    <t>2677716.0</t>
  </si>
  <si>
    <t>2200129.0</t>
  </si>
  <si>
    <t>2679487.0</t>
  </si>
  <si>
    <t>2201900.0</t>
  </si>
  <si>
    <t>2976.7</t>
  </si>
  <si>
    <t>2712296.0</t>
  </si>
  <si>
    <t>2234709.0</t>
  </si>
  <si>
    <t>493663.0</t>
  </si>
  <si>
    <t>28.927</t>
  </si>
  <si>
    <t>345.5</t>
  </si>
  <si>
    <t>2784987.0</t>
  </si>
  <si>
    <t>2298052.0</t>
  </si>
  <si>
    <t>1426011.0</t>
  </si>
  <si>
    <t>2996795.0</t>
  </si>
  <si>
    <t>2498354.0</t>
  </si>
  <si>
    <t>1525974.0</t>
  </si>
  <si>
    <t>23683.0</t>
  </si>
  <si>
    <t>3090120.0</t>
  </si>
  <si>
    <t>2591679.0</t>
  </si>
  <si>
    <t>1600785.0</t>
  </si>
  <si>
    <t>501224.0</t>
  </si>
  <si>
    <t>3143630.0</t>
  </si>
  <si>
    <t>2645189.0</t>
  </si>
  <si>
    <t>1641835.0</t>
  </si>
  <si>
    <t>3158975.0</t>
  </si>
  <si>
    <t>2660534.0</t>
  </si>
  <si>
    <t>3266529.0</t>
  </si>
  <si>
    <t>1654113.0</t>
  </si>
  <si>
    <t>3344579.0</t>
  </si>
  <si>
    <t>2728594.0</t>
  </si>
  <si>
    <t>1764597.0</t>
  </si>
  <si>
    <t>27309.0</t>
  </si>
  <si>
    <t>3648859.0</t>
  </si>
  <si>
    <t>2807072.0</t>
  </si>
  <si>
    <t>2040506.0</t>
  </si>
  <si>
    <t>3939144.0</t>
  </si>
  <si>
    <t>3020218.0</t>
  </si>
  <si>
    <t>2117645.0</t>
  </si>
  <si>
    <t>44591.0</t>
  </si>
  <si>
    <t>49214.0</t>
  </si>
  <si>
    <t>4441191.0</t>
  </si>
  <si>
    <t>3486487.0</t>
  </si>
  <si>
    <t>2414142.0</t>
  </si>
  <si>
    <t>72938.0</t>
  </si>
  <si>
    <t>67436.0</t>
  </si>
  <si>
    <t>57160.0</t>
  </si>
  <si>
    <t>29994.0</t>
  </si>
  <si>
    <t>4509366.0</t>
  </si>
  <si>
    <t>3532736.0</t>
  </si>
  <si>
    <t>2436068.0</t>
  </si>
  <si>
    <t>4762311.0</t>
  </si>
  <si>
    <t>3785681.0</t>
  </si>
  <si>
    <t>2658295.0</t>
  </si>
  <si>
    <t>36961.0</t>
  </si>
  <si>
    <t>5029419.0</t>
  </si>
  <si>
    <t>4052789.0</t>
  </si>
  <si>
    <t>2925403.0</t>
  </si>
  <si>
    <t>50777.0</t>
  </si>
  <si>
    <t>60166.0</t>
  </si>
  <si>
    <t>63295.0</t>
  </si>
  <si>
    <t>5494393.0</t>
  </si>
  <si>
    <t>4517763.0</t>
  </si>
  <si>
    <t>66425.0</t>
  </si>
  <si>
    <t>68532.0</t>
  </si>
  <si>
    <t>5656748.0</t>
  </si>
  <si>
    <t>4661532.0</t>
  </si>
  <si>
    <t>3460897.0</t>
  </si>
  <si>
    <t>67985.0</t>
  </si>
  <si>
    <t>77137.0</t>
  </si>
  <si>
    <t>80980.0</t>
  </si>
  <si>
    <t>87477.0</t>
  </si>
  <si>
    <t>93974.0</t>
  </si>
  <si>
    <t>6216282.0</t>
  </si>
  <si>
    <t>5221066.0</t>
  </si>
  <si>
    <t>4020431.0</t>
  </si>
  <si>
    <t>103127.0</t>
  </si>
  <si>
    <t>105795.0</t>
  </si>
  <si>
    <t>111118.0</t>
  </si>
  <si>
    <t>109934.0</t>
  </si>
  <si>
    <t>109540.0</t>
  </si>
  <si>
    <t>109145.0</t>
  </si>
  <si>
    <t>7198588.0</t>
  </si>
  <si>
    <t>6203372.0</t>
  </si>
  <si>
    <t>5002737.0</t>
  </si>
  <si>
    <t>106121.0</t>
  </si>
  <si>
    <t>94026.0</t>
  </si>
  <si>
    <t>91002.0</t>
  </si>
  <si>
    <t>7990393.0</t>
  </si>
  <si>
    <t>6995177.0</t>
  </si>
  <si>
    <t>5794542.0</t>
  </si>
  <si>
    <t>77444.0</t>
  </si>
  <si>
    <t>45841.0</t>
  </si>
  <si>
    <t>8132773.0</t>
  </si>
  <si>
    <t>7137557.0</t>
  </si>
  <si>
    <t>5936922.0</t>
  </si>
  <si>
    <t>8134037.0</t>
  </si>
  <si>
    <t>5938186.0</t>
  </si>
  <si>
    <t>8520930.0</t>
  </si>
  <si>
    <t>7524443.0</t>
  </si>
  <si>
    <t>6324409.0</t>
  </si>
  <si>
    <t>ZAF</t>
  </si>
  <si>
    <t>South Africa</t>
  </si>
  <si>
    <t>1588.2</t>
  </si>
  <si>
    <t>26.5168977854233</t>
  </si>
  <si>
    <t>1870.5</t>
  </si>
  <si>
    <t>31.2302337914836</t>
  </si>
  <si>
    <t>37.3660856590967</t>
  </si>
  <si>
    <t>1860.9</t>
  </si>
  <si>
    <t>31.0699503141256</t>
  </si>
  <si>
    <t>2364.8</t>
  </si>
  <si>
    <t>39.4831632558677</t>
  </si>
  <si>
    <t>44.2165346965977</t>
  </si>
  <si>
    <t>2760.8</t>
  </si>
  <si>
    <t>46.0948566968875</t>
  </si>
  <si>
    <t>28537.0</t>
  </si>
  <si>
    <t>2411.5</t>
  </si>
  <si>
    <t>40.2628755884324</t>
  </si>
  <si>
    <t>41072.0</t>
  </si>
  <si>
    <t>1518.6</t>
  </si>
  <si>
    <t>25.3548425745774</t>
  </si>
  <si>
    <t>58098.0</t>
  </si>
  <si>
    <t>68874.0</t>
  </si>
  <si>
    <t>73028.0</t>
  </si>
  <si>
    <t>75053.0</t>
  </si>
  <si>
    <t>80085.0</t>
  </si>
  <si>
    <t>934.9</t>
  </si>
  <si>
    <t>15.6092732272965</t>
  </si>
  <si>
    <t>90515.0</t>
  </si>
  <si>
    <t>95060.0</t>
  </si>
  <si>
    <t>100827.0</t>
  </si>
  <si>
    <t>108021.0</t>
  </si>
  <si>
    <t>114711.0</t>
  </si>
  <si>
    <t>9.04265951428363</t>
  </si>
  <si>
    <t>126937.0</t>
  </si>
  <si>
    <t>133774.0</t>
  </si>
  <si>
    <t>143570.0</t>
  </si>
  <si>
    <t>152390.0</t>
  </si>
  <si>
    <t>161004.0</t>
  </si>
  <si>
    <t>24.6999999999999</t>
  </si>
  <si>
    <t>0.412396030285829</t>
  </si>
  <si>
    <t>178470.0</t>
  </si>
  <si>
    <t>185497.0</t>
  </si>
  <si>
    <t>197127.0</t>
  </si>
  <si>
    <t>207530.0</t>
  </si>
  <si>
    <t>230686.0</t>
  </si>
  <si>
    <t>245747.0</t>
  </si>
  <si>
    <t>-913.6</t>
  </si>
  <si>
    <t>-9.22</t>
  </si>
  <si>
    <t>-15.2536442619083</t>
  </si>
  <si>
    <t>257541.0</t>
  </si>
  <si>
    <t>268064.0</t>
  </si>
  <si>
    <t>279379.0</t>
  </si>
  <si>
    <t>292153.0</t>
  </si>
  <si>
    <t>307752.0</t>
  </si>
  <si>
    <t>324079.0</t>
  </si>
  <si>
    <t>5.457</t>
  </si>
  <si>
    <t>341336.0</t>
  </si>
  <si>
    <t>-1597.5</t>
  </si>
  <si>
    <t>-26.6721724041139</t>
  </si>
  <si>
    <t>356067.0</t>
  </si>
  <si>
    <t>369697.0</t>
  </si>
  <si>
    <t>386352.0</t>
  </si>
  <si>
    <t>403018.0</t>
  </si>
  <si>
    <t>421555.0</t>
  </si>
  <si>
    <t>439559.0</t>
  </si>
  <si>
    <t>460873.0</t>
  </si>
  <si>
    <t>-2239.0</t>
  </si>
  <si>
    <t>-6.26</t>
  </si>
  <si>
    <t>-37.3827818546548</t>
  </si>
  <si>
    <t>475071.0</t>
  </si>
  <si>
    <t>488609.0</t>
  </si>
  <si>
    <t>505861.0</t>
  </si>
  <si>
    <t>525433.0</t>
  </si>
  <si>
    <t>11.687</t>
  </si>
  <si>
    <t>543032.0</t>
  </si>
  <si>
    <t>564370.0</t>
  </si>
  <si>
    <t>583855.0</t>
  </si>
  <si>
    <t>-2578.7</t>
  </si>
  <si>
    <t>-43.0544794857518</t>
  </si>
  <si>
    <t>605991.0</t>
  </si>
  <si>
    <t>634996.0</t>
  </si>
  <si>
    <t>17.381</t>
  </si>
  <si>
    <t>655723.0</t>
  </si>
  <si>
    <t>680175.0</t>
  </si>
  <si>
    <t>24452.0</t>
  </si>
  <si>
    <t>701883.0</t>
  </si>
  <si>
    <t>725125.0</t>
  </si>
  <si>
    <t>-3478.6</t>
  </si>
  <si>
    <t>-58.0793858685137</t>
  </si>
  <si>
    <t>742742.0</t>
  </si>
  <si>
    <t>761534.0</t>
  </si>
  <si>
    <t>785979.0</t>
  </si>
  <si>
    <t>13.234</t>
  </si>
  <si>
    <t>820675.0</t>
  </si>
  <si>
    <t>34696.0</t>
  </si>
  <si>
    <t>850871.0</t>
  </si>
  <si>
    <t>30196.0</t>
  </si>
  <si>
    <t>891668.0</t>
  </si>
  <si>
    <t>40797.0</t>
  </si>
  <si>
    <t>920064.0</t>
  </si>
  <si>
    <t>-4456.7</t>
  </si>
  <si>
    <t>-74.4099347439214</t>
  </si>
  <si>
    <t>968070.0</t>
  </si>
  <si>
    <t>998400.0</t>
  </si>
  <si>
    <t>17.315</t>
  </si>
  <si>
    <t>1060425.0</t>
  </si>
  <si>
    <t>1087887.0</t>
  </si>
  <si>
    <t>27462.0</t>
  </si>
  <si>
    <t>1121958.0</t>
  </si>
  <si>
    <t>18.891</t>
  </si>
  <si>
    <t>-4951.2</t>
  </si>
  <si>
    <t>-82.6662034474171</t>
  </si>
  <si>
    <t>19.345</t>
  </si>
  <si>
    <t>1172513.0</t>
  </si>
  <si>
    <t>19.742</t>
  </si>
  <si>
    <t>1207360.0</t>
  </si>
  <si>
    <t>1228098.0</t>
  </si>
  <si>
    <t>20.678</t>
  </si>
  <si>
    <t>1260434.0</t>
  </si>
  <si>
    <t>1293608.0</t>
  </si>
  <si>
    <t>1328060.0</t>
  </si>
  <si>
    <t>34452.0</t>
  </si>
  <si>
    <t>22.361</t>
  </si>
  <si>
    <t>-3883.9</t>
  </si>
  <si>
    <t>-64.8463539282241</t>
  </si>
  <si>
    <t>1353176.0</t>
  </si>
  <si>
    <t>22.784</t>
  </si>
  <si>
    <t>1382772.0</t>
  </si>
  <si>
    <t>1416894.0</t>
  </si>
  <si>
    <t>23.857</t>
  </si>
  <si>
    <t>1460012.0</t>
  </si>
  <si>
    <t>24.583</t>
  </si>
  <si>
    <t>33131.0</t>
  </si>
  <si>
    <t>1493104.0</t>
  </si>
  <si>
    <t>33092.0</t>
  </si>
  <si>
    <t>33239.0</t>
  </si>
  <si>
    <t>1529009.0</t>
  </si>
  <si>
    <t>25.744</t>
  </si>
  <si>
    <t>1567084.0</t>
  </si>
  <si>
    <t>-2302.2</t>
  </si>
  <si>
    <t>-38.4379814139287</t>
  </si>
  <si>
    <t>1596995.0</t>
  </si>
  <si>
    <t>1630008.0</t>
  </si>
  <si>
    <t>27.445</t>
  </si>
  <si>
    <t>1666939.0</t>
  </si>
  <si>
    <t>28.067</t>
  </si>
  <si>
    <t>35721.0</t>
  </si>
  <si>
    <t>1706127.0</t>
  </si>
  <si>
    <t>28.726</t>
  </si>
  <si>
    <t>1745153.0</t>
  </si>
  <si>
    <t>29.384</t>
  </si>
  <si>
    <t>36007.0</t>
  </si>
  <si>
    <t>1792078.0</t>
  </si>
  <si>
    <t>30.174</t>
  </si>
  <si>
    <t>1830161.0</t>
  </si>
  <si>
    <t>30.815</t>
  </si>
  <si>
    <t>0.793069289011212</t>
  </si>
  <si>
    <t>1864111.0</t>
  </si>
  <si>
    <t>31.386</t>
  </si>
  <si>
    <t>38159.0</t>
  </si>
  <si>
    <t>14.426</t>
  </si>
  <si>
    <t>1907532.0</t>
  </si>
  <si>
    <t>43421.0</t>
  </si>
  <si>
    <t>32.118</t>
  </si>
  <si>
    <t>1944399.0</t>
  </si>
  <si>
    <t>32.738</t>
  </si>
  <si>
    <t>2000569.0</t>
  </si>
  <si>
    <t>56170.0</t>
  </si>
  <si>
    <t>33.684</t>
  </si>
  <si>
    <t>42063.0</t>
  </si>
  <si>
    <t>2057232.0</t>
  </si>
  <si>
    <t>2108570.0</t>
  </si>
  <si>
    <t>51338.0</t>
  </si>
  <si>
    <t>35.502</t>
  </si>
  <si>
    <t>2154391.0</t>
  </si>
  <si>
    <t>36.274</t>
  </si>
  <si>
    <t>70.5080338419863</t>
  </si>
  <si>
    <t>2194624.0</t>
  </si>
  <si>
    <t>2232738.0</t>
  </si>
  <si>
    <t>37.593</t>
  </si>
  <si>
    <t>2278127.0</t>
  </si>
  <si>
    <t>38.357</t>
  </si>
  <si>
    <t>2324923.0</t>
  </si>
  <si>
    <t>0.2648</t>
  </si>
  <si>
    <t>2373053.0</t>
  </si>
  <si>
    <t>0.2752</t>
  </si>
  <si>
    <t>19.484</t>
  </si>
  <si>
    <t>147.995</t>
  </si>
  <si>
    <t>2422741.0</t>
  </si>
  <si>
    <t>40.792</t>
  </si>
  <si>
    <t>44882.0</t>
  </si>
  <si>
    <t>2471747.0</t>
  </si>
  <si>
    <t>41.617</t>
  </si>
  <si>
    <t>10068.9</t>
  </si>
  <si>
    <t>168.112323455263</t>
  </si>
  <si>
    <t>2505646.0</t>
  </si>
  <si>
    <t>33899.0</t>
  </si>
  <si>
    <t>42.188</t>
  </si>
  <si>
    <t>2536921.0</t>
  </si>
  <si>
    <t>42.715</t>
  </si>
  <si>
    <t>2585474.0</t>
  </si>
  <si>
    <t>43.532</t>
  </si>
  <si>
    <t>2632106.0</t>
  </si>
  <si>
    <t>2684488.0</t>
  </si>
  <si>
    <t>52382.0</t>
  </si>
  <si>
    <t>45.199</t>
  </si>
  <si>
    <t>2730812.0</t>
  </si>
  <si>
    <t>45.979</t>
  </si>
  <si>
    <t>2773778.0</t>
  </si>
  <si>
    <t>16064.6</t>
  </si>
  <si>
    <t>268.217703163148</t>
  </si>
  <si>
    <t>2802211.0</t>
  </si>
  <si>
    <t>28433.0</t>
  </si>
  <si>
    <t>47.181</t>
  </si>
  <si>
    <t>42366.0</t>
  </si>
  <si>
    <t>2830635.0</t>
  </si>
  <si>
    <t>2873163.0</t>
  </si>
  <si>
    <t>2918049.0</t>
  </si>
  <si>
    <t>2959535.0</t>
  </si>
  <si>
    <t>41486.0</t>
  </si>
  <si>
    <t>3001985.0</t>
  </si>
  <si>
    <t>50.545</t>
  </si>
  <si>
    <t>3036779.0</t>
  </si>
  <si>
    <t>51.131</t>
  </si>
  <si>
    <t>20642.5</t>
  </si>
  <si>
    <t>344.651216808715</t>
  </si>
  <si>
    <t>3058695.0</t>
  </si>
  <si>
    <t>3078202.0</t>
  </si>
  <si>
    <t>3113191.0</t>
  </si>
  <si>
    <t>52.417</t>
  </si>
  <si>
    <t>3149807.0</t>
  </si>
  <si>
    <t>53.034</t>
  </si>
  <si>
    <t>3183658.0</t>
  </si>
  <si>
    <t>53.604</t>
  </si>
  <si>
    <t>3220265.0</t>
  </si>
  <si>
    <t>31183.0</t>
  </si>
  <si>
    <t>3250583.0</t>
  </si>
  <si>
    <t>54.731</t>
  </si>
  <si>
    <t>23906.6</t>
  </si>
  <si>
    <t>399.149268730009</t>
  </si>
  <si>
    <t>24.677</t>
  </si>
  <si>
    <t>3267494.0</t>
  </si>
  <si>
    <t>55.015</t>
  </si>
  <si>
    <t>153.421</t>
  </si>
  <si>
    <t>3278977.0</t>
  </si>
  <si>
    <t>55.209</t>
  </si>
  <si>
    <t>3295434.0</t>
  </si>
  <si>
    <t>55.486</t>
  </si>
  <si>
    <t>3315497.0</t>
  </si>
  <si>
    <t>55.824</t>
  </si>
  <si>
    <t>3351111.0</t>
  </si>
  <si>
    <t>35614.0</t>
  </si>
  <si>
    <t>56.423</t>
  </si>
  <si>
    <t>23922.0</t>
  </si>
  <si>
    <t>3378029.0</t>
  </si>
  <si>
    <t>56.877</t>
  </si>
  <si>
    <t>3400638.0</t>
  </si>
  <si>
    <t>57.257</t>
  </si>
  <si>
    <t>26001.7</t>
  </si>
  <si>
    <t>434.129468043849</t>
  </si>
  <si>
    <t>3415670.0</t>
  </si>
  <si>
    <t>21624.0</t>
  </si>
  <si>
    <t>3455671.0</t>
  </si>
  <si>
    <t>58.184</t>
  </si>
  <si>
    <t>22.289</t>
  </si>
  <si>
    <t>3480283.0</t>
  </si>
  <si>
    <t>58.598</t>
  </si>
  <si>
    <t>3504507.0</t>
  </si>
  <si>
    <t>59.006</t>
  </si>
  <si>
    <t>3535067.0</t>
  </si>
  <si>
    <t>3553425.0</t>
  </si>
  <si>
    <t>466.658665849755</t>
  </si>
  <si>
    <t>3564065.0</t>
  </si>
  <si>
    <t>3578836.0</t>
  </si>
  <si>
    <t>3598973.0</t>
  </si>
  <si>
    <t>3617982.0</t>
  </si>
  <si>
    <t>60.917</t>
  </si>
  <si>
    <t>3632311.0</t>
  </si>
  <si>
    <t>3652970.0</t>
  </si>
  <si>
    <t>20659.0</t>
  </si>
  <si>
    <t>61.506</t>
  </si>
  <si>
    <t>3674872.0</t>
  </si>
  <si>
    <t>21902.0</t>
  </si>
  <si>
    <t>61.875</t>
  </si>
  <si>
    <t>29086.1</t>
  </si>
  <si>
    <t>485.627213623348</t>
  </si>
  <si>
    <t>3693721.0</t>
  </si>
  <si>
    <t>62.192</t>
  </si>
  <si>
    <t>3705408.0</t>
  </si>
  <si>
    <t>62.389</t>
  </si>
  <si>
    <t>3726721.0</t>
  </si>
  <si>
    <t>62.748</t>
  </si>
  <si>
    <t>3747101.0</t>
  </si>
  <si>
    <t>63.091</t>
  </si>
  <si>
    <t>3765700.0</t>
  </si>
  <si>
    <t>63.404</t>
  </si>
  <si>
    <t>3783823.0</t>
  </si>
  <si>
    <t>63.709</t>
  </si>
  <si>
    <t>3800190.0</t>
  </si>
  <si>
    <t>29773.2</t>
  </si>
  <si>
    <t>497.099169591339</t>
  </si>
  <si>
    <t>3808949.0</t>
  </si>
  <si>
    <t>64.132</t>
  </si>
  <si>
    <t>3821162.0</t>
  </si>
  <si>
    <t>64.338</t>
  </si>
  <si>
    <t>3842898.0</t>
  </si>
  <si>
    <t>3863453.0</t>
  </si>
  <si>
    <t>3884166.0</t>
  </si>
  <si>
    <t>65.399</t>
  </si>
  <si>
    <t>3902786.0</t>
  </si>
  <si>
    <t>65.712</t>
  </si>
  <si>
    <t>3918478.0</t>
  </si>
  <si>
    <t>65.976</t>
  </si>
  <si>
    <t>30081.7</t>
  </si>
  <si>
    <t>502.249945921022</t>
  </si>
  <si>
    <t>3928614.0</t>
  </si>
  <si>
    <t>3940217.0</t>
  </si>
  <si>
    <t>66.342</t>
  </si>
  <si>
    <t>3961179.0</t>
  </si>
  <si>
    <t>66.695</t>
  </si>
  <si>
    <t>3983533.0</t>
  </si>
  <si>
    <t>67.072</t>
  </si>
  <si>
    <t>4003590.0</t>
  </si>
  <si>
    <t>67.409</t>
  </si>
  <si>
    <t>4024659.0</t>
  </si>
  <si>
    <t>4041543.0</t>
  </si>
  <si>
    <t>68.048</t>
  </si>
  <si>
    <t>30017.4</t>
  </si>
  <si>
    <t>501.176380546635</t>
  </si>
  <si>
    <t>4047723.0</t>
  </si>
  <si>
    <t>4064117.0</t>
  </si>
  <si>
    <t>68.428</t>
  </si>
  <si>
    <t>4083757.0</t>
  </si>
  <si>
    <t>4102162.0</t>
  </si>
  <si>
    <t>69.069</t>
  </si>
  <si>
    <t>4117079.0</t>
  </si>
  <si>
    <t>4128438.0</t>
  </si>
  <si>
    <t>69.511</t>
  </si>
  <si>
    <t>4143466.0</t>
  </si>
  <si>
    <t>69.764</t>
  </si>
  <si>
    <t>30308.9</t>
  </si>
  <si>
    <t>506.04332155183</t>
  </si>
  <si>
    <t>4152480.0</t>
  </si>
  <si>
    <t>4164491.0</t>
  </si>
  <si>
    <t>4187917.0</t>
  </si>
  <si>
    <t>70.513</t>
  </si>
  <si>
    <t>4209049.0</t>
  </si>
  <si>
    <t>70.869</t>
  </si>
  <si>
    <t>4229709.0</t>
  </si>
  <si>
    <t>4251513.0</t>
  </si>
  <si>
    <t>4269626.0</t>
  </si>
  <si>
    <t>71.889</t>
  </si>
  <si>
    <t>29865.6</t>
  </si>
  <si>
    <t>498.64189806091</t>
  </si>
  <si>
    <t>4280340.0</t>
  </si>
  <si>
    <t>72.069</t>
  </si>
  <si>
    <t>4294931.0</t>
  </si>
  <si>
    <t>72.595</t>
  </si>
  <si>
    <t>4318514.0</t>
  </si>
  <si>
    <t>72.712</t>
  </si>
  <si>
    <t>4339686.0</t>
  </si>
  <si>
    <t>4360105.0</t>
  </si>
  <si>
    <t>4388171.0</t>
  </si>
  <si>
    <t>73.885</t>
  </si>
  <si>
    <t>4407441.0</t>
  </si>
  <si>
    <t>74.209</t>
  </si>
  <si>
    <t>30526.1</t>
  </si>
  <si>
    <t>509.669735227056</t>
  </si>
  <si>
    <t>4418418.0</t>
  </si>
  <si>
    <t>19725.0</t>
  </si>
  <si>
    <t>4433952.0</t>
  </si>
  <si>
    <t>74.655</t>
  </si>
  <si>
    <t>4458745.0</t>
  </si>
  <si>
    <t>75.073</t>
  </si>
  <si>
    <t>4481354.0</t>
  </si>
  <si>
    <t>75.454</t>
  </si>
  <si>
    <t>4505533.0</t>
  </si>
  <si>
    <t>75.861</t>
  </si>
  <si>
    <t>4528141.0</t>
  </si>
  <si>
    <t>76.241</t>
  </si>
  <si>
    <t>4549478.0</t>
  </si>
  <si>
    <t>76.601</t>
  </si>
  <si>
    <t>31554.8</t>
  </si>
  <si>
    <t>526.845111597705</t>
  </si>
  <si>
    <t>4565980.0</t>
  </si>
  <si>
    <t>76.878</t>
  </si>
  <si>
    <t>21080.0</t>
  </si>
  <si>
    <t>4581346.0</t>
  </si>
  <si>
    <t>77.137</t>
  </si>
  <si>
    <t>4607883.0</t>
  </si>
  <si>
    <t>77.584</t>
  </si>
  <si>
    <t>4633671.0</t>
  </si>
  <si>
    <t>25788.0</t>
  </si>
  <si>
    <t>78.018</t>
  </si>
  <si>
    <t>4657116.0</t>
  </si>
  <si>
    <t>78.413</t>
  </si>
  <si>
    <t>4677942.0</t>
  </si>
  <si>
    <t>78.764</t>
  </si>
  <si>
    <t>4697939.0</t>
  </si>
  <si>
    <t>32431.5</t>
  </si>
  <si>
    <t>541.482666243518</t>
  </si>
  <si>
    <t>4709403.0</t>
  </si>
  <si>
    <t>79.293</t>
  </si>
  <si>
    <t>4726875.0</t>
  </si>
  <si>
    <t>79.587</t>
  </si>
  <si>
    <t>4752596.0</t>
  </si>
  <si>
    <t>4777609.0</t>
  </si>
  <si>
    <t>4800823.0</t>
  </si>
  <si>
    <t>23214.0</t>
  </si>
  <si>
    <t>80.832</t>
  </si>
  <si>
    <t>4822973.0</t>
  </si>
  <si>
    <t>81.205</t>
  </si>
  <si>
    <t>4842516.0</t>
  </si>
  <si>
    <t>81.534</t>
  </si>
  <si>
    <t>32799.6</t>
  </si>
  <si>
    <t>547.628535828466</t>
  </si>
  <si>
    <t>4852918.0</t>
  </si>
  <si>
    <t>4868610.0</t>
  </si>
  <si>
    <t>81.974</t>
  </si>
  <si>
    <t>4893683.0</t>
  </si>
  <si>
    <t>4917625.0</t>
  </si>
  <si>
    <t>82.799</t>
  </si>
  <si>
    <t>4940719.0</t>
  </si>
  <si>
    <t>23094.0</t>
  </si>
  <si>
    <t>83.188</t>
  </si>
  <si>
    <t>4963174.0</t>
  </si>
  <si>
    <t>83.566</t>
  </si>
  <si>
    <t>4980440.0</t>
  </si>
  <si>
    <t>83.857</t>
  </si>
  <si>
    <t>33576.7</t>
  </si>
  <si>
    <t>560.60314939669</t>
  </si>
  <si>
    <t>4993081.0</t>
  </si>
  <si>
    <t>5010350.0</t>
  </si>
  <si>
    <t>5037782.0</t>
  </si>
  <si>
    <t>84.822</t>
  </si>
  <si>
    <t>5063457.0</t>
  </si>
  <si>
    <t>85.254</t>
  </si>
  <si>
    <t>5086887.0</t>
  </si>
  <si>
    <t>85.649</t>
  </si>
  <si>
    <t>5110384.0</t>
  </si>
  <si>
    <t>5130192.0</t>
  </si>
  <si>
    <t>86.378</t>
  </si>
  <si>
    <t>584.400236925693</t>
  </si>
  <si>
    <t>5142947.0</t>
  </si>
  <si>
    <t>21409.0</t>
  </si>
  <si>
    <t>5160877.0</t>
  </si>
  <si>
    <t>86.895</t>
  </si>
  <si>
    <t>5189580.0</t>
  </si>
  <si>
    <t>5214036.0</t>
  </si>
  <si>
    <t>5243055.0</t>
  </si>
  <si>
    <t>5269062.0</t>
  </si>
  <si>
    <t>88.716</t>
  </si>
  <si>
    <t>5290966.0</t>
  </si>
  <si>
    <t>89.085</t>
  </si>
  <si>
    <t>36446.5</t>
  </si>
  <si>
    <t>608.517891409413</t>
  </si>
  <si>
    <t>5305343.0</t>
  </si>
  <si>
    <t>5325631.0</t>
  </si>
  <si>
    <t>89.669</t>
  </si>
  <si>
    <t>5355068.0</t>
  </si>
  <si>
    <t>90.164</t>
  </si>
  <si>
    <t>5383078.0</t>
  </si>
  <si>
    <t>37090.4</t>
  </si>
  <si>
    <t>619.268571729294</t>
  </si>
  <si>
    <t>5500669.0</t>
  </si>
  <si>
    <t>92.616</t>
  </si>
  <si>
    <t>5534084.0</t>
  </si>
  <si>
    <t>93.179</t>
  </si>
  <si>
    <t>5565928.0</t>
  </si>
  <si>
    <t>93.715</t>
  </si>
  <si>
    <t>5592663.0</t>
  </si>
  <si>
    <t>38953.3</t>
  </si>
  <si>
    <t>650.371914434536</t>
  </si>
  <si>
    <t>5611915.0</t>
  </si>
  <si>
    <t>94.489</t>
  </si>
  <si>
    <t>5640042.0</t>
  </si>
  <si>
    <t>94.963</t>
  </si>
  <si>
    <t>5690263.0</t>
  </si>
  <si>
    <t>50221.0</t>
  </si>
  <si>
    <t>5735470.0</t>
  </si>
  <si>
    <t>5779544.0</t>
  </si>
  <si>
    <t>44074.0</t>
  </si>
  <si>
    <t>97.311</t>
  </si>
  <si>
    <t>5819755.0</t>
  </si>
  <si>
    <t>97.988</t>
  </si>
  <si>
    <t>5859178.0</t>
  </si>
  <si>
    <t>98.652</t>
  </si>
  <si>
    <t>703.844819948561</t>
  </si>
  <si>
    <t>5884227.0</t>
  </si>
  <si>
    <t>99.074</t>
  </si>
  <si>
    <t>5920574.0</t>
  </si>
  <si>
    <t>99.686</t>
  </si>
  <si>
    <t>40076.0</t>
  </si>
  <si>
    <t>5968692.0</t>
  </si>
  <si>
    <t>48118.0</t>
  </si>
  <si>
    <t>100.496</t>
  </si>
  <si>
    <t>6011235.0</t>
  </si>
  <si>
    <t>101.212</t>
  </si>
  <si>
    <t>39395.0</t>
  </si>
  <si>
    <t>6051986.0</t>
  </si>
  <si>
    <t>40751.0</t>
  </si>
  <si>
    <t>101.899</t>
  </si>
  <si>
    <t>6100373.0</t>
  </si>
  <si>
    <t>102.713</t>
  </si>
  <si>
    <t>6140839.0</t>
  </si>
  <si>
    <t>46233.7</t>
  </si>
  <si>
    <t>771.926896575951</t>
  </si>
  <si>
    <t>6176683.0</t>
  </si>
  <si>
    <t>35844.0</t>
  </si>
  <si>
    <t>103.998</t>
  </si>
  <si>
    <t>41779.0</t>
  </si>
  <si>
    <t>6215728.0</t>
  </si>
  <si>
    <t>104.656</t>
  </si>
  <si>
    <t>6269776.0</t>
  </si>
  <si>
    <t>54048.0</t>
  </si>
  <si>
    <t>105.566</t>
  </si>
  <si>
    <t>6325784.0</t>
  </si>
  <si>
    <t>106.509</t>
  </si>
  <si>
    <t>6378007.0</t>
  </si>
  <si>
    <t>107.388</t>
  </si>
  <si>
    <t>6415824.0</t>
  </si>
  <si>
    <t>108.025</t>
  </si>
  <si>
    <t>6445318.0</t>
  </si>
  <si>
    <t>108.521</t>
  </si>
  <si>
    <t>53573.8</t>
  </si>
  <si>
    <t>894.478641592187</t>
  </si>
  <si>
    <t>6469025.0</t>
  </si>
  <si>
    <t>6500482.0</t>
  </si>
  <si>
    <t>6553761.0</t>
  </si>
  <si>
    <t>110.347</t>
  </si>
  <si>
    <t>40569.0</t>
  </si>
  <si>
    <t>6609208.0</t>
  </si>
  <si>
    <t>55447.0</t>
  </si>
  <si>
    <t>111.281</t>
  </si>
  <si>
    <t>6659318.0</t>
  </si>
  <si>
    <t>50110.0</t>
  </si>
  <si>
    <t>112.124</t>
  </si>
  <si>
    <t>6706231.0</t>
  </si>
  <si>
    <t>46913.0</t>
  </si>
  <si>
    <t>6742853.0</t>
  </si>
  <si>
    <t>113.531</t>
  </si>
  <si>
    <t>0.3238</t>
  </si>
  <si>
    <t>63619.9</t>
  </si>
  <si>
    <t>1062.21029178872</t>
  </si>
  <si>
    <t>6780272.0</t>
  </si>
  <si>
    <t>114.161</t>
  </si>
  <si>
    <t>6828147.0</t>
  </si>
  <si>
    <t>47875.0</t>
  </si>
  <si>
    <t>114.967</t>
  </si>
  <si>
    <t>46809.0</t>
  </si>
  <si>
    <t>6898207.0</t>
  </si>
  <si>
    <t>70060.0</t>
  </si>
  <si>
    <t>116.147</t>
  </si>
  <si>
    <t>6967478.0</t>
  </si>
  <si>
    <t>117.313</t>
  </si>
  <si>
    <t>51181.0</t>
  </si>
  <si>
    <t>7043680.0</t>
  </si>
  <si>
    <t>76202.0</t>
  </si>
  <si>
    <t>118.596</t>
  </si>
  <si>
    <t>7120847.0</t>
  </si>
  <si>
    <t>77167.0</t>
  </si>
  <si>
    <t>119.895</t>
  </si>
  <si>
    <t>7183893.0</t>
  </si>
  <si>
    <t>120.957</t>
  </si>
  <si>
    <t>63006.0</t>
  </si>
  <si>
    <t>0.2967</t>
  </si>
  <si>
    <t>76992.2</t>
  </si>
  <si>
    <t>1285.47682765072</t>
  </si>
  <si>
    <t>7236389.0</t>
  </si>
  <si>
    <t>121.841</t>
  </si>
  <si>
    <t>7287060.0</t>
  </si>
  <si>
    <t>122.694</t>
  </si>
  <si>
    <t>7358741.0</t>
  </si>
  <si>
    <t>123.901</t>
  </si>
  <si>
    <t>65791.0</t>
  </si>
  <si>
    <t>7433571.0</t>
  </si>
  <si>
    <t>125.161</t>
  </si>
  <si>
    <t>7498780.0</t>
  </si>
  <si>
    <t>126.259</t>
  </si>
  <si>
    <t>7558774.0</t>
  </si>
  <si>
    <t>127.269</t>
  </si>
  <si>
    <t>7613470.0</t>
  </si>
  <si>
    <t>61368.0</t>
  </si>
  <si>
    <t>92728.9</t>
  </si>
  <si>
    <t>1548.21984829035</t>
  </si>
  <si>
    <t>7653371.0</t>
  </si>
  <si>
    <t>128.861</t>
  </si>
  <si>
    <t>59569.0</t>
  </si>
  <si>
    <t>7700019.0</t>
  </si>
  <si>
    <t>46648.0</t>
  </si>
  <si>
    <t>129.647</t>
  </si>
  <si>
    <t>58994.0</t>
  </si>
  <si>
    <t>7762073.0</t>
  </si>
  <si>
    <t>130.692</t>
  </si>
  <si>
    <t>57619.0</t>
  </si>
  <si>
    <t>7820613.0</t>
  </si>
  <si>
    <t>58540.0</t>
  </si>
  <si>
    <t>131.677</t>
  </si>
  <si>
    <t>7882864.0</t>
  </si>
  <si>
    <t>62251.0</t>
  </si>
  <si>
    <t>7947007.0</t>
  </si>
  <si>
    <t>64143.0</t>
  </si>
  <si>
    <t>133.805</t>
  </si>
  <si>
    <t>7993126.0</t>
  </si>
  <si>
    <t>105538.2</t>
  </si>
  <si>
    <t>1762.08642605312</t>
  </si>
  <si>
    <t>8019239.0</t>
  </si>
  <si>
    <t>8058768.0</t>
  </si>
  <si>
    <t>135.687</t>
  </si>
  <si>
    <t>8107833.0</t>
  </si>
  <si>
    <t>136.513</t>
  </si>
  <si>
    <t>8156239.0</t>
  </si>
  <si>
    <t>137.328</t>
  </si>
  <si>
    <t>8203584.0</t>
  </si>
  <si>
    <t>138.125</t>
  </si>
  <si>
    <t>8245124.0</t>
  </si>
  <si>
    <t>41540.0</t>
  </si>
  <si>
    <t>138.825</t>
  </si>
  <si>
    <t>8279200.0</t>
  </si>
  <si>
    <t>139.399</t>
  </si>
  <si>
    <t>40868.0</t>
  </si>
  <si>
    <t>112505.1</t>
  </si>
  <si>
    <t>1878.40715088706</t>
  </si>
  <si>
    <t>8300749.0</t>
  </si>
  <si>
    <t>139.761</t>
  </si>
  <si>
    <t>8329691.0</t>
  </si>
  <si>
    <t>140.249</t>
  </si>
  <si>
    <t>38703.0</t>
  </si>
  <si>
    <t>8369287.0</t>
  </si>
  <si>
    <t>140.915</t>
  </si>
  <si>
    <t>35.029</t>
  </si>
  <si>
    <t>8400319.0</t>
  </si>
  <si>
    <t>31032.0</t>
  </si>
  <si>
    <t>141.438</t>
  </si>
  <si>
    <t>8436569.0</t>
  </si>
  <si>
    <t>36250.0</t>
  </si>
  <si>
    <t>142.048</t>
  </si>
  <si>
    <t>8469756.0</t>
  </si>
  <si>
    <t>33187.0</t>
  </si>
  <si>
    <t>142.607</t>
  </si>
  <si>
    <t>8495811.0</t>
  </si>
  <si>
    <t>143.046</t>
  </si>
  <si>
    <t>117158.2</t>
  </si>
  <si>
    <t>1956.0962184386</t>
  </si>
  <si>
    <t>8511410.0</t>
  </si>
  <si>
    <t>143.308</t>
  </si>
  <si>
    <t>8538269.0</t>
  </si>
  <si>
    <t>143.761</t>
  </si>
  <si>
    <t>8573464.0</t>
  </si>
  <si>
    <t>35195.0</t>
  </si>
  <si>
    <t>144.353</t>
  </si>
  <si>
    <t>8605729.0</t>
  </si>
  <si>
    <t>8641447.0</t>
  </si>
  <si>
    <t>35718.0</t>
  </si>
  <si>
    <t>145.498</t>
  </si>
  <si>
    <t>29268.0</t>
  </si>
  <si>
    <t>8672596.0</t>
  </si>
  <si>
    <t>146.022</t>
  </si>
  <si>
    <t>8697066.0</t>
  </si>
  <si>
    <t>120047.3</t>
  </si>
  <si>
    <t>2004.33319702559</t>
  </si>
  <si>
    <t>8712844.0</t>
  </si>
  <si>
    <t>8737330.0</t>
  </si>
  <si>
    <t>147.112</t>
  </si>
  <si>
    <t>8772743.0</t>
  </si>
  <si>
    <t>147.709</t>
  </si>
  <si>
    <t>28468.0</t>
  </si>
  <si>
    <t>8807299.0</t>
  </si>
  <si>
    <t>28796.0</t>
  </si>
  <si>
    <t>8838937.0</t>
  </si>
  <si>
    <t>148.823</t>
  </si>
  <si>
    <t>8867659.0</t>
  </si>
  <si>
    <t>149.307</t>
  </si>
  <si>
    <t>8892515.0</t>
  </si>
  <si>
    <t>149.725</t>
  </si>
  <si>
    <t>122532.8</t>
  </si>
  <si>
    <t>2045.83159108533</t>
  </si>
  <si>
    <t>8907857.0</t>
  </si>
  <si>
    <t>149.983</t>
  </si>
  <si>
    <t>8932950.0</t>
  </si>
  <si>
    <t>150.406</t>
  </si>
  <si>
    <t>27946.0</t>
  </si>
  <si>
    <t>8967460.0</t>
  </si>
  <si>
    <t>150.987</t>
  </si>
  <si>
    <t>8999322.0</t>
  </si>
  <si>
    <t>151.523</t>
  </si>
  <si>
    <t>9028074.0</t>
  </si>
  <si>
    <t>28752.0</t>
  </si>
  <si>
    <t>152.008</t>
  </si>
  <si>
    <t>11001.0</t>
  </si>
  <si>
    <t>9054643.0</t>
  </si>
  <si>
    <t>152.455</t>
  </si>
  <si>
    <t>67303.0</t>
  </si>
  <si>
    <t>9077479.0</t>
  </si>
  <si>
    <t>152.839</t>
  </si>
  <si>
    <t>70527.0</t>
  </si>
  <si>
    <t>124347.5</t>
  </si>
  <si>
    <t>2076.13017716467</t>
  </si>
  <si>
    <t>9090273.0</t>
  </si>
  <si>
    <t>9114026.0</t>
  </si>
  <si>
    <t>153.455</t>
  </si>
  <si>
    <t>9147524.0</t>
  </si>
  <si>
    <t>33498.0</t>
  </si>
  <si>
    <t>154.019</t>
  </si>
  <si>
    <t>83570.0</t>
  </si>
  <si>
    <t>9178323.0</t>
  </si>
  <si>
    <t>30799.0</t>
  </si>
  <si>
    <t>154.537</t>
  </si>
  <si>
    <t>9207347.0</t>
  </si>
  <si>
    <t>155.026</t>
  </si>
  <si>
    <t>25610.0</t>
  </si>
  <si>
    <t>9236503.0</t>
  </si>
  <si>
    <t>155.517</t>
  </si>
  <si>
    <t>25980.0</t>
  </si>
  <si>
    <t>101573.0</t>
  </si>
  <si>
    <t>9255492.0</t>
  </si>
  <si>
    <t>155.837</t>
  </si>
  <si>
    <t>125958.6</t>
  </si>
  <si>
    <t>2103.02941782837</t>
  </si>
  <si>
    <t>9269122.0</t>
  </si>
  <si>
    <t>156.066</t>
  </si>
  <si>
    <t>25550.0</t>
  </si>
  <si>
    <t>101841.0</t>
  </si>
  <si>
    <t>9299884.0</t>
  </si>
  <si>
    <t>156.584</t>
  </si>
  <si>
    <t>88.724</t>
  </si>
  <si>
    <t>9336101.0</t>
  </si>
  <si>
    <t>157.194</t>
  </si>
  <si>
    <t>128887.0</t>
  </si>
  <si>
    <t>9369594.0</t>
  </si>
  <si>
    <t>157.758</t>
  </si>
  <si>
    <t>138014.0</t>
  </si>
  <si>
    <t>9393727.0</t>
  </si>
  <si>
    <t>158.164</t>
  </si>
  <si>
    <t>9426589.0</t>
  </si>
  <si>
    <t>158.717</t>
  </si>
  <si>
    <t>27155.0</t>
  </si>
  <si>
    <t>9450492.0</t>
  </si>
  <si>
    <t>127587.7</t>
  </si>
  <si>
    <t>2130.22919001212</t>
  </si>
  <si>
    <t>9465515.0</t>
  </si>
  <si>
    <t>159.373</t>
  </si>
  <si>
    <t>147753.0</t>
  </si>
  <si>
    <t>9490435.0</t>
  </si>
  <si>
    <t>157286.0</t>
  </si>
  <si>
    <t>9524854.0</t>
  </si>
  <si>
    <t>34419.0</t>
  </si>
  <si>
    <t>160.372</t>
  </si>
  <si>
    <t>168413.0</t>
  </si>
  <si>
    <t>9556404.0</t>
  </si>
  <si>
    <t>160.903</t>
  </si>
  <si>
    <t>177275.0</t>
  </si>
  <si>
    <t>9584923.0</t>
  </si>
  <si>
    <t>161.383</t>
  </si>
  <si>
    <t>182983.0</t>
  </si>
  <si>
    <t>9611262.0</t>
  </si>
  <si>
    <t>161.827</t>
  </si>
  <si>
    <t>9635287.0</t>
  </si>
  <si>
    <t>162.231</t>
  </si>
  <si>
    <t>128683.4</t>
  </si>
  <si>
    <t>2148.52321148517</t>
  </si>
  <si>
    <t>9649219.0</t>
  </si>
  <si>
    <t>162.466</t>
  </si>
  <si>
    <t>9665664.0</t>
  </si>
  <si>
    <t>162.743</t>
  </si>
  <si>
    <t>194257.0</t>
  </si>
  <si>
    <t>9690819.0</t>
  </si>
  <si>
    <t>163.166</t>
  </si>
  <si>
    <t>207808.0</t>
  </si>
  <si>
    <t>9722821.0</t>
  </si>
  <si>
    <t>163.705</t>
  </si>
  <si>
    <t>23774.0</t>
  </si>
  <si>
    <t>220129.0</t>
  </si>
  <si>
    <t>9752061.0</t>
  </si>
  <si>
    <t>164.198</t>
  </si>
  <si>
    <t>9779615.0</t>
  </si>
  <si>
    <t>164.661</t>
  </si>
  <si>
    <t>231605.0</t>
  </si>
  <si>
    <t>9803871.0</t>
  </si>
  <si>
    <t>129893.1</t>
  </si>
  <si>
    <t>2168.72059925184</t>
  </si>
  <si>
    <t>65.716</t>
  </si>
  <si>
    <t>9819994.0</t>
  </si>
  <si>
    <t>239665.0</t>
  </si>
  <si>
    <t>9844835.0</t>
  </si>
  <si>
    <t>25596.0</t>
  </si>
  <si>
    <t>251707.0</t>
  </si>
  <si>
    <t>9879348.0</t>
  </si>
  <si>
    <t>34513.0</t>
  </si>
  <si>
    <t>263878.0</t>
  </si>
  <si>
    <t>9912073.0</t>
  </si>
  <si>
    <t>269102.0</t>
  </si>
  <si>
    <t>9939695.0</t>
  </si>
  <si>
    <t>167.357</t>
  </si>
  <si>
    <t>9956086.0</t>
  </si>
  <si>
    <t>167.633</t>
  </si>
  <si>
    <t>25210.0</t>
  </si>
  <si>
    <t>9968203.0</t>
  </si>
  <si>
    <t>167.837</t>
  </si>
  <si>
    <t>131165.0</t>
  </si>
  <si>
    <t>2189.95649038222</t>
  </si>
  <si>
    <t>9979294.0</t>
  </si>
  <si>
    <t>168.023</t>
  </si>
  <si>
    <t>9995431.0</t>
  </si>
  <si>
    <t>168.295</t>
  </si>
  <si>
    <t>10020025.0</t>
  </si>
  <si>
    <t>168.709</t>
  </si>
  <si>
    <t>10055899.0</t>
  </si>
  <si>
    <t>169.313</t>
  </si>
  <si>
    <t>283629.0</t>
  </si>
  <si>
    <t>10086459.0</t>
  </si>
  <si>
    <t>10115923.0</t>
  </si>
  <si>
    <t>29464.0</t>
  </si>
  <si>
    <t>170.324</t>
  </si>
  <si>
    <t>288406.0</t>
  </si>
  <si>
    <t>10138936.0</t>
  </si>
  <si>
    <t>132391.3</t>
  </si>
  <si>
    <t>2210.43103499516</t>
  </si>
  <si>
    <t>10154978.0</t>
  </si>
  <si>
    <t>170.982</t>
  </si>
  <si>
    <t>289787.0</t>
  </si>
  <si>
    <t>10181143.0</t>
  </si>
  <si>
    <t>171.422</t>
  </si>
  <si>
    <t>292623.0</t>
  </si>
  <si>
    <t>10216114.0</t>
  </si>
  <si>
    <t>172.011</t>
  </si>
  <si>
    <t>10259664.0</t>
  </si>
  <si>
    <t>43550.0</t>
  </si>
  <si>
    <t>172.744</t>
  </si>
  <si>
    <t>10291264.0</t>
  </si>
  <si>
    <t>173.276</t>
  </si>
  <si>
    <t>10305641.0</t>
  </si>
  <si>
    <t>173.518</t>
  </si>
  <si>
    <t>10337066.0</t>
  </si>
  <si>
    <t>31425.0</t>
  </si>
  <si>
    <t>174.047</t>
  </si>
  <si>
    <t>133818.8</t>
  </si>
  <si>
    <t>2234.26485415439</t>
  </si>
  <si>
    <t>10355196.0</t>
  </si>
  <si>
    <t>174.353</t>
  </si>
  <si>
    <t>10379089.0</t>
  </si>
  <si>
    <t>23893.0</t>
  </si>
  <si>
    <t>174.755</t>
  </si>
  <si>
    <t>10413180.0</t>
  </si>
  <si>
    <t>10447673.0</t>
  </si>
  <si>
    <t>10481576.0</t>
  </si>
  <si>
    <t>176.481</t>
  </si>
  <si>
    <t>10508510.0</t>
  </si>
  <si>
    <t>176.934</t>
  </si>
  <si>
    <t>9.801</t>
  </si>
  <si>
    <t>10530979.0</t>
  </si>
  <si>
    <t>177.312</t>
  </si>
  <si>
    <t>135114.7</t>
  </si>
  <si>
    <t>2255.90145397817</t>
  </si>
  <si>
    <t>10545817.0</t>
  </si>
  <si>
    <t>177.562</t>
  </si>
  <si>
    <t>10567593.0</t>
  </si>
  <si>
    <t>177.929</t>
  </si>
  <si>
    <t>10590107.0</t>
  </si>
  <si>
    <t>178.308</t>
  </si>
  <si>
    <t>10625030.0</t>
  </si>
  <si>
    <t>178.896</t>
  </si>
  <si>
    <t>10654870.0</t>
  </si>
  <si>
    <t>179.398</t>
  </si>
  <si>
    <t>10682827.0</t>
  </si>
  <si>
    <t>179.869</t>
  </si>
  <si>
    <t>24902.0</t>
  </si>
  <si>
    <t>318670.0</t>
  </si>
  <si>
    <t>10699021.0</t>
  </si>
  <si>
    <t>180.142</t>
  </si>
  <si>
    <t>136451.0</t>
  </si>
  <si>
    <t>2278.2125801025</t>
  </si>
  <si>
    <t>10715773.0</t>
  </si>
  <si>
    <t>180.424</t>
  </si>
  <si>
    <t>329098.0</t>
  </si>
  <si>
    <t>10739813.0</t>
  </si>
  <si>
    <t>353181.0</t>
  </si>
  <si>
    <t>10773227.0</t>
  </si>
  <si>
    <t>181.391</t>
  </si>
  <si>
    <t>366101.0</t>
  </si>
  <si>
    <t>10805804.0</t>
  </si>
  <si>
    <t>10831738.0</t>
  </si>
  <si>
    <t>25934.0</t>
  </si>
  <si>
    <t>182.376</t>
  </si>
  <si>
    <t>381171.0</t>
  </si>
  <si>
    <t>10861611.0</t>
  </si>
  <si>
    <t>182.879</t>
  </si>
  <si>
    <t>10887709.0</t>
  </si>
  <si>
    <t>183.319</t>
  </si>
  <si>
    <t>137791.9</t>
  </si>
  <si>
    <t>2300.6005087264</t>
  </si>
  <si>
    <t>10906020.0</t>
  </si>
  <si>
    <t>183.627</t>
  </si>
  <si>
    <t>10931906.0</t>
  </si>
  <si>
    <t>25886.0</t>
  </si>
  <si>
    <t>184.063</t>
  </si>
  <si>
    <t>414372.0</t>
  </si>
  <si>
    <t>10968926.0</t>
  </si>
  <si>
    <t>184.686</t>
  </si>
  <si>
    <t>430730.0</t>
  </si>
  <si>
    <t>11010999.0</t>
  </si>
  <si>
    <t>185.395</t>
  </si>
  <si>
    <t>29314.0</t>
  </si>
  <si>
    <t>455169.0</t>
  </si>
  <si>
    <t>24439.0</t>
  </si>
  <si>
    <t>11052993.0</t>
  </si>
  <si>
    <t>186.102</t>
  </si>
  <si>
    <t>474318.0</t>
  </si>
  <si>
    <t>71.376</t>
  </si>
  <si>
    <t>11087505.0</t>
  </si>
  <si>
    <t>186.683</t>
  </si>
  <si>
    <t>478452.0</t>
  </si>
  <si>
    <t>11115048.0</t>
  </si>
  <si>
    <t>187.146</t>
  </si>
  <si>
    <t>139389.2</t>
  </si>
  <si>
    <t>2327.2693418914</t>
  </si>
  <si>
    <t>11134553.0</t>
  </si>
  <si>
    <t>187.475</t>
  </si>
  <si>
    <t>11166950.0</t>
  </si>
  <si>
    <t>33578.0</t>
  </si>
  <si>
    <t>519139.0</t>
  </si>
  <si>
    <t>479768.0</t>
  </si>
  <si>
    <t>11207305.0</t>
  </si>
  <si>
    <t>558170.0</t>
  </si>
  <si>
    <t>39031.0</t>
  </si>
  <si>
    <t>11246917.0</t>
  </si>
  <si>
    <t>189.367</t>
  </si>
  <si>
    <t>597406.0</t>
  </si>
  <si>
    <t>11281820.0</t>
  </si>
  <si>
    <t>189.954</t>
  </si>
  <si>
    <t>642382.0</t>
  </si>
  <si>
    <t>11325575.0</t>
  </si>
  <si>
    <t>190.691</t>
  </si>
  <si>
    <t>647983.0</t>
  </si>
  <si>
    <t>11354930.0</t>
  </si>
  <si>
    <t>29355.0</t>
  </si>
  <si>
    <t>191.185</t>
  </si>
  <si>
    <t>140958.9</t>
  </si>
  <si>
    <t>2353.477360059</t>
  </si>
  <si>
    <t>11378282.0</t>
  </si>
  <si>
    <t>191.579</t>
  </si>
  <si>
    <t>700904.0</t>
  </si>
  <si>
    <t>11406308.0</t>
  </si>
  <si>
    <t>192.05</t>
  </si>
  <si>
    <t>761903.0</t>
  </si>
  <si>
    <t>16.429</t>
  </si>
  <si>
    <t>11452185.0</t>
  </si>
  <si>
    <t>192.823</t>
  </si>
  <si>
    <t>34983.0</t>
  </si>
  <si>
    <t>828204.0</t>
  </si>
  <si>
    <t>66301.0</t>
  </si>
  <si>
    <t>11495627.0</t>
  </si>
  <si>
    <t>193.554</t>
  </si>
  <si>
    <t>35530.0</t>
  </si>
  <si>
    <t>898955.0</t>
  </si>
  <si>
    <t>70751.0</t>
  </si>
  <si>
    <t>43078.0</t>
  </si>
  <si>
    <t>11535429.0</t>
  </si>
  <si>
    <t>194.224</t>
  </si>
  <si>
    <t>963876.0</t>
  </si>
  <si>
    <t>64921.0</t>
  </si>
  <si>
    <t>11575047.0</t>
  </si>
  <si>
    <t>194.892</t>
  </si>
  <si>
    <t>968319.0</t>
  </si>
  <si>
    <t>11606570.0</t>
  </si>
  <si>
    <t>31523.0</t>
  </si>
  <si>
    <t>195.422</t>
  </si>
  <si>
    <t>35949.0</t>
  </si>
  <si>
    <t>970448.0</t>
  </si>
  <si>
    <t>45546.0</t>
  </si>
  <si>
    <t>143162.4</t>
  </si>
  <si>
    <t>2390.26742697134</t>
  </si>
  <si>
    <t>11631239.0</t>
  </si>
  <si>
    <t>195.838</t>
  </si>
  <si>
    <t>1045104.0</t>
  </si>
  <si>
    <t>11667916.0</t>
  </si>
  <si>
    <t>196.455</t>
  </si>
  <si>
    <t>1117569.0</t>
  </si>
  <si>
    <t>11713400.0</t>
  </si>
  <si>
    <t>197.221</t>
  </si>
  <si>
    <t>1193352.0</t>
  </si>
  <si>
    <t>11757176.0</t>
  </si>
  <si>
    <t>197.958</t>
  </si>
  <si>
    <t>1266893.0</t>
  </si>
  <si>
    <t>11800313.0</t>
  </si>
  <si>
    <t>198.684</t>
  </si>
  <si>
    <t>1336547.0</t>
  </si>
  <si>
    <t>53239.0</t>
  </si>
  <si>
    <t>11840773.0</t>
  </si>
  <si>
    <t>199.366</t>
  </si>
  <si>
    <t>1343433.0</t>
  </si>
  <si>
    <t>53588.0</t>
  </si>
  <si>
    <t>11876594.0</t>
  </si>
  <si>
    <t>199.969</t>
  </si>
  <si>
    <t>1350245.0</t>
  </si>
  <si>
    <t>145944.7</t>
  </si>
  <si>
    <t>2436.72125187273</t>
  </si>
  <si>
    <t>11899793.0</t>
  </si>
  <si>
    <t>200.359</t>
  </si>
  <si>
    <t>1433730.0</t>
  </si>
  <si>
    <t>83485.0</t>
  </si>
  <si>
    <t>11932018.0</t>
  </si>
  <si>
    <t>200.902</t>
  </si>
  <si>
    <t>1525271.0</t>
  </si>
  <si>
    <t>11985750.0</t>
  </si>
  <si>
    <t>53732.0</t>
  </si>
  <si>
    <t>201.807</t>
  </si>
  <si>
    <t>38907.0</t>
  </si>
  <si>
    <t>1619011.0</t>
  </si>
  <si>
    <t>12044072.0</t>
  </si>
  <si>
    <t>202.789</t>
  </si>
  <si>
    <t>1690026.0</t>
  </si>
  <si>
    <t>71015.0</t>
  </si>
  <si>
    <t>60448.0</t>
  </si>
  <si>
    <t>12092681.0</t>
  </si>
  <si>
    <t>1767415.0</t>
  </si>
  <si>
    <t>12148854.0</t>
  </si>
  <si>
    <t>56173.0</t>
  </si>
  <si>
    <t>204.553</t>
  </si>
  <si>
    <t>1773417.0</t>
  </si>
  <si>
    <t>12193414.0</t>
  </si>
  <si>
    <t>44560.0</t>
  </si>
  <si>
    <t>205.303</t>
  </si>
  <si>
    <t>45260.0</t>
  </si>
  <si>
    <t>1777288.0</t>
  </si>
  <si>
    <t>61006.0</t>
  </si>
  <si>
    <t>148842.8</t>
  </si>
  <si>
    <t>2485.10849621975</t>
  </si>
  <si>
    <t>12223448.0</t>
  </si>
  <si>
    <t>205.809</t>
  </si>
  <si>
    <t>1871987.0</t>
  </si>
  <si>
    <t>62608.0</t>
  </si>
  <si>
    <t>12270842.0</t>
  </si>
  <si>
    <t>206.607</t>
  </si>
  <si>
    <t>1965812.0</t>
  </si>
  <si>
    <t>93825.0</t>
  </si>
  <si>
    <t>12331837.0</t>
  </si>
  <si>
    <t>207.634</t>
  </si>
  <si>
    <t>49441.0</t>
  </si>
  <si>
    <t>1974099.0</t>
  </si>
  <si>
    <t>12383955.0</t>
  </si>
  <si>
    <t>208.511</t>
  </si>
  <si>
    <t>2069346.0</t>
  </si>
  <si>
    <t>95247.0</t>
  </si>
  <si>
    <t>12435256.0</t>
  </si>
  <si>
    <t>209.375</t>
  </si>
  <si>
    <t>48939.0</t>
  </si>
  <si>
    <t>2137071.0</t>
  </si>
  <si>
    <t>52808.0</t>
  </si>
  <si>
    <t>12493891.0</t>
  </si>
  <si>
    <t>210.362</t>
  </si>
  <si>
    <t>2141624.0</t>
  </si>
  <si>
    <t>52601.0</t>
  </si>
  <si>
    <t>12549484.0</t>
  </si>
  <si>
    <t>55593.0</t>
  </si>
  <si>
    <t>211.298</t>
  </si>
  <si>
    <t>50867.0</t>
  </si>
  <si>
    <t>58306.0</t>
  </si>
  <si>
    <t>151329.5</t>
  </si>
  <si>
    <t>2526.62692571415</t>
  </si>
  <si>
    <t>12586342.0</t>
  </si>
  <si>
    <t>211.919</t>
  </si>
  <si>
    <t>51842.0</t>
  </si>
  <si>
    <t>2229242.0</t>
  </si>
  <si>
    <t>12633235.0</t>
  </si>
  <si>
    <t>46893.0</t>
  </si>
  <si>
    <t>212.708</t>
  </si>
  <si>
    <t>52919.0</t>
  </si>
  <si>
    <t>12703421.0</t>
  </si>
  <si>
    <t>12769052.0</t>
  </si>
  <si>
    <t>214.995</t>
  </si>
  <si>
    <t>2550248.0</t>
  </si>
  <si>
    <t>12842761.0</t>
  </si>
  <si>
    <t>216.236</t>
  </si>
  <si>
    <t>2661378.0</t>
  </si>
  <si>
    <t>111130.0</t>
  </si>
  <si>
    <t>74901.0</t>
  </si>
  <si>
    <t>12912828.0</t>
  </si>
  <si>
    <t>70067.0</t>
  </si>
  <si>
    <t>217.416</t>
  </si>
  <si>
    <t>2682710.0</t>
  </si>
  <si>
    <t>12968748.0</t>
  </si>
  <si>
    <t>55920.0</t>
  </si>
  <si>
    <t>218.358</t>
  </si>
  <si>
    <t>2779912.0</t>
  </si>
  <si>
    <t>97202.0</t>
  </si>
  <si>
    <t>84926.0</t>
  </si>
  <si>
    <t>155773.0</t>
  </si>
  <si>
    <t>2600.81647067671</t>
  </si>
  <si>
    <t>13011903.0</t>
  </si>
  <si>
    <t>219.084</t>
  </si>
  <si>
    <t>60794.0</t>
  </si>
  <si>
    <t>2787996.0</t>
  </si>
  <si>
    <t>13062835.0</t>
  </si>
  <si>
    <t>219.942</t>
  </si>
  <si>
    <t>61371.0</t>
  </si>
  <si>
    <t>2900666.0</t>
  </si>
  <si>
    <t>13133428.0</t>
  </si>
  <si>
    <t>70593.0</t>
  </si>
  <si>
    <t>3026636.0</t>
  </si>
  <si>
    <t>13209501.0</t>
  </si>
  <si>
    <t>76073.0</t>
  </si>
  <si>
    <t>222.411</t>
  </si>
  <si>
    <t>62921.0</t>
  </si>
  <si>
    <t>3155717.0</t>
  </si>
  <si>
    <t>13298239.0</t>
  </si>
  <si>
    <t>88738.0</t>
  </si>
  <si>
    <t>223.905</t>
  </si>
  <si>
    <t>13395135.0</t>
  </si>
  <si>
    <t>96896.0</t>
  </si>
  <si>
    <t>225.537</t>
  </si>
  <si>
    <t>68901.0</t>
  </si>
  <si>
    <t>3307588.0</t>
  </si>
  <si>
    <t>89268.0</t>
  </si>
  <si>
    <t>13450014.0</t>
  </si>
  <si>
    <t>226.461</t>
  </si>
  <si>
    <t>3314278.0</t>
  </si>
  <si>
    <t>161761.9</t>
  </si>
  <si>
    <t>2700.80831625479</t>
  </si>
  <si>
    <t>239.841</t>
  </si>
  <si>
    <t>13489570.0</t>
  </si>
  <si>
    <t>227.127</t>
  </si>
  <si>
    <t>3466228.0</t>
  </si>
  <si>
    <t>151950.0</t>
  </si>
  <si>
    <t>96890.0</t>
  </si>
  <si>
    <t>13548841.0</t>
  </si>
  <si>
    <t>228.125</t>
  </si>
  <si>
    <t>3631102.0</t>
  </si>
  <si>
    <t>164874.0</t>
  </si>
  <si>
    <t>104348.0</t>
  </si>
  <si>
    <t>13619638.0</t>
  </si>
  <si>
    <t>70797.0</t>
  </si>
  <si>
    <t>229.317</t>
  </si>
  <si>
    <t>69459.0</t>
  </si>
  <si>
    <t>113948.0</t>
  </si>
  <si>
    <t>86919.0</t>
  </si>
  <si>
    <t>13694914.0</t>
  </si>
  <si>
    <t>75276.0</t>
  </si>
  <si>
    <t>230.584</t>
  </si>
  <si>
    <t>4017442.0</t>
  </si>
  <si>
    <t>3639039.0</t>
  </si>
  <si>
    <t>1253978.0</t>
  </si>
  <si>
    <t>123104.0</t>
  </si>
  <si>
    <t>13771077.0</t>
  </si>
  <si>
    <t>76163.0</t>
  </si>
  <si>
    <t>231.867</t>
  </si>
  <si>
    <t>4203293.0</t>
  </si>
  <si>
    <t>3756282.0</t>
  </si>
  <si>
    <t>1344690.0</t>
  </si>
  <si>
    <t>185851.0</t>
  </si>
  <si>
    <t>138806.0</t>
  </si>
  <si>
    <t>74947.0</t>
  </si>
  <si>
    <t>13848194.0</t>
  </si>
  <si>
    <t>4236718.0</t>
  </si>
  <si>
    <t>3783990.0</t>
  </si>
  <si>
    <t>1355743.0</t>
  </si>
  <si>
    <t>132733.0</t>
  </si>
  <si>
    <t>68057.0</t>
  </si>
  <si>
    <t>13901847.0</t>
  </si>
  <si>
    <t>234.068</t>
  </si>
  <si>
    <t>142790.0</t>
  </si>
  <si>
    <t>74468.0</t>
  </si>
  <si>
    <t>169073.8</t>
  </si>
  <si>
    <t>2822.88922855629</t>
  </si>
  <si>
    <t>13937470.0</t>
  </si>
  <si>
    <t>4390891.0</t>
  </si>
  <si>
    <t>3887113.0</t>
  </si>
  <si>
    <t>1399497.0</t>
  </si>
  <si>
    <t>132095.0</t>
  </si>
  <si>
    <t>13989268.0</t>
  </si>
  <si>
    <t>51798.0</t>
  </si>
  <si>
    <t>4535222.0</t>
  </si>
  <si>
    <t>3995020.0</t>
  </si>
  <si>
    <t>1459950.0</t>
  </si>
  <si>
    <t>144331.0</t>
  </si>
  <si>
    <t>129160.0</t>
  </si>
  <si>
    <t>51988.0</t>
  </si>
  <si>
    <t>14045630.0</t>
  </si>
  <si>
    <t>56362.0</t>
  </si>
  <si>
    <t>236.489</t>
  </si>
  <si>
    <t>60856.0</t>
  </si>
  <si>
    <t>138068.0</t>
  </si>
  <si>
    <t>75743.0</t>
  </si>
  <si>
    <t>14100628.0</t>
  </si>
  <si>
    <t>237.415</t>
  </si>
  <si>
    <t>57959.0</t>
  </si>
  <si>
    <t>5046267.0</t>
  </si>
  <si>
    <t>4335517.0</t>
  </si>
  <si>
    <t>1674152.0</t>
  </si>
  <si>
    <t>146975.0</t>
  </si>
  <si>
    <t>14154725.0</t>
  </si>
  <si>
    <t>54097.0</t>
  </si>
  <si>
    <t>238.326</t>
  </si>
  <si>
    <t>54807.0</t>
  </si>
  <si>
    <t>122166.0</t>
  </si>
  <si>
    <t>84195.0</t>
  </si>
  <si>
    <t>14205299.0</t>
  </si>
  <si>
    <t>239.178</t>
  </si>
  <si>
    <t>51015.0</t>
  </si>
  <si>
    <t>119132.0</t>
  </si>
  <si>
    <t>81683.0</t>
  </si>
  <si>
    <t>14243586.0</t>
  </si>
  <si>
    <t>239.822</t>
  </si>
  <si>
    <t>109860.0</t>
  </si>
  <si>
    <t>75764.0</t>
  </si>
  <si>
    <t>179424.5</t>
  </si>
  <si>
    <t>2995.70653991983</t>
  </si>
  <si>
    <t>14269993.0</t>
  </si>
  <si>
    <t>240.267</t>
  </si>
  <si>
    <t>47503.0</t>
  </si>
  <si>
    <t>0.2873</t>
  </si>
  <si>
    <t>5095013.0</t>
  </si>
  <si>
    <t>4376024.0</t>
  </si>
  <si>
    <t>1688514.0</t>
  </si>
  <si>
    <t>100589.0</t>
  </si>
  <si>
    <t>14310166.0</t>
  </si>
  <si>
    <t>240.943</t>
  </si>
  <si>
    <t>5328110.0</t>
  </si>
  <si>
    <t>4533966.0</t>
  </si>
  <si>
    <t>1786939.0</t>
  </si>
  <si>
    <t>233097.0</t>
  </si>
  <si>
    <t>113270.0</t>
  </si>
  <si>
    <t>76992.0</t>
  </si>
  <si>
    <t>14369234.0</t>
  </si>
  <si>
    <t>241.938</t>
  </si>
  <si>
    <t>130838.0</t>
  </si>
  <si>
    <t>14425215.0</t>
  </si>
  <si>
    <t>55981.0</t>
  </si>
  <si>
    <t>6085108.0</t>
  </si>
  <si>
    <t>5045795.0</t>
  </si>
  <si>
    <t>2154922.0</t>
  </si>
  <si>
    <t>101468.0</t>
  </si>
  <si>
    <t>14477689.0</t>
  </si>
  <si>
    <t>243.764</t>
  </si>
  <si>
    <t>46138.0</t>
  </si>
  <si>
    <t>6308201.0</t>
  </si>
  <si>
    <t>5202583.0</t>
  </si>
  <si>
    <t>2274267.0</t>
  </si>
  <si>
    <t>223093.0</t>
  </si>
  <si>
    <t>178535.0</t>
  </si>
  <si>
    <t>14527278.0</t>
  </si>
  <si>
    <t>244.599</t>
  </si>
  <si>
    <t>182236.0</t>
  </si>
  <si>
    <t>125573.0</t>
  </si>
  <si>
    <t>14563847.0</t>
  </si>
  <si>
    <t>245.215</t>
  </si>
  <si>
    <t>6384382.0</t>
  </si>
  <si>
    <t>5266979.0</t>
  </si>
  <si>
    <t>2311559.0</t>
  </si>
  <si>
    <t>185936.0</t>
  </si>
  <si>
    <t>189010.6</t>
  </si>
  <si>
    <t>3155.75794015963</t>
  </si>
  <si>
    <t>14587196.0</t>
  </si>
  <si>
    <t>245.608</t>
  </si>
  <si>
    <t>45315.0</t>
  </si>
  <si>
    <t>6613704.0</t>
  </si>
  <si>
    <t>229322.0</t>
  </si>
  <si>
    <t>216956.0</t>
  </si>
  <si>
    <t>149704.0</t>
  </si>
  <si>
    <t>274.502</t>
  </si>
  <si>
    <t>14623917.0</t>
  </si>
  <si>
    <t>246.226</t>
  </si>
  <si>
    <t>6854667.0</t>
  </si>
  <si>
    <t>5580927.0</t>
  </si>
  <si>
    <t>2580001.0</t>
  </si>
  <si>
    <t>240963.0</t>
  </si>
  <si>
    <t>218080.0</t>
  </si>
  <si>
    <t>149566.0</t>
  </si>
  <si>
    <t>14694978.0</t>
  </si>
  <si>
    <t>71061.0</t>
  </si>
  <si>
    <t>247.422</t>
  </si>
  <si>
    <t>46535.0</t>
  </si>
  <si>
    <t>195669.0</t>
  </si>
  <si>
    <t>137342.0</t>
  </si>
  <si>
    <t>14750901.0</t>
  </si>
  <si>
    <t>248.364</t>
  </si>
  <si>
    <t>7297912.0</t>
  </si>
  <si>
    <t>5921627.0</t>
  </si>
  <si>
    <t>2835930.0</t>
  </si>
  <si>
    <t>173258.0</t>
  </si>
  <si>
    <t>125119.0</t>
  </si>
  <si>
    <t>14806616.0</t>
  </si>
  <si>
    <t>55715.0</t>
  </si>
  <si>
    <t>46990.0</t>
  </si>
  <si>
    <t>153409.0</t>
  </si>
  <si>
    <t>109946.0</t>
  </si>
  <si>
    <t>14862859.0</t>
  </si>
  <si>
    <t>56243.0</t>
  </si>
  <si>
    <t>250.249</t>
  </si>
  <si>
    <t>112571.0</t>
  </si>
  <si>
    <t>14901093.0</t>
  </si>
  <si>
    <t>7550367.0</t>
  </si>
  <si>
    <t>166569.0</t>
  </si>
  <si>
    <t>197565.5</t>
  </si>
  <si>
    <t>3298.59222353989</t>
  </si>
  <si>
    <t>14926582.0</t>
  </si>
  <si>
    <t>7567757.0</t>
  </si>
  <si>
    <t>6123925.0</t>
  </si>
  <si>
    <t>2982952.0</t>
  </si>
  <si>
    <t>136293.0</t>
  </si>
  <si>
    <t>14971894.0</t>
  </si>
  <si>
    <t>252.085</t>
  </si>
  <si>
    <t>49711.0</t>
  </si>
  <si>
    <t>7981822.0</t>
  </si>
  <si>
    <t>6403808.0</t>
  </si>
  <si>
    <t>3212974.0</t>
  </si>
  <si>
    <t>414065.0</t>
  </si>
  <si>
    <t>117554.0</t>
  </si>
  <si>
    <t>15031457.0</t>
  </si>
  <si>
    <t>48068.0</t>
  </si>
  <si>
    <t>143687.0</t>
  </si>
  <si>
    <t>103405.0</t>
  </si>
  <si>
    <t>15093333.0</t>
  </si>
  <si>
    <t>61876.0</t>
  </si>
  <si>
    <t>8182380.0</t>
  </si>
  <si>
    <t>6546410.0</t>
  </si>
  <si>
    <t>3327950.0</t>
  </si>
  <si>
    <t>126353.0</t>
  </si>
  <si>
    <t>15156101.0</t>
  </si>
  <si>
    <t>255.186</t>
  </si>
  <si>
    <t>134319.0</t>
  </si>
  <si>
    <t>97253.0</t>
  </si>
  <si>
    <t>15213499.0</t>
  </si>
  <si>
    <t>256.153</t>
  </si>
  <si>
    <t>142285.0</t>
  </si>
  <si>
    <t>15257317.0</t>
  </si>
  <si>
    <t>43818.0</t>
  </si>
  <si>
    <t>256.891</t>
  </si>
  <si>
    <t>8602124.0</t>
  </si>
  <si>
    <t>6866089.0</t>
  </si>
  <si>
    <t>3576698.0</t>
  </si>
  <si>
    <t>150251.0</t>
  </si>
  <si>
    <t>203999.6</t>
  </si>
  <si>
    <t>3406.01721538045</t>
  </si>
  <si>
    <t>15288559.0</t>
  </si>
  <si>
    <t>257.417</t>
  </si>
  <si>
    <t>51711.0</t>
  </si>
  <si>
    <t>162730.0</t>
  </si>
  <si>
    <t>115264.0</t>
  </si>
  <si>
    <t>15323659.0</t>
  </si>
  <si>
    <t>258.008</t>
  </si>
  <si>
    <t>8811608.0</t>
  </si>
  <si>
    <t>6995459.0</t>
  </si>
  <si>
    <t>3719508.0</t>
  </si>
  <si>
    <t>84522.0</t>
  </si>
  <si>
    <t>15363298.0</t>
  </si>
  <si>
    <t>258.675</t>
  </si>
  <si>
    <t>130940.0</t>
  </si>
  <si>
    <t>92449.0</t>
  </si>
  <si>
    <t>15426667.0</t>
  </si>
  <si>
    <t>63369.0</t>
  </si>
  <si>
    <t>259.742</t>
  </si>
  <si>
    <t>9185756.0</t>
  </si>
  <si>
    <t>7249045.0</t>
  </si>
  <si>
    <t>3958231.0</t>
  </si>
  <si>
    <t>100376.0</t>
  </si>
  <si>
    <t>15487205.0</t>
  </si>
  <si>
    <t>132941.0</t>
  </si>
  <si>
    <t>91820.0</t>
  </si>
  <si>
    <t>15547415.0</t>
  </si>
  <si>
    <t>60210.0</t>
  </si>
  <si>
    <t>261.775</t>
  </si>
  <si>
    <t>47702.0</t>
  </si>
  <si>
    <t>122542.0</t>
  </si>
  <si>
    <t>15595731.0</t>
  </si>
  <si>
    <t>48316.0</t>
  </si>
  <si>
    <t>262.589</t>
  </si>
  <si>
    <t>9387129.0</t>
  </si>
  <si>
    <t>7389049.0</t>
  </si>
  <si>
    <t>4082852.0</t>
  </si>
  <si>
    <t>112144.0</t>
  </si>
  <si>
    <t>208764.9</t>
  </si>
  <si>
    <t>3485.57959607361</t>
  </si>
  <si>
    <t>15633622.0</t>
  </si>
  <si>
    <t>49295.0</t>
  </si>
  <si>
    <t>9557542.0</t>
  </si>
  <si>
    <t>7486036.0</t>
  </si>
  <si>
    <t>4197442.0</t>
  </si>
  <si>
    <t>170413.0</t>
  </si>
  <si>
    <t>121525.0</t>
  </si>
  <si>
    <t>79323.0</t>
  </si>
  <si>
    <t>15685889.0</t>
  </si>
  <si>
    <t>15752534.0</t>
  </si>
  <si>
    <t>265.229</t>
  </si>
  <si>
    <t>9962111.0</t>
  </si>
  <si>
    <t>7702298.0</t>
  </si>
  <si>
    <t>4482893.0</t>
  </si>
  <si>
    <t>137633.0</t>
  </si>
  <si>
    <t>82864.0</t>
  </si>
  <si>
    <t>15821074.0</t>
  </si>
  <si>
    <t>68540.0</t>
  </si>
  <si>
    <t>266.383</t>
  </si>
  <si>
    <t>56344.0</t>
  </si>
  <si>
    <t>10167749.0</t>
  </si>
  <si>
    <t>7808653.0</t>
  </si>
  <si>
    <t>4629371.0</t>
  </si>
  <si>
    <t>205638.0</t>
  </si>
  <si>
    <t>140285.0</t>
  </si>
  <si>
    <t>15887454.0</t>
  </si>
  <si>
    <t>267.5</t>
  </si>
  <si>
    <t>57178.0</t>
  </si>
  <si>
    <t>10431124.0</t>
  </si>
  <si>
    <t>7986245.0</t>
  </si>
  <si>
    <t>4782071.0</t>
  </si>
  <si>
    <t>168321.0</t>
  </si>
  <si>
    <t>15951284.0</t>
  </si>
  <si>
    <t>63830.0</t>
  </si>
  <si>
    <t>268.575</t>
  </si>
  <si>
    <t>162177.0</t>
  </si>
  <si>
    <t>94215.0</t>
  </si>
  <si>
    <t>16003114.0</t>
  </si>
  <si>
    <t>51830.0</t>
  </si>
  <si>
    <t>269.448</t>
  </si>
  <si>
    <t>58198.0</t>
  </si>
  <si>
    <t>10479363.0</t>
  </si>
  <si>
    <t>8017522.0</t>
  </si>
  <si>
    <t>4832763.0</t>
  </si>
  <si>
    <t>89782.0</t>
  </si>
  <si>
    <t>213956.2</t>
  </si>
  <si>
    <t>3572.25455607454</t>
  </si>
  <si>
    <t>16040903.0</t>
  </si>
  <si>
    <t>270.084</t>
  </si>
  <si>
    <t>58183.0</t>
  </si>
  <si>
    <t>10790501.0</t>
  </si>
  <si>
    <t>8240067.0</t>
  </si>
  <si>
    <t>4983911.0</t>
  </si>
  <si>
    <t>311138.0</t>
  </si>
  <si>
    <t>176137.0</t>
  </si>
  <si>
    <t>107719.0</t>
  </si>
  <si>
    <t>16096581.0</t>
  </si>
  <si>
    <t>55678.0</t>
  </si>
  <si>
    <t>271.022</t>
  </si>
  <si>
    <t>11076106.0</t>
  </si>
  <si>
    <t>8439579.0</t>
  </si>
  <si>
    <t>5141248.0</t>
  </si>
  <si>
    <t>285605.0</t>
  </si>
  <si>
    <t>188040.0</t>
  </si>
  <si>
    <t>120773.0</t>
  </si>
  <si>
    <t>16162825.0</t>
  </si>
  <si>
    <t>272.137</t>
  </si>
  <si>
    <t>58613.0</t>
  </si>
  <si>
    <t>199564.0</t>
  </si>
  <si>
    <t>133271.0</t>
  </si>
  <si>
    <t>16228941.0</t>
  </si>
  <si>
    <t>66116.0</t>
  </si>
  <si>
    <t>273.25</t>
  </si>
  <si>
    <t>210610.0</t>
  </si>
  <si>
    <t>146022.0</t>
  </si>
  <si>
    <t>16292228.0</t>
  </si>
  <si>
    <t>63287.0</t>
  </si>
  <si>
    <t>274.316</t>
  </si>
  <si>
    <t>11924972.0</t>
  </si>
  <si>
    <t>9026420.0</t>
  </si>
  <si>
    <t>5601878.0</t>
  </si>
  <si>
    <t>148596.0</t>
  </si>
  <si>
    <t>16348437.0</t>
  </si>
  <si>
    <t>275.262</t>
  </si>
  <si>
    <t>56736.0</t>
  </si>
  <si>
    <t>227319.0</t>
  </si>
  <si>
    <t>16393971.0</t>
  </si>
  <si>
    <t>276.029</t>
  </si>
  <si>
    <t>165708.0</t>
  </si>
  <si>
    <t>218445.7</t>
  </si>
  <si>
    <t>3647.21212603277</t>
  </si>
  <si>
    <t>16426011.0</t>
  </si>
  <si>
    <t>32040.0</t>
  </si>
  <si>
    <t>276.568</t>
  </si>
  <si>
    <t>12289478.0</t>
  </si>
  <si>
    <t>9253007.0</t>
  </si>
  <si>
    <t>5818291.0</t>
  </si>
  <si>
    <t>214140.0</t>
  </si>
  <si>
    <t>16475179.0</t>
  </si>
  <si>
    <t>277.396</t>
  </si>
  <si>
    <t>12568525.0</t>
  </si>
  <si>
    <t>9418185.0</t>
  </si>
  <si>
    <t>5985293.0</t>
  </si>
  <si>
    <t>279047.0</t>
  </si>
  <si>
    <t>213203.0</t>
  </si>
  <si>
    <t>139801.0</t>
  </si>
  <si>
    <t>16536206.0</t>
  </si>
  <si>
    <t>61027.0</t>
  </si>
  <si>
    <t>278.424</t>
  </si>
  <si>
    <t>53340.0</t>
  </si>
  <si>
    <t>12841537.0</t>
  </si>
  <si>
    <t>9581161.0</t>
  </si>
  <si>
    <t>6145216.0</t>
  </si>
  <si>
    <t>273012.0</t>
  </si>
  <si>
    <t>211782.0</t>
  </si>
  <si>
    <t>135138.0</t>
  </si>
  <si>
    <t>16593467.0</t>
  </si>
  <si>
    <t>57261.0</t>
  </si>
  <si>
    <t>279.388</t>
  </si>
  <si>
    <t>52075.0</t>
  </si>
  <si>
    <t>13112268.0</t>
  </si>
  <si>
    <t>9741655.0</t>
  </si>
  <si>
    <t>6301758.0</t>
  </si>
  <si>
    <t>270731.0</t>
  </si>
  <si>
    <t>210036.0</t>
  </si>
  <si>
    <t>51264.0</t>
  </si>
  <si>
    <t>185926.0</t>
  </si>
  <si>
    <t>112652.0</t>
  </si>
  <si>
    <t>16708682.0</t>
  </si>
  <si>
    <t>281.328</t>
  </si>
  <si>
    <t>184881.0</t>
  </si>
  <si>
    <t>112338.0</t>
  </si>
  <si>
    <t>16749709.0</t>
  </si>
  <si>
    <t>282.018</t>
  </si>
  <si>
    <t>13454823.0</t>
  </si>
  <si>
    <t>9961650.0</t>
  </si>
  <si>
    <t>6492469.0</t>
  </si>
  <si>
    <t>183835.0</t>
  </si>
  <si>
    <t>112025.0</t>
  </si>
  <si>
    <t>222775.0</t>
  </si>
  <si>
    <t>3719.49496546258</t>
  </si>
  <si>
    <t>16779074.0</t>
  </si>
  <si>
    <t>197726.0</t>
  </si>
  <si>
    <t>119562.0</t>
  </si>
  <si>
    <t>16822706.0</t>
  </si>
  <si>
    <t>43632.0</t>
  </si>
  <si>
    <t>283.247</t>
  </si>
  <si>
    <t>13892301.0</t>
  </si>
  <si>
    <t>10218230.0</t>
  </si>
  <si>
    <t>6751662.0</t>
  </si>
  <si>
    <t>114292.0</t>
  </si>
  <si>
    <t>16878061.0</t>
  </si>
  <si>
    <t>55355.0</t>
  </si>
  <si>
    <t>284.179</t>
  </si>
  <si>
    <t>16930469.0</t>
  </si>
  <si>
    <t>285.062</t>
  </si>
  <si>
    <t>48143.0</t>
  </si>
  <si>
    <t>14126008.0</t>
  </si>
  <si>
    <t>10359652.0</t>
  </si>
  <si>
    <t>6888163.0</t>
  </si>
  <si>
    <t>16987426.0</t>
  </si>
  <si>
    <t>286.021</t>
  </si>
  <si>
    <t>48050.0</t>
  </si>
  <si>
    <t>14610572.0</t>
  </si>
  <si>
    <t>10664881.0</t>
  </si>
  <si>
    <t>7153911.0</t>
  </si>
  <si>
    <t>484564.0</t>
  </si>
  <si>
    <t>197731.0</t>
  </si>
  <si>
    <t>121413.0</t>
  </si>
  <si>
    <t>17037271.0</t>
  </si>
  <si>
    <t>286.86</t>
  </si>
  <si>
    <t>14670161.0</t>
  </si>
  <si>
    <t>10707263.0</t>
  </si>
  <si>
    <t>7187179.0</t>
  </si>
  <si>
    <t>59589.0</t>
  </si>
  <si>
    <t>189932.0</t>
  </si>
  <si>
    <t>17073236.0</t>
  </si>
  <si>
    <t>287.466</t>
  </si>
  <si>
    <t>46218.0</t>
  </si>
  <si>
    <t>14690586.0</t>
  </si>
  <si>
    <t>10720370.0</t>
  </si>
  <si>
    <t>7199405.0</t>
  </si>
  <si>
    <t>176538.0</t>
  </si>
  <si>
    <t>225815.3</t>
  </si>
  <si>
    <t>3770.25640881797</t>
  </si>
  <si>
    <t>17098529.0</t>
  </si>
  <si>
    <t>287.892</t>
  </si>
  <si>
    <t>45636.0</t>
  </si>
  <si>
    <t>14922954.0</t>
  </si>
  <si>
    <t>10860642.0</t>
  </si>
  <si>
    <t>7330517.0</t>
  </si>
  <si>
    <t>232368.0</t>
  </si>
  <si>
    <t>178485.0</t>
  </si>
  <si>
    <t>110100.0</t>
  </si>
  <si>
    <t>17142604.0</t>
  </si>
  <si>
    <t>288.634</t>
  </si>
  <si>
    <t>15188787.0</t>
  </si>
  <si>
    <t>11034034.0</t>
  </si>
  <si>
    <t>7473903.0</t>
  </si>
  <si>
    <t>265833.0</t>
  </si>
  <si>
    <t>185212.0</t>
  </si>
  <si>
    <t>17191349.0</t>
  </si>
  <si>
    <t>48745.0</t>
  </si>
  <si>
    <t>289.454</t>
  </si>
  <si>
    <t>15447034.0</t>
  </si>
  <si>
    <t>11206776.0</t>
  </si>
  <si>
    <t>7609183.0</t>
  </si>
  <si>
    <t>258247.0</t>
  </si>
  <si>
    <t>205411.0</t>
  </si>
  <si>
    <t>17236691.0</t>
  </si>
  <si>
    <t>290.218</t>
  </si>
  <si>
    <t>15683797.0</t>
  </si>
  <si>
    <t>11367049.0</t>
  </si>
  <si>
    <t>7734069.0</t>
  </si>
  <si>
    <t>236763.0</t>
  </si>
  <si>
    <t>143914.0</t>
  </si>
  <si>
    <t>17280650.0</t>
  </si>
  <si>
    <t>290.958</t>
  </si>
  <si>
    <t>168012.0</t>
  </si>
  <si>
    <t>110403.0</t>
  </si>
  <si>
    <t>17321958.0</t>
  </si>
  <si>
    <t>41308.0</t>
  </si>
  <si>
    <t>291.653</t>
  </si>
  <si>
    <t>174193.0</t>
  </si>
  <si>
    <t>114441.0</t>
  </si>
  <si>
    <t>17352945.0</t>
  </si>
  <si>
    <t>292.175</t>
  </si>
  <si>
    <t>15992374.0</t>
  </si>
  <si>
    <t>11579000.0</t>
  </si>
  <si>
    <t>7911171.0</t>
  </si>
  <si>
    <t>185970.0</t>
  </si>
  <si>
    <t>122661.0</t>
  </si>
  <si>
    <t>227861.0</t>
  </si>
  <si>
    <t>3804.41181607124</t>
  </si>
  <si>
    <t>19.768</t>
  </si>
  <si>
    <t>17374385.0</t>
  </si>
  <si>
    <t>21440.0</t>
  </si>
  <si>
    <t>292.536</t>
  </si>
  <si>
    <t>39408.0</t>
  </si>
  <si>
    <t>178896.0</t>
  </si>
  <si>
    <t>121866.0</t>
  </si>
  <si>
    <t>17410204.0</t>
  </si>
  <si>
    <t>293.139</t>
  </si>
  <si>
    <t>16358076.0</t>
  </si>
  <si>
    <t>11848402.0</t>
  </si>
  <si>
    <t>8108520.0</t>
  </si>
  <si>
    <t>167041.0</t>
  </si>
  <si>
    <t>116338.0</t>
  </si>
  <si>
    <t>17452783.0</t>
  </si>
  <si>
    <t>293.856</t>
  </si>
  <si>
    <t>16560718.0</t>
  </si>
  <si>
    <t>11987011.0</t>
  </si>
  <si>
    <t>8228296.0</t>
  </si>
  <si>
    <t>202642.0</t>
  </si>
  <si>
    <t>159098.0</t>
  </si>
  <si>
    <t>111462.0</t>
  </si>
  <si>
    <t>17493443.0</t>
  </si>
  <si>
    <t>294.541</t>
  </si>
  <si>
    <t>16755133.0</t>
  </si>
  <si>
    <t>12115821.0</t>
  </si>
  <si>
    <t>8344762.0</t>
  </si>
  <si>
    <t>153048.0</t>
  </si>
  <si>
    <t>17528759.0</t>
  </si>
  <si>
    <t>16781838.0</t>
  </si>
  <si>
    <t>12136460.0</t>
  </si>
  <si>
    <t>8362232.0</t>
  </si>
  <si>
    <t>142169.0</t>
  </si>
  <si>
    <t>17553515.0</t>
  </si>
  <si>
    <t>295.552</t>
  </si>
  <si>
    <t>130757.0</t>
  </si>
  <si>
    <t>91971.0</t>
  </si>
  <si>
    <t>17572675.0</t>
  </si>
  <si>
    <t>295.875</t>
  </si>
  <si>
    <t>16827790.0</t>
  </si>
  <si>
    <t>12167828.0</t>
  </si>
  <si>
    <t>8391620.0</t>
  </si>
  <si>
    <t>119345.0</t>
  </si>
  <si>
    <t>229630.9</t>
  </si>
  <si>
    <t>3833.96241258957</t>
  </si>
  <si>
    <t>17588025.0</t>
  </si>
  <si>
    <t>296.133</t>
  </si>
  <si>
    <t>16999722.0</t>
  </si>
  <si>
    <t>12268498.0</t>
  </si>
  <si>
    <t>8501712.0</t>
  </si>
  <si>
    <t>171932.0</t>
  </si>
  <si>
    <t>117785.0</t>
  </si>
  <si>
    <t>17603913.0</t>
  </si>
  <si>
    <t>296.401</t>
  </si>
  <si>
    <t>115742.0</t>
  </si>
  <si>
    <t>17649727.0</t>
  </si>
  <si>
    <t>45814.0</t>
  </si>
  <si>
    <t>297.172</t>
  </si>
  <si>
    <t>110871.0</t>
  </si>
  <si>
    <t>17690407.0</t>
  </si>
  <si>
    <t>297.857</t>
  </si>
  <si>
    <t>17505358.0</t>
  </si>
  <si>
    <t>12593276.0</t>
  </si>
  <si>
    <t>8819130.0</t>
  </si>
  <si>
    <t>17727831.0</t>
  </si>
  <si>
    <t>37424.0</t>
  </si>
  <si>
    <t>298.487</t>
  </si>
  <si>
    <t>120971.0</t>
  </si>
  <si>
    <t>17760235.0</t>
  </si>
  <si>
    <t>299.033</t>
  </si>
  <si>
    <t>135300.0</t>
  </si>
  <si>
    <t>86545.0</t>
  </si>
  <si>
    <t>17783920.0</t>
  </si>
  <si>
    <t>299.432</t>
  </si>
  <si>
    <t>30178.0</t>
  </si>
  <si>
    <t>17875187.0</t>
  </si>
  <si>
    <t>12840302.0</t>
  </si>
  <si>
    <t>9075189.0</t>
  </si>
  <si>
    <t>96068.0</t>
  </si>
  <si>
    <t>230865.6</t>
  </si>
  <si>
    <t>3854.5772052452</t>
  </si>
  <si>
    <t>17800434.0</t>
  </si>
  <si>
    <t>299.71</t>
  </si>
  <si>
    <t>30344.0</t>
  </si>
  <si>
    <t>154404.0</t>
  </si>
  <si>
    <t>97603.0</t>
  </si>
  <si>
    <t>100.778</t>
  </si>
  <si>
    <t>17828983.0</t>
  </si>
  <si>
    <t>300.19</t>
  </si>
  <si>
    <t>18285920.0</t>
  </si>
  <si>
    <t>13063132.0</t>
  </si>
  <si>
    <t>9364725.0</t>
  </si>
  <si>
    <t>17864698.0</t>
  </si>
  <si>
    <t>300.792</t>
  </si>
  <si>
    <t>18510943.0</t>
  </si>
  <si>
    <t>13182547.0</t>
  </si>
  <si>
    <t>9526247.0</t>
  </si>
  <si>
    <t>225023.0</t>
  </si>
  <si>
    <t>167733.0</t>
  </si>
  <si>
    <t>99647.0</t>
  </si>
  <si>
    <t>17898602.0</t>
  </si>
  <si>
    <t>301.363</t>
  </si>
  <si>
    <t>159668.0</t>
  </si>
  <si>
    <t>17931034.0</t>
  </si>
  <si>
    <t>301.909</t>
  </si>
  <si>
    <t>18735127.0</t>
  </si>
  <si>
    <t>13302682.0</t>
  </si>
  <si>
    <t>9686443.0</t>
  </si>
  <si>
    <t>158070.0</t>
  </si>
  <si>
    <t>302.401</t>
  </si>
  <si>
    <t>155050.0</t>
  </si>
  <si>
    <t>85622.0</t>
  </si>
  <si>
    <t>152030.0</t>
  </si>
  <si>
    <t>81663.0</t>
  </si>
  <si>
    <t>231683.5</t>
  </si>
  <si>
    <t>3868.23302359219</t>
  </si>
  <si>
    <t>17988526.0</t>
  </si>
  <si>
    <t>302.877</t>
  </si>
  <si>
    <t>19041535.0</t>
  </si>
  <si>
    <t>13466577.0</t>
  </si>
  <si>
    <t>9911989.0</t>
  </si>
  <si>
    <t>137283.0</t>
  </si>
  <si>
    <t>18016455.0</t>
  </si>
  <si>
    <t>303.347</t>
  </si>
  <si>
    <t>153532.0</t>
  </si>
  <si>
    <t>89111.0</t>
  </si>
  <si>
    <t>18055424.0</t>
  </si>
  <si>
    <t>304.003</t>
  </si>
  <si>
    <t>19679751.0</t>
  </si>
  <si>
    <t>13907243.0</t>
  </si>
  <si>
    <t>10218549.0</t>
  </si>
  <si>
    <t>103528.0</t>
  </si>
  <si>
    <t>18090841.0</t>
  </si>
  <si>
    <t>304.599</t>
  </si>
  <si>
    <t>166689.0</t>
  </si>
  <si>
    <t>18122698.0</t>
  </si>
  <si>
    <t>31857.0</t>
  </si>
  <si>
    <t>305.136</t>
  </si>
  <si>
    <t>27381.0</t>
  </si>
  <si>
    <t>19899964.0</t>
  </si>
  <si>
    <t>13929429.0</t>
  </si>
  <si>
    <t>10539458.0</t>
  </si>
  <si>
    <t>89535.0</t>
  </si>
  <si>
    <t>18151283.0</t>
  </si>
  <si>
    <t>28585.0</t>
  </si>
  <si>
    <t>305.617</t>
  </si>
  <si>
    <t>173262.0</t>
  </si>
  <si>
    <t>18174247.0</t>
  </si>
  <si>
    <t>306.004</t>
  </si>
  <si>
    <t>28551.0</t>
  </si>
  <si>
    <t>20200231.0</t>
  </si>
  <si>
    <t>14097921.0</t>
  </si>
  <si>
    <t>10759755.0</t>
  </si>
  <si>
    <t>180119.0</t>
  </si>
  <si>
    <t>232902.2</t>
  </si>
  <si>
    <t>3888.58067711888</t>
  </si>
  <si>
    <t>18189273.0</t>
  </si>
  <si>
    <t>306.257</t>
  </si>
  <si>
    <t>192714.0</t>
  </si>
  <si>
    <t>105583.0</t>
  </si>
  <si>
    <t>18217612.0</t>
  </si>
  <si>
    <t>28339.0</t>
  </si>
  <si>
    <t>306.734</t>
  </si>
  <si>
    <t>20580832.0</t>
  </si>
  <si>
    <t>14313392.0</t>
  </si>
  <si>
    <t>11036024.0</t>
  </si>
  <si>
    <t>174313.0</t>
  </si>
  <si>
    <t>89497.0</t>
  </si>
  <si>
    <t>18251789.0</t>
  </si>
  <si>
    <t>34177.0</t>
  </si>
  <si>
    <t>307.309</t>
  </si>
  <si>
    <t>28052.0</t>
  </si>
  <si>
    <t>18283702.0</t>
  </si>
  <si>
    <t>31913.0</t>
  </si>
  <si>
    <t>307.847</t>
  </si>
  <si>
    <t>164372.0</t>
  </si>
  <si>
    <t>87113.0</t>
  </si>
  <si>
    <t>18314612.0</t>
  </si>
  <si>
    <t>308.367</t>
  </si>
  <si>
    <t>100867.0</t>
  </si>
  <si>
    <t>18342808.0</t>
  </si>
  <si>
    <t>308.842</t>
  </si>
  <si>
    <t>21300098.0</t>
  </si>
  <si>
    <t>14742868.0</t>
  </si>
  <si>
    <t>11546163.0</t>
  </si>
  <si>
    <t>178572.0</t>
  </si>
  <si>
    <t>104170.0</t>
  </si>
  <si>
    <t>18364359.0</t>
  </si>
  <si>
    <t>309.205</t>
  </si>
  <si>
    <t>172405.0</t>
  </si>
  <si>
    <t>233858.1</t>
  </si>
  <si>
    <t>3904.5405704529</t>
  </si>
  <si>
    <t>18378836.0</t>
  </si>
  <si>
    <t>309.448</t>
  </si>
  <si>
    <t>21514033.0</t>
  </si>
  <si>
    <t>14864813.0</t>
  </si>
  <si>
    <t>11697646.0</t>
  </si>
  <si>
    <t>160500.0</t>
  </si>
  <si>
    <t>94165.0</t>
  </si>
  <si>
    <t>18407943.0</t>
  </si>
  <si>
    <t>309.938</t>
  </si>
  <si>
    <t>157579.0</t>
  </si>
  <si>
    <t>18440973.0</t>
  </si>
  <si>
    <t>310.495</t>
  </si>
  <si>
    <t>156156.0</t>
  </si>
  <si>
    <t>89149.0</t>
  </si>
  <si>
    <t>8.699</t>
  </si>
  <si>
    <t>18471818.0</t>
  </si>
  <si>
    <t>311.014</t>
  </si>
  <si>
    <t>154733.0</t>
  </si>
  <si>
    <t>18499939.0</t>
  </si>
  <si>
    <t>311.487</t>
  </si>
  <si>
    <t>153310.0</t>
  </si>
  <si>
    <t>18525613.0</t>
  </si>
  <si>
    <t>22363310.0</t>
  </si>
  <si>
    <t>15314788.0</t>
  </si>
  <si>
    <t>12305320.0</t>
  </si>
  <si>
    <t>18544880.0</t>
  </si>
  <si>
    <t>312.244</t>
  </si>
  <si>
    <t>22381951.0</t>
  </si>
  <si>
    <t>15329097.0</t>
  </si>
  <si>
    <t>12317435.0</t>
  </si>
  <si>
    <t>139269.0</t>
  </si>
  <si>
    <t>234380.0</t>
  </si>
  <si>
    <t>3913.25431491469</t>
  </si>
  <si>
    <t>18558387.0</t>
  </si>
  <si>
    <t>312.471</t>
  </si>
  <si>
    <t>74248.0</t>
  </si>
  <si>
    <t>18578882.0</t>
  </si>
  <si>
    <t>312.817</t>
  </si>
  <si>
    <t>22632920.0</t>
  </si>
  <si>
    <t>15440005.0</t>
  </si>
  <si>
    <t>12537511.0</t>
  </si>
  <si>
    <t>135576.0</t>
  </si>
  <si>
    <t>18606274.0</t>
  </si>
  <si>
    <t>313.278</t>
  </si>
  <si>
    <t>22799682.0</t>
  </si>
  <si>
    <t>15562387.0</t>
  </si>
  <si>
    <t>12620892.0</t>
  </si>
  <si>
    <t>166762.0</t>
  </si>
  <si>
    <t>135134.0</t>
  </si>
  <si>
    <t>18639800.0</t>
  </si>
  <si>
    <t>313.842</t>
  </si>
  <si>
    <t>22965123.0</t>
  </si>
  <si>
    <t>15655530.0</t>
  </si>
  <si>
    <t>12737700.0</t>
  </si>
  <si>
    <t>134503.0</t>
  </si>
  <si>
    <t>18670029.0</t>
  </si>
  <si>
    <t>314.351</t>
  </si>
  <si>
    <t>119579.0</t>
  </si>
  <si>
    <t>69761.0</t>
  </si>
  <si>
    <t>18699684.0</t>
  </si>
  <si>
    <t>314.851</t>
  </si>
  <si>
    <t>23095893.0</t>
  </si>
  <si>
    <t>15770712.0</t>
  </si>
  <si>
    <t>12803590.0</t>
  </si>
  <si>
    <t>104655.0</t>
  </si>
  <si>
    <t>65132.0</t>
  </si>
  <si>
    <t>18724313.0</t>
  </si>
  <si>
    <t>24629.0</t>
  </si>
  <si>
    <t>315.265</t>
  </si>
  <si>
    <t>23151823.0</t>
  </si>
  <si>
    <t>15779126.0</t>
  </si>
  <si>
    <t>12810692.0</t>
  </si>
  <si>
    <t>55930.0</t>
  </si>
  <si>
    <t>235638.3</t>
  </si>
  <si>
    <t>3934.26313778549</t>
  </si>
  <si>
    <t>18740830.0</t>
  </si>
  <si>
    <t>315.543</t>
  </si>
  <si>
    <t>23264992.0</t>
  </si>
  <si>
    <t>15840842.0</t>
  </si>
  <si>
    <t>12934946.0</t>
  </si>
  <si>
    <t>113169.0</t>
  </si>
  <si>
    <t>65184.0</t>
  </si>
  <si>
    <t>18768665.0</t>
  </si>
  <si>
    <t>27835.0</t>
  </si>
  <si>
    <t>316.012</t>
  </si>
  <si>
    <t>23402284.0</t>
  </si>
  <si>
    <t>15917833.0</t>
  </si>
  <si>
    <t>13030588.0</t>
  </si>
  <si>
    <t>137292.0</t>
  </si>
  <si>
    <t>109909.0</t>
  </si>
  <si>
    <t>18802232.0</t>
  </si>
  <si>
    <t>316.577</t>
  </si>
  <si>
    <t>23540547.0</t>
  </si>
  <si>
    <t>15995893.0</t>
  </si>
  <si>
    <t>13124865.0</t>
  </si>
  <si>
    <t>138263.0</t>
  </si>
  <si>
    <t>105838.0</t>
  </si>
  <si>
    <t>18835534.0</t>
  </si>
  <si>
    <t>317.138</t>
  </si>
  <si>
    <t>103048.0</t>
  </si>
  <si>
    <t>60781.0</t>
  </si>
  <si>
    <t>18865934.0</t>
  </si>
  <si>
    <t>317.65</t>
  </si>
  <si>
    <t>23832368.0</t>
  </si>
  <si>
    <t>16166105.0</t>
  </si>
  <si>
    <t>13324316.0</t>
  </si>
  <si>
    <t>114551.0</t>
  </si>
  <si>
    <t>18893899.0</t>
  </si>
  <si>
    <t>27965.0</t>
  </si>
  <si>
    <t>318.121</t>
  </si>
  <si>
    <t>23911466.0</t>
  </si>
  <si>
    <t>16220848.0</t>
  </si>
  <si>
    <t>13375972.0</t>
  </si>
  <si>
    <t>116510.0</t>
  </si>
  <si>
    <t>64305.0</t>
  </si>
  <si>
    <t>18917933.0</t>
  </si>
  <si>
    <t>318.525</t>
  </si>
  <si>
    <t>23950945.0</t>
  </si>
  <si>
    <t>16252396.0</t>
  </si>
  <si>
    <t>13402141.0</t>
  </si>
  <si>
    <t>39479.0</t>
  </si>
  <si>
    <t>236962.6</t>
  </si>
  <si>
    <t>3956.37390956312</t>
  </si>
  <si>
    <t>18933156.0</t>
  </si>
  <si>
    <t>318.782</t>
  </si>
  <si>
    <t>24082675.0</t>
  </si>
  <si>
    <t>16327413.0</t>
  </si>
  <si>
    <t>13492174.0</t>
  </si>
  <si>
    <t>131730.0</t>
  </si>
  <si>
    <t>116812.0</t>
  </si>
  <si>
    <t>69510.0</t>
  </si>
  <si>
    <t>18962806.0</t>
  </si>
  <si>
    <t>319.281</t>
  </si>
  <si>
    <t>24216602.0</t>
  </si>
  <si>
    <t>16404841.0</t>
  </si>
  <si>
    <t>13583910.0</t>
  </si>
  <si>
    <t>116331.0</t>
  </si>
  <si>
    <t>18998133.0</t>
  </si>
  <si>
    <t>319.876</t>
  </si>
  <si>
    <t>24346905.0</t>
  </si>
  <si>
    <t>16479699.0</t>
  </si>
  <si>
    <t>13673027.0</t>
  </si>
  <si>
    <t>130303.0</t>
  </si>
  <si>
    <t>115194.0</t>
  </si>
  <si>
    <t>19032662.0</t>
  </si>
  <si>
    <t>24471210.0</t>
  </si>
  <si>
    <t>16550176.0</t>
  </si>
  <si>
    <t>13758743.0</t>
  </si>
  <si>
    <t>112108.0</t>
  </si>
  <si>
    <t>19061166.0</t>
  </si>
  <si>
    <t>28504.0</t>
  </si>
  <si>
    <t>320.937</t>
  </si>
  <si>
    <t>102663.0</t>
  </si>
  <si>
    <t>19092934.0</t>
  </si>
  <si>
    <t>321.472</t>
  </si>
  <si>
    <t>28434.0</t>
  </si>
  <si>
    <t>24630804.0</t>
  </si>
  <si>
    <t>16640017.0</t>
  </si>
  <si>
    <t>13869342.0</t>
  </si>
  <si>
    <t>102763.0</t>
  </si>
  <si>
    <t>19113226.0</t>
  </si>
  <si>
    <t>321.813</t>
  </si>
  <si>
    <t>24646053.0</t>
  </si>
  <si>
    <t>16652562.0</t>
  </si>
  <si>
    <t>13876443.0</t>
  </si>
  <si>
    <t>99301.0</t>
  </si>
  <si>
    <t>237946.1</t>
  </si>
  <si>
    <t>3972.79461789454</t>
  </si>
  <si>
    <t>19126699.0</t>
  </si>
  <si>
    <t>322.04</t>
  </si>
  <si>
    <t>24754316.0</t>
  </si>
  <si>
    <t>16712749.0</t>
  </si>
  <si>
    <t>13949705.0</t>
  </si>
  <si>
    <t>95949.0</t>
  </si>
  <si>
    <t>55048.0</t>
  </si>
  <si>
    <t>24874528.0</t>
  </si>
  <si>
    <t>16781364.0</t>
  </si>
  <si>
    <t>14031159.0</t>
  </si>
  <si>
    <t>93989.0</t>
  </si>
  <si>
    <t>19279975.0</t>
  </si>
  <si>
    <t>324.621</t>
  </si>
  <si>
    <t>40263.0</t>
  </si>
  <si>
    <t>25002232.0</t>
  </si>
  <si>
    <t>16857214.0</t>
  </si>
  <si>
    <t>14115744.0</t>
  </si>
  <si>
    <t>19318050.0</t>
  </si>
  <si>
    <t>325.262</t>
  </si>
  <si>
    <t>19348954.0</t>
  </si>
  <si>
    <t>25238789.0</t>
  </si>
  <si>
    <t>16994112.0</t>
  </si>
  <si>
    <t>14267533.0</t>
  </si>
  <si>
    <t>57002.0</t>
  </si>
  <si>
    <t>19383834.0</t>
  </si>
  <si>
    <t>34880.0</t>
  </si>
  <si>
    <t>326.37</t>
  </si>
  <si>
    <t>25274889.0</t>
  </si>
  <si>
    <t>17018870.0</t>
  </si>
  <si>
    <t>14288326.0</t>
  </si>
  <si>
    <t>92012.0</t>
  </si>
  <si>
    <t>19413079.0</t>
  </si>
  <si>
    <t>326.862</t>
  </si>
  <si>
    <t>42836.0</t>
  </si>
  <si>
    <t>60949.0</t>
  </si>
  <si>
    <t>238863.8</t>
  </si>
  <si>
    <t>3988.11671655824</t>
  </si>
  <si>
    <t>19434381.0</t>
  </si>
  <si>
    <t>327.221</t>
  </si>
  <si>
    <t>43955.0</t>
  </si>
  <si>
    <t>25448767.0</t>
  </si>
  <si>
    <t>17139535.0</t>
  </si>
  <si>
    <t>14384276.0</t>
  </si>
  <si>
    <t>99207.0</t>
  </si>
  <si>
    <t>19477054.0</t>
  </si>
  <si>
    <t>327.939</t>
  </si>
  <si>
    <t>25619891.0</t>
  </si>
  <si>
    <t>17260202.0</t>
  </si>
  <si>
    <t>14475754.0</t>
  </si>
  <si>
    <t>171124.0</t>
  </si>
  <si>
    <t>106480.0</t>
  </si>
  <si>
    <t>68405.0</t>
  </si>
  <si>
    <t>19529031.0</t>
  </si>
  <si>
    <t>51977.0</t>
  </si>
  <si>
    <t>328.814</t>
  </si>
  <si>
    <t>25782259.0</t>
  </si>
  <si>
    <t>17376900.0</t>
  </si>
  <si>
    <t>14561395.0</t>
  </si>
  <si>
    <t>162368.0</t>
  </si>
  <si>
    <t>111432.0</t>
  </si>
  <si>
    <t>74241.0</t>
  </si>
  <si>
    <t>19580433.0</t>
  </si>
  <si>
    <t>329.68</t>
  </si>
  <si>
    <t>26109436.0</t>
  </si>
  <si>
    <t>17660930.0</t>
  </si>
  <si>
    <t>14815845.0</t>
  </si>
  <si>
    <t>327177.0</t>
  </si>
  <si>
    <t>141275.0</t>
  </si>
  <si>
    <t>19646423.0</t>
  </si>
  <si>
    <t>330.791</t>
  </si>
  <si>
    <t>139732.0</t>
  </si>
  <si>
    <t>106628.0</t>
  </si>
  <si>
    <t>19715126.0</t>
  </si>
  <si>
    <t>68703.0</t>
  </si>
  <si>
    <t>331.948</t>
  </si>
  <si>
    <t>47327.0</t>
  </si>
  <si>
    <t>26324383.0</t>
  </si>
  <si>
    <t>17820083.0</t>
  </si>
  <si>
    <t>14934457.0</t>
  </si>
  <si>
    <t>149928.0</t>
  </si>
  <si>
    <t>114459.0</t>
  </si>
  <si>
    <t>19761834.0</t>
  </si>
  <si>
    <t>46708.0</t>
  </si>
  <si>
    <t>332.734</t>
  </si>
  <si>
    <t>26348830.0</t>
  </si>
  <si>
    <t>17840592.0</t>
  </si>
  <si>
    <t>14948436.0</t>
  </si>
  <si>
    <t>108770.0</t>
  </si>
  <si>
    <t>240453.9</t>
  </si>
  <si>
    <t>4014.66533711522</t>
  </si>
  <si>
    <t>19785993.0</t>
  </si>
  <si>
    <t>26490416.0</t>
  </si>
  <si>
    <t>17944783.0</t>
  </si>
  <si>
    <t>15023858.0</t>
  </si>
  <si>
    <t>141586.0</t>
  </si>
  <si>
    <t>148807.0</t>
  </si>
  <si>
    <t>19838883.0</t>
  </si>
  <si>
    <t>52890.0</t>
  </si>
  <si>
    <t>334.031</t>
  </si>
  <si>
    <t>26639293.0</t>
  </si>
  <si>
    <t>18053081.0</t>
  </si>
  <si>
    <t>15104933.0</t>
  </si>
  <si>
    <t>148877.0</t>
  </si>
  <si>
    <t>113268.0</t>
  </si>
  <si>
    <t>19912794.0</t>
  </si>
  <si>
    <t>335.276</t>
  </si>
  <si>
    <t>26781642.0</t>
  </si>
  <si>
    <t>18157324.0</t>
  </si>
  <si>
    <t>15182986.0</t>
  </si>
  <si>
    <t>142349.0</t>
  </si>
  <si>
    <t>142769.0</t>
  </si>
  <si>
    <t>111489.0</t>
  </si>
  <si>
    <t>19988045.0</t>
  </si>
  <si>
    <t>75251.0</t>
  </si>
  <si>
    <t>336.543</t>
  </si>
  <si>
    <t>58230.0</t>
  </si>
  <si>
    <t>20071560.0</t>
  </si>
  <si>
    <t>337.949</t>
  </si>
  <si>
    <t>27043034.0</t>
  </si>
  <si>
    <t>18344024.0</t>
  </si>
  <si>
    <t>15330635.0</t>
  </si>
  <si>
    <t>118018.0</t>
  </si>
  <si>
    <t>20176391.0</t>
  </si>
  <si>
    <t>104831.0</t>
  </si>
  <si>
    <t>339.714</t>
  </si>
  <si>
    <t>65895.0</t>
  </si>
  <si>
    <t>106089.0</t>
  </si>
  <si>
    <t>77397.0</t>
  </si>
  <si>
    <t>20238805.0</t>
  </si>
  <si>
    <t>340.765</t>
  </si>
  <si>
    <t>27090975.0</t>
  </si>
  <si>
    <t>18379697.0</t>
  </si>
  <si>
    <t>15357823.0</t>
  </si>
  <si>
    <t>106021.0</t>
  </si>
  <si>
    <t>241796.0</t>
  </si>
  <si>
    <t>4037.07330117379</t>
  </si>
  <si>
    <t>20283906.0</t>
  </si>
  <si>
    <t>341.524</t>
  </si>
  <si>
    <t>71130.0</t>
  </si>
  <si>
    <t>27188606.0</t>
  </si>
  <si>
    <t>18452800.0</t>
  </si>
  <si>
    <t>15410168.0</t>
  </si>
  <si>
    <t>97631.0</t>
  </si>
  <si>
    <t>99741.0</t>
  </si>
  <si>
    <t>72574.0</t>
  </si>
  <si>
    <t>20352343.0</t>
  </si>
  <si>
    <t>342.677</t>
  </si>
  <si>
    <t>73351.0</t>
  </si>
  <si>
    <t>27298525.0</t>
  </si>
  <si>
    <t>18530650.0</t>
  </si>
  <si>
    <t>15473473.0</t>
  </si>
  <si>
    <t>109919.0</t>
  </si>
  <si>
    <t>94176.0</t>
  </si>
  <si>
    <t>20436207.0</t>
  </si>
  <si>
    <t>344.089</t>
  </si>
  <si>
    <t>27400778.0</t>
  </si>
  <si>
    <t>18600540.0</t>
  </si>
  <si>
    <t>15532710.0</t>
  </si>
  <si>
    <t>102253.0</t>
  </si>
  <si>
    <t>20516511.0</t>
  </si>
  <si>
    <t>80304.0</t>
  </si>
  <si>
    <t>345.441</t>
  </si>
  <si>
    <t>75495.0</t>
  </si>
  <si>
    <t>27489267.0</t>
  </si>
  <si>
    <t>18657599.0</t>
  </si>
  <si>
    <t>88489.0</t>
  </si>
  <si>
    <t>82418.0</t>
  </si>
  <si>
    <t>132.434</t>
  </si>
  <si>
    <t>20584692.0</t>
  </si>
  <si>
    <t>346.589</t>
  </si>
  <si>
    <t>73305.0</t>
  </si>
  <si>
    <t>0.3197</t>
  </si>
  <si>
    <t>20640434.0</t>
  </si>
  <si>
    <t>347.527</t>
  </si>
  <si>
    <t>66292.0</t>
  </si>
  <si>
    <t>62667.0</t>
  </si>
  <si>
    <t>20690811.0</t>
  </si>
  <si>
    <t>348.376</t>
  </si>
  <si>
    <t>64572.0</t>
  </si>
  <si>
    <t>27513878.0</t>
  </si>
  <si>
    <t>18674488.0</t>
  </si>
  <si>
    <t>15599136.0</t>
  </si>
  <si>
    <t>60415.0</t>
  </si>
  <si>
    <t>42113.0</t>
  </si>
  <si>
    <t>244232.9</t>
  </si>
  <si>
    <t>4077.7602601294</t>
  </si>
  <si>
    <t>20719331.0</t>
  </si>
  <si>
    <t>28520.0</t>
  </si>
  <si>
    <t>348.856</t>
  </si>
  <si>
    <t>20775208.0</t>
  </si>
  <si>
    <t>349.797</t>
  </si>
  <si>
    <t>60409.0</t>
  </si>
  <si>
    <t>27661593.0</t>
  </si>
  <si>
    <t>18768087.0</t>
  </si>
  <si>
    <t>15684338.0</t>
  </si>
  <si>
    <t>20844222.0</t>
  </si>
  <si>
    <t>350.959</t>
  </si>
  <si>
    <t>20916911.0</t>
  </si>
  <si>
    <t>72689.0</t>
  </si>
  <si>
    <t>352.182</t>
  </si>
  <si>
    <t>57200.0</t>
  </si>
  <si>
    <t>20980990.0</t>
  </si>
  <si>
    <t>353.261</t>
  </si>
  <si>
    <t>56614.0</t>
  </si>
  <si>
    <t>27792388.0</t>
  </si>
  <si>
    <t>18844628.0</t>
  </si>
  <si>
    <t>15763189.0</t>
  </si>
  <si>
    <t>21038633.0</t>
  </si>
  <si>
    <t>21059203.0</t>
  </si>
  <si>
    <t>354.578</t>
  </si>
  <si>
    <t>27794896.0</t>
  </si>
  <si>
    <t>18846402.0</t>
  </si>
  <si>
    <t>15764673.0</t>
  </si>
  <si>
    <t>40145.0</t>
  </si>
  <si>
    <t>24559.0</t>
  </si>
  <si>
    <t>247375.8</t>
  </si>
  <si>
    <t>4130.23473314905</t>
  </si>
  <si>
    <t>21076433.0</t>
  </si>
  <si>
    <t>354.868</t>
  </si>
  <si>
    <t>27798057.0</t>
  </si>
  <si>
    <t>18848374.0</t>
  </si>
  <si>
    <t>15766591.0</t>
  </si>
  <si>
    <t>21106962.0</t>
  </si>
  <si>
    <t>355.382</t>
  </si>
  <si>
    <t>47393.0</t>
  </si>
  <si>
    <t>27850779.0</t>
  </si>
  <si>
    <t>18874881.0</t>
  </si>
  <si>
    <t>15801609.0</t>
  </si>
  <si>
    <t>15256.0</t>
  </si>
  <si>
    <t>21141715.0</t>
  </si>
  <si>
    <t>34753.0</t>
  </si>
  <si>
    <t>355.968</t>
  </si>
  <si>
    <t>27903338.0</t>
  </si>
  <si>
    <t>18905708.0</t>
  </si>
  <si>
    <t>15833594.0</t>
  </si>
  <si>
    <t>21187864.0</t>
  </si>
  <si>
    <t>46149.0</t>
  </si>
  <si>
    <t>356.745</t>
  </si>
  <si>
    <t>21231024.0</t>
  </si>
  <si>
    <t>43160.0</t>
  </si>
  <si>
    <t>21267879.0</t>
  </si>
  <si>
    <t>36855.0</t>
  </si>
  <si>
    <t>358.092</t>
  </si>
  <si>
    <t>27966664.0</t>
  </si>
  <si>
    <t>18943212.0</t>
  </si>
  <si>
    <t>15871913.0</t>
  </si>
  <si>
    <t>24717.0</t>
  </si>
  <si>
    <t>21286849.0</t>
  </si>
  <si>
    <t>358.411</t>
  </si>
  <si>
    <t>27967541.0</t>
  </si>
  <si>
    <t>18944167.0</t>
  </si>
  <si>
    <t>15872469.0</t>
  </si>
  <si>
    <t>250834.1</t>
  </si>
  <si>
    <t>4187.97518624773</t>
  </si>
  <si>
    <t>21304188.0</t>
  </si>
  <si>
    <t>358.703</t>
  </si>
  <si>
    <t>32536.0</t>
  </si>
  <si>
    <t>28022126.0</t>
  </si>
  <si>
    <t>18979366.0</t>
  </si>
  <si>
    <t>15904347.0</t>
  </si>
  <si>
    <t>21344293.0</t>
  </si>
  <si>
    <t>40105.0</t>
  </si>
  <si>
    <t>359.378</t>
  </si>
  <si>
    <t>28153104.0</t>
  </si>
  <si>
    <t>19065094.0</t>
  </si>
  <si>
    <t>15978622.0</t>
  </si>
  <si>
    <t>130978.0</t>
  </si>
  <si>
    <t>27173.0</t>
  </si>
  <si>
    <t>21394263.0</t>
  </si>
  <si>
    <t>360.22</t>
  </si>
  <si>
    <t>21441211.0</t>
  </si>
  <si>
    <t>361.01</t>
  </si>
  <si>
    <t>29811.0</t>
  </si>
  <si>
    <t>21487054.0</t>
  </si>
  <si>
    <t>361.782</t>
  </si>
  <si>
    <t>36576.0</t>
  </si>
  <si>
    <t>28296823.0</t>
  </si>
  <si>
    <t>19157785.0</t>
  </si>
  <si>
    <t>16060329.0</t>
  </si>
  <si>
    <t>21527936.0</t>
  </si>
  <si>
    <t>362.47</t>
  </si>
  <si>
    <t>31653.0</t>
  </si>
  <si>
    <t>21553366.0</t>
  </si>
  <si>
    <t>362.899</t>
  </si>
  <si>
    <t>28317883.0</t>
  </si>
  <si>
    <t>19171775.0</t>
  </si>
  <si>
    <t>16072851.0</t>
  </si>
  <si>
    <t>50049.0</t>
  </si>
  <si>
    <t>253194.6</t>
  </si>
  <si>
    <t>4227.3865558627</t>
  </si>
  <si>
    <t>21570563.0</t>
  </si>
  <si>
    <t>363.188</t>
  </si>
  <si>
    <t>38054.0</t>
  </si>
  <si>
    <t>28514757.0</t>
  </si>
  <si>
    <t>196874.0</t>
  </si>
  <si>
    <t>70376.0</t>
  </si>
  <si>
    <t>21611050.0</t>
  </si>
  <si>
    <t>363.87</t>
  </si>
  <si>
    <t>38108.0</t>
  </si>
  <si>
    <t>28617042.0</t>
  </si>
  <si>
    <t>102285.0</t>
  </si>
  <si>
    <t>21654544.0</t>
  </si>
  <si>
    <t>364.602</t>
  </si>
  <si>
    <t>28706020.0</t>
  </si>
  <si>
    <t>72144.0</t>
  </si>
  <si>
    <t>21695982.0</t>
  </si>
  <si>
    <t>28794410.0</t>
  </si>
  <si>
    <t>88390.0</t>
  </si>
  <si>
    <t>77928.0</t>
  </si>
  <si>
    <t>21736300.0</t>
  </si>
  <si>
    <t>40318.0</t>
  </si>
  <si>
    <t>365.979</t>
  </si>
  <si>
    <t>35607.0</t>
  </si>
  <si>
    <t>28884710.0</t>
  </si>
  <si>
    <t>83984.0</t>
  </si>
  <si>
    <t>21772893.0</t>
  </si>
  <si>
    <t>366.595</t>
  </si>
  <si>
    <t>34994.0</t>
  </si>
  <si>
    <t>28906789.0</t>
  </si>
  <si>
    <t>85634.0</t>
  </si>
  <si>
    <t>21797292.0</t>
  </si>
  <si>
    <t>367.006</t>
  </si>
  <si>
    <t>28911169.0</t>
  </si>
  <si>
    <t>84755.0</t>
  </si>
  <si>
    <t>255383.5</t>
  </si>
  <si>
    <t>4263.93285831989</t>
  </si>
  <si>
    <t>21815463.0</t>
  </si>
  <si>
    <t>367.312</t>
  </si>
  <si>
    <t>28999088.0</t>
  </si>
  <si>
    <t>19220274.0</t>
  </si>
  <si>
    <t>16166163.0</t>
  </si>
  <si>
    <t>405959.0</t>
  </si>
  <si>
    <t>21855117.0</t>
  </si>
  <si>
    <t>39654.0</t>
  </si>
  <si>
    <t>367.979</t>
  </si>
  <si>
    <t>29084973.0</t>
  </si>
  <si>
    <t>19257383.0</t>
  </si>
  <si>
    <t>16213145.0</t>
  </si>
  <si>
    <t>422407.0</t>
  </si>
  <si>
    <t>85885.0</t>
  </si>
  <si>
    <t>66847.0</t>
  </si>
  <si>
    <t>21895771.0</t>
  </si>
  <si>
    <t>368.664</t>
  </si>
  <si>
    <t>29169144.0</t>
  </si>
  <si>
    <t>19293345.0</t>
  </si>
  <si>
    <t>16259453.0</t>
  </si>
  <si>
    <t>439457.0</t>
  </si>
  <si>
    <t>21933255.0</t>
  </si>
  <si>
    <t>37484.0</t>
  </si>
  <si>
    <t>29251262.0</t>
  </si>
  <si>
    <t>19328210.0</t>
  </si>
  <si>
    <t>16303929.0</t>
  </si>
  <si>
    <t>456410.0</t>
  </si>
  <si>
    <t>82118.0</t>
  </si>
  <si>
    <t>21968562.0</t>
  </si>
  <si>
    <t>369.889</t>
  </si>
  <si>
    <t>29339383.0</t>
  </si>
  <si>
    <t>19363834.0</t>
  </si>
  <si>
    <t>16351861.0</t>
  </si>
  <si>
    <t>474596.0</t>
  </si>
  <si>
    <t>88121.0</t>
  </si>
  <si>
    <t>22001679.0</t>
  </si>
  <si>
    <t>370.447</t>
  </si>
  <si>
    <t>29363052.0</t>
  </si>
  <si>
    <t>19373583.0</t>
  </si>
  <si>
    <t>16365725.0</t>
  </si>
  <si>
    <t>478454.0</t>
  </si>
  <si>
    <t>22024246.0</t>
  </si>
  <si>
    <t>370.827</t>
  </si>
  <si>
    <t>32422.0</t>
  </si>
  <si>
    <t>4287.51623454575</t>
  </si>
  <si>
    <t>22041433.0</t>
  </si>
  <si>
    <t>371.116</t>
  </si>
  <si>
    <t>29452653.0</t>
  </si>
  <si>
    <t>19412803.0</t>
  </si>
  <si>
    <t>16413113.0</t>
  </si>
  <si>
    <t>498162.0</t>
  </si>
  <si>
    <t>22077649.0</t>
  </si>
  <si>
    <t>371.726</t>
  </si>
  <si>
    <t>22120335.0</t>
  </si>
  <si>
    <t>372.445</t>
  </si>
  <si>
    <t>29626329.0</t>
  </si>
  <si>
    <t>19488784.0</t>
  </si>
  <si>
    <t>16501024.0</t>
  </si>
  <si>
    <t>537449.0</t>
  </si>
  <si>
    <t>22159247.0</t>
  </si>
  <si>
    <t>38912.0</t>
  </si>
  <si>
    <t>32285.0</t>
  </si>
  <si>
    <t>29702542.0</t>
  </si>
  <si>
    <t>19526619.0</t>
  </si>
  <si>
    <t>16534632.0</t>
  </si>
  <si>
    <t>556205.0</t>
  </si>
  <si>
    <t>76213.0</t>
  </si>
  <si>
    <t>64469.0</t>
  </si>
  <si>
    <t>22195053.0</t>
  </si>
  <si>
    <t>35806.0</t>
  </si>
  <si>
    <t>373.703</t>
  </si>
  <si>
    <t>29784202.0</t>
  </si>
  <si>
    <t>19563985.0</t>
  </si>
  <si>
    <t>16574467.0</t>
  </si>
  <si>
    <t>574247.0</t>
  </si>
  <si>
    <t>81660.0</t>
  </si>
  <si>
    <t>22228242.0</t>
  </si>
  <si>
    <t>374.262</t>
  </si>
  <si>
    <t>32366.0</t>
  </si>
  <si>
    <t>62175.0</t>
  </si>
  <si>
    <t>22251589.0</t>
  </si>
  <si>
    <t>374.655</t>
  </si>
  <si>
    <t>32478.0</t>
  </si>
  <si>
    <t>29812348.0</t>
  </si>
  <si>
    <t>19577079.0</t>
  </si>
  <si>
    <t>16590076.0</t>
  </si>
  <si>
    <t>579009.0</t>
  </si>
  <si>
    <t>257823.1</t>
  </si>
  <si>
    <t>4304.66489700351</t>
  </si>
  <si>
    <t>22268519.0</t>
  </si>
  <si>
    <t>374.94</t>
  </si>
  <si>
    <t>29884699.0</t>
  </si>
  <si>
    <t>19611652.0</t>
  </si>
  <si>
    <t>16625575.0</t>
  </si>
  <si>
    <t>594479.0</t>
  </si>
  <si>
    <t>61721.0</t>
  </si>
  <si>
    <t>22303586.0</t>
  </si>
  <si>
    <t>375.53</t>
  </si>
  <si>
    <t>32277.0</t>
  </si>
  <si>
    <t>22343478.0</t>
  </si>
  <si>
    <t>39892.0</t>
  </si>
  <si>
    <t>376.202</t>
  </si>
  <si>
    <t>31878.0</t>
  </si>
  <si>
    <t>30031893.0</t>
  </si>
  <si>
    <t>19682367.0</t>
  </si>
  <si>
    <t>16693235.0</t>
  </si>
  <si>
    <t>628986.0</t>
  </si>
  <si>
    <t>57938.0</t>
  </si>
  <si>
    <t>22374263.0</t>
  </si>
  <si>
    <t>30785.0</t>
  </si>
  <si>
    <t>376.72</t>
  </si>
  <si>
    <t>30101146.0</t>
  </si>
  <si>
    <t>19716641.0</t>
  </si>
  <si>
    <t>16723246.0</t>
  </si>
  <si>
    <t>646466.0</t>
  </si>
  <si>
    <t>56943.0</t>
  </si>
  <si>
    <t>22405373.0</t>
  </si>
  <si>
    <t>377.244</t>
  </si>
  <si>
    <t>22443199.0</t>
  </si>
  <si>
    <t>377.881</t>
  </si>
  <si>
    <t>51705.0</t>
  </si>
  <si>
    <t>22464999.0</t>
  </si>
  <si>
    <t>378.248</t>
  </si>
  <si>
    <t>30189744.0</t>
  </si>
  <si>
    <t>19758807.0</t>
  </si>
  <si>
    <t>16762998.0</t>
  </si>
  <si>
    <t>667444.0</t>
  </si>
  <si>
    <t>258912.4</t>
  </si>
  <si>
    <t>4322.85206282498</t>
  </si>
  <si>
    <t>22481066.0</t>
  </si>
  <si>
    <t>378.518</t>
  </si>
  <si>
    <t>22515686.0</t>
  </si>
  <si>
    <t>379.101</t>
  </si>
  <si>
    <t>52879.0</t>
  </si>
  <si>
    <t>22555062.0</t>
  </si>
  <si>
    <t>379.764</t>
  </si>
  <si>
    <t>30397805.0</t>
  </si>
  <si>
    <t>19865842.0</t>
  </si>
  <si>
    <t>16846623.0</t>
  </si>
  <si>
    <t>723602.0</t>
  </si>
  <si>
    <t>52273.0</t>
  </si>
  <si>
    <t>22591175.0</t>
  </si>
  <si>
    <t>380.372</t>
  </si>
  <si>
    <t>22624015.0</t>
  </si>
  <si>
    <t>380.925</t>
  </si>
  <si>
    <t>30540615.0</t>
  </si>
  <si>
    <t>19941021.0</t>
  </si>
  <si>
    <t>16901809.0</t>
  </si>
  <si>
    <t>760771.0</t>
  </si>
  <si>
    <t>22656918.0</t>
  </si>
  <si>
    <t>381.479</t>
  </si>
  <si>
    <t>30555190.0</t>
  </si>
  <si>
    <t>19946944.0</t>
  </si>
  <si>
    <t>16907701.0</t>
  </si>
  <si>
    <t>764447.0</t>
  </si>
  <si>
    <t>22677323.0</t>
  </si>
  <si>
    <t>381.823</t>
  </si>
  <si>
    <t>30570386.0</t>
  </si>
  <si>
    <t>19958082.0</t>
  </si>
  <si>
    <t>16917849.0</t>
  </si>
  <si>
    <t>766629.0</t>
  </si>
  <si>
    <t>259606.7</t>
  </si>
  <si>
    <t>4334.44423140099</t>
  </si>
  <si>
    <t>22693253.0</t>
  </si>
  <si>
    <t>382.091</t>
  </si>
  <si>
    <t>30627415.0</t>
  </si>
  <si>
    <t>19982433.0</t>
  </si>
  <si>
    <t>16935309.0</t>
  </si>
  <si>
    <t>785483.0</t>
  </si>
  <si>
    <t>57029.0</t>
  </si>
  <si>
    <t>52617.0</t>
  </si>
  <si>
    <t>22723984.0</t>
  </si>
  <si>
    <t>382.609</t>
  </si>
  <si>
    <t>53556.0</t>
  </si>
  <si>
    <t>22762117.0</t>
  </si>
  <si>
    <t>383.251</t>
  </si>
  <si>
    <t>30779273.0</t>
  </si>
  <si>
    <t>20053450.0</t>
  </si>
  <si>
    <t>16992726.0</t>
  </si>
  <si>
    <t>831872.0</t>
  </si>
  <si>
    <t>22796653.0</t>
  </si>
  <si>
    <t>383.832</t>
  </si>
  <si>
    <t>30858874.0</t>
  </si>
  <si>
    <t>20092237.0</t>
  </si>
  <si>
    <t>17022026.0</t>
  </si>
  <si>
    <t>855139.0</t>
  </si>
  <si>
    <t>79601.0</t>
  </si>
  <si>
    <t>22830172.0</t>
  </si>
  <si>
    <t>384.396</t>
  </si>
  <si>
    <t>52677.0</t>
  </si>
  <si>
    <t>22860591.0</t>
  </si>
  <si>
    <t>30419.0</t>
  </si>
  <si>
    <t>384.909</t>
  </si>
  <si>
    <t>30959837.0</t>
  </si>
  <si>
    <t>20138111.0</t>
  </si>
  <si>
    <t>17064887.0</t>
  </si>
  <si>
    <t>882651.0</t>
  </si>
  <si>
    <t>57807.0</t>
  </si>
  <si>
    <t>22880879.0</t>
  </si>
  <si>
    <t>385.25</t>
  </si>
  <si>
    <t>30964954.0</t>
  </si>
  <si>
    <t>20139964.0</t>
  </si>
  <si>
    <t>17067077.0</t>
  </si>
  <si>
    <t>884447.0</t>
  </si>
  <si>
    <t>260297.4</t>
  </si>
  <si>
    <t>4345.97629367299</t>
  </si>
  <si>
    <t>22896483.0</t>
  </si>
  <si>
    <t>385.513</t>
  </si>
  <si>
    <t>59522.0</t>
  </si>
  <si>
    <t>22928257.0</t>
  </si>
  <si>
    <t>386.048</t>
  </si>
  <si>
    <t>29182.0</t>
  </si>
  <si>
    <t>31123187.0</t>
  </si>
  <si>
    <t>20210659.0</t>
  </si>
  <si>
    <t>17129212.0</t>
  </si>
  <si>
    <t>932096.0</t>
  </si>
  <si>
    <t>22964127.0</t>
  </si>
  <si>
    <t>386.652</t>
  </si>
  <si>
    <t>31217929.0</t>
  </si>
  <si>
    <t>20249900.0</t>
  </si>
  <si>
    <t>17162477.0</t>
  </si>
  <si>
    <t>966165.0</t>
  </si>
  <si>
    <t>94742.0</t>
  </si>
  <si>
    <t>62665.0</t>
  </si>
  <si>
    <t>28064.0</t>
  </si>
  <si>
    <t>22994945.0</t>
  </si>
  <si>
    <t>30818.0</t>
  </si>
  <si>
    <t>387.171</t>
  </si>
  <si>
    <t>28327.0</t>
  </si>
  <si>
    <t>64606.0</t>
  </si>
  <si>
    <t>23020001.0</t>
  </si>
  <si>
    <t>387.593</t>
  </si>
  <si>
    <t>31404302.0</t>
  </si>
  <si>
    <t>20322017.0</t>
  </si>
  <si>
    <t>17229080.0</t>
  </si>
  <si>
    <t>1035596.0</t>
  </si>
  <si>
    <t>70707.0</t>
  </si>
  <si>
    <t>23053022.0</t>
  </si>
  <si>
    <t>388.149</t>
  </si>
  <si>
    <t>23071788.0</t>
  </si>
  <si>
    <t>388.465</t>
  </si>
  <si>
    <t>31439128.0</t>
  </si>
  <si>
    <t>20336132.0</t>
  </si>
  <si>
    <t>17245407.0</t>
  </si>
  <si>
    <t>1048137.0</t>
  </si>
  <si>
    <t>67739.0</t>
  </si>
  <si>
    <t>261195.3</t>
  </si>
  <si>
    <t>4360.96780766463</t>
  </si>
  <si>
    <t>23085457.0</t>
  </si>
  <si>
    <t>388.695</t>
  </si>
  <si>
    <t>71682.0</t>
  </si>
  <si>
    <t>23111817.0</t>
  </si>
  <si>
    <t>389.139</t>
  </si>
  <si>
    <t>31652555.0</t>
  </si>
  <si>
    <t>20396606.0</t>
  </si>
  <si>
    <t>17301807.0</t>
  </si>
  <si>
    <t>1162202.0</t>
  </si>
  <si>
    <t>75624.0</t>
  </si>
  <si>
    <t>23138425.0</t>
  </si>
  <si>
    <t>389.587</t>
  </si>
  <si>
    <t>23166727.0</t>
  </si>
  <si>
    <t>390.063</t>
  </si>
  <si>
    <t>23196880.0</t>
  </si>
  <si>
    <t>390.571</t>
  </si>
  <si>
    <t>31989917.0</t>
  </si>
  <si>
    <t>20493423.0</t>
  </si>
  <si>
    <t>17387125.0</t>
  </si>
  <si>
    <t>1342654.0</t>
  </si>
  <si>
    <t>83659.0</t>
  </si>
  <si>
    <t>24487.0</t>
  </si>
  <si>
    <t>23226664.0</t>
  </si>
  <si>
    <t>391.072</t>
  </si>
  <si>
    <t>32019752.0</t>
  </si>
  <si>
    <t>20499960.0</t>
  </si>
  <si>
    <t>17396062.0</t>
  </si>
  <si>
    <t>1359275.0</t>
  </si>
  <si>
    <t>85434.0</t>
  </si>
  <si>
    <t>23245373.0</t>
  </si>
  <si>
    <t>391.387</t>
  </si>
  <si>
    <t>32027166.0</t>
  </si>
  <si>
    <t>20501676.0</t>
  </si>
  <si>
    <t>17398184.0</t>
  </si>
  <si>
    <t>1363737.0</t>
  </si>
  <si>
    <t>261998.6</t>
  </si>
  <si>
    <t>4374.37986155648</t>
  </si>
  <si>
    <t>23259839.0</t>
  </si>
  <si>
    <t>391.631</t>
  </si>
  <si>
    <t>32126152.0</t>
  </si>
  <si>
    <t>20529787.0</t>
  </si>
  <si>
    <t>17423434.0</t>
  </si>
  <si>
    <t>1417569.0</t>
  </si>
  <si>
    <t>98986.0</t>
  </si>
  <si>
    <t>23285855.0</t>
  </si>
  <si>
    <t>392.069</t>
  </si>
  <si>
    <t>74753.0</t>
  </si>
  <si>
    <t>23314522.0</t>
  </si>
  <si>
    <t>392.552</t>
  </si>
  <si>
    <t>32225496.0</t>
  </si>
  <si>
    <t>20558264.0</t>
  </si>
  <si>
    <t>17448183.0</t>
  </si>
  <si>
    <t>1471593.0</t>
  </si>
  <si>
    <t>23343250.0</t>
  </si>
  <si>
    <t>393.035</t>
  </si>
  <si>
    <t>32322691.0</t>
  </si>
  <si>
    <t>20585989.0</t>
  </si>
  <si>
    <t>17472851.0</t>
  </si>
  <si>
    <t>1524310.0</t>
  </si>
  <si>
    <t>23365475.0</t>
  </si>
  <si>
    <t>393.409</t>
  </si>
  <si>
    <t>24085.0</t>
  </si>
  <si>
    <t>32517834.0</t>
  </si>
  <si>
    <t>20642570.0</t>
  </si>
  <si>
    <t>17522887.0</t>
  </si>
  <si>
    <t>1628556.0</t>
  </si>
  <si>
    <t>195143.0</t>
  </si>
  <si>
    <t>75417.0</t>
  </si>
  <si>
    <t>23392502.0</t>
  </si>
  <si>
    <t>393.865</t>
  </si>
  <si>
    <t>23410199.0</t>
  </si>
  <si>
    <t>394.162</t>
  </si>
  <si>
    <t>32540997.0</t>
  </si>
  <si>
    <t>20647974.0</t>
  </si>
  <si>
    <t>17529312.0</t>
  </si>
  <si>
    <t>1641525.0</t>
  </si>
  <si>
    <t>262847.9</t>
  </si>
  <si>
    <t>4388.559940444</t>
  </si>
  <si>
    <t>23424639.0</t>
  </si>
  <si>
    <t>394.406</t>
  </si>
  <si>
    <t>32548342.0</t>
  </si>
  <si>
    <t>20650525.0</t>
  </si>
  <si>
    <t>17531396.0</t>
  </si>
  <si>
    <t>1644959.0</t>
  </si>
  <si>
    <t>23452959.0</t>
  </si>
  <si>
    <t>394.882</t>
  </si>
  <si>
    <t>32630886.0</t>
  </si>
  <si>
    <t>20674733.0</t>
  </si>
  <si>
    <t>17553465.0</t>
  </si>
  <si>
    <t>1688214.0</t>
  </si>
  <si>
    <t>23485052.0</t>
  </si>
  <si>
    <t>395.423</t>
  </si>
  <si>
    <t>32722417.0</t>
  </si>
  <si>
    <t>17577118.0</t>
  </si>
  <si>
    <t>1736027.0</t>
  </si>
  <si>
    <t>32817492.0</t>
  </si>
  <si>
    <t>20729866.0</t>
  </si>
  <si>
    <t>17602956.0</t>
  </si>
  <si>
    <t>1784871.0</t>
  </si>
  <si>
    <t>95075.0</t>
  </si>
  <si>
    <t>70686.0</t>
  </si>
  <si>
    <t>33.793</t>
  </si>
  <si>
    <t>23543564.0</t>
  </si>
  <si>
    <t>396.408</t>
  </si>
  <si>
    <t>32903329.0</t>
  </si>
  <si>
    <t>20753252.0</t>
  </si>
  <si>
    <t>17628065.0</t>
  </si>
  <si>
    <t>1829060.0</t>
  </si>
  <si>
    <t>55071.0</t>
  </si>
  <si>
    <t>23569125.0</t>
  </si>
  <si>
    <t>396.838</t>
  </si>
  <si>
    <t>32987853.0</t>
  </si>
  <si>
    <t>20772989.0</t>
  </si>
  <si>
    <t>17654789.0</t>
  </si>
  <si>
    <t>1873640.0</t>
  </si>
  <si>
    <t>23585561.0</t>
  </si>
  <si>
    <t>397.115</t>
  </si>
  <si>
    <t>33008136.0</t>
  </si>
  <si>
    <t>20777048.0</t>
  </si>
  <si>
    <t>17660887.0</t>
  </si>
  <si>
    <t>1885226.0</t>
  </si>
  <si>
    <t>66734.0</t>
  </si>
  <si>
    <t>263504.8</t>
  </si>
  <si>
    <t>4399.52767130614</t>
  </si>
  <si>
    <t>23599964.0</t>
  </si>
  <si>
    <t>397.358</t>
  </si>
  <si>
    <t>33014381.0</t>
  </si>
  <si>
    <t>20778875.0</t>
  </si>
  <si>
    <t>17662694.0</t>
  </si>
  <si>
    <t>66577.0</t>
  </si>
  <si>
    <t>18336.0</t>
  </si>
  <si>
    <t>23619340.0</t>
  </si>
  <si>
    <t>19376.0</t>
  </si>
  <si>
    <t>397.684</t>
  </si>
  <si>
    <t>33023123.0</t>
  </si>
  <si>
    <t>20781379.0</t>
  </si>
  <si>
    <t>17665311.0</t>
  </si>
  <si>
    <t>1892943.0</t>
  </si>
  <si>
    <t>23643793.0</t>
  </si>
  <si>
    <t>24453.0</t>
  </si>
  <si>
    <t>398.096</t>
  </si>
  <si>
    <t>33105213.0</t>
  </si>
  <si>
    <t>20802093.0</t>
  </si>
  <si>
    <t>17694103.0</t>
  </si>
  <si>
    <t>1933115.0</t>
  </si>
  <si>
    <t>23676087.0</t>
  </si>
  <si>
    <t>398.639</t>
  </si>
  <si>
    <t>23111.0</t>
  </si>
  <si>
    <t>33201427.0</t>
  </si>
  <si>
    <t>20826204.0</t>
  </si>
  <si>
    <t>17727718.0</t>
  </si>
  <si>
    <t>1980212.0</t>
  </si>
  <si>
    <t>96214.0</t>
  </si>
  <si>
    <t>23701064.0</t>
  </si>
  <si>
    <t>24977.0</t>
  </si>
  <si>
    <t>33296217.0</t>
  </si>
  <si>
    <t>20849944.0</t>
  </si>
  <si>
    <t>17762272.0</t>
  </si>
  <si>
    <t>2025294.0</t>
  </si>
  <si>
    <t>56127.0</t>
  </si>
  <si>
    <t>23727513.0</t>
  </si>
  <si>
    <t>399.505</t>
  </si>
  <si>
    <t>33379248.0</t>
  </si>
  <si>
    <t>20868945.0</t>
  </si>
  <si>
    <t>17793692.0</t>
  </si>
  <si>
    <t>2064966.0</t>
  </si>
  <si>
    <t>83031.0</t>
  </si>
  <si>
    <t>55914.0</t>
  </si>
  <si>
    <t>23744362.0</t>
  </si>
  <si>
    <t>399.789</t>
  </si>
  <si>
    <t>33405701.0</t>
  </si>
  <si>
    <t>20875084.0</t>
  </si>
  <si>
    <t>17802789.0</t>
  </si>
  <si>
    <t>2078695.0</t>
  </si>
  <si>
    <t>264415.7</t>
  </si>
  <si>
    <t>4414.73623584004</t>
  </si>
  <si>
    <t>23757304.0</t>
  </si>
  <si>
    <t>400.007</t>
  </si>
  <si>
    <t>61616.0</t>
  </si>
  <si>
    <t>23783240.0</t>
  </si>
  <si>
    <t>400.443</t>
  </si>
  <si>
    <t>33485691.0</t>
  </si>
  <si>
    <t>20894155.0</t>
  </si>
  <si>
    <t>17833534.0</t>
  </si>
  <si>
    <t>2116328.0</t>
  </si>
  <si>
    <t>66081.0</t>
  </si>
  <si>
    <t>23809344.0</t>
  </si>
  <si>
    <t>400.883</t>
  </si>
  <si>
    <t>33569841.0</t>
  </si>
  <si>
    <t>20913645.0</t>
  </si>
  <si>
    <t>17865218.0</t>
  </si>
  <si>
    <t>2157554.0</t>
  </si>
  <si>
    <t>84150.0</t>
  </si>
  <si>
    <t>23838911.0</t>
  </si>
  <si>
    <t>29567.0</t>
  </si>
  <si>
    <t>401.381</t>
  </si>
  <si>
    <t>33656772.0</t>
  </si>
  <si>
    <t>20934382.0</t>
  </si>
  <si>
    <t>17898249.0</t>
  </si>
  <si>
    <t>2199299.0</t>
  </si>
  <si>
    <t>86931.0</t>
  </si>
  <si>
    <t>23866743.0</t>
  </si>
  <si>
    <t>401.849</t>
  </si>
  <si>
    <t>33738165.0</t>
  </si>
  <si>
    <t>20954169.0</t>
  </si>
  <si>
    <t>17929482.0</t>
  </si>
  <si>
    <t>2238006.0</t>
  </si>
  <si>
    <t>81393.0</t>
  </si>
  <si>
    <t>23893013.0</t>
  </si>
  <si>
    <t>402.292</t>
  </si>
  <si>
    <t>23909698.0</t>
  </si>
  <si>
    <t>402.573</t>
  </si>
  <si>
    <t>265209.8</t>
  </si>
  <si>
    <t>4427.99468473275</t>
  </si>
  <si>
    <t>23922395.0</t>
  </si>
  <si>
    <t>402.786</t>
  </si>
  <si>
    <t>33821204.0</t>
  </si>
  <si>
    <t>20973752.0</t>
  </si>
  <si>
    <t>17960728.0</t>
  </si>
  <si>
    <t>2277971.0</t>
  </si>
  <si>
    <t>23947309.0</t>
  </si>
  <si>
    <t>403.206</t>
  </si>
  <si>
    <t>33875176.0</t>
  </si>
  <si>
    <t>20987044.0</t>
  </si>
  <si>
    <t>17981695.0</t>
  </si>
  <si>
    <t>2302998.0</t>
  </si>
  <si>
    <t>23971040.0</t>
  </si>
  <si>
    <t>23731.0</t>
  </si>
  <si>
    <t>403.605</t>
  </si>
  <si>
    <t>33931060.0</t>
  </si>
  <si>
    <t>21001488.0</t>
  </si>
  <si>
    <t>18000778.0</t>
  </si>
  <si>
    <t>2331516.0</t>
  </si>
  <si>
    <t>55884.0</t>
  </si>
  <si>
    <t>23996380.0</t>
  </si>
  <si>
    <t>33991918.0</t>
  </si>
  <si>
    <t>21017169.0</t>
  </si>
  <si>
    <t>18021801.0</t>
  </si>
  <si>
    <t>2361872.0</t>
  </si>
  <si>
    <t>60858.0</t>
  </si>
  <si>
    <t>47878.0</t>
  </si>
  <si>
    <t>24019672.0</t>
  </si>
  <si>
    <t>404.424</t>
  </si>
  <si>
    <t>34054426.0</t>
  </si>
  <si>
    <t>21035635.0</t>
  </si>
  <si>
    <t>18043782.0</t>
  </si>
  <si>
    <t>2390484.0</t>
  </si>
  <si>
    <t>24044412.0</t>
  </si>
  <si>
    <t>404.841</t>
  </si>
  <si>
    <t>34118324.0</t>
  </si>
  <si>
    <t>21054387.0</t>
  </si>
  <si>
    <t>18066728.0</t>
  </si>
  <si>
    <t>2419211.0</t>
  </si>
  <si>
    <t>63898.0</t>
  </si>
  <si>
    <t>50354.0</t>
  </si>
  <si>
    <t>35.279</t>
  </si>
  <si>
    <t>24060151.0</t>
  </si>
  <si>
    <t>405.106</t>
  </si>
  <si>
    <t>34139709.0</t>
  </si>
  <si>
    <t>21060350.0</t>
  </si>
  <si>
    <t>18074455.0</t>
  </si>
  <si>
    <t>2429478.0</t>
  </si>
  <si>
    <t>49455.0</t>
  </si>
  <si>
    <t>265742.3</t>
  </si>
  <si>
    <t>4436.88540886746</t>
  </si>
  <si>
    <t>34.745</t>
  </si>
  <si>
    <t>24071305.0</t>
  </si>
  <si>
    <t>34146981.0</t>
  </si>
  <si>
    <t>21062995.0</t>
  </si>
  <si>
    <t>18077058.0</t>
  </si>
  <si>
    <t>2432669.0</t>
  </si>
  <si>
    <t>24094335.0</t>
  </si>
  <si>
    <t>405.681</t>
  </si>
  <si>
    <t>34195988.0</t>
  </si>
  <si>
    <t>21079205.0</t>
  </si>
  <si>
    <t>18095166.0</t>
  </si>
  <si>
    <t>2452928.0</t>
  </si>
  <si>
    <t>45830.0</t>
  </si>
  <si>
    <t>24116414.0</t>
  </si>
  <si>
    <t>406.053</t>
  </si>
  <si>
    <t>34253459.0</t>
  </si>
  <si>
    <t>21097500.0</t>
  </si>
  <si>
    <t>18116074.0</t>
  </si>
  <si>
    <t>2477161.0</t>
  </si>
  <si>
    <t>24139799.0</t>
  </si>
  <si>
    <t>406.447</t>
  </si>
  <si>
    <t>34309973.0</t>
  </si>
  <si>
    <t>21115282.0</t>
  </si>
  <si>
    <t>18136746.0</t>
  </si>
  <si>
    <t>2501087.0</t>
  </si>
  <si>
    <t>56514.0</t>
  </si>
  <si>
    <t>45436.0</t>
  </si>
  <si>
    <t>24161679.0</t>
  </si>
  <si>
    <t>406.815</t>
  </si>
  <si>
    <t>34350797.0</t>
  </si>
  <si>
    <t>21127625.0</t>
  </si>
  <si>
    <t>18151340.0</t>
  </si>
  <si>
    <t>2519105.0</t>
  </si>
  <si>
    <t>16.696</t>
  </si>
  <si>
    <t>24179126.0</t>
  </si>
  <si>
    <t>407.109</t>
  </si>
  <si>
    <t>24189010.0</t>
  </si>
  <si>
    <t>407.275</t>
  </si>
  <si>
    <t>267379.0</t>
  </si>
  <si>
    <t>4464.21207213745</t>
  </si>
  <si>
    <t>24198159.0</t>
  </si>
  <si>
    <t>407.43</t>
  </si>
  <si>
    <t>34362003.0</t>
  </si>
  <si>
    <t>21130966.0</t>
  </si>
  <si>
    <t>18155537.0</t>
  </si>
  <si>
    <t>2524058.0</t>
  </si>
  <si>
    <t>24212994.0</t>
  </si>
  <si>
    <t>407.679</t>
  </si>
  <si>
    <t>34366442.0</t>
  </si>
  <si>
    <t>21132296.0</t>
  </si>
  <si>
    <t>18157162.0</t>
  </si>
  <si>
    <t>2526097.0</t>
  </si>
  <si>
    <t>24234233.0</t>
  </si>
  <si>
    <t>408.037</t>
  </si>
  <si>
    <t>34413466.0</t>
  </si>
  <si>
    <t>21147587.0</t>
  </si>
  <si>
    <t>18175011.0</t>
  </si>
  <si>
    <t>2545438.0</t>
  </si>
  <si>
    <t>22858.0</t>
  </si>
  <si>
    <t>24262108.0</t>
  </si>
  <si>
    <t>408.506</t>
  </si>
  <si>
    <t>17473.0</t>
  </si>
  <si>
    <t>34469342.0</t>
  </si>
  <si>
    <t>21166254.0</t>
  </si>
  <si>
    <t>18196475.0</t>
  </si>
  <si>
    <t>2566971.0</t>
  </si>
  <si>
    <t>24288173.0</t>
  </si>
  <si>
    <t>408.945</t>
  </si>
  <si>
    <t>34526599.0</t>
  </si>
  <si>
    <t>21185860.0</t>
  </si>
  <si>
    <t>18218678.0</t>
  </si>
  <si>
    <t>2588689.0</t>
  </si>
  <si>
    <t>24313334.0</t>
  </si>
  <si>
    <t>409.369</t>
  </si>
  <si>
    <t>34596427.0</t>
  </si>
  <si>
    <t>21209463.0</t>
  </si>
  <si>
    <t>18243562.0</t>
  </si>
  <si>
    <t>2616916.0</t>
  </si>
  <si>
    <t>69828.0</t>
  </si>
  <si>
    <t>24332659.0</t>
  </si>
  <si>
    <t>19325.0</t>
  </si>
  <si>
    <t>409.694</t>
  </si>
  <si>
    <t>268508.1</t>
  </si>
  <si>
    <t>4483.06374654213</t>
  </si>
  <si>
    <t>24342803.0</t>
  </si>
  <si>
    <t>409.865</t>
  </si>
  <si>
    <t>34600601.0</t>
  </si>
  <si>
    <t>21211199.0</t>
  </si>
  <si>
    <t>18244961.0</t>
  </si>
  <si>
    <t>2618589.0</t>
  </si>
  <si>
    <t>34085.0</t>
  </si>
  <si>
    <t>24370285.0</t>
  </si>
  <si>
    <t>410.328</t>
  </si>
  <si>
    <t>34659733.0</t>
  </si>
  <si>
    <t>21231368.0</t>
  </si>
  <si>
    <t>18267341.0</t>
  </si>
  <si>
    <t>2641455.0</t>
  </si>
  <si>
    <t>41899.0</t>
  </si>
  <si>
    <t>24400471.0</t>
  </si>
  <si>
    <t>34726984.0</t>
  </si>
  <si>
    <t>21252895.0</t>
  </si>
  <si>
    <t>18291966.0</t>
  </si>
  <si>
    <t>2669435.0</t>
  </si>
  <si>
    <t>67251.0</t>
  </si>
  <si>
    <t>24423181.0</t>
  </si>
  <si>
    <t>411.218</t>
  </si>
  <si>
    <t>34739327.0</t>
  </si>
  <si>
    <t>21257362.0</t>
  </si>
  <si>
    <t>18296163.0</t>
  </si>
  <si>
    <t>2674528.0</t>
  </si>
  <si>
    <t>24445151.0</t>
  </si>
  <si>
    <t>411.588</t>
  </si>
  <si>
    <t>34806757.0</t>
  </si>
  <si>
    <t>21279854.0</t>
  </si>
  <si>
    <t>18319838.0</t>
  </si>
  <si>
    <t>67430.0</t>
  </si>
  <si>
    <t>24475485.0</t>
  </si>
  <si>
    <t>412.099</t>
  </si>
  <si>
    <t>34864969.0</t>
  </si>
  <si>
    <t>21298735.0</t>
  </si>
  <si>
    <t>18339920.0</t>
  </si>
  <si>
    <t>2727831.0</t>
  </si>
  <si>
    <t>58212.0</t>
  </si>
  <si>
    <t>38363.0</t>
  </si>
  <si>
    <t>24492958.0</t>
  </si>
  <si>
    <t>412.393</t>
  </si>
  <si>
    <t>34877539.0</t>
  </si>
  <si>
    <t>21302363.0</t>
  </si>
  <si>
    <t>18344181.0</t>
  </si>
  <si>
    <t>2733750.0</t>
  </si>
  <si>
    <t>269714.6</t>
  </si>
  <si>
    <t>4503.20770648302</t>
  </si>
  <si>
    <t>24505584.0</t>
  </si>
  <si>
    <t>412.606</t>
  </si>
  <si>
    <t>34881319.0</t>
  </si>
  <si>
    <t>21303491.0</t>
  </si>
  <si>
    <t>18345493.0</t>
  </si>
  <si>
    <t>2735589.0</t>
  </si>
  <si>
    <t>40103.0</t>
  </si>
  <si>
    <t>24527102.0</t>
  </si>
  <si>
    <t>412.968</t>
  </si>
  <si>
    <t>34887157.0</t>
  </si>
  <si>
    <t>21305271.0</t>
  </si>
  <si>
    <t>18347677.0</t>
  </si>
  <si>
    <t>2738123.0</t>
  </si>
  <si>
    <t>32489.0</t>
  </si>
  <si>
    <t>24554412.0</t>
  </si>
  <si>
    <t>413.428</t>
  </si>
  <si>
    <t>34941461.0</t>
  </si>
  <si>
    <t>21323742.0</t>
  </si>
  <si>
    <t>18367289.0</t>
  </si>
  <si>
    <t>2760393.0</t>
  </si>
  <si>
    <t>24592030.0</t>
  </si>
  <si>
    <t>414.061</t>
  </si>
  <si>
    <t>34999285.0</t>
  </si>
  <si>
    <t>21343519.0</t>
  </si>
  <si>
    <t>18387993.0</t>
  </si>
  <si>
    <t>2783890.0</t>
  </si>
  <si>
    <t>57824.0</t>
  </si>
  <si>
    <t>24626847.0</t>
  </si>
  <si>
    <t>414.647</t>
  </si>
  <si>
    <t>35058457.0</t>
  </si>
  <si>
    <t>21364436.0</t>
  </si>
  <si>
    <t>18408410.0</t>
  </si>
  <si>
    <t>2808108.0</t>
  </si>
  <si>
    <t>24654271.0</t>
  </si>
  <si>
    <t>27424.0</t>
  </si>
  <si>
    <t>415.109</t>
  </si>
  <si>
    <t>35112052.0</t>
  </si>
  <si>
    <t>21383128.0</t>
  </si>
  <si>
    <t>18426826.0</t>
  </si>
  <si>
    <t>2830291.0</t>
  </si>
  <si>
    <t>24675963.0</t>
  </si>
  <si>
    <t>35124794.0</t>
  </si>
  <si>
    <t>21387271.0</t>
  </si>
  <si>
    <t>18430998.0</t>
  </si>
  <si>
    <t>2836165.0</t>
  </si>
  <si>
    <t>271182.7</t>
  </si>
  <si>
    <t>4527.71939118191</t>
  </si>
  <si>
    <t>24693273.0</t>
  </si>
  <si>
    <t>415.766</t>
  </si>
  <si>
    <t>35128412.0</t>
  </si>
  <si>
    <t>21388927.0</t>
  </si>
  <si>
    <t>18432285.0</t>
  </si>
  <si>
    <t>2837367.0</t>
  </si>
  <si>
    <t>24726029.0</t>
  </si>
  <si>
    <t>416.317</t>
  </si>
  <si>
    <t>35182056.0</t>
  </si>
  <si>
    <t>21408366.0</t>
  </si>
  <si>
    <t>18451136.0</t>
  </si>
  <si>
    <t>2858722.0</t>
  </si>
  <si>
    <t>24765642.0</t>
  </si>
  <si>
    <t>416.984</t>
  </si>
  <si>
    <t>30176.0</t>
  </si>
  <si>
    <t>35243240.0</t>
  </si>
  <si>
    <t>21430421.0</t>
  </si>
  <si>
    <t>18472807.0</t>
  </si>
  <si>
    <t>2882655.0</t>
  </si>
  <si>
    <t>49.504</t>
  </si>
  <si>
    <t>24804199.0</t>
  </si>
  <si>
    <t>417.634</t>
  </si>
  <si>
    <t>35307618.0</t>
  </si>
  <si>
    <t>21454556.0</t>
  </si>
  <si>
    <t>18495192.0</t>
  </si>
  <si>
    <t>2907045.0</t>
  </si>
  <si>
    <t>24841314.0</t>
  </si>
  <si>
    <t>418.258</t>
  </si>
  <si>
    <t>35370563.0</t>
  </si>
  <si>
    <t>21477273.0</t>
  </si>
  <si>
    <t>18517880.0</t>
  </si>
  <si>
    <t>2931554.0</t>
  </si>
  <si>
    <t>44587.0</t>
  </si>
  <si>
    <t>16120.0</t>
  </si>
  <si>
    <t>35425251.0</t>
  </si>
  <si>
    <t>21497152.0</t>
  </si>
  <si>
    <t>18536811.0</t>
  </si>
  <si>
    <t>2953350.0</t>
  </si>
  <si>
    <t>29776.0</t>
  </si>
  <si>
    <t>35436933.0</t>
  </si>
  <si>
    <t>21500938.0</t>
  </si>
  <si>
    <t>18540730.0</t>
  </si>
  <si>
    <t>2958541.0</t>
  </si>
  <si>
    <t>272704.2</t>
  </si>
  <si>
    <t>4553.1226527236</t>
  </si>
  <si>
    <t>35441399.0</t>
  </si>
  <si>
    <t>21502593.0</t>
  </si>
  <si>
    <t>18542344.0</t>
  </si>
  <si>
    <t>2960412.0</t>
  </si>
  <si>
    <t>24927476.0</t>
  </si>
  <si>
    <t>419.709</t>
  </si>
  <si>
    <t>35494610.0</t>
  </si>
  <si>
    <t>21521824.0</t>
  </si>
  <si>
    <t>18562145.0</t>
  </si>
  <si>
    <t>2980670.0</t>
  </si>
  <si>
    <t>53211.0</t>
  </si>
  <si>
    <t>24963628.0</t>
  </si>
  <si>
    <t>420.318</t>
  </si>
  <si>
    <t>35556934.0</t>
  </si>
  <si>
    <t>21544408.0</t>
  </si>
  <si>
    <t>18584665.0</t>
  </si>
  <si>
    <t>62324.0</t>
  </si>
  <si>
    <t>24992827.0</t>
  </si>
  <si>
    <t>420.81</t>
  </si>
  <si>
    <t>35617595.0</t>
  </si>
  <si>
    <t>21567977.0</t>
  </si>
  <si>
    <t>18605593.0</t>
  </si>
  <si>
    <t>3026816.0</t>
  </si>
  <si>
    <t>60661.0</t>
  </si>
  <si>
    <t>25025578.0</t>
  </si>
  <si>
    <t>32751.0</t>
  </si>
  <si>
    <t>421.361</t>
  </si>
  <si>
    <t>26323.0</t>
  </si>
  <si>
    <t>35679922.0</t>
  </si>
  <si>
    <t>21591879.0</t>
  </si>
  <si>
    <t>18628194.0</t>
  </si>
  <si>
    <t>3049134.0</t>
  </si>
  <si>
    <t>62327.0</t>
  </si>
  <si>
    <t>35731661.0</t>
  </si>
  <si>
    <t>21611749.0</t>
  </si>
  <si>
    <t>18646326.0</t>
  </si>
  <si>
    <t>3068186.0</t>
  </si>
  <si>
    <t>35740663.0</t>
  </si>
  <si>
    <t>21614937.0</t>
  </si>
  <si>
    <t>18649455.0</t>
  </si>
  <si>
    <t>3071718.0</t>
  </si>
  <si>
    <t>273692.1</t>
  </si>
  <si>
    <t>4569.61682431548</t>
  </si>
  <si>
    <t>25081137.0</t>
  </si>
  <si>
    <t>422.296</t>
  </si>
  <si>
    <t>35744528.0</t>
  </si>
  <si>
    <t>21616425.0</t>
  </si>
  <si>
    <t>18650863.0</t>
  </si>
  <si>
    <t>3073130.0</t>
  </si>
  <si>
    <t>25108084.0</t>
  </si>
  <si>
    <t>422.75</t>
  </si>
  <si>
    <t>35794074.0</t>
  </si>
  <si>
    <t>21636221.0</t>
  </si>
  <si>
    <t>18668965.0</t>
  </si>
  <si>
    <t>3090174.0</t>
  </si>
  <si>
    <t>42781.0</t>
  </si>
  <si>
    <t>25138638.0</t>
  </si>
  <si>
    <t>423.265</t>
  </si>
  <si>
    <t>35849352.0</t>
  </si>
  <si>
    <t>21658175.0</t>
  </si>
  <si>
    <t>18689063.0</t>
  </si>
  <si>
    <t>3109278.0</t>
  </si>
  <si>
    <t>25164138.0</t>
  </si>
  <si>
    <t>25500.0</t>
  </si>
  <si>
    <t>423.694</t>
  </si>
  <si>
    <t>24473.0</t>
  </si>
  <si>
    <t>35903813.0</t>
  </si>
  <si>
    <t>21679158.0</t>
  </si>
  <si>
    <t>18708785.0</t>
  </si>
  <si>
    <t>3129148.0</t>
  </si>
  <si>
    <t>25187804.0</t>
  </si>
  <si>
    <t>424.092</t>
  </si>
  <si>
    <t>35959268.0</t>
  </si>
  <si>
    <t>21700754.0</t>
  </si>
  <si>
    <t>18729493.0</t>
  </si>
  <si>
    <t>3148094.0</t>
  </si>
  <si>
    <t>36005670.0</t>
  </si>
  <si>
    <t>21719395.0</t>
  </si>
  <si>
    <t>18746469.0</t>
  </si>
  <si>
    <t>3164104.0</t>
  </si>
  <si>
    <t>36015744.0</t>
  </si>
  <si>
    <t>21723060.0</t>
  </si>
  <si>
    <t>18750051.0</t>
  </si>
  <si>
    <t>3168105.0</t>
  </si>
  <si>
    <t>275357.8</t>
  </si>
  <si>
    <t>4597.42767725666</t>
  </si>
  <si>
    <t>25242686.0</t>
  </si>
  <si>
    <t>425.016</t>
  </si>
  <si>
    <t>36020076.0</t>
  </si>
  <si>
    <t>21724648.0</t>
  </si>
  <si>
    <t>18751649.0</t>
  </si>
  <si>
    <t>3169901.0</t>
  </si>
  <si>
    <t>39364.0</t>
  </si>
  <si>
    <t>25264922.0</t>
  </si>
  <si>
    <t>425.391</t>
  </si>
  <si>
    <t>36063285.0</t>
  </si>
  <si>
    <t>21742087.0</t>
  </si>
  <si>
    <t>18767585.0</t>
  </si>
  <si>
    <t>3184611.0</t>
  </si>
  <si>
    <t>25288429.0</t>
  </si>
  <si>
    <t>425.787</t>
  </si>
  <si>
    <t>36105946.0</t>
  </si>
  <si>
    <t>21759015.0</t>
  </si>
  <si>
    <t>18783522.0</t>
  </si>
  <si>
    <t>3199093.0</t>
  </si>
  <si>
    <t>42661.0</t>
  </si>
  <si>
    <t>25314119.0</t>
  </si>
  <si>
    <t>426.219</t>
  </si>
  <si>
    <t>36148904.0</t>
  </si>
  <si>
    <t>21776154.0</t>
  </si>
  <si>
    <t>18799631.0</t>
  </si>
  <si>
    <t>3213884.0</t>
  </si>
  <si>
    <t>42958.0</t>
  </si>
  <si>
    <t>25334835.0</t>
  </si>
  <si>
    <t>426.568</t>
  </si>
  <si>
    <t>36192016.0</t>
  </si>
  <si>
    <t>21793671.0</t>
  </si>
  <si>
    <t>18815753.0</t>
  </si>
  <si>
    <t>3228459.0</t>
  </si>
  <si>
    <t>36230916.0</t>
  </si>
  <si>
    <t>21808776.0</t>
  </si>
  <si>
    <t>18830454.0</t>
  </si>
  <si>
    <t>3241826.0</t>
  </si>
  <si>
    <t>36238288.0</t>
  </si>
  <si>
    <t>21811715.0</t>
  </si>
  <si>
    <t>18833277.0</t>
  </si>
  <si>
    <t>3244428.0</t>
  </si>
  <si>
    <t>276664.3</t>
  </si>
  <si>
    <t>4619.24125675336</t>
  </si>
  <si>
    <t>25376754.0</t>
  </si>
  <si>
    <t>427.274</t>
  </si>
  <si>
    <t>36240713.0</t>
  </si>
  <si>
    <t>21812703.0</t>
  </si>
  <si>
    <t>18834233.0</t>
  </si>
  <si>
    <t>3245291.0</t>
  </si>
  <si>
    <t>25400217.0</t>
  </si>
  <si>
    <t>427.669</t>
  </si>
  <si>
    <t>36277964.0</t>
  </si>
  <si>
    <t>21826541.0</t>
  </si>
  <si>
    <t>18848823.0</t>
  </si>
  <si>
    <t>3258427.0</t>
  </si>
  <si>
    <t>37251.0</t>
  </si>
  <si>
    <t>25424031.0</t>
  </si>
  <si>
    <t>428.07</t>
  </si>
  <si>
    <t>36319056.0</t>
  </si>
  <si>
    <t>21842401.0</t>
  </si>
  <si>
    <t>18863998.0</t>
  </si>
  <si>
    <t>3273147.0</t>
  </si>
  <si>
    <t>25446806.0</t>
  </si>
  <si>
    <t>428.453</t>
  </si>
  <si>
    <t>36363675.0</t>
  </si>
  <si>
    <t>21858805.0</t>
  </si>
  <si>
    <t>18880779.0</t>
  </si>
  <si>
    <t>3289700.0</t>
  </si>
  <si>
    <t>25467671.0</t>
  </si>
  <si>
    <t>36406003.0</t>
  </si>
  <si>
    <t>21874855.0</t>
  </si>
  <si>
    <t>18896622.0</t>
  </si>
  <si>
    <t>3305117.0</t>
  </si>
  <si>
    <t>42328.0</t>
  </si>
  <si>
    <t>36439266.0</t>
  </si>
  <si>
    <t>21887217.0</t>
  </si>
  <si>
    <t>18909259.0</t>
  </si>
  <si>
    <t>3317377.0</t>
  </si>
  <si>
    <t>36446543.0</t>
  </si>
  <si>
    <t>21890079.0</t>
  </si>
  <si>
    <t>18911963.0</t>
  </si>
  <si>
    <t>3320000.0</t>
  </si>
  <si>
    <t>277619.6</t>
  </si>
  <si>
    <t>4635.19113237004</t>
  </si>
  <si>
    <t>25504687.0</t>
  </si>
  <si>
    <t>429.428</t>
  </si>
  <si>
    <t>36448670.0</t>
  </si>
  <si>
    <t>21890917.0</t>
  </si>
  <si>
    <t>18912817.0</t>
  </si>
  <si>
    <t>3320722.0</t>
  </si>
  <si>
    <t>29708.0</t>
  </si>
  <si>
    <t>25515180.0</t>
  </si>
  <si>
    <t>429.604</t>
  </si>
  <si>
    <t>36484428.0</t>
  </si>
  <si>
    <t>21905030.0</t>
  </si>
  <si>
    <t>18926605.0</t>
  </si>
  <si>
    <t>3333190.0</t>
  </si>
  <si>
    <t>25537597.0</t>
  </si>
  <si>
    <t>429.982</t>
  </si>
  <si>
    <t>36522914.0</t>
  </si>
  <si>
    <t>21920327.0</t>
  </si>
  <si>
    <t>18941548.0</t>
  </si>
  <si>
    <t>3346281.0</t>
  </si>
  <si>
    <t>36558454.0</t>
  </si>
  <si>
    <t>21934417.0</t>
  </si>
  <si>
    <t>18954843.0</t>
  </si>
  <si>
    <t>3358592.0</t>
  </si>
  <si>
    <t>25576392.0</t>
  </si>
  <si>
    <t>430.635</t>
  </si>
  <si>
    <t>36565633.0</t>
  </si>
  <si>
    <t>21937255.0</t>
  </si>
  <si>
    <t>18957381.0</t>
  </si>
  <si>
    <t>3361395.0</t>
  </si>
  <si>
    <t>32.892</t>
  </si>
  <si>
    <t>36594656.0</t>
  </si>
  <si>
    <t>21948222.0</t>
  </si>
  <si>
    <t>18968591.0</t>
  </si>
  <si>
    <t>3372056.0</t>
  </si>
  <si>
    <t>36600625.0</t>
  </si>
  <si>
    <t>21950438.0</t>
  </si>
  <si>
    <t>18971037.0</t>
  </si>
  <si>
    <t>3374196.0</t>
  </si>
  <si>
    <t>278659.5</t>
  </si>
  <si>
    <t>4652.55350613094</t>
  </si>
  <si>
    <t>25604409.0</t>
  </si>
  <si>
    <t>431.107</t>
  </si>
  <si>
    <t>36602354.0</t>
  </si>
  <si>
    <t>21951004.0</t>
  </si>
  <si>
    <t>18971691.0</t>
  </si>
  <si>
    <t>3374971.0</t>
  </si>
  <si>
    <t>25618427.0</t>
  </si>
  <si>
    <t>431.343</t>
  </si>
  <si>
    <t>36634824.0</t>
  </si>
  <si>
    <t>21963613.0</t>
  </si>
  <si>
    <t>18984856.0</t>
  </si>
  <si>
    <t>3386198.0</t>
  </si>
  <si>
    <t>25637671.0</t>
  </si>
  <si>
    <t>431.667</t>
  </si>
  <si>
    <t>36669717.0</t>
  </si>
  <si>
    <t>21976431.0</t>
  </si>
  <si>
    <t>18998336.0</t>
  </si>
  <si>
    <t>3399130.0</t>
  </si>
  <si>
    <t>36703505.0</t>
  </si>
  <si>
    <t>21988658.0</t>
  </si>
  <si>
    <t>19011859.0</t>
  </si>
  <si>
    <t>3411648.0</t>
  </si>
  <si>
    <t>36731686.0</t>
  </si>
  <si>
    <t>21998826.0</t>
  </si>
  <si>
    <t>19022904.0</t>
  </si>
  <si>
    <t>3422332.0</t>
  </si>
  <si>
    <t>36754405.0</t>
  </si>
  <si>
    <t>22006560.0</t>
  </si>
  <si>
    <t>19031751.0</t>
  </si>
  <si>
    <t>3431460.0</t>
  </si>
  <si>
    <t>36758843.0</t>
  </si>
  <si>
    <t>22008030.0</t>
  </si>
  <si>
    <t>19033532.0</t>
  </si>
  <si>
    <t>3433141.0</t>
  </si>
  <si>
    <t>279364.2</t>
  </si>
  <si>
    <t>4664.31931514076</t>
  </si>
  <si>
    <t>36760098.0</t>
  </si>
  <si>
    <t>22008449.0</t>
  </si>
  <si>
    <t>19034033.0</t>
  </si>
  <si>
    <t>3433678.0</t>
  </si>
  <si>
    <t>36780463.0</t>
  </si>
  <si>
    <t>22015067.0</t>
  </si>
  <si>
    <t>19041761.0</t>
  </si>
  <si>
    <t>3442388.0</t>
  </si>
  <si>
    <t>25.111</t>
  </si>
  <si>
    <t>36802355.0</t>
  </si>
  <si>
    <t>22022098.0</t>
  </si>
  <si>
    <t>19050087.0</t>
  </si>
  <si>
    <t>3451773.0</t>
  </si>
  <si>
    <t>36823695.0</t>
  </si>
  <si>
    <t>22028992.0</t>
  </si>
  <si>
    <t>19058285.0</t>
  </si>
  <si>
    <t>3460795.0</t>
  </si>
  <si>
    <t>36843272.0</t>
  </si>
  <si>
    <t>22035325.0</t>
  </si>
  <si>
    <t>19065825.0</t>
  </si>
  <si>
    <t>3469201.0</t>
  </si>
  <si>
    <t>36857675.0</t>
  </si>
  <si>
    <t>22039892.0</t>
  </si>
  <si>
    <t>19071499.0</t>
  </si>
  <si>
    <t>3475276.0</t>
  </si>
  <si>
    <t>36860698.0</t>
  </si>
  <si>
    <t>22040799.0</t>
  </si>
  <si>
    <t>19072550.0</t>
  </si>
  <si>
    <t>3476680.0</t>
  </si>
  <si>
    <t>280335.3</t>
  </si>
  <si>
    <t>4680.53299064726</t>
  </si>
  <si>
    <t>36861626.0</t>
  </si>
  <si>
    <t>22041102.0</t>
  </si>
  <si>
    <t>19072854.0</t>
  </si>
  <si>
    <t>3477132.0</t>
  </si>
  <si>
    <t>36877585.0</t>
  </si>
  <si>
    <t>22046379.0</t>
  </si>
  <si>
    <t>19079077.0</t>
  </si>
  <si>
    <t>3483863.0</t>
  </si>
  <si>
    <t>36894896.0</t>
  </si>
  <si>
    <t>22052002.0</t>
  </si>
  <si>
    <t>19085496.0</t>
  </si>
  <si>
    <t>3491472.0</t>
  </si>
  <si>
    <t>36911182.0</t>
  </si>
  <si>
    <t>22057391.0</t>
  </si>
  <si>
    <t>19091706.0</t>
  </si>
  <si>
    <t>3498270.0</t>
  </si>
  <si>
    <t>36928268.0</t>
  </si>
  <si>
    <t>22062964.0</t>
  </si>
  <si>
    <t>19097984.0</t>
  </si>
  <si>
    <t>3505814.0</t>
  </si>
  <si>
    <t>36945840.0</t>
  </si>
  <si>
    <t>22068908.0</t>
  </si>
  <si>
    <t>19104817.0</t>
  </si>
  <si>
    <t>3513059.0</t>
  </si>
  <si>
    <t>280736.4</t>
  </si>
  <si>
    <t>4687.22983468562</t>
  </si>
  <si>
    <t>36946616.0</t>
  </si>
  <si>
    <t>22069173.0</t>
  </si>
  <si>
    <t>19105064.0</t>
  </si>
  <si>
    <t>3513425.0</t>
  </si>
  <si>
    <t>36962546.0</t>
  </si>
  <si>
    <t>22074885.0</t>
  </si>
  <si>
    <t>19111385.0</t>
  </si>
  <si>
    <t>3519845.0</t>
  </si>
  <si>
    <t>36979793.0</t>
  </si>
  <si>
    <t>22080819.0</t>
  </si>
  <si>
    <t>19117945.0</t>
  </si>
  <si>
    <t>3527037.0</t>
  </si>
  <si>
    <t>36996750.0</t>
  </si>
  <si>
    <t>22086445.0</t>
  </si>
  <si>
    <t>19124411.0</t>
  </si>
  <si>
    <t>3534218.0</t>
  </si>
  <si>
    <t>37012038.0</t>
  </si>
  <si>
    <t>22090961.0</t>
  </si>
  <si>
    <t>19130038.0</t>
  </si>
  <si>
    <t>3541187.0</t>
  </si>
  <si>
    <t>33.209</t>
  </si>
  <si>
    <t>37025629.0</t>
  </si>
  <si>
    <t>22095424.0</t>
  </si>
  <si>
    <t>19135444.0</t>
  </si>
  <si>
    <t>3546751.0</t>
  </si>
  <si>
    <t>280952.3</t>
  </si>
  <si>
    <t>4690.83454330662</t>
  </si>
  <si>
    <t>37044632.0</t>
  </si>
  <si>
    <t>22101956.0</t>
  </si>
  <si>
    <t>19143289.0</t>
  </si>
  <si>
    <t>3554218.0</t>
  </si>
  <si>
    <t>37060820.0</t>
  </si>
  <si>
    <t>22107503.0</t>
  </si>
  <si>
    <t>19149590.0</t>
  </si>
  <si>
    <t>3561010.0</t>
  </si>
  <si>
    <t>37077459.0</t>
  </si>
  <si>
    <t>22113468.0</t>
  </si>
  <si>
    <t>19156458.0</t>
  </si>
  <si>
    <t>3567281.0</t>
  </si>
  <si>
    <t>37095461.0</t>
  </si>
  <si>
    <t>22119874.0</t>
  </si>
  <si>
    <t>19163895.0</t>
  </si>
  <si>
    <t>3573837.0</t>
  </si>
  <si>
    <t>37110233.0</t>
  </si>
  <si>
    <t>22124911.0</t>
  </si>
  <si>
    <t>19169985.0</t>
  </si>
  <si>
    <t>3579222.0</t>
  </si>
  <si>
    <t>281033.6</t>
  </si>
  <si>
    <t>4692.1919440055</t>
  </si>
  <si>
    <t>37128596.0</t>
  </si>
  <si>
    <t>22131636.0</t>
  </si>
  <si>
    <t>19177726.0</t>
  </si>
  <si>
    <t>3585537.0</t>
  </si>
  <si>
    <t>37146065.0</t>
  </si>
  <si>
    <t>22138189.0</t>
  </si>
  <si>
    <t>19185501.0</t>
  </si>
  <si>
    <t>3591063.0</t>
  </si>
  <si>
    <t>37162754.0</t>
  </si>
  <si>
    <t>22144118.0</t>
  </si>
  <si>
    <t>19193037.0</t>
  </si>
  <si>
    <t>3596377.0</t>
  </si>
  <si>
    <t>37179144.0</t>
  </si>
  <si>
    <t>22149808.0</t>
  </si>
  <si>
    <t>19200417.0</t>
  </si>
  <si>
    <t>3601802.0</t>
  </si>
  <si>
    <t>37192985.0</t>
  </si>
  <si>
    <t>22154824.0</t>
  </si>
  <si>
    <t>19206569.0</t>
  </si>
  <si>
    <t>3606263.0</t>
  </si>
  <si>
    <t>281414.7</t>
  </si>
  <si>
    <t>4698.5548641327</t>
  </si>
  <si>
    <t>37210790.0</t>
  </si>
  <si>
    <t>22161600.0</t>
  </si>
  <si>
    <t>19214852.0</t>
  </si>
  <si>
    <t>3611219.0</t>
  </si>
  <si>
    <t>37225158.0</t>
  </si>
  <si>
    <t>22167075.0</t>
  </si>
  <si>
    <t>19221127.0</t>
  </si>
  <si>
    <t>3615453.0</t>
  </si>
  <si>
    <t>37240214.0</t>
  </si>
  <si>
    <t>22172678.0</t>
  </si>
  <si>
    <t>19227810.0</t>
  </si>
  <si>
    <t>3619841.0</t>
  </si>
  <si>
    <t>37254563.0</t>
  </si>
  <si>
    <t>22178184.0</t>
  </si>
  <si>
    <t>19234310.0</t>
  </si>
  <si>
    <t>3623865.0</t>
  </si>
  <si>
    <t>37265934.0</t>
  </si>
  <si>
    <t>22182661.0</t>
  </si>
  <si>
    <t>19239158.0</t>
  </si>
  <si>
    <t>3627168.0</t>
  </si>
  <si>
    <t>281619.0</t>
  </si>
  <si>
    <t>4701.96589688523</t>
  </si>
  <si>
    <t>37276271.0</t>
  </si>
  <si>
    <t>22186213.0</t>
  </si>
  <si>
    <t>19243457.0</t>
  </si>
  <si>
    <t>37277458.0</t>
  </si>
  <si>
    <t>22186697.0</t>
  </si>
  <si>
    <t>19244003.0</t>
  </si>
  <si>
    <t>3631345.0</t>
  </si>
  <si>
    <t>37290784.0</t>
  </si>
  <si>
    <t>22191659.0</t>
  </si>
  <si>
    <t>19249959.0</t>
  </si>
  <si>
    <t>3635275.0</t>
  </si>
  <si>
    <t>37305157.0</t>
  </si>
  <si>
    <t>22197521.0</t>
  </si>
  <si>
    <t>19255893.0</t>
  </si>
  <si>
    <t>3639377.0</t>
  </si>
  <si>
    <t>37316663.0</t>
  </si>
  <si>
    <t>22202393.0</t>
  </si>
  <si>
    <t>19260611.0</t>
  </si>
  <si>
    <t>3642610.0</t>
  </si>
  <si>
    <t>37318036.0</t>
  </si>
  <si>
    <t>22202885.0</t>
  </si>
  <si>
    <t>19261250.0</t>
  </si>
  <si>
    <t>3643016.0</t>
  </si>
  <si>
    <t>281637.5</t>
  </si>
  <si>
    <t>4702.27477650305</t>
  </si>
  <si>
    <t>37318866.0</t>
  </si>
  <si>
    <t>22203178.0</t>
  </si>
  <si>
    <t>19261644.0</t>
  </si>
  <si>
    <t>3643250.0</t>
  </si>
  <si>
    <t>37331317.0</t>
  </si>
  <si>
    <t>22208480.0</t>
  </si>
  <si>
    <t>19267064.0</t>
  </si>
  <si>
    <t>3646258.0</t>
  </si>
  <si>
    <t>37343941.0</t>
  </si>
  <si>
    <t>22213805.0</t>
  </si>
  <si>
    <t>19272157.0</t>
  </si>
  <si>
    <t>3649583.0</t>
  </si>
  <si>
    <t>37356903.0</t>
  </si>
  <si>
    <t>22219207.0</t>
  </si>
  <si>
    <t>19277606.0</t>
  </si>
  <si>
    <t>3653113.0</t>
  </si>
  <si>
    <t>37369962.0</t>
  </si>
  <si>
    <t>22224518.0</t>
  </si>
  <si>
    <t>19283243.0</t>
  </si>
  <si>
    <t>3656716.0</t>
  </si>
  <si>
    <t>37379850.0</t>
  </si>
  <si>
    <t>22228483.0</t>
  </si>
  <si>
    <t>19287423.0</t>
  </si>
  <si>
    <t>3659568.0</t>
  </si>
  <si>
    <t>37381114.0</t>
  </si>
  <si>
    <t>22228965.0</t>
  </si>
  <si>
    <t>19287961.0</t>
  </si>
  <si>
    <t>3659956.0</t>
  </si>
  <si>
    <t>281846.0</t>
  </si>
  <si>
    <t>4705.75593327693</t>
  </si>
  <si>
    <t>37381696.0</t>
  </si>
  <si>
    <t>22229134.0</t>
  </si>
  <si>
    <t>19288156.0</t>
  </si>
  <si>
    <t>3660254.0</t>
  </si>
  <si>
    <t>37393438.0</t>
  </si>
  <si>
    <t>22233734.0</t>
  </si>
  <si>
    <t>19293505.0</t>
  </si>
  <si>
    <t>3663444.0</t>
  </si>
  <si>
    <t>37405743.0</t>
  </si>
  <si>
    <t>22238722.0</t>
  </si>
  <si>
    <t>19298607.0</t>
  </si>
  <si>
    <t>37414274.0</t>
  </si>
  <si>
    <t>22241820.0</t>
  </si>
  <si>
    <t>19302167.0</t>
  </si>
  <si>
    <t>3670102.0</t>
  </si>
  <si>
    <t>37425711.0</t>
  </si>
  <si>
    <t>22245963.0</t>
  </si>
  <si>
    <t>19307033.0</t>
  </si>
  <si>
    <t>3673870.0</t>
  </si>
  <si>
    <t>37434569.0</t>
  </si>
  <si>
    <t>22248826.0</t>
  </si>
  <si>
    <t>19310896.0</t>
  </si>
  <si>
    <t>3676976.0</t>
  </si>
  <si>
    <t>37436152.0</t>
  </si>
  <si>
    <t>22249358.0</t>
  </si>
  <si>
    <t>19311660.0</t>
  </si>
  <si>
    <t>3677469.0</t>
  </si>
  <si>
    <t>282356.7</t>
  </si>
  <si>
    <t>4714.28268034846</t>
  </si>
  <si>
    <t>37436769.0</t>
  </si>
  <si>
    <t>22249545.0</t>
  </si>
  <si>
    <t>19311913.0</t>
  </si>
  <si>
    <t>3677706.0</t>
  </si>
  <si>
    <t>37446594.0</t>
  </si>
  <si>
    <t>22253194.0</t>
  </si>
  <si>
    <t>19316295.0</t>
  </si>
  <si>
    <t>3680739.0</t>
  </si>
  <si>
    <t>37456345.0</t>
  </si>
  <si>
    <t>22256881.0</t>
  </si>
  <si>
    <t>19320571.0</t>
  </si>
  <si>
    <t>3683589.0</t>
  </si>
  <si>
    <t>37466505.0</t>
  </si>
  <si>
    <t>22260487.0</t>
  </si>
  <si>
    <t>19325218.0</t>
  </si>
  <si>
    <t>3686549.0</t>
  </si>
  <si>
    <t>37476658.0</t>
  </si>
  <si>
    <t>22264093.0</t>
  </si>
  <si>
    <t>19329795.0</t>
  </si>
  <si>
    <t>3689483.0</t>
  </si>
  <si>
    <t>37485310.0</t>
  </si>
  <si>
    <t>22267152.0</t>
  </si>
  <si>
    <t>19333557.0</t>
  </si>
  <si>
    <t>3692217.0</t>
  </si>
  <si>
    <t>37487347.0</t>
  </si>
  <si>
    <t>22267763.0</t>
  </si>
  <si>
    <t>19334395.0</t>
  </si>
  <si>
    <t>3692977.0</t>
  </si>
  <si>
    <t>282823.2</t>
  </si>
  <si>
    <t>4722.07145557633</t>
  </si>
  <si>
    <t>37487964.0</t>
  </si>
  <si>
    <t>22267964.0</t>
  </si>
  <si>
    <t>19334645.0</t>
  </si>
  <si>
    <t>3693214.0</t>
  </si>
  <si>
    <t>37496444.0</t>
  </si>
  <si>
    <t>22271026.0</t>
  </si>
  <si>
    <t>19338556.0</t>
  </si>
  <si>
    <t>3695696.0</t>
  </si>
  <si>
    <t>37506007.0</t>
  </si>
  <si>
    <t>22274662.0</t>
  </si>
  <si>
    <t>19342661.0</t>
  </si>
  <si>
    <t>3698619.0</t>
  </si>
  <si>
    <t>37515117.0</t>
  </si>
  <si>
    <t>22277836.0</t>
  </si>
  <si>
    <t>19346913.0</t>
  </si>
  <si>
    <t>3701335.0</t>
  </si>
  <si>
    <t>37524691.0</t>
  </si>
  <si>
    <t>22281426.0</t>
  </si>
  <si>
    <t>19350984.0</t>
  </si>
  <si>
    <t>3704302.0</t>
  </si>
  <si>
    <t>37534055.0</t>
  </si>
  <si>
    <t>22285599.0</t>
  </si>
  <si>
    <t>19354984.0</t>
  </si>
  <si>
    <t>3706640.0</t>
  </si>
  <si>
    <t>37535318.0</t>
  </si>
  <si>
    <t>22286063.0</t>
  </si>
  <si>
    <t>19355490.0</t>
  </si>
  <si>
    <t>3707094.0</t>
  </si>
  <si>
    <t>283284.7</t>
  </si>
  <si>
    <t>4729.77674982641</t>
  </si>
  <si>
    <t>37535745.0</t>
  </si>
  <si>
    <t>22286239.0</t>
  </si>
  <si>
    <t>19355655.0</t>
  </si>
  <si>
    <t>3707234.0</t>
  </si>
  <si>
    <t>37544120.0</t>
  </si>
  <si>
    <t>22289745.0</t>
  </si>
  <si>
    <t>19359218.0</t>
  </si>
  <si>
    <t>3709579.0</t>
  </si>
  <si>
    <t>37553463.0</t>
  </si>
  <si>
    <t>22293695.0</t>
  </si>
  <si>
    <t>19362968.0</t>
  </si>
  <si>
    <t>3712264.0</t>
  </si>
  <si>
    <t>37562742.0</t>
  </si>
  <si>
    <t>22297598.0</t>
  </si>
  <si>
    <t>19366848.0</t>
  </si>
  <si>
    <t>3714890.0</t>
  </si>
  <si>
    <t>37571929.0</t>
  </si>
  <si>
    <t>22301433.0</t>
  </si>
  <si>
    <t>19370702.0</t>
  </si>
  <si>
    <t>3717461.0</t>
  </si>
  <si>
    <t>37580269.0</t>
  </si>
  <si>
    <t>22304934.0</t>
  </si>
  <si>
    <t>19374123.0</t>
  </si>
  <si>
    <t>3719908.0</t>
  </si>
  <si>
    <t>283619.6</t>
  </si>
  <si>
    <t>4735.36830571883</t>
  </si>
  <si>
    <t>37580608.0</t>
  </si>
  <si>
    <t>22305030.0</t>
  </si>
  <si>
    <t>19374254.0</t>
  </si>
  <si>
    <t>3720058.0</t>
  </si>
  <si>
    <t>37587301.0</t>
  </si>
  <si>
    <t>22307874.0</t>
  </si>
  <si>
    <t>19377183.0</t>
  </si>
  <si>
    <t>3721918.0</t>
  </si>
  <si>
    <t>37594492.0</t>
  </si>
  <si>
    <t>22310904.0</t>
  </si>
  <si>
    <t>19380163.0</t>
  </si>
  <si>
    <t>3724105.0</t>
  </si>
  <si>
    <t>37600784.0</t>
  </si>
  <si>
    <t>22313529.0</t>
  </si>
  <si>
    <t>19382894.0</t>
  </si>
  <si>
    <t>3726004.0</t>
  </si>
  <si>
    <t>37607361.0</t>
  </si>
  <si>
    <t>22316361.0</t>
  </si>
  <si>
    <t>19385822.0</t>
  </si>
  <si>
    <t>37612482.0</t>
  </si>
  <si>
    <t>22318556.0</t>
  </si>
  <si>
    <t>19388209.0</t>
  </si>
  <si>
    <t>3729617.0</t>
  </si>
  <si>
    <t>37613037.0</t>
  </si>
  <si>
    <t>22318810.0</t>
  </si>
  <si>
    <t>19388498.0</t>
  </si>
  <si>
    <t>3729792.0</t>
  </si>
  <si>
    <t>283836.7</t>
  </si>
  <si>
    <t>4738.9930497745</t>
  </si>
  <si>
    <t>37613399.0</t>
  </si>
  <si>
    <t>22318997.0</t>
  </si>
  <si>
    <t>19388636.0</t>
  </si>
  <si>
    <t>3729883.0</t>
  </si>
  <si>
    <t>37619988.0</t>
  </si>
  <si>
    <t>22321720.0</t>
  </si>
  <si>
    <t>19391582.0</t>
  </si>
  <si>
    <t>3731884.0</t>
  </si>
  <si>
    <t>37627223.0</t>
  </si>
  <si>
    <t>22324680.0</t>
  </si>
  <si>
    <t>19394789.0</t>
  </si>
  <si>
    <t>3733986.0</t>
  </si>
  <si>
    <t>37634853.0</t>
  </si>
  <si>
    <t>22327904.0</t>
  </si>
  <si>
    <t>19398009.0</t>
  </si>
  <si>
    <t>3736352.0</t>
  </si>
  <si>
    <t>37641904.0</t>
  </si>
  <si>
    <t>22330558.0</t>
  </si>
  <si>
    <t>19401052.0</t>
  </si>
  <si>
    <t>3738814.0</t>
  </si>
  <si>
    <t>284278.6</t>
  </si>
  <si>
    <t>4746.37109859163</t>
  </si>
  <si>
    <t>37653469.0</t>
  </si>
  <si>
    <t>22335029.0</t>
  </si>
  <si>
    <t>19405831.0</t>
  </si>
  <si>
    <t>3743089.0</t>
  </si>
  <si>
    <t>37659460.0</t>
  </si>
  <si>
    <t>22337392.0</t>
  </si>
  <si>
    <t>19408217.0</t>
  </si>
  <si>
    <t>3745374.0</t>
  </si>
  <si>
    <t>37666463.0</t>
  </si>
  <si>
    <t>22339976.0</t>
  </si>
  <si>
    <t>19410934.0</t>
  </si>
  <si>
    <t>3748244.0</t>
  </si>
  <si>
    <t>37673007.0</t>
  </si>
  <si>
    <t>22342540.0</t>
  </si>
  <si>
    <t>19413509.0</t>
  </si>
  <si>
    <t>3750784.0</t>
  </si>
  <si>
    <t>37678611.0</t>
  </si>
  <si>
    <t>22344759.0</t>
  </si>
  <si>
    <t>19415769.0</t>
  </si>
  <si>
    <t>3752886.0</t>
  </si>
  <si>
    <t>37679258.0</t>
  </si>
  <si>
    <t>22345016.0</t>
  </si>
  <si>
    <t>19416039.0</t>
  </si>
  <si>
    <t>3753119.0</t>
  </si>
  <si>
    <t>284964.7</t>
  </si>
  <si>
    <t>4757.82635836407</t>
  </si>
  <si>
    <t>37679458.0</t>
  </si>
  <si>
    <t>22345080.0</t>
  </si>
  <si>
    <t>19416147.0</t>
  </si>
  <si>
    <t>3753184.0</t>
  </si>
  <si>
    <t>37685885.0</t>
  </si>
  <si>
    <t>22347592.0</t>
  </si>
  <si>
    <t>19418797.0</t>
  </si>
  <si>
    <t>3755571.0</t>
  </si>
  <si>
    <t>37692917.0</t>
  </si>
  <si>
    <t>22350336.0</t>
  </si>
  <si>
    <t>19421657.0</t>
  </si>
  <si>
    <t>3758265.0</t>
  </si>
  <si>
    <t>37708729.0</t>
  </si>
  <si>
    <t>22356713.0</t>
  </si>
  <si>
    <t>19428352.0</t>
  </si>
  <si>
    <t>3763465.0</t>
  </si>
  <si>
    <t>37715750.0</t>
  </si>
  <si>
    <t>22359640.0</t>
  </si>
  <si>
    <t>19431289.0</t>
  </si>
  <si>
    <t>3765713.0</t>
  </si>
  <si>
    <t>37716539.0</t>
  </si>
  <si>
    <t>22360042.0</t>
  </si>
  <si>
    <t>19431623.0</t>
  </si>
  <si>
    <t>3765958.0</t>
  </si>
  <si>
    <t>285478.6</t>
  </si>
  <si>
    <t>4766.40653326139</t>
  </si>
  <si>
    <t>37716831.0</t>
  </si>
  <si>
    <t>22360161.0</t>
  </si>
  <si>
    <t>19431737.0</t>
  </si>
  <si>
    <t>3766056.0</t>
  </si>
  <si>
    <t>37724286.0</t>
  </si>
  <si>
    <t>22363383.0</t>
  </si>
  <si>
    <t>19435169.0</t>
  </si>
  <si>
    <t>3768093.0</t>
  </si>
  <si>
    <t>37732345.0</t>
  </si>
  <si>
    <t>22366763.0</t>
  </si>
  <si>
    <t>19438771.0</t>
  </si>
  <si>
    <t>3770415.0</t>
  </si>
  <si>
    <t>37741417.0</t>
  </si>
  <si>
    <t>22370600.0</t>
  </si>
  <si>
    <t>19442985.0</t>
  </si>
  <si>
    <t>3772879.0</t>
  </si>
  <si>
    <t>37750215.0</t>
  </si>
  <si>
    <t>22374184.0</t>
  </si>
  <si>
    <t>19447022.0</t>
  </si>
  <si>
    <t>3775427.0</t>
  </si>
  <si>
    <t>37758822.0</t>
  </si>
  <si>
    <t>22378012.0</t>
  </si>
  <si>
    <t>3778059.0</t>
  </si>
  <si>
    <t>285584.7</t>
  </si>
  <si>
    <t>4768.17799961011</t>
  </si>
  <si>
    <t>37759279.0</t>
  </si>
  <si>
    <t>22378192.0</t>
  </si>
  <si>
    <t>19450730.0</t>
  </si>
  <si>
    <t>3778244.0</t>
  </si>
  <si>
    <t>37766941.0</t>
  </si>
  <si>
    <t>22381391.0</t>
  </si>
  <si>
    <t>19454047.0</t>
  </si>
  <si>
    <t>3780522.0</t>
  </si>
  <si>
    <t>37775735.0</t>
  </si>
  <si>
    <t>22385182.0</t>
  </si>
  <si>
    <t>19457819.0</t>
  </si>
  <si>
    <t>3783050.0</t>
  </si>
  <si>
    <t>37783368.0</t>
  </si>
  <si>
    <t>22388404.0</t>
  </si>
  <si>
    <t>19461154.0</t>
  </si>
  <si>
    <t>3785345.0</t>
  </si>
  <si>
    <t>37790150.0</t>
  </si>
  <si>
    <t>22391104.0</t>
  </si>
  <si>
    <t>19464037.0</t>
  </si>
  <si>
    <t>3787557.0</t>
  </si>
  <si>
    <t>37795990.0</t>
  </si>
  <si>
    <t>22393826.0</t>
  </si>
  <si>
    <t>19466552.0</t>
  </si>
  <si>
    <t>3789159.0</t>
  </si>
  <si>
    <t>37796701.0</t>
  </si>
  <si>
    <t>22394195.0</t>
  </si>
  <si>
    <t>19466838.0</t>
  </si>
  <si>
    <t>3789338.0</t>
  </si>
  <si>
    <t>285343.8</t>
  </si>
  <si>
    <t>4764.15588610015</t>
  </si>
  <si>
    <t>37803448.0</t>
  </si>
  <si>
    <t>22397220.0</t>
  </si>
  <si>
    <t>19469651.0</t>
  </si>
  <si>
    <t>3791276.0</t>
  </si>
  <si>
    <t>37810070.0</t>
  </si>
  <si>
    <t>22399703.0</t>
  </si>
  <si>
    <t>19472623.0</t>
  </si>
  <si>
    <t>3793360.0</t>
  </si>
  <si>
    <t>37818301.0</t>
  </si>
  <si>
    <t>22403421.0</t>
  </si>
  <si>
    <t>19476081.0</t>
  </si>
  <si>
    <t>3795628.0</t>
  </si>
  <si>
    <t>37826461.0</t>
  </si>
  <si>
    <t>22407144.0</t>
  </si>
  <si>
    <t>19479320.0</t>
  </si>
  <si>
    <t>3798010.0</t>
  </si>
  <si>
    <t>37833135.0</t>
  </si>
  <si>
    <t>22410135.0</t>
  </si>
  <si>
    <t>19482174.0</t>
  </si>
  <si>
    <t>3799840.0</t>
  </si>
  <si>
    <t>37833886.0</t>
  </si>
  <si>
    <t>22410492.0</t>
  </si>
  <si>
    <t>19482509.0</t>
  </si>
  <si>
    <t>3800040.0</t>
  </si>
  <si>
    <t>285420.3</t>
  </si>
  <si>
    <t>4765.43314506035</t>
  </si>
  <si>
    <t>37834064.0</t>
  </si>
  <si>
    <t>22410565.0</t>
  </si>
  <si>
    <t>19482584.0</t>
  </si>
  <si>
    <t>3800096.0</t>
  </si>
  <si>
    <t>37840769.0</t>
  </si>
  <si>
    <t>22413413.0</t>
  </si>
  <si>
    <t>19485550.0</t>
  </si>
  <si>
    <t>3802066.0</t>
  </si>
  <si>
    <t>37847847.0</t>
  </si>
  <si>
    <t>22416541.0</t>
  </si>
  <si>
    <t>19488621.0</t>
  </si>
  <si>
    <t>3804067.0</t>
  </si>
  <si>
    <t>37856678.0</t>
  </si>
  <si>
    <t>22420448.0</t>
  </si>
  <si>
    <t>19492292.0</t>
  </si>
  <si>
    <t>3806684.0</t>
  </si>
  <si>
    <t>37865436.0</t>
  </si>
  <si>
    <t>22424275.0</t>
  </si>
  <si>
    <t>19495739.0</t>
  </si>
  <si>
    <t>3809395.0</t>
  </si>
  <si>
    <t>37872764.0</t>
  </si>
  <si>
    <t>22427526.0</t>
  </si>
  <si>
    <t>19498774.0</t>
  </si>
  <si>
    <t>3811539.0</t>
  </si>
  <si>
    <t>37873475.0</t>
  </si>
  <si>
    <t>22427889.0</t>
  </si>
  <si>
    <t>19499045.0</t>
  </si>
  <si>
    <t>3811730.0</t>
  </si>
  <si>
    <t>285581.8</t>
  </si>
  <si>
    <t>4768.12958064299</t>
  </si>
  <si>
    <t>37873660.0</t>
  </si>
  <si>
    <t>22427989.0</t>
  </si>
  <si>
    <t>19499131.0</t>
  </si>
  <si>
    <t>3811768.0</t>
  </si>
  <si>
    <t>37881330.0</t>
  </si>
  <si>
    <t>22431293.0</t>
  </si>
  <si>
    <t>19502489.0</t>
  </si>
  <si>
    <t>3814088.0</t>
  </si>
  <si>
    <t>37889885.0</t>
  </si>
  <si>
    <t>22434844.0</t>
  </si>
  <si>
    <t>19506092.0</t>
  </si>
  <si>
    <t>3816852.0</t>
  </si>
  <si>
    <t>37898854.0</t>
  </si>
  <si>
    <t>22438427.0</t>
  </si>
  <si>
    <t>19509654.0</t>
  </si>
  <si>
    <t>3819941.0</t>
  </si>
  <si>
    <t>37907435.0</t>
  </si>
  <si>
    <t>22441947.0</t>
  </si>
  <si>
    <t>19513195.0</t>
  </si>
  <si>
    <t>3822729.0</t>
  </si>
  <si>
    <t>37914717.0</t>
  </si>
  <si>
    <t>22445074.0</t>
  </si>
  <si>
    <t>19516140.0</t>
  </si>
  <si>
    <t>3825100.0</t>
  </si>
  <si>
    <t>37915540.0</t>
  </si>
  <si>
    <t>22445380.0</t>
  </si>
  <si>
    <t>19516528.0</t>
  </si>
  <si>
    <t>285997.5</t>
  </si>
  <si>
    <t>4775.0701891365</t>
  </si>
  <si>
    <t>37915803.0</t>
  </si>
  <si>
    <t>22445476.0</t>
  </si>
  <si>
    <t>19516623.0</t>
  </si>
  <si>
    <t>3825486.0</t>
  </si>
  <si>
    <t>37922524.0</t>
  </si>
  <si>
    <t>22448310.0</t>
  </si>
  <si>
    <t>19519329.0</t>
  </si>
  <si>
    <t>3827896.0</t>
  </si>
  <si>
    <t>37929074.0</t>
  </si>
  <si>
    <t>22451107.0</t>
  </si>
  <si>
    <t>19522018.0</t>
  </si>
  <si>
    <t>3830138.0</t>
  </si>
  <si>
    <t>37936533.0</t>
  </si>
  <si>
    <t>22454292.0</t>
  </si>
  <si>
    <t>19524954.0</t>
  </si>
  <si>
    <t>3832836.0</t>
  </si>
  <si>
    <t>37944997.0</t>
  </si>
  <si>
    <t>22457594.0</t>
  </si>
  <si>
    <t>19528498.0</t>
  </si>
  <si>
    <t>3835825.0</t>
  </si>
  <si>
    <t>37951019.0</t>
  </si>
  <si>
    <t>22460120.0</t>
  </si>
  <si>
    <t>19531073.0</t>
  </si>
  <si>
    <t>3837792.0</t>
  </si>
  <si>
    <t>37951691.0</t>
  </si>
  <si>
    <t>22460434.0</t>
  </si>
  <si>
    <t>19531374.0</t>
  </si>
  <si>
    <t>3837983.0</t>
  </si>
  <si>
    <t>286318.4</t>
  </si>
  <si>
    <t>4780.42799829111</t>
  </si>
  <si>
    <t>37952064.0</t>
  </si>
  <si>
    <t>22460541.0</t>
  </si>
  <si>
    <t>19531520.0</t>
  </si>
  <si>
    <t>3838168.0</t>
  </si>
  <si>
    <t>37958997.0</t>
  </si>
  <si>
    <t>22463405.0</t>
  </si>
  <si>
    <t>19534288.0</t>
  </si>
  <si>
    <t>3840708.0</t>
  </si>
  <si>
    <t>37967080.0</t>
  </si>
  <si>
    <t>22466615.0</t>
  </si>
  <si>
    <t>19537503.0</t>
  </si>
  <si>
    <t>3843724.0</t>
  </si>
  <si>
    <t>37974920.0</t>
  </si>
  <si>
    <t>22469707.0</t>
  </si>
  <si>
    <t>19540712.0</t>
  </si>
  <si>
    <t>3846586.0</t>
  </si>
  <si>
    <t>37982823.0</t>
  </si>
  <si>
    <t>22472709.0</t>
  </si>
  <si>
    <t>19543985.0</t>
  </si>
  <si>
    <t>3849560.0</t>
  </si>
  <si>
    <t>37988317.0</t>
  </si>
  <si>
    <t>22474988.0</t>
  </si>
  <si>
    <t>19546272.0</t>
  </si>
  <si>
    <t>3851490.0</t>
  </si>
  <si>
    <t>37988794.0</t>
  </si>
  <si>
    <t>22475190.0</t>
  </si>
  <si>
    <t>19546497.0</t>
  </si>
  <si>
    <t>3851638.0</t>
  </si>
  <si>
    <t>286334.7</t>
  </si>
  <si>
    <t>4780.70014627871</t>
  </si>
  <si>
    <t>37989092.0</t>
  </si>
  <si>
    <t>22475267.0</t>
  </si>
  <si>
    <t>19546617.0</t>
  </si>
  <si>
    <t>3851769.0</t>
  </si>
  <si>
    <t>37993879.0</t>
  </si>
  <si>
    <t>22477273.0</t>
  </si>
  <si>
    <t>19548379.0</t>
  </si>
  <si>
    <t>3853759.0</t>
  </si>
  <si>
    <t>38000170.0</t>
  </si>
  <si>
    <t>22479906.0</t>
  </si>
  <si>
    <t>19550512.0</t>
  </si>
  <si>
    <t>3856429.0</t>
  </si>
  <si>
    <t>38006145.0</t>
  </si>
  <si>
    <t>22482325.0</t>
  </si>
  <si>
    <t>19552517.0</t>
  </si>
  <si>
    <t>3858999.0</t>
  </si>
  <si>
    <t>38012272.0</t>
  </si>
  <si>
    <t>22484769.0</t>
  </si>
  <si>
    <t>19554553.0</t>
  </si>
  <si>
    <t>3861717.0</t>
  </si>
  <si>
    <t>38016970.0</t>
  </si>
  <si>
    <t>22486686.0</t>
  </si>
  <si>
    <t>19556194.0</t>
  </si>
  <si>
    <t>3863713.0</t>
  </si>
  <si>
    <t>38017614.0</t>
  </si>
  <si>
    <t>22486951.0</t>
  </si>
  <si>
    <t>19556427.0</t>
  </si>
  <si>
    <t>3863941.0</t>
  </si>
  <si>
    <t>286372.0</t>
  </si>
  <si>
    <t>4781.32291437303</t>
  </si>
  <si>
    <t>38022437.0</t>
  </si>
  <si>
    <t>22488911.0</t>
  </si>
  <si>
    <t>19558052.0</t>
  </si>
  <si>
    <t>3866037.0</t>
  </si>
  <si>
    <t>38027236.0</t>
  </si>
  <si>
    <t>22490787.0</t>
  </si>
  <si>
    <t>19559654.0</t>
  </si>
  <si>
    <t>3868177.0</t>
  </si>
  <si>
    <t>38032683.0</t>
  </si>
  <si>
    <t>22492978.0</t>
  </si>
  <si>
    <t>19561575.0</t>
  </si>
  <si>
    <t>3870460.0</t>
  </si>
  <si>
    <t>38036088.0</t>
  </si>
  <si>
    <t>22494364.0</t>
  </si>
  <si>
    <t>19562838.0</t>
  </si>
  <si>
    <t>3871910.0</t>
  </si>
  <si>
    <t>38036467.0</t>
  </si>
  <si>
    <t>22494565.0</t>
  </si>
  <si>
    <t>19562988.0</t>
  </si>
  <si>
    <t>3872018.0</t>
  </si>
  <si>
    <t>38036993.0</t>
  </si>
  <si>
    <t>23962787.0</t>
  </si>
  <si>
    <t>21031216.0</t>
  </si>
  <si>
    <t>3872217.0</t>
  </si>
  <si>
    <t>210834.0</t>
  </si>
  <si>
    <t>38040275.0</t>
  </si>
  <si>
    <t>3873523.0</t>
  </si>
  <si>
    <t>38043656.0</t>
  </si>
  <si>
    <t>3874848.0</t>
  </si>
  <si>
    <t>38046706.0</t>
  </si>
  <si>
    <t>3876110.0</t>
  </si>
  <si>
    <t>38049123.0</t>
  </si>
  <si>
    <t>3877037.0</t>
  </si>
  <si>
    <t>38050295.0</t>
  </si>
  <si>
    <t>3877443.0</t>
  </si>
  <si>
    <t>38050531.0</t>
  </si>
  <si>
    <t>3877506.0</t>
  </si>
  <si>
    <t>38050611.0</t>
  </si>
  <si>
    <t>3877516.0</t>
  </si>
  <si>
    <t>OWID_SAM</t>
  </si>
  <si>
    <t>29139.0</t>
  </si>
  <si>
    <t>49233.0</t>
  </si>
  <si>
    <t>52047.0</t>
  </si>
  <si>
    <t>52168.0</t>
  </si>
  <si>
    <t>55918.0</t>
  </si>
  <si>
    <t>66800.0</t>
  </si>
  <si>
    <t>66778.0</t>
  </si>
  <si>
    <t>89295.0</t>
  </si>
  <si>
    <t>107523.0</t>
  </si>
  <si>
    <t>107490.0</t>
  </si>
  <si>
    <t>135417.0</t>
  </si>
  <si>
    <t>145626.0</t>
  </si>
  <si>
    <t>145584.0</t>
  </si>
  <si>
    <t>146759.0</t>
  </si>
  <si>
    <t>166636.0</t>
  </si>
  <si>
    <t>166583.0</t>
  </si>
  <si>
    <t>186029.0</t>
  </si>
  <si>
    <t>185957.0</t>
  </si>
  <si>
    <t>203838.0</t>
  </si>
  <si>
    <t>202730.0</t>
  </si>
  <si>
    <t>227407.0</t>
  </si>
  <si>
    <t>221497.0</t>
  </si>
  <si>
    <t>239893.0</t>
  </si>
  <si>
    <t>245799.0</t>
  </si>
  <si>
    <t>255433.0</t>
  </si>
  <si>
    <t>268836.0</t>
  </si>
  <si>
    <t>322351.0</t>
  </si>
  <si>
    <t>308435.0</t>
  </si>
  <si>
    <t>45039.0</t>
  </si>
  <si>
    <t>443406.0</t>
  </si>
  <si>
    <t>415970.0</t>
  </si>
  <si>
    <t>121038.0</t>
  </si>
  <si>
    <t>54340.0</t>
  </si>
  <si>
    <t>551449.0</t>
  </si>
  <si>
    <t>514692.0</t>
  </si>
  <si>
    <t>36706.0</t>
  </si>
  <si>
    <t>108043.0</t>
  </si>
  <si>
    <t>830459.0</t>
  </si>
  <si>
    <t>789500.0</t>
  </si>
  <si>
    <t>279010.0</t>
  </si>
  <si>
    <t>110913.0</t>
  </si>
  <si>
    <t>106261.0</t>
  </si>
  <si>
    <t>945444.0</t>
  </si>
  <si>
    <t>901649.0</t>
  </si>
  <si>
    <t>115458.0</t>
  </si>
  <si>
    <t>113167.0</t>
  </si>
  <si>
    <t>108051.0</t>
  </si>
  <si>
    <t>986433.0</t>
  </si>
  <si>
    <t>942426.0</t>
  </si>
  <si>
    <t>104341.0</t>
  </si>
  <si>
    <t>1191144.0</t>
  </si>
  <si>
    <t>1138641.0</t>
  </si>
  <si>
    <t>52450.0</t>
  </si>
  <si>
    <t>203130.0</t>
  </si>
  <si>
    <t>124547.0</t>
  </si>
  <si>
    <t>1449320.0</t>
  </si>
  <si>
    <t>1388728.0</t>
  </si>
  <si>
    <t>258176.0</t>
  </si>
  <si>
    <t>161132.0</t>
  </si>
  <si>
    <t>154464.0</t>
  </si>
  <si>
    <t>1741973.0</t>
  </si>
  <si>
    <t>1675326.0</t>
  </si>
  <si>
    <t>66594.0</t>
  </si>
  <si>
    <t>292653.0</t>
  </si>
  <si>
    <t>185510.0</t>
  </si>
  <si>
    <t>1993796.0</t>
  </si>
  <si>
    <t>1912544.0</t>
  </si>
  <si>
    <t>251825.0</t>
  </si>
  <si>
    <t>206049.0</t>
  </si>
  <si>
    <t>199693.0</t>
  </si>
  <si>
    <t>2378310.0</t>
  </si>
  <si>
    <t>2275010.0</t>
  </si>
  <si>
    <t>384511.0</t>
  </si>
  <si>
    <t>221122.0</t>
  </si>
  <si>
    <t>212216.0</t>
  </si>
  <si>
    <t>2510336.0</t>
  </si>
  <si>
    <t>2397923.0</t>
  </si>
  <si>
    <t>112358.0</t>
  </si>
  <si>
    <t>132047.0</t>
  </si>
  <si>
    <t>223491.0</t>
  </si>
  <si>
    <t>213756.0</t>
  </si>
  <si>
    <t>2548599.0</t>
  </si>
  <si>
    <t>2435569.0</t>
  </si>
  <si>
    <t>222941.0</t>
  </si>
  <si>
    <t>213215.0</t>
  </si>
  <si>
    <t>2777955.0</t>
  </si>
  <si>
    <t>2647664.0</t>
  </si>
  <si>
    <t>130235.0</t>
  </si>
  <si>
    <t>229356.0</t>
  </si>
  <si>
    <t>226687.0</t>
  </si>
  <si>
    <t>215574.0</t>
  </si>
  <si>
    <t>3046978.0</t>
  </si>
  <si>
    <t>2898445.0</t>
  </si>
  <si>
    <t>148476.0</t>
  </si>
  <si>
    <t>267434.0</t>
  </si>
  <si>
    <t>228010.0</t>
  </si>
  <si>
    <t>3529025.0</t>
  </si>
  <si>
    <t>3364278.0</t>
  </si>
  <si>
    <t>164690.0</t>
  </si>
  <si>
    <t>482047.0</t>
  </si>
  <si>
    <t>256755.0</t>
  </si>
  <si>
    <t>242741.0</t>
  </si>
  <si>
    <t>4007841.0</t>
  </si>
  <si>
    <t>3823133.0</t>
  </si>
  <si>
    <t>184650.0</t>
  </si>
  <si>
    <t>478816.0</t>
  </si>
  <si>
    <t>288773.0</t>
  </si>
  <si>
    <t>273995.0</t>
  </si>
  <si>
    <t>4539148.0</t>
  </si>
  <si>
    <t>4332653.0</t>
  </si>
  <si>
    <t>206439.0</t>
  </si>
  <si>
    <t>531307.0</t>
  </si>
  <si>
    <t>294834.0</t>
  </si>
  <si>
    <t>4730444.0</t>
  </si>
  <si>
    <t>4498378.0</t>
  </si>
  <si>
    <t>232010.0</t>
  </si>
  <si>
    <t>191296.0</t>
  </si>
  <si>
    <t>317576.0</t>
  </si>
  <si>
    <t>300484.0</t>
  </si>
  <si>
    <t>4792443.0</t>
  </si>
  <si>
    <t>4553550.0</t>
  </si>
  <si>
    <t>238837.0</t>
  </si>
  <si>
    <t>62000.0</t>
  </si>
  <si>
    <t>320676.0</t>
  </si>
  <si>
    <t>302695.0</t>
  </si>
  <si>
    <t>5265008.0</t>
  </si>
  <si>
    <t>4999446.0</t>
  </si>
  <si>
    <t>472753.0</t>
  </si>
  <si>
    <t>355430.0</t>
  </si>
  <si>
    <t>336104.0</t>
  </si>
  <si>
    <t>5851982.0</t>
  </si>
  <si>
    <t>5544060.0</t>
  </si>
  <si>
    <t>307865.0</t>
  </si>
  <si>
    <t>583307.0</t>
  </si>
  <si>
    <t>400353.0</t>
  </si>
  <si>
    <t>377583.0</t>
  </si>
  <si>
    <t>6451966.0</t>
  </si>
  <si>
    <t>6100972.0</t>
  </si>
  <si>
    <t>350937.0</t>
  </si>
  <si>
    <t>600170.0</t>
  </si>
  <si>
    <t>431438.0</t>
  </si>
  <si>
    <t>404832.0</t>
  </si>
  <si>
    <t>7049093.0</t>
  </si>
  <si>
    <t>6651421.0</t>
  </si>
  <si>
    <t>597331.0</t>
  </si>
  <si>
    <t>452223.0</t>
  </si>
  <si>
    <t>421799.0</t>
  </si>
  <si>
    <t>7756302.0</t>
  </si>
  <si>
    <t>7277833.0</t>
  </si>
  <si>
    <t>478412.0</t>
  </si>
  <si>
    <t>707580.0</t>
  </si>
  <si>
    <t>475233.0</t>
  </si>
  <si>
    <t>436379.0</t>
  </si>
  <si>
    <t>7919553.0</t>
  </si>
  <si>
    <t>7422579.0</t>
  </si>
  <si>
    <t>163622.0</t>
  </si>
  <si>
    <t>466325.0</t>
  </si>
  <si>
    <t>428480.0</t>
  </si>
  <si>
    <t>7986510.0</t>
  </si>
  <si>
    <t>7465769.0</t>
  </si>
  <si>
    <t>520684.0</t>
  </si>
  <si>
    <t>462239.0</t>
  </si>
  <si>
    <t>8583373.0</t>
  </si>
  <si>
    <t>7994643.0</t>
  </si>
  <si>
    <t>588672.0</t>
  </si>
  <si>
    <t>595050.0</t>
  </si>
  <si>
    <t>476385.0</t>
  </si>
  <si>
    <t>430216.0</t>
  </si>
  <si>
    <t>9085926.0</t>
  </si>
  <si>
    <t>8224997.0</t>
  </si>
  <si>
    <t>860871.0</t>
  </si>
  <si>
    <t>502806.0</t>
  </si>
  <si>
    <t>462033.0</t>
  </si>
  <si>
    <t>383025.0</t>
  </si>
  <si>
    <t>9625585.0</t>
  </si>
  <si>
    <t>8593591.0</t>
  </si>
  <si>
    <t>1031918.0</t>
  </si>
  <si>
    <t>539817.0</t>
  </si>
  <si>
    <t>453387.0</t>
  </si>
  <si>
    <t>10214153.0</t>
  </si>
  <si>
    <t>8988305.0</t>
  </si>
  <si>
    <t>1215854.0</t>
  </si>
  <si>
    <t>588814.0</t>
  </si>
  <si>
    <t>460673.0</t>
  </si>
  <si>
    <t>10749441.0</t>
  </si>
  <si>
    <t>9342180.0</t>
  </si>
  <si>
    <t>1385894.0</t>
  </si>
  <si>
    <t>535534.0</t>
  </si>
  <si>
    <t>435192.0</t>
  </si>
  <si>
    <t>294905.0</t>
  </si>
  <si>
    <t>10967449.0</t>
  </si>
  <si>
    <t>9470712.0</t>
  </si>
  <si>
    <t>1463537.0</t>
  </si>
  <si>
    <t>218108.0</t>
  </si>
  <si>
    <t>292548.0</t>
  </si>
  <si>
    <t>11079473.0</t>
  </si>
  <si>
    <t>9537630.0</t>
  </si>
  <si>
    <t>1501956.0</t>
  </si>
  <si>
    <t>446062.0</t>
  </si>
  <si>
    <t>295914.0</t>
  </si>
  <si>
    <t>11563497.0</t>
  </si>
  <si>
    <t>9891308.0</t>
  </si>
  <si>
    <t>1626963.0</t>
  </si>
  <si>
    <t>482398.0</t>
  </si>
  <si>
    <t>428280.0</t>
  </si>
  <si>
    <t>270924.0</t>
  </si>
  <si>
    <t>12030895.0</t>
  </si>
  <si>
    <t>10209342.0</t>
  </si>
  <si>
    <t>1773343.0</t>
  </si>
  <si>
    <t>469531.0</t>
  </si>
  <si>
    <t>284359.0</t>
  </si>
  <si>
    <t>12486147.0</t>
  </si>
  <si>
    <t>10492199.0</t>
  </si>
  <si>
    <t>1943362.0</t>
  </si>
  <si>
    <t>457385.0</t>
  </si>
  <si>
    <t>409708.0</t>
  </si>
  <si>
    <t>272288.0</t>
  </si>
  <si>
    <t>13010266.0</t>
  </si>
  <si>
    <t>10825723.0</t>
  </si>
  <si>
    <t>2118323.0</t>
  </si>
  <si>
    <t>526252.0</t>
  </si>
  <si>
    <t>400654.0</t>
  </si>
  <si>
    <t>263700.0</t>
  </si>
  <si>
    <t>13432633.0</t>
  </si>
  <si>
    <t>11091793.0</t>
  </si>
  <si>
    <t>2259444.0</t>
  </si>
  <si>
    <t>430102.0</t>
  </si>
  <si>
    <t>385460.0</t>
  </si>
  <si>
    <t>252025.0</t>
  </si>
  <si>
    <t>13623312.0</t>
  </si>
  <si>
    <t>11216037.0</t>
  </si>
  <si>
    <t>2293170.0</t>
  </si>
  <si>
    <t>186827.0</t>
  </si>
  <si>
    <t>380873.0</t>
  </si>
  <si>
    <t>250798.0</t>
  </si>
  <si>
    <t>13679190.0</t>
  </si>
  <si>
    <t>11246806.0</t>
  </si>
  <si>
    <t>2301742.0</t>
  </si>
  <si>
    <t>66611.0</t>
  </si>
  <si>
    <t>374256.0</t>
  </si>
  <si>
    <t>246977.0</t>
  </si>
  <si>
    <t>14313384.0</t>
  </si>
  <si>
    <t>11743164.0</t>
  </si>
  <si>
    <t>2421023.0</t>
  </si>
  <si>
    <t>644928.0</t>
  </si>
  <si>
    <t>403831.0</t>
  </si>
  <si>
    <t>275391.0</t>
  </si>
  <si>
    <t>15067190.0</t>
  </si>
  <si>
    <t>12324780.0</t>
  </si>
  <si>
    <t>2572727.0</t>
  </si>
  <si>
    <t>738736.0</t>
  </si>
  <si>
    <t>442090.0</t>
  </si>
  <si>
    <t>310538.0</t>
  </si>
  <si>
    <t>15974832.0</t>
  </si>
  <si>
    <t>12878447.0</t>
  </si>
  <si>
    <t>2904841.0</t>
  </si>
  <si>
    <t>922416.0</t>
  </si>
  <si>
    <t>508069.0</t>
  </si>
  <si>
    <t>350557.0</t>
  </si>
  <si>
    <t>16925734.0</t>
  </si>
  <si>
    <t>13459163.0</t>
  </si>
  <si>
    <t>3260030.0</t>
  </si>
  <si>
    <t>953639.0</t>
  </si>
  <si>
    <t>566932.0</t>
  </si>
  <si>
    <t>383740.0</t>
  </si>
  <si>
    <t>17842590.0</t>
  </si>
  <si>
    <t>13985970.0</t>
  </si>
  <si>
    <t>3616703.0</t>
  </si>
  <si>
    <t>930518.0</t>
  </si>
  <si>
    <t>636532.0</t>
  </si>
  <si>
    <t>419997.0</t>
  </si>
  <si>
    <t>18290796.0</t>
  </si>
  <si>
    <t>14286806.0</t>
  </si>
  <si>
    <t>3733512.0</t>
  </si>
  <si>
    <t>411303.0</t>
  </si>
  <si>
    <t>666879.0</t>
  </si>
  <si>
    <t>438777.0</t>
  </si>
  <si>
    <t>18460812.0</t>
  </si>
  <si>
    <t>14386317.0</t>
  </si>
  <si>
    <t>3775028.0</t>
  </si>
  <si>
    <t>171087.0</t>
  </si>
  <si>
    <t>681804.0</t>
  </si>
  <si>
    <t>447292.0</t>
  </si>
  <si>
    <t>19409091.0</t>
  </si>
  <si>
    <t>14956612.0</t>
  </si>
  <si>
    <t>4136333.0</t>
  </si>
  <si>
    <t>949250.0</t>
  </si>
  <si>
    <t>725278.0</t>
  </si>
  <si>
    <t>456533.0</t>
  </si>
  <si>
    <t>20445171.0</t>
  </si>
  <si>
    <t>15518972.0</t>
  </si>
  <si>
    <t>4523036.0</t>
  </si>
  <si>
    <t>1037101.0</t>
  </si>
  <si>
    <t>767902.0</t>
  </si>
  <si>
    <t>455932.0</t>
  </si>
  <si>
    <t>21565665.0</t>
  </si>
  <si>
    <t>16108799.0</t>
  </si>
  <si>
    <t>4976548.0</t>
  </si>
  <si>
    <t>1121515.0</t>
  </si>
  <si>
    <t>796344.0</t>
  </si>
  <si>
    <t>459156.0</t>
  </si>
  <si>
    <t>22790160.0</t>
  </si>
  <si>
    <t>16787281.0</t>
  </si>
  <si>
    <t>5413601.0</t>
  </si>
  <si>
    <t>1225516.0</t>
  </si>
  <si>
    <t>835185.0</t>
  </si>
  <si>
    <t>472901.0</t>
  </si>
  <si>
    <t>23943460.0</t>
  </si>
  <si>
    <t>17389225.0</t>
  </si>
  <si>
    <t>5860674.0</t>
  </si>
  <si>
    <t>1154321.0</t>
  </si>
  <si>
    <t>867157.0</t>
  </si>
  <si>
    <t>481849.0</t>
  </si>
  <si>
    <t>24400954.0</t>
  </si>
  <si>
    <t>18339421.0</t>
  </si>
  <si>
    <t>6061461.0</t>
  </si>
  <si>
    <t>458515.0</t>
  </si>
  <si>
    <t>873900.0</t>
  </si>
  <si>
    <t>472957.0</t>
  </si>
  <si>
    <t>24546936.0</t>
  </si>
  <si>
    <t>18456593.0</t>
  </si>
  <si>
    <t>6090271.0</t>
  </si>
  <si>
    <t>870460.0</t>
  </si>
  <si>
    <t>25737871.0</t>
  </si>
  <si>
    <t>19202259.0</t>
  </si>
  <si>
    <t>6535539.0</t>
  </si>
  <si>
    <t>905132.0</t>
  </si>
  <si>
    <t>543367.0</t>
  </si>
  <si>
    <t>26847094.0</t>
  </si>
  <si>
    <t>19897372.0</t>
  </si>
  <si>
    <t>6949649.0</t>
  </si>
  <si>
    <t>1110244.0</t>
  </si>
  <si>
    <t>915581.0</t>
  </si>
  <si>
    <t>553759.0</t>
  </si>
  <si>
    <t>27918711.0</t>
  </si>
  <si>
    <t>20576962.0</t>
  </si>
  <si>
    <t>7341676.0</t>
  </si>
  <si>
    <t>1072638.0</t>
  </si>
  <si>
    <t>908600.0</t>
  </si>
  <si>
    <t>556127.0</t>
  </si>
  <si>
    <t>28977921.0</t>
  </si>
  <si>
    <t>21273622.0</t>
  </si>
  <si>
    <t>7704223.0</t>
  </si>
  <si>
    <t>1060231.0</t>
  </si>
  <si>
    <t>884987.0</t>
  </si>
  <si>
    <t>550550.0</t>
  </si>
  <si>
    <t>30111136.0</t>
  </si>
  <si>
    <t>22106214.0</t>
  </si>
  <si>
    <t>8004846.0</t>
  </si>
  <si>
    <t>1111368.0</t>
  </si>
  <si>
    <t>878852.0</t>
  </si>
  <si>
    <t>572430.0</t>
  </si>
  <si>
    <t>30557565.0</t>
  </si>
  <si>
    <t>22486470.0</t>
  </si>
  <si>
    <t>8071019.0</t>
  </si>
  <si>
    <t>447967.0</t>
  </si>
  <si>
    <t>877344.0</t>
  </si>
  <si>
    <t>590264.0</t>
  </si>
  <si>
    <t>30715780.0</t>
  </si>
  <si>
    <t>22618878.0</t>
  </si>
  <si>
    <t>8096824.0</t>
  </si>
  <si>
    <t>160688.0</t>
  </si>
  <si>
    <t>879300.0</t>
  </si>
  <si>
    <t>592648.0</t>
  </si>
  <si>
    <t>31790004.0</t>
  </si>
  <si>
    <t>23447128.0</t>
  </si>
  <si>
    <t>8342797.0</t>
  </si>
  <si>
    <t>1074827.0</t>
  </si>
  <si>
    <t>862566.0</t>
  </si>
  <si>
    <t>604385.0</t>
  </si>
  <si>
    <t>32896040.0</t>
  </si>
  <si>
    <t>24336254.0</t>
  </si>
  <si>
    <t>8559705.0</t>
  </si>
  <si>
    <t>1107574.0</t>
  </si>
  <si>
    <t>862186.0</t>
  </si>
  <si>
    <t>632176.0</t>
  </si>
  <si>
    <t>34061752.0</t>
  </si>
  <si>
    <t>25291106.0</t>
  </si>
  <si>
    <t>8770565.0</t>
  </si>
  <si>
    <t>1167250.0</t>
  </si>
  <si>
    <t>875700.0</t>
  </si>
  <si>
    <t>671572.0</t>
  </si>
  <si>
    <t>35345567.0</t>
  </si>
  <si>
    <t>26329713.0</t>
  </si>
  <si>
    <t>9015773.0</t>
  </si>
  <si>
    <t>1287345.0</t>
  </si>
  <si>
    <t>908147.0</t>
  </si>
  <si>
    <t>720783.0</t>
  </si>
  <si>
    <t>36819195.0</t>
  </si>
  <si>
    <t>27582014.0</t>
  </si>
  <si>
    <t>9237100.0</t>
  </si>
  <si>
    <t>1470689.0</t>
  </si>
  <si>
    <t>959478.0</t>
  </si>
  <si>
    <t>783440.0</t>
  </si>
  <si>
    <t>37447668.0</t>
  </si>
  <si>
    <t>28138124.0</t>
  </si>
  <si>
    <t>9309463.0</t>
  </si>
  <si>
    <t>642051.0</t>
  </si>
  <si>
    <t>987205.0</t>
  </si>
  <si>
    <t>810261.0</t>
  </si>
  <si>
    <t>37822004.0</t>
  </si>
  <si>
    <t>28470118.0</t>
  </si>
  <si>
    <t>9351804.0</t>
  </si>
  <si>
    <t>387914.0</t>
  </si>
  <si>
    <t>1019665.0</t>
  </si>
  <si>
    <t>840340.0</t>
  </si>
  <si>
    <t>39407828.0</t>
  </si>
  <si>
    <t>29739551.0</t>
  </si>
  <si>
    <t>9668192.0</t>
  </si>
  <si>
    <t>1600014.0</t>
  </si>
  <si>
    <t>1094690.0</t>
  </si>
  <si>
    <t>905287.0</t>
  </si>
  <si>
    <t>40903292.0</t>
  </si>
  <si>
    <t>30874779.0</t>
  </si>
  <si>
    <t>10028425.0</t>
  </si>
  <si>
    <t>1508430.0</t>
  </si>
  <si>
    <t>1151957.0</t>
  </si>
  <si>
    <t>942056.0</t>
  </si>
  <si>
    <t>42500472.0</t>
  </si>
  <si>
    <t>32106895.0</t>
  </si>
  <si>
    <t>10393488.0</t>
  </si>
  <si>
    <t>1593568.0</t>
  </si>
  <si>
    <t>1212858.0</t>
  </si>
  <si>
    <t>980910.0</t>
  </si>
  <si>
    <t>44122386.0</t>
  </si>
  <si>
    <t>33332520.0</t>
  </si>
  <si>
    <t>10789777.0</t>
  </si>
  <si>
    <t>1637497.0</t>
  </si>
  <si>
    <t>1262882.0</t>
  </si>
  <si>
    <t>1009327.0</t>
  </si>
  <si>
    <t>44687669.0</t>
  </si>
  <si>
    <t>33803426.0</t>
  </si>
  <si>
    <t>10884154.0</t>
  </si>
  <si>
    <t>495540.0</t>
  </si>
  <si>
    <t>1123575.0</t>
  </si>
  <si>
    <t>888137.0</t>
  </si>
  <si>
    <t>45243128.0</t>
  </si>
  <si>
    <t>34248629.0</t>
  </si>
  <si>
    <t>10994410.0</t>
  </si>
  <si>
    <t>1112705.0</t>
  </si>
  <si>
    <t>871853.0</t>
  </si>
  <si>
    <t>45660908.0</t>
  </si>
  <si>
    <t>34605714.0</t>
  </si>
  <si>
    <t>11055103.0</t>
  </si>
  <si>
    <t>436076.0</t>
  </si>
  <si>
    <t>1119587.0</t>
  </si>
  <si>
    <t>876113.0</t>
  </si>
  <si>
    <t>47052879.0</t>
  </si>
  <si>
    <t>35498491.0</t>
  </si>
  <si>
    <t>11554296.0</t>
  </si>
  <si>
    <t>1410267.0</t>
  </si>
  <si>
    <t>1092479.0</t>
  </si>
  <si>
    <t>822890.0</t>
  </si>
  <si>
    <t>48697297.0</t>
  </si>
  <si>
    <t>36652606.0</t>
  </si>
  <si>
    <t>12044599.0</t>
  </si>
  <si>
    <t>1768635.0</t>
  </si>
  <si>
    <t>1129652.0</t>
  </si>
  <si>
    <t>832981.0</t>
  </si>
  <si>
    <t>50437149.0</t>
  </si>
  <si>
    <t>37856087.0</t>
  </si>
  <si>
    <t>12580968.0</t>
  </si>
  <si>
    <t>1647815.0</t>
  </si>
  <si>
    <t>1137401.0</t>
  </si>
  <si>
    <t>825007.0</t>
  </si>
  <si>
    <t>52179682.0</t>
  </si>
  <si>
    <t>38969071.0</t>
  </si>
  <si>
    <t>13210515.0</t>
  </si>
  <si>
    <t>1761496.0</t>
  </si>
  <si>
    <t>1155114.0</t>
  </si>
  <si>
    <t>809414.0</t>
  </si>
  <si>
    <t>53776587.0</t>
  </si>
  <si>
    <t>39801254.0</t>
  </si>
  <si>
    <t>13975234.0</t>
  </si>
  <si>
    <t>1613291.0</t>
  </si>
  <si>
    <t>1314792.0</t>
  </si>
  <si>
    <t>873348.0</t>
  </si>
  <si>
    <t>54580659.0</t>
  </si>
  <si>
    <t>40363046.0</t>
  </si>
  <si>
    <t>14217513.0</t>
  </si>
  <si>
    <t>821888.0</t>
  </si>
  <si>
    <t>1351353.0</t>
  </si>
  <si>
    <t>891069.0</t>
  </si>
  <si>
    <t>54928106.0</t>
  </si>
  <si>
    <t>40638434.0</t>
  </si>
  <si>
    <t>14289572.0</t>
  </si>
  <si>
    <t>411676.0</t>
  </si>
  <si>
    <t>1347869.0</t>
  </si>
  <si>
    <t>878409.0</t>
  </si>
  <si>
    <t>56688778.0</t>
  </si>
  <si>
    <t>41742644.0</t>
  </si>
  <si>
    <t>14946034.0</t>
  </si>
  <si>
    <t>1560841.0</t>
  </si>
  <si>
    <t>1369379.0</t>
  </si>
  <si>
    <t>885021.0</t>
  </si>
  <si>
    <t>58344015.0</t>
  </si>
  <si>
    <t>42736449.0</t>
  </si>
  <si>
    <t>15607465.0</t>
  </si>
  <si>
    <t>1660390.0</t>
  </si>
  <si>
    <t>1353913.0</t>
  </si>
  <si>
    <t>853608.0</t>
  </si>
  <si>
    <t>59924268.0</t>
  </si>
  <si>
    <t>43664835.0</t>
  </si>
  <si>
    <t>16259332.0</t>
  </si>
  <si>
    <t>1585651.0</t>
  </si>
  <si>
    <t>1345034.0</t>
  </si>
  <si>
    <t>819488.0</t>
  </si>
  <si>
    <t>61350844.0</t>
  </si>
  <si>
    <t>44435718.0</t>
  </si>
  <si>
    <t>16915023.0</t>
  </si>
  <si>
    <t>1486125.0</t>
  </si>
  <si>
    <t>1305685.0</t>
  </si>
  <si>
    <t>773198.0</t>
  </si>
  <si>
    <t>62925164.0</t>
  </si>
  <si>
    <t>45132077.0</t>
  </si>
  <si>
    <t>17792983.0</t>
  </si>
  <si>
    <t>1291349.0</t>
  </si>
  <si>
    <t>745944.0</t>
  </si>
  <si>
    <t>63853314.0</t>
  </si>
  <si>
    <t>45633358.0</t>
  </si>
  <si>
    <t>18219852.0</t>
  </si>
  <si>
    <t>935093.0</t>
  </si>
  <si>
    <t>1307524.0</t>
  </si>
  <si>
    <t>735727.0</t>
  </si>
  <si>
    <t>64204732.0</t>
  </si>
  <si>
    <t>45871253.0</t>
  </si>
  <si>
    <t>18333375.0</t>
  </si>
  <si>
    <t>358361.0</t>
  </si>
  <si>
    <t>1299907.0</t>
  </si>
  <si>
    <t>729737.0</t>
  </si>
  <si>
    <t>65793436.0</t>
  </si>
  <si>
    <t>46619199.0</t>
  </si>
  <si>
    <t>19174132.0</t>
  </si>
  <si>
    <t>1595647.0</t>
  </si>
  <si>
    <t>700813.0</t>
  </si>
  <si>
    <t>67350294.0</t>
  </si>
  <si>
    <t>47393155.0</t>
  </si>
  <si>
    <t>19957031.0</t>
  </si>
  <si>
    <t>1563801.0</t>
  </si>
  <si>
    <t>1291084.0</t>
  </si>
  <si>
    <t>669664.0</t>
  </si>
  <si>
    <t>68560733.0</t>
  </si>
  <si>
    <t>48109459.0</t>
  </si>
  <si>
    <t>20451167.0</t>
  </si>
  <si>
    <t>1216588.0</t>
  </si>
  <si>
    <t>1238364.0</t>
  </si>
  <si>
    <t>639469.0</t>
  </si>
  <si>
    <t>69994022.0</t>
  </si>
  <si>
    <t>48836875.0</t>
  </si>
  <si>
    <t>21157038.0</t>
  </si>
  <si>
    <t>1440073.0</t>
  </si>
  <si>
    <t>1231785.0</t>
  </si>
  <si>
    <t>628914.0</t>
  </si>
  <si>
    <t>72455949.0</t>
  </si>
  <si>
    <t>50166562.0</t>
  </si>
  <si>
    <t>22289275.0</t>
  </si>
  <si>
    <t>2429078.0</t>
  </si>
  <si>
    <t>1362663.0</t>
  </si>
  <si>
    <t>720356.0</t>
  </si>
  <si>
    <t>73155661.0</t>
  </si>
  <si>
    <t>50573230.0</t>
  </si>
  <si>
    <t>22582319.0</t>
  </si>
  <si>
    <t>705534.0</t>
  </si>
  <si>
    <t>1329868.0</t>
  </si>
  <si>
    <t>706651.0</t>
  </si>
  <si>
    <t>73416841.0</t>
  </si>
  <si>
    <t>50741893.0</t>
  </si>
  <si>
    <t>22674836.0</t>
  </si>
  <si>
    <t>267583.0</t>
  </si>
  <si>
    <t>696655.0</t>
  </si>
  <si>
    <t>75100772.0</t>
  </si>
  <si>
    <t>51606059.0</t>
  </si>
  <si>
    <t>23494597.0</t>
  </si>
  <si>
    <t>1764184.0</t>
  </si>
  <si>
    <t>1340976.0</t>
  </si>
  <si>
    <t>719220.0</t>
  </si>
  <si>
    <t>77278642.0</t>
  </si>
  <si>
    <t>52688224.0</t>
  </si>
  <si>
    <t>24590299.0</t>
  </si>
  <si>
    <t>2094833.0</t>
  </si>
  <si>
    <t>1416839.0</t>
  </si>
  <si>
    <t>755047.0</t>
  </si>
  <si>
    <t>78986992.0</t>
  </si>
  <si>
    <t>53533311.0</t>
  </si>
  <si>
    <t>25453561.0</t>
  </si>
  <si>
    <t>1712803.0</t>
  </si>
  <si>
    <t>1487725.0</t>
  </si>
  <si>
    <t>773222.0</t>
  </si>
  <si>
    <t>80676286.0</t>
  </si>
  <si>
    <t>54410091.0</t>
  </si>
  <si>
    <t>26266074.0</t>
  </si>
  <si>
    <t>1694281.0</t>
  </si>
  <si>
    <t>1524043.0</t>
  </si>
  <si>
    <t>794326.0</t>
  </si>
  <si>
    <t>82282513.0</t>
  </si>
  <si>
    <t>55266040.0</t>
  </si>
  <si>
    <t>27016347.0</t>
  </si>
  <si>
    <t>1611214.0</t>
  </si>
  <si>
    <t>1407204.0</t>
  </si>
  <si>
    <t>731907.0</t>
  </si>
  <si>
    <t>82823910.0</t>
  </si>
  <si>
    <t>55590678.0</t>
  </si>
  <si>
    <t>27233106.0</t>
  </si>
  <si>
    <t>1384239.0</t>
  </si>
  <si>
    <t>719888.0</t>
  </si>
  <si>
    <t>83158612.0</t>
  </si>
  <si>
    <t>55803311.0</t>
  </si>
  <si>
    <t>27355175.0</t>
  </si>
  <si>
    <t>339600.0</t>
  </si>
  <si>
    <t>1394528.0</t>
  </si>
  <si>
    <t>84555642.0</t>
  </si>
  <si>
    <t>56586188.0</t>
  </si>
  <si>
    <t>27969325.0</t>
  </si>
  <si>
    <t>1577194.0</t>
  </si>
  <si>
    <t>1367816.0</t>
  </si>
  <si>
    <t>719784.0</t>
  </si>
  <si>
    <t>86078818.0</t>
  </si>
  <si>
    <t>57456510.0</t>
  </si>
  <si>
    <t>28622178.0</t>
  </si>
  <si>
    <t>1702006.0</t>
  </si>
  <si>
    <t>1311697.0</t>
  </si>
  <si>
    <t>708903.0</t>
  </si>
  <si>
    <t>87597497.0</t>
  </si>
  <si>
    <t>58404340.0</t>
  </si>
  <si>
    <t>29193022.0</t>
  </si>
  <si>
    <t>1699265.0</t>
  </si>
  <si>
    <t>1309763.0</t>
  </si>
  <si>
    <t>735329.0</t>
  </si>
  <si>
    <t>89201335.0</t>
  </si>
  <si>
    <t>59555034.0</t>
  </si>
  <si>
    <t>29646165.0</t>
  </si>
  <si>
    <t>1757730.0</t>
  </si>
  <si>
    <t>1318826.0</t>
  </si>
  <si>
    <t>782321.0</t>
  </si>
  <si>
    <t>91600871.0</t>
  </si>
  <si>
    <t>61002350.0</t>
  </si>
  <si>
    <t>30598384.0</t>
  </si>
  <si>
    <t>1703369.0</t>
  </si>
  <si>
    <t>1331994.0</t>
  </si>
  <si>
    <t>819854.0</t>
  </si>
  <si>
    <t>92143448.0</t>
  </si>
  <si>
    <t>61384583.0</t>
  </si>
  <si>
    <t>30758728.0</t>
  </si>
  <si>
    <t>676591.0</t>
  </si>
  <si>
    <t>1350822.0</t>
  </si>
  <si>
    <t>836528.0</t>
  </si>
  <si>
    <t>92322589.0</t>
  </si>
  <si>
    <t>61505979.0</t>
  </si>
  <si>
    <t>30816471.0</t>
  </si>
  <si>
    <t>314077.0</t>
  </si>
  <si>
    <t>1347176.0</t>
  </si>
  <si>
    <t>831849.0</t>
  </si>
  <si>
    <t>94121366.0</t>
  </si>
  <si>
    <t>62571269.0</t>
  </si>
  <si>
    <t>31549957.0</t>
  </si>
  <si>
    <t>1551566.0</t>
  </si>
  <si>
    <t>1343516.0</t>
  </si>
  <si>
    <t>843713.0</t>
  </si>
  <si>
    <t>95717853.0</t>
  </si>
  <si>
    <t>63549664.0</t>
  </si>
  <si>
    <t>32168047.0</t>
  </si>
  <si>
    <t>1601276.0</t>
  </si>
  <si>
    <t>1329125.0</t>
  </si>
  <si>
    <t>847291.0</t>
  </si>
  <si>
    <t>97449310.0</t>
  </si>
  <si>
    <t>64616334.0</t>
  </si>
  <si>
    <t>32832831.0</t>
  </si>
  <si>
    <t>1738947.0</t>
  </si>
  <si>
    <t>1334794.0</t>
  </si>
  <si>
    <t>852515.0</t>
  </si>
  <si>
    <t>98905561.0</t>
  </si>
  <si>
    <t>65569463.0</t>
  </si>
  <si>
    <t>33335950.0</t>
  </si>
  <si>
    <t>1462024.0</t>
  </si>
  <si>
    <t>1292551.0</t>
  </si>
  <si>
    <t>816146.0</t>
  </si>
  <si>
    <t>100269588.0</t>
  </si>
  <si>
    <t>66478255.0</t>
  </si>
  <si>
    <t>33791182.0</t>
  </si>
  <si>
    <t>1536389.0</t>
  </si>
  <si>
    <t>1268695.0</t>
  </si>
  <si>
    <t>800379.0</t>
  </si>
  <si>
    <t>101199999.0</t>
  </si>
  <si>
    <t>67074661.0</t>
  </si>
  <si>
    <t>34125185.0</t>
  </si>
  <si>
    <t>771313.0</t>
  </si>
  <si>
    <t>1282227.0</t>
  </si>
  <si>
    <t>808174.0</t>
  </si>
  <si>
    <t>101686171.0</t>
  </si>
  <si>
    <t>67375121.0</t>
  </si>
  <si>
    <t>34310896.0</t>
  </si>
  <si>
    <t>494098.0</t>
  </si>
  <si>
    <t>825387.0</t>
  </si>
  <si>
    <t>103117934.0</t>
  </si>
  <si>
    <t>68342039.0</t>
  </si>
  <si>
    <t>34775738.0</t>
  </si>
  <si>
    <t>1437100.0</t>
  </si>
  <si>
    <t>1291593.0</t>
  </si>
  <si>
    <t>827862.0</t>
  </si>
  <si>
    <t>104804396.0</t>
  </si>
  <si>
    <t>69531615.0</t>
  </si>
  <si>
    <t>35272622.0</t>
  </si>
  <si>
    <t>1694694.0</t>
  </si>
  <si>
    <t>1304939.0</t>
  </si>
  <si>
    <t>858467.0</t>
  </si>
  <si>
    <t>106358445.0</t>
  </si>
  <si>
    <t>70686188.0</t>
  </si>
  <si>
    <t>35672094.0</t>
  </si>
  <si>
    <t>1493081.0</t>
  </si>
  <si>
    <t>1269814.0</t>
  </si>
  <si>
    <t>861296.0</t>
  </si>
  <si>
    <t>108107628.0</t>
  </si>
  <si>
    <t>71937061.0</t>
  </si>
  <si>
    <t>36170399.0</t>
  </si>
  <si>
    <t>1772464.0</t>
  </si>
  <si>
    <t>1314162.0</t>
  </si>
  <si>
    <t>905370.0</t>
  </si>
  <si>
    <t>109493827.0</t>
  </si>
  <si>
    <t>72872330.0</t>
  </si>
  <si>
    <t>36621325.0</t>
  </si>
  <si>
    <t>1522762.0</t>
  </si>
  <si>
    <t>1312215.0</t>
  </si>
  <si>
    <t>908057.0</t>
  </si>
  <si>
    <t>110418839.0</t>
  </si>
  <si>
    <t>73496639.0</t>
  </si>
  <si>
    <t>36922026.0</t>
  </si>
  <si>
    <t>837922.0</t>
  </si>
  <si>
    <t>1321731.0</t>
  </si>
  <si>
    <t>916151.0</t>
  </si>
  <si>
    <t>111549555.0</t>
  </si>
  <si>
    <t>74302617.0</t>
  </si>
  <si>
    <t>37246762.0</t>
  </si>
  <si>
    <t>1151088.0</t>
  </si>
  <si>
    <t>1415588.0</t>
  </si>
  <si>
    <t>989508.0</t>
  </si>
  <si>
    <t>113031526.0</t>
  </si>
  <si>
    <t>75329888.0</t>
  </si>
  <si>
    <t>37701461.0</t>
  </si>
  <si>
    <t>1506423.0</t>
  </si>
  <si>
    <t>1425490.0</t>
  </si>
  <si>
    <t>999776.0</t>
  </si>
  <si>
    <t>114643670.0</t>
  </si>
  <si>
    <t>76430804.0</t>
  </si>
  <si>
    <t>38212687.0</t>
  </si>
  <si>
    <t>1542134.0</t>
  </si>
  <si>
    <t>1403696.0</t>
  </si>
  <si>
    <t>983071.0</t>
  </si>
  <si>
    <t>116270287.0</t>
  </si>
  <si>
    <t>77604320.0</t>
  </si>
  <si>
    <t>38665785.0</t>
  </si>
  <si>
    <t>1648676.0</t>
  </si>
  <si>
    <t>1425924.0</t>
  </si>
  <si>
    <t>996858.0</t>
  </si>
  <si>
    <t>117627359.0</t>
  </si>
  <si>
    <t>78525960.0</t>
  </si>
  <si>
    <t>39101211.0</t>
  </si>
  <si>
    <t>1653187.0</t>
  </si>
  <si>
    <t>1408885.0</t>
  </si>
  <si>
    <t>985751.0</t>
  </si>
  <si>
    <t>119370743.0</t>
  </si>
  <si>
    <t>79777057.0</t>
  </si>
  <si>
    <t>39593493.0</t>
  </si>
  <si>
    <t>2037325.0</t>
  </si>
  <si>
    <t>1482395.0</t>
  </si>
  <si>
    <t>1054806.0</t>
  </si>
  <si>
    <t>121079855.0</t>
  </si>
  <si>
    <t>81177368.0</t>
  </si>
  <si>
    <t>39902291.0</t>
  </si>
  <si>
    <t>1532009.0</t>
  </si>
  <si>
    <t>1105724.0</t>
  </si>
  <si>
    <t>121590495.0</t>
  </si>
  <si>
    <t>81585354.0</t>
  </si>
  <si>
    <t>40004944.0</t>
  </si>
  <si>
    <t>533443.0</t>
  </si>
  <si>
    <t>1049071.0</t>
  </si>
  <si>
    <t>123445514.0</t>
  </si>
  <si>
    <t>83056592.0</t>
  </si>
  <si>
    <t>40388795.0</t>
  </si>
  <si>
    <t>1877822.0</t>
  </si>
  <si>
    <t>1496831.0</t>
  </si>
  <si>
    <t>1112497.0</t>
  </si>
  <si>
    <t>125362210.0</t>
  </si>
  <si>
    <t>84539559.0</t>
  </si>
  <si>
    <t>40832912.0</t>
  </si>
  <si>
    <t>1937268.0</t>
  </si>
  <si>
    <t>1553279.0</t>
  </si>
  <si>
    <t>1172298.0</t>
  </si>
  <si>
    <t>127700524.0</t>
  </si>
  <si>
    <t>86349671.0</t>
  </si>
  <si>
    <t>41384440.0</t>
  </si>
  <si>
    <t>2331362.0</t>
  </si>
  <si>
    <t>1650806.0</t>
  </si>
  <si>
    <t>1260869.0</t>
  </si>
  <si>
    <t>129274319.0</t>
  </si>
  <si>
    <t>87625812.0</t>
  </si>
  <si>
    <t>41721730.0</t>
  </si>
  <si>
    <t>1595769.0</t>
  </si>
  <si>
    <t>1642604.0</t>
  </si>
  <si>
    <t>1275593.0</t>
  </si>
  <si>
    <t>131038024.0</t>
  </si>
  <si>
    <t>89082130.0</t>
  </si>
  <si>
    <t>42063487.0</t>
  </si>
  <si>
    <t>1789007.0</t>
  </si>
  <si>
    <t>1607129.0</t>
  </si>
  <si>
    <t>1269376.0</t>
  </si>
  <si>
    <t>132385351.0</t>
  </si>
  <si>
    <t>90222595.0</t>
  </si>
  <si>
    <t>42279689.0</t>
  </si>
  <si>
    <t>1355351.0</t>
  </si>
  <si>
    <t>1631432.0</t>
  </si>
  <si>
    <t>133006933.0</t>
  </si>
  <si>
    <t>90769325.0</t>
  </si>
  <si>
    <t>42356330.0</t>
  </si>
  <si>
    <t>642217.0</t>
  </si>
  <si>
    <t>1646971.0</t>
  </si>
  <si>
    <t>1322462.0</t>
  </si>
  <si>
    <t>134664487.0</t>
  </si>
  <si>
    <t>92068056.0</t>
  </si>
  <si>
    <t>42743175.0</t>
  </si>
  <si>
    <t>1618453.0</t>
  </si>
  <si>
    <t>1297641.0</t>
  </si>
  <si>
    <t>137164255.0</t>
  </si>
  <si>
    <t>93996511.0</t>
  </si>
  <si>
    <t>43334546.0</t>
  </si>
  <si>
    <t>2520403.0</t>
  </si>
  <si>
    <t>1701756.0</t>
  </si>
  <si>
    <t>1361217.0</t>
  </si>
  <si>
    <t>139538690.0</t>
  </si>
  <si>
    <t>95900925.0</t>
  </si>
  <si>
    <t>43821333.0</t>
  </si>
  <si>
    <t>2386264.0</t>
  </si>
  <si>
    <t>1709598.0</t>
  </si>
  <si>
    <t>1376293.0</t>
  </si>
  <si>
    <t>141594471.0</t>
  </si>
  <si>
    <t>97533716.0</t>
  </si>
  <si>
    <t>44257487.0</t>
  </si>
  <si>
    <t>2335061.0</t>
  </si>
  <si>
    <t>1815212.0</t>
  </si>
  <si>
    <t>1453686.0</t>
  </si>
  <si>
    <t>144718480.0</t>
  </si>
  <si>
    <t>99857051.0</t>
  </si>
  <si>
    <t>45062199.0</t>
  </si>
  <si>
    <t>2467551.0</t>
  </si>
  <si>
    <t>1912150.0</t>
  </si>
  <si>
    <t>1512528.0</t>
  </si>
  <si>
    <t>146073252.0</t>
  </si>
  <si>
    <t>100878527.0</t>
  </si>
  <si>
    <t>45395882.0</t>
  </si>
  <si>
    <t>1428331.0</t>
  </si>
  <si>
    <t>1922575.0</t>
  </si>
  <si>
    <t>1503764.0</t>
  </si>
  <si>
    <t>146774583.0</t>
  </si>
  <si>
    <t>101418545.0</t>
  </si>
  <si>
    <t>45557240.0</t>
  </si>
  <si>
    <t>784809.0</t>
  </si>
  <si>
    <t>1942944.0</t>
  </si>
  <si>
    <t>1511176.0</t>
  </si>
  <si>
    <t>148774967.0</t>
  </si>
  <si>
    <t>102950853.0</t>
  </si>
  <si>
    <t>46029492.0</t>
  </si>
  <si>
    <t>2083862.0</t>
  </si>
  <si>
    <t>2000896.0</t>
  </si>
  <si>
    <t>1552910.0</t>
  </si>
  <si>
    <t>150914351.0</t>
  </si>
  <si>
    <t>104613515.0</t>
  </si>
  <si>
    <t>46509803.0</t>
  </si>
  <si>
    <t>2521283.0</t>
  </si>
  <si>
    <t>2001023.0</t>
  </si>
  <si>
    <t>1544497.0</t>
  </si>
  <si>
    <t>153010859.0</t>
  </si>
  <si>
    <t>106263632.0</t>
  </si>
  <si>
    <t>46960217.0</t>
  </si>
  <si>
    <t>2463182.0</t>
  </si>
  <si>
    <t>2012013.0</t>
  </si>
  <si>
    <t>1537384.0</t>
  </si>
  <si>
    <t>157013418.0</t>
  </si>
  <si>
    <t>109301749.0</t>
  </si>
  <si>
    <t>47927700.0</t>
  </si>
  <si>
    <t>3493310.0</t>
  </si>
  <si>
    <t>2177476.0</t>
  </si>
  <si>
    <t>1678063.0</t>
  </si>
  <si>
    <t>160179471.0</t>
  </si>
  <si>
    <t>111966224.0</t>
  </si>
  <si>
    <t>48431647.0</t>
  </si>
  <si>
    <t>3013110.0</t>
  </si>
  <si>
    <t>2255413.0</t>
  </si>
  <si>
    <t>1752942.0</t>
  </si>
  <si>
    <t>162260947.0</t>
  </si>
  <si>
    <t>113482465.0</t>
  </si>
  <si>
    <t>48997157.0</t>
  </si>
  <si>
    <t>1779351.0</t>
  </si>
  <si>
    <t>2305558.0</t>
  </si>
  <si>
    <t>1794296.0</t>
  </si>
  <si>
    <t>163120685.0</t>
  </si>
  <si>
    <t>114154269.0</t>
  </si>
  <si>
    <t>49185102.0</t>
  </si>
  <si>
    <t>2319201.0</t>
  </si>
  <si>
    <t>1805295.0</t>
  </si>
  <si>
    <t>165373639.0</t>
  </si>
  <si>
    <t>115918817.0</t>
  </si>
  <si>
    <t>49673587.0</t>
  </si>
  <si>
    <t>2267975.0</t>
  </si>
  <si>
    <t>2345503.0</t>
  </si>
  <si>
    <t>1830734.0</t>
  </si>
  <si>
    <t>168081423.0</t>
  </si>
  <si>
    <t>117861288.0</t>
  </si>
  <si>
    <t>50442662.0</t>
  </si>
  <si>
    <t>2735956.0</t>
  </si>
  <si>
    <t>2376170.0</t>
  </si>
  <si>
    <t>1842620.0</t>
  </si>
  <si>
    <t>170641619.0</t>
  </si>
  <si>
    <t>119712665.0</t>
  </si>
  <si>
    <t>51163918.0</t>
  </si>
  <si>
    <t>2583265.0</t>
  </si>
  <si>
    <t>2393326.0</t>
  </si>
  <si>
    <t>1843700.0</t>
  </si>
  <si>
    <t>173342592.0</t>
  </si>
  <si>
    <t>121613370.0</t>
  </si>
  <si>
    <t>52027788.0</t>
  </si>
  <si>
    <t>2726593.0</t>
  </si>
  <si>
    <t>2283795.0</t>
  </si>
  <si>
    <t>1715920.0</t>
  </si>
  <si>
    <t>176188200.0</t>
  </si>
  <si>
    <t>123751299.0</t>
  </si>
  <si>
    <t>52775410.0</t>
  </si>
  <si>
    <t>2698466.0</t>
  </si>
  <si>
    <t>2238844.0</t>
  </si>
  <si>
    <t>1659402.0</t>
  </si>
  <si>
    <t>177841109.0</t>
  </si>
  <si>
    <t>124997572.0</t>
  </si>
  <si>
    <t>53248211.0</t>
  </si>
  <si>
    <t>1760590.0</t>
  </si>
  <si>
    <t>2236166.0</t>
  </si>
  <si>
    <t>1656611.0</t>
  </si>
  <si>
    <t>178566123.0</t>
  </si>
  <si>
    <t>125514174.0</t>
  </si>
  <si>
    <t>53527455.0</t>
  </si>
  <si>
    <t>828038.0</t>
  </si>
  <si>
    <t>2228697.0</t>
  </si>
  <si>
    <t>1646977.0</t>
  </si>
  <si>
    <t>180682148.0</t>
  </si>
  <si>
    <t>127069793.0</t>
  </si>
  <si>
    <t>54215617.0</t>
  </si>
  <si>
    <t>2221378.0</t>
  </si>
  <si>
    <t>2222041.0</t>
  </si>
  <si>
    <t>1629887.0</t>
  </si>
  <si>
    <t>183871403.0</t>
  </si>
  <si>
    <t>129428939.0</t>
  </si>
  <si>
    <t>55367341.0</t>
  </si>
  <si>
    <t>3291289.0</t>
  </si>
  <si>
    <t>2301373.0</t>
  </si>
  <si>
    <t>1701194.0</t>
  </si>
  <si>
    <t>186513214.0</t>
  </si>
  <si>
    <t>131343829.0</t>
  </si>
  <si>
    <t>56271344.0</t>
  </si>
  <si>
    <t>2744323.0</t>
  </si>
  <si>
    <t>2324383.0</t>
  </si>
  <si>
    <t>1722503.0</t>
  </si>
  <si>
    <t>189262711.0</t>
  </si>
  <si>
    <t>133286870.0</t>
  </si>
  <si>
    <t>57226246.0</t>
  </si>
  <si>
    <t>2853618.0</t>
  </si>
  <si>
    <t>2342531.0</t>
  </si>
  <si>
    <t>1740672.0</t>
  </si>
  <si>
    <t>192050553.0</t>
  </si>
  <si>
    <t>135363999.0</t>
  </si>
  <si>
    <t>58101885.0</t>
  </si>
  <si>
    <t>2891963.0</t>
  </si>
  <si>
    <t>2370173.0</t>
  </si>
  <si>
    <t>1765078.0</t>
  </si>
  <si>
    <t>193745421.0</t>
  </si>
  <si>
    <t>136639222.0</t>
  </si>
  <si>
    <t>58629289.0</t>
  </si>
  <si>
    <t>1801050.0</t>
  </si>
  <si>
    <t>2375951.0</t>
  </si>
  <si>
    <t>1769018.0</t>
  </si>
  <si>
    <t>194702697.0</t>
  </si>
  <si>
    <t>137404305.0</t>
  </si>
  <si>
    <t>58868163.0</t>
  </si>
  <si>
    <t>1061119.0</t>
  </si>
  <si>
    <t>2409249.0</t>
  </si>
  <si>
    <t>1804672.0</t>
  </si>
  <si>
    <t>198554353.0</t>
  </si>
  <si>
    <t>140539084.0</t>
  </si>
  <si>
    <t>59736984.0</t>
  </si>
  <si>
    <t>2915455.0</t>
  </si>
  <si>
    <t>2508403.0</t>
  </si>
  <si>
    <t>1878642.0</t>
  </si>
  <si>
    <t>201238552.0</t>
  </si>
  <si>
    <t>142634389.0</t>
  </si>
  <si>
    <t>60562967.0</t>
  </si>
  <si>
    <t>3275899.0</t>
  </si>
  <si>
    <t>2506204.0</t>
  </si>
  <si>
    <t>1871324.0</t>
  </si>
  <si>
    <t>204856794.0</t>
  </si>
  <si>
    <t>145398049.0</t>
  </si>
  <si>
    <t>61939345.0</t>
  </si>
  <si>
    <t>3452009.0</t>
  </si>
  <si>
    <t>2607299.0</t>
  </si>
  <si>
    <t>1957167.0</t>
  </si>
  <si>
    <t>207521544.0</t>
  </si>
  <si>
    <t>147499313.0</t>
  </si>
  <si>
    <t>62826362.0</t>
  </si>
  <si>
    <t>3012898.0</t>
  </si>
  <si>
    <t>2630055.0</t>
  </si>
  <si>
    <t>209976017.0</t>
  </si>
  <si>
    <t>149432104.0</t>
  </si>
  <si>
    <t>63640524.0</t>
  </si>
  <si>
    <t>2803228.0</t>
  </si>
  <si>
    <t>2617381.0</t>
  </si>
  <si>
    <t>1981841.0</t>
  </si>
  <si>
    <t>212233216.0</t>
  </si>
  <si>
    <t>151295915.0</t>
  </si>
  <si>
    <t>64336277.0</t>
  </si>
  <si>
    <t>2201499.0</t>
  </si>
  <si>
    <t>2674587.0</t>
  </si>
  <si>
    <t>2035393.0</t>
  </si>
  <si>
    <t>214255167.0</t>
  </si>
  <si>
    <t>152900658.0</t>
  </si>
  <si>
    <t>65219042.0</t>
  </si>
  <si>
    <t>2236004.0</t>
  </si>
  <si>
    <t>2842427.0</t>
  </si>
  <si>
    <t>2152833.0</t>
  </si>
  <si>
    <t>218499932.0</t>
  </si>
  <si>
    <t>155653508.0</t>
  </si>
  <si>
    <t>66986676.0</t>
  </si>
  <si>
    <t>2967651.0</t>
  </si>
  <si>
    <t>2849884.0</t>
  </si>
  <si>
    <t>2159349.0</t>
  </si>
  <si>
    <t>221264479.0</t>
  </si>
  <si>
    <t>157818969.0</t>
  </si>
  <si>
    <t>67775876.0</t>
  </si>
  <si>
    <t>3144002.0</t>
  </si>
  <si>
    <t>2831041.0</t>
  </si>
  <si>
    <t>2172851.0</t>
  </si>
  <si>
    <t>224868802.0</t>
  </si>
  <si>
    <t>160538999.0</t>
  </si>
  <si>
    <t>69128043.0</t>
  </si>
  <si>
    <t>3256256.0</t>
  </si>
  <si>
    <t>2803076.0</t>
  </si>
  <si>
    <t>2157063.0</t>
  </si>
  <si>
    <t>228066910.0</t>
  </si>
  <si>
    <t>163197494.0</t>
  </si>
  <si>
    <t>70280179.0</t>
  </si>
  <si>
    <t>2832450.0</t>
  </si>
  <si>
    <t>2219861.0</t>
  </si>
  <si>
    <t>230867346.0</t>
  </si>
  <si>
    <t>165202000.0</t>
  </si>
  <si>
    <t>71217641.0</t>
  </si>
  <si>
    <t>3092611.0</t>
  </si>
  <si>
    <t>2873787.0</t>
  </si>
  <si>
    <t>2241924.0</t>
  </si>
  <si>
    <t>233393748.0</t>
  </si>
  <si>
    <t>167081905.0</t>
  </si>
  <si>
    <t>72187369.0</t>
  </si>
  <si>
    <t>2275019.0</t>
  </si>
  <si>
    <t>2884294.0</t>
  </si>
  <si>
    <t>2240548.0</t>
  </si>
  <si>
    <t>234433063.0</t>
  </si>
  <si>
    <t>167934458.0</t>
  </si>
  <si>
    <t>72461399.0</t>
  </si>
  <si>
    <t>1059711.0</t>
  </si>
  <si>
    <t>2716252.0</t>
  </si>
  <si>
    <t>2130243.0</t>
  </si>
  <si>
    <t>237397132.0</t>
  </si>
  <si>
    <t>170131541.0</t>
  </si>
  <si>
    <t>73391424.0</t>
  </si>
  <si>
    <t>2976664.0</t>
  </si>
  <si>
    <t>2717538.0</t>
  </si>
  <si>
    <t>2135505.0</t>
  </si>
  <si>
    <t>240613609.0</t>
  </si>
  <si>
    <t>172328193.0</t>
  </si>
  <si>
    <t>74563991.0</t>
  </si>
  <si>
    <t>3236141.0</t>
  </si>
  <si>
    <t>2730702.0</t>
  </si>
  <si>
    <t>2100728.0</t>
  </si>
  <si>
    <t>243707238.0</t>
  </si>
  <si>
    <t>174433168.0</t>
  </si>
  <si>
    <t>75642535.0</t>
  </si>
  <si>
    <t>3380930.0</t>
  </si>
  <si>
    <t>2748512.0</t>
  </si>
  <si>
    <t>2075867.0</t>
  </si>
  <si>
    <t>247360384.0</t>
  </si>
  <si>
    <t>176788111.0</t>
  </si>
  <si>
    <t>77144875.0</t>
  </si>
  <si>
    <t>3402690.0</t>
  </si>
  <si>
    <t>2774823.0</t>
  </si>
  <si>
    <t>2008969.0</t>
  </si>
  <si>
    <t>250597334.0</t>
  </si>
  <si>
    <t>179144621.0</t>
  </si>
  <si>
    <t>78152764.0</t>
  </si>
  <si>
    <t>3255786.0</t>
  </si>
  <si>
    <t>2798135.0</t>
  </si>
  <si>
    <t>2030602.0</t>
  </si>
  <si>
    <t>252493495.0</t>
  </si>
  <si>
    <t>180518501.0</t>
  </si>
  <si>
    <t>78711968.0</t>
  </si>
  <si>
    <t>2179027.0</t>
  </si>
  <si>
    <t>2784421.0</t>
  </si>
  <si>
    <t>2013231.0</t>
  </si>
  <si>
    <t>253991129.0</t>
  </si>
  <si>
    <t>181608146.0</t>
  </si>
  <si>
    <t>79264751.0</t>
  </si>
  <si>
    <t>1253975.0</t>
  </si>
  <si>
    <t>2812175.0</t>
  </si>
  <si>
    <t>2020769.0</t>
  </si>
  <si>
    <t>256657865.0</t>
  </si>
  <si>
    <t>183353001.0</t>
  </si>
  <si>
    <t>80303564.0</t>
  </si>
  <si>
    <t>2684036.0</t>
  </si>
  <si>
    <t>2770368.0</t>
  </si>
  <si>
    <t>1956308.0</t>
  </si>
  <si>
    <t>259507301.0</t>
  </si>
  <si>
    <t>184963003.0</t>
  </si>
  <si>
    <t>81603558.0</t>
  </si>
  <si>
    <t>3143992.0</t>
  </si>
  <si>
    <t>2757205.0</t>
  </si>
  <si>
    <t>1896832.0</t>
  </si>
  <si>
    <t>262951412.0</t>
  </si>
  <si>
    <t>186928751.0</t>
  </si>
  <si>
    <t>83263827.0</t>
  </si>
  <si>
    <t>3187227.0</t>
  </si>
  <si>
    <t>2729532.0</t>
  </si>
  <si>
    <t>1829152.0</t>
  </si>
  <si>
    <t>265831959.0</t>
  </si>
  <si>
    <t>188555847.0</t>
  </si>
  <si>
    <t>84630568.0</t>
  </si>
  <si>
    <t>2899383.0</t>
  </si>
  <si>
    <t>2657634.0</t>
  </si>
  <si>
    <t>1748632.0</t>
  </si>
  <si>
    <t>268755586.0</t>
  </si>
  <si>
    <t>190244622.0</t>
  </si>
  <si>
    <t>85921720.0</t>
  </si>
  <si>
    <t>3446988.0</t>
  </si>
  <si>
    <t>2684947.0</t>
  </si>
  <si>
    <t>1708185.0</t>
  </si>
  <si>
    <t>271579608.0</t>
  </si>
  <si>
    <t>192019325.0</t>
  </si>
  <si>
    <t>87039659.0</t>
  </si>
  <si>
    <t>2339651.0</t>
  </si>
  <si>
    <t>2707893.0</t>
  </si>
  <si>
    <t>1684227.0</t>
  </si>
  <si>
    <t>272666819.0</t>
  </si>
  <si>
    <t>192650805.0</t>
  </si>
  <si>
    <t>87521986.0</t>
  </si>
  <si>
    <t>1107365.0</t>
  </si>
  <si>
    <t>2686949.0</t>
  </si>
  <si>
    <t>1645059.0</t>
  </si>
  <si>
    <t>275271911.0</t>
  </si>
  <si>
    <t>194043875.0</t>
  </si>
  <si>
    <t>88803207.0</t>
  </si>
  <si>
    <t>2625246.0</t>
  </si>
  <si>
    <t>2678552.0</t>
  </si>
  <si>
    <t>1595038.0</t>
  </si>
  <si>
    <t>278627884.0</t>
  </si>
  <si>
    <t>196051144.0</t>
  </si>
  <si>
    <t>90212763.0</t>
  </si>
  <si>
    <t>3370857.0</t>
  </si>
  <si>
    <t>2710960.0</t>
  </si>
  <si>
    <t>1627152.0</t>
  </si>
  <si>
    <t>282480057.0</t>
  </si>
  <si>
    <t>198182468.0</t>
  </si>
  <si>
    <t>91997793.0</t>
  </si>
  <si>
    <t>3871009.0</t>
  </si>
  <si>
    <t>2808644.0</t>
  </si>
  <si>
    <t>1675203.0</t>
  </si>
  <si>
    <t>285599057.0</t>
  </si>
  <si>
    <t>199842592.0</t>
  </si>
  <si>
    <t>93512156.0</t>
  </si>
  <si>
    <t>3141018.0</t>
  </si>
  <si>
    <t>2843163.0</t>
  </si>
  <si>
    <t>1680306.0</t>
  </si>
  <si>
    <t>288402486.0</t>
  </si>
  <si>
    <t>201293320.0</t>
  </si>
  <si>
    <t>94892664.0</t>
  </si>
  <si>
    <t>3239465.0</t>
  </si>
  <si>
    <t>2813514.0</t>
  </si>
  <si>
    <t>1630448.0</t>
  </si>
  <si>
    <t>291126993.0</t>
  </si>
  <si>
    <t>202755091.0</t>
  </si>
  <si>
    <t>96207687.0</t>
  </si>
  <si>
    <t>2332507.0</t>
  </si>
  <si>
    <t>2812495.0</t>
  </si>
  <si>
    <t>1602232.0</t>
  </si>
  <si>
    <t>292397285.0</t>
  </si>
  <si>
    <t>203387455.0</t>
  </si>
  <si>
    <t>96858814.0</t>
  </si>
  <si>
    <t>1292310.0</t>
  </si>
  <si>
    <t>2838916.0</t>
  </si>
  <si>
    <t>1602720.0</t>
  </si>
  <si>
    <t>294905904.0</t>
  </si>
  <si>
    <t>204750980.0</t>
  </si>
  <si>
    <t>98050430.0</t>
  </si>
  <si>
    <t>2530637.0</t>
  </si>
  <si>
    <t>2825400.0</t>
  </si>
  <si>
    <t>1598806.0</t>
  </si>
  <si>
    <t>298446455.0</t>
  </si>
  <si>
    <t>206600880.0</t>
  </si>
  <si>
    <t>99785259.0</t>
  </si>
  <si>
    <t>3543479.0</t>
  </si>
  <si>
    <t>2850062.0</t>
  </si>
  <si>
    <t>1574634.0</t>
  </si>
  <si>
    <t>301981494.0</t>
  </si>
  <si>
    <t>208317953.0</t>
  </si>
  <si>
    <t>101577807.0</t>
  </si>
  <si>
    <t>3558621.0</t>
  </si>
  <si>
    <t>2805432.0</t>
  </si>
  <si>
    <t>1516052.0</t>
  </si>
  <si>
    <t>305625508.0</t>
  </si>
  <si>
    <t>210158081.0</t>
  </si>
  <si>
    <t>103336962.0</t>
  </si>
  <si>
    <t>166907.0</t>
  </si>
  <si>
    <t>3658103.0</t>
  </si>
  <si>
    <t>2879304.0</t>
  </si>
  <si>
    <t>1540784.0</t>
  </si>
  <si>
    <t>309009262.0</t>
  </si>
  <si>
    <t>211804479.0</t>
  </si>
  <si>
    <t>105026357.0</t>
  </si>
  <si>
    <t>267246.0</t>
  </si>
  <si>
    <t>3402590.0</t>
  </si>
  <si>
    <t>2902607.0</t>
  </si>
  <si>
    <t>1529641.0</t>
  </si>
  <si>
    <t>311311125.0</t>
  </si>
  <si>
    <t>213005929.0</t>
  </si>
  <si>
    <t>106155985.0</t>
  </si>
  <si>
    <t>271421.0</t>
  </si>
  <si>
    <t>2901201.0</t>
  </si>
  <si>
    <t>1531026.0</t>
  </si>
  <si>
    <t>312360883.0</t>
  </si>
  <si>
    <t>213518498.0</t>
  </si>
  <si>
    <t>106711472.0</t>
  </si>
  <si>
    <t>271543.0</t>
  </si>
  <si>
    <t>1070554.0</t>
  </si>
  <si>
    <t>2869522.0</t>
  </si>
  <si>
    <t>1513774.0</t>
  </si>
  <si>
    <t>315534885.0</t>
  </si>
  <si>
    <t>214869421.0</t>
  </si>
  <si>
    <t>108372891.0</t>
  </si>
  <si>
    <t>461017.0</t>
  </si>
  <si>
    <t>3352633.0</t>
  </si>
  <si>
    <t>2986949.0</t>
  </si>
  <si>
    <t>1527827.0</t>
  </si>
  <si>
    <t>320945282.0</t>
  </si>
  <si>
    <t>217191079.0</t>
  </si>
  <si>
    <t>110620518.0</t>
  </si>
  <si>
    <t>683548.0</t>
  </si>
  <si>
    <t>4590325.0</t>
  </si>
  <si>
    <t>3136498.0</t>
  </si>
  <si>
    <t>1580690.0</t>
  </si>
  <si>
    <t>324504915.0</t>
  </si>
  <si>
    <t>218715071.0</t>
  </si>
  <si>
    <t>112544046.0</t>
  </si>
  <si>
    <t>4028998.0</t>
  </si>
  <si>
    <t>3203696.0</t>
  </si>
  <si>
    <t>1552786.0</t>
  </si>
  <si>
    <t>328449548.0</t>
  </si>
  <si>
    <t>220589667.0</t>
  </si>
  <si>
    <t>114518193.0</t>
  </si>
  <si>
    <t>976298.0</t>
  </si>
  <si>
    <t>4413998.0</t>
  </si>
  <si>
    <t>3311679.0</t>
  </si>
  <si>
    <t>1558583.0</t>
  </si>
  <si>
    <t>331955180.0</t>
  </si>
  <si>
    <t>222230844.0</t>
  </si>
  <si>
    <t>116313450.0</t>
  </si>
  <si>
    <t>1092964.0</t>
  </si>
  <si>
    <t>3974997.0</t>
  </si>
  <si>
    <t>3393452.0</t>
  </si>
  <si>
    <t>1558113.0</t>
  </si>
  <si>
    <t>334215885.0</t>
  </si>
  <si>
    <t>223476912.0</t>
  </si>
  <si>
    <t>117344109.0</t>
  </si>
  <si>
    <t>1102280.0</t>
  </si>
  <si>
    <t>2730070.0</t>
  </si>
  <si>
    <t>3451653.0</t>
  </si>
  <si>
    <t>1564513.0</t>
  </si>
  <si>
    <t>335499402.0</t>
  </si>
  <si>
    <t>224212399.0</t>
  </si>
  <si>
    <t>117909750.0</t>
  </si>
  <si>
    <t>1102730.0</t>
  </si>
  <si>
    <t>1752882.0</t>
  </si>
  <si>
    <t>3549131.0</t>
  </si>
  <si>
    <t>1596384.0</t>
  </si>
  <si>
    <t>338809701.0</t>
  </si>
  <si>
    <t>225938036.0</t>
  </si>
  <si>
    <t>119436720.0</t>
  </si>
  <si>
    <t>1209646.0</t>
  </si>
  <si>
    <t>3759420.0</t>
  </si>
  <si>
    <t>3607242.0</t>
  </si>
  <si>
    <t>1632017.0</t>
  </si>
  <si>
    <t>342501199.0</t>
  </si>
  <si>
    <t>227772241.0</t>
  </si>
  <si>
    <t>121246486.0</t>
  </si>
  <si>
    <t>1318694.0</t>
  </si>
  <si>
    <t>4160717.0</t>
  </si>
  <si>
    <t>3545869.0</t>
  </si>
  <si>
    <t>1579106.0</t>
  </si>
  <si>
    <t>345819137.0</t>
  </si>
  <si>
    <t>229437096.0</t>
  </si>
  <si>
    <t>122872997.0</t>
  </si>
  <si>
    <t>1400378.0</t>
  </si>
  <si>
    <t>3781666.0</t>
  </si>
  <si>
    <t>3510535.0</t>
  </si>
  <si>
    <t>1598694.0</t>
  </si>
  <si>
    <t>348407162.0</t>
  </si>
  <si>
    <t>230106937.0</t>
  </si>
  <si>
    <t>124680857.0</t>
  </si>
  <si>
    <t>1550882.0</t>
  </si>
  <si>
    <t>3333888.0</t>
  </si>
  <si>
    <t>3356233.0</t>
  </si>
  <si>
    <t>1458246.0</t>
  </si>
  <si>
    <t>356815900.0</t>
  </si>
  <si>
    <t>234898918.0</t>
  </si>
  <si>
    <t>128962076.0</t>
  </si>
  <si>
    <t>1665851.0</t>
  </si>
  <si>
    <t>3931090.0</t>
  </si>
  <si>
    <t>3349963.0</t>
  </si>
  <si>
    <t>1432396.0</t>
  </si>
  <si>
    <t>359363933.0</t>
  </si>
  <si>
    <t>236112772.0</t>
  </si>
  <si>
    <t>130330911.0</t>
  </si>
  <si>
    <t>1673071.0</t>
  </si>
  <si>
    <t>2674455.0</t>
  </si>
  <si>
    <t>3342016.0</t>
  </si>
  <si>
    <t>1426335.0</t>
  </si>
  <si>
    <t>360797714.0</t>
  </si>
  <si>
    <t>236787249.0</t>
  </si>
  <si>
    <t>131122868.0</t>
  </si>
  <si>
    <t>1674043.0</t>
  </si>
  <si>
    <t>1560203.0</t>
  </si>
  <si>
    <t>3314491.0</t>
  </si>
  <si>
    <t>1416161.0</t>
  </si>
  <si>
    <t>363516346.0</t>
  </si>
  <si>
    <t>237998011.0</t>
  </si>
  <si>
    <t>132560511.0</t>
  </si>
  <si>
    <t>1811995.0</t>
  </si>
  <si>
    <t>2841084.0</t>
  </si>
  <si>
    <t>3183300.0</t>
  </si>
  <si>
    <t>1342684.0</t>
  </si>
  <si>
    <t>367440007.0</t>
  </si>
  <si>
    <t>239751897.0</t>
  </si>
  <si>
    <t>134637173.0</t>
  </si>
  <si>
    <t>1944677.0</t>
  </si>
  <si>
    <t>4048760.0</t>
  </si>
  <si>
    <t>3167306.0</t>
  </si>
  <si>
    <t>1329636.0</t>
  </si>
  <si>
    <t>370310014.0</t>
  </si>
  <si>
    <t>240881235.0</t>
  </si>
  <si>
    <t>136229218.0</t>
  </si>
  <si>
    <t>2108311.0</t>
  </si>
  <si>
    <t>3177324.0</t>
  </si>
  <si>
    <t>3080974.0</t>
  </si>
  <si>
    <t>1263874.0</t>
  </si>
  <si>
    <t>373343882.0</t>
  </si>
  <si>
    <t>242096962.0</t>
  </si>
  <si>
    <t>137910214.0</t>
  </si>
  <si>
    <t>2264559.0</t>
  </si>
  <si>
    <t>3136858.0</t>
  </si>
  <si>
    <t>3052826.0</t>
  </si>
  <si>
    <t>1297481.0</t>
  </si>
  <si>
    <t>376462775.0</t>
  </si>
  <si>
    <t>243332110.0</t>
  </si>
  <si>
    <t>139694580.0</t>
  </si>
  <si>
    <t>2386840.0</t>
  </si>
  <si>
    <t>3313205.0</t>
  </si>
  <si>
    <t>2964556.0</t>
  </si>
  <si>
    <t>1263344.0</t>
  </si>
  <si>
    <t>378357967.0</t>
  </si>
  <si>
    <t>244168996.0</t>
  </si>
  <si>
    <t>140757798.0</t>
  </si>
  <si>
    <t>2394522.0</t>
  </si>
  <si>
    <t>2098347.0</t>
  </si>
  <si>
    <t>2882256.0</t>
  </si>
  <si>
    <t>1209596.0</t>
  </si>
  <si>
    <t>379237038.0</t>
  </si>
  <si>
    <t>244605002.0</t>
  </si>
  <si>
    <t>141209439.0</t>
  </si>
  <si>
    <t>2395328.0</t>
  </si>
  <si>
    <t>1241939.0</t>
  </si>
  <si>
    <t>2836789.0</t>
  </si>
  <si>
    <t>1179881.0</t>
  </si>
  <si>
    <t>381546211.0</t>
  </si>
  <si>
    <t>245584058.0</t>
  </si>
  <si>
    <t>142435071.0</t>
  </si>
  <si>
    <t>2512991.0</t>
  </si>
  <si>
    <t>2707115.0</t>
  </si>
  <si>
    <t>2817650.0</t>
  </si>
  <si>
    <t>1155897.0</t>
  </si>
  <si>
    <t>383039399.0</t>
  </si>
  <si>
    <t>246087677.0</t>
  </si>
  <si>
    <t>143300618.0</t>
  </si>
  <si>
    <t>2649396.0</t>
  </si>
  <si>
    <t>1884667.0</t>
  </si>
  <si>
    <t>2508492.0</t>
  </si>
  <si>
    <t>985562.0</t>
  </si>
  <si>
    <t>386325988.0</t>
  </si>
  <si>
    <t>247076793.0</t>
  </si>
  <si>
    <t>145545772.0</t>
  </si>
  <si>
    <t>2821057.0</t>
  </si>
  <si>
    <t>3071394.0</t>
  </si>
  <si>
    <t>2493361.0</t>
  </si>
  <si>
    <t>961702.0</t>
  </si>
  <si>
    <t>390360065.0</t>
  </si>
  <si>
    <t>248361776.0</t>
  </si>
  <si>
    <t>148158488.0</t>
  </si>
  <si>
    <t>2990029.0</t>
  </si>
  <si>
    <t>3555398.0</t>
  </si>
  <si>
    <t>2553153.0</t>
  </si>
  <si>
    <t>970101.0</t>
  </si>
  <si>
    <t>396013375.0</t>
  </si>
  <si>
    <t>250744327.0</t>
  </si>
  <si>
    <t>151283547.0</t>
  </si>
  <si>
    <t>3153826.0</t>
  </si>
  <si>
    <t>3888725.0</t>
  </si>
  <si>
    <t>2635368.0</t>
  </si>
  <si>
    <t>398143542.0</t>
  </si>
  <si>
    <t>251675863.0</t>
  </si>
  <si>
    <t>152469399.0</t>
  </si>
  <si>
    <t>3172909.0</t>
  </si>
  <si>
    <t>2468301.0</t>
  </si>
  <si>
    <t>2688219.0</t>
  </si>
  <si>
    <t>1038284.0</t>
  </si>
  <si>
    <t>399242534.0</t>
  </si>
  <si>
    <t>252301505.0</t>
  </si>
  <si>
    <t>152948671.0</t>
  </si>
  <si>
    <t>3174149.0</t>
  </si>
  <si>
    <t>1339469.0</t>
  </si>
  <si>
    <t>2702153.0</t>
  </si>
  <si>
    <t>1076052.0</t>
  </si>
  <si>
    <t>401729626.0</t>
  </si>
  <si>
    <t>253203264.0</t>
  </si>
  <si>
    <t>154446850.0</t>
  </si>
  <si>
    <t>3291925.0</t>
  </si>
  <si>
    <t>2776398.0</t>
  </si>
  <si>
    <t>2712049.0</t>
  </si>
  <si>
    <t>1075992.0</t>
  </si>
  <si>
    <t>404942352.0</t>
  </si>
  <si>
    <t>254414026.0</t>
  </si>
  <si>
    <t>156335582.0</t>
  </si>
  <si>
    <t>3426081.0</t>
  </si>
  <si>
    <t>3492029.0</t>
  </si>
  <si>
    <t>2941674.0</t>
  </si>
  <si>
    <t>1187550.0</t>
  </si>
  <si>
    <t>407849671.0</t>
  </si>
  <si>
    <t>255539066.0</t>
  </si>
  <si>
    <t>157994860.0</t>
  </si>
  <si>
    <t>3567962.0</t>
  </si>
  <si>
    <t>3197738.0</t>
  </si>
  <si>
    <t>2959721.0</t>
  </si>
  <si>
    <t>1218961.0</t>
  </si>
  <si>
    <t>410159839.0</t>
  </si>
  <si>
    <t>256360446.0</t>
  </si>
  <si>
    <t>159414815.0</t>
  </si>
  <si>
    <t>3645075.0</t>
  </si>
  <si>
    <t>2770704.0</t>
  </si>
  <si>
    <t>2847623.0</t>
  </si>
  <si>
    <t>1199483.0</t>
  </si>
  <si>
    <t>413675667.0</t>
  </si>
  <si>
    <t>257750827.0</t>
  </si>
  <si>
    <t>161503873.0</t>
  </si>
  <si>
    <t>3700992.0</t>
  </si>
  <si>
    <t>3522327.0</t>
  </si>
  <si>
    <t>2795280.0</t>
  </si>
  <si>
    <t>1181373.0</t>
  </si>
  <si>
    <t>415598875.0</t>
  </si>
  <si>
    <t>258565573.0</t>
  </si>
  <si>
    <t>162608497.0</t>
  </si>
  <si>
    <t>3710858.0</t>
  </si>
  <si>
    <t>2217398.0</t>
  </si>
  <si>
    <t>2759439.0</t>
  </si>
  <si>
    <t>1159447.0</t>
  </si>
  <si>
    <t>416569924.0</t>
  </si>
  <si>
    <t>259018113.0</t>
  </si>
  <si>
    <t>163129407.0</t>
  </si>
  <si>
    <t>3712480.0</t>
  </si>
  <si>
    <t>1263683.0</t>
  </si>
  <si>
    <t>2748611.0</t>
  </si>
  <si>
    <t>1138706.0</t>
  </si>
  <si>
    <t>418680030.0</t>
  </si>
  <si>
    <t>259721891.0</t>
  </si>
  <si>
    <t>164412803.0</t>
  </si>
  <si>
    <t>3863528.0</t>
  </si>
  <si>
    <t>2336484.0</t>
  </si>
  <si>
    <t>2685765.0</t>
  </si>
  <si>
    <t>95.85</t>
  </si>
  <si>
    <t>1107276.0</t>
  </si>
  <si>
    <t>424291226.0</t>
  </si>
  <si>
    <t>262547998.0</t>
  </si>
  <si>
    <t>167067542.0</t>
  </si>
  <si>
    <t>4008242.0</t>
  </si>
  <si>
    <t>3125163.0</t>
  </si>
  <si>
    <t>2633356.0</t>
  </si>
  <si>
    <t>1073413.0</t>
  </si>
  <si>
    <t>427186762.0</t>
  </si>
  <si>
    <t>263548658.0</t>
  </si>
  <si>
    <t>168832435.0</t>
  </si>
  <si>
    <t>4157802.0</t>
  </si>
  <si>
    <t>2999285.0</t>
  </si>
  <si>
    <t>2605008.0</t>
  </si>
  <si>
    <t>1033410.0</t>
  </si>
  <si>
    <t>429900296.0</t>
  </si>
  <si>
    <t>264588699.0</t>
  </si>
  <si>
    <t>170379459.0</t>
  </si>
  <si>
    <t>4297894.0</t>
  </si>
  <si>
    <t>3014192.0</t>
  </si>
  <si>
    <t>2639790.0</t>
  </si>
  <si>
    <t>1045887.0</t>
  </si>
  <si>
    <t>432489746.0</t>
  </si>
  <si>
    <t>265421784.0</t>
  </si>
  <si>
    <t>171990702.0</t>
  </si>
  <si>
    <t>4457843.0</t>
  </si>
  <si>
    <t>2955037.0</t>
  </si>
  <si>
    <t>2558749.0</t>
  </si>
  <si>
    <t>998037.0</t>
  </si>
  <si>
    <t>434491812.0</t>
  </si>
  <si>
    <t>266246480.0</t>
  </si>
  <si>
    <t>173150434.0</t>
  </si>
  <si>
    <t>4482682.0</t>
  </si>
  <si>
    <t>2110592.0</t>
  </si>
  <si>
    <t>2543490.0</t>
  </si>
  <si>
    <t>99.47</t>
  </si>
  <si>
    <t>977959.0</t>
  </si>
  <si>
    <t>435731573.0</t>
  </si>
  <si>
    <t>266726748.0</t>
  </si>
  <si>
    <t>173906231.0</t>
  </si>
  <si>
    <t>4492146.0</t>
  </si>
  <si>
    <t>1544891.0</t>
  </si>
  <si>
    <t>2583663.0</t>
  </si>
  <si>
    <t>980242.0</t>
  </si>
  <si>
    <t>439750590.0</t>
  </si>
  <si>
    <t>268422874.0</t>
  </si>
  <si>
    <t>175892046.0</t>
  </si>
  <si>
    <t>4863785.0</t>
  </si>
  <si>
    <t>2652341.0</t>
  </si>
  <si>
    <t>2628787.0</t>
  </si>
  <si>
    <t>989155.0</t>
  </si>
  <si>
    <t>442543088.0</t>
  </si>
  <si>
    <t>269339029.0</t>
  </si>
  <si>
    <t>177607584.0</t>
  </si>
  <si>
    <t>5041045.0</t>
  </si>
  <si>
    <t>2975878.0</t>
  </si>
  <si>
    <t>2607459.0</t>
  </si>
  <si>
    <t>969850.0</t>
  </si>
  <si>
    <t>445410839.0</t>
  </si>
  <si>
    <t>270330901.0</t>
  </si>
  <si>
    <t>179356090.0</t>
  </si>
  <si>
    <t>5204880.0</t>
  </si>
  <si>
    <t>2810162.0</t>
  </si>
  <si>
    <t>2580443.0</t>
  </si>
  <si>
    <t>958443.0</t>
  </si>
  <si>
    <t>448234536.0</t>
  </si>
  <si>
    <t>271207133.0</t>
  </si>
  <si>
    <t>181063169.0</t>
  </si>
  <si>
    <t>5456780.0</t>
  </si>
  <si>
    <t>3238453.0</t>
  </si>
  <si>
    <t>2612480.0</t>
  </si>
  <si>
    <t>955295.0</t>
  </si>
  <si>
    <t>451991410.0</t>
  </si>
  <si>
    <t>272699722.0</t>
  </si>
  <si>
    <t>183163016.0</t>
  </si>
  <si>
    <t>5751251.0</t>
  </si>
  <si>
    <t>3326211.0</t>
  </si>
  <si>
    <t>2665505.0</t>
  </si>
  <si>
    <t>967263.0</t>
  </si>
  <si>
    <t>453818930.0</t>
  </si>
  <si>
    <t>273183012.0</t>
  </si>
  <si>
    <t>184403913.0</t>
  </si>
  <si>
    <t>5858741.0</t>
  </si>
  <si>
    <t>2040799.0</t>
  </si>
  <si>
    <t>2655534.0</t>
  </si>
  <si>
    <t>454800951.0</t>
  </si>
  <si>
    <t>273472659.0</t>
  </si>
  <si>
    <t>185059136.0</t>
  </si>
  <si>
    <t>5897863.0</t>
  </si>
  <si>
    <t>1196473.0</t>
  </si>
  <si>
    <t>2605760.0</t>
  </si>
  <si>
    <t>895082.0</t>
  </si>
  <si>
    <t>457105826.0</t>
  </si>
  <si>
    <t>274278927.0</t>
  </si>
  <si>
    <t>186436061.0</t>
  </si>
  <si>
    <t>6181873.0</t>
  </si>
  <si>
    <t>2089860.0</t>
  </si>
  <si>
    <t>2525406.0</t>
  </si>
  <si>
    <t>852454.0</t>
  </si>
  <si>
    <t>459523986.0</t>
  </si>
  <si>
    <t>274999558.0</t>
  </si>
  <si>
    <t>187815050.0</t>
  </si>
  <si>
    <t>6510676.0</t>
  </si>
  <si>
    <t>2714196.0</t>
  </si>
  <si>
    <t>2488023.0</t>
  </si>
  <si>
    <t>832216.0</t>
  </si>
  <si>
    <t>462583940.0</t>
  </si>
  <si>
    <t>275932079.0</t>
  </si>
  <si>
    <t>189708448.0</t>
  </si>
  <si>
    <t>6898679.0</t>
  </si>
  <si>
    <t>2868143.0</t>
  </si>
  <si>
    <t>2496305.0</t>
  </si>
  <si>
    <t>811384.0</t>
  </si>
  <si>
    <t>465437777.0</t>
  </si>
  <si>
    <t>276744061.0</t>
  </si>
  <si>
    <t>191391257.0</t>
  </si>
  <si>
    <t>7339317.0</t>
  </si>
  <si>
    <t>2919373.0</t>
  </si>
  <si>
    <t>2450723.0</t>
  </si>
  <si>
    <t>762242.0</t>
  </si>
  <si>
    <t>468564018.0</t>
  </si>
  <si>
    <t>277613638.0</t>
  </si>
  <si>
    <t>193296125.0</t>
  </si>
  <si>
    <t>7749197.0</t>
  </si>
  <si>
    <t>2583068.0</t>
  </si>
  <si>
    <t>2344559.0</t>
  </si>
  <si>
    <t>691596.0</t>
  </si>
  <si>
    <t>470327825.0</t>
  </si>
  <si>
    <t>278009239.0</t>
  </si>
  <si>
    <t>194485758.0</t>
  </si>
  <si>
    <t>7984321.0</t>
  </si>
  <si>
    <t>2029613.0</t>
  </si>
  <si>
    <t>2342962.0</t>
  </si>
  <si>
    <t>682021.0</t>
  </si>
  <si>
    <t>471405074.0</t>
  </si>
  <si>
    <t>278253560.0</t>
  </si>
  <si>
    <t>195278016.0</t>
  </si>
  <si>
    <t>8052959.0</t>
  </si>
  <si>
    <t>1343055.0</t>
  </si>
  <si>
    <t>2363903.0</t>
  </si>
  <si>
    <t>678401.0</t>
  </si>
  <si>
    <t>473059551.0</t>
  </si>
  <si>
    <t>278797308.0</t>
  </si>
  <si>
    <t>196273243.0</t>
  </si>
  <si>
    <t>8222020.0</t>
  </si>
  <si>
    <t>2339789.0</t>
  </si>
  <si>
    <t>685042.0</t>
  </si>
  <si>
    <t>474650767.0</t>
  </si>
  <si>
    <t>279504017.0</t>
  </si>
  <si>
    <t>197070165.0</t>
  </si>
  <si>
    <t>8366128.0</t>
  </si>
  <si>
    <t>1848546.0</t>
  </si>
  <si>
    <t>2216123.0</t>
  </si>
  <si>
    <t>679632.0</t>
  </si>
  <si>
    <t>476722851.0</t>
  </si>
  <si>
    <t>280222868.0</t>
  </si>
  <si>
    <t>198131764.0</t>
  </si>
  <si>
    <t>8715768.0</t>
  </si>
  <si>
    <t>2335967.0</t>
  </si>
  <si>
    <t>2140099.0</t>
  </si>
  <si>
    <t>109.14</t>
  </si>
  <si>
    <t>686230.0</t>
  </si>
  <si>
    <t>480275366.0</t>
  </si>
  <si>
    <t>281560180.0</t>
  </si>
  <si>
    <t>200050084.0</t>
  </si>
  <si>
    <t>9070150.0</t>
  </si>
  <si>
    <t>3818027.0</t>
  </si>
  <si>
    <t>2268477.0</t>
  </si>
  <si>
    <t>778047.0</t>
  </si>
  <si>
    <t>483624640.0</t>
  </si>
  <si>
    <t>282754097.0</t>
  </si>
  <si>
    <t>201715661.0</t>
  </si>
  <si>
    <t>9569368.0</t>
  </si>
  <si>
    <t>3525023.0</t>
  </si>
  <si>
    <t>2403043.0</t>
  </si>
  <si>
    <t>874950.0</t>
  </si>
  <si>
    <t>485559722.0</t>
  </si>
  <si>
    <t>283374576.0</t>
  </si>
  <si>
    <t>202777319.0</t>
  </si>
  <si>
    <t>9827746.0</t>
  </si>
  <si>
    <t>2377675.0</t>
  </si>
  <si>
    <t>2452766.0</t>
  </si>
  <si>
    <t>910622.0</t>
  </si>
  <si>
    <t>486803156.0</t>
  </si>
  <si>
    <t>283746705.0</t>
  </si>
  <si>
    <t>203626045.0</t>
  </si>
  <si>
    <t>9950453.0</t>
  </si>
  <si>
    <t>1376131.0</t>
  </si>
  <si>
    <t>2457492.0</t>
  </si>
  <si>
    <t>925249.0</t>
  </si>
  <si>
    <t>488955917.0</t>
  </si>
  <si>
    <t>284386932.0</t>
  </si>
  <si>
    <t>204584344.0</t>
  </si>
  <si>
    <t>10523983.0</t>
  </si>
  <si>
    <t>2437723.0</t>
  </si>
  <si>
    <t>2531299.0</t>
  </si>
  <si>
    <t>938782.0</t>
  </si>
  <si>
    <t>491698890.0</t>
  </si>
  <si>
    <t>285195008.0</t>
  </si>
  <si>
    <t>206050891.0</t>
  </si>
  <si>
    <t>3268818.0</t>
  </si>
  <si>
    <t>2734195.0</t>
  </si>
  <si>
    <t>971447.0</t>
  </si>
  <si>
    <t>494851194.0</t>
  </si>
  <si>
    <t>286222818.0</t>
  </si>
  <si>
    <t>207597848.0</t>
  </si>
  <si>
    <t>11606159.0</t>
  </si>
  <si>
    <t>3666745.0</t>
  </si>
  <si>
    <t>2924306.0</t>
  </si>
  <si>
    <t>1032767.0</t>
  </si>
  <si>
    <t>496899619.0</t>
  </si>
  <si>
    <t>286880241.0</t>
  </si>
  <si>
    <t>208541735.0</t>
  </si>
  <si>
    <t>12060327.0</t>
  </si>
  <si>
    <t>2572641.0</t>
  </si>
  <si>
    <t>2746394.0</t>
  </si>
  <si>
    <t>953303.0</t>
  </si>
  <si>
    <t>500508473.0</t>
  </si>
  <si>
    <t>288123759.0</t>
  </si>
  <si>
    <t>210254666.0</t>
  </si>
  <si>
    <t>12635967.0</t>
  </si>
  <si>
    <t>2939483.0</t>
  </si>
  <si>
    <t>2662743.0</t>
  </si>
  <si>
    <t>910992.0</t>
  </si>
  <si>
    <t>501889650.0</t>
  </si>
  <si>
    <t>288634961.0</t>
  </si>
  <si>
    <t>211021320.0</t>
  </si>
  <si>
    <t>12772326.0</t>
  </si>
  <si>
    <t>1651269.0</t>
  </si>
  <si>
    <t>2558972.0</t>
  </si>
  <si>
    <t>891713.0</t>
  </si>
  <si>
    <t>503185699.0</t>
  </si>
  <si>
    <t>289069943.0</t>
  </si>
  <si>
    <t>211789045.0</t>
  </si>
  <si>
    <t>12884393.0</t>
  </si>
  <si>
    <t>1566141.0</t>
  </si>
  <si>
    <t>2586117.0</t>
  </si>
  <si>
    <t>904201.0</t>
  </si>
  <si>
    <t>506788157.0</t>
  </si>
  <si>
    <t>289920333.0</t>
  </si>
  <si>
    <t>213856417.0</t>
  </si>
  <si>
    <t>13621602.0</t>
  </si>
  <si>
    <t>3867660.0</t>
  </si>
  <si>
    <t>2790395.0</t>
  </si>
  <si>
    <t>509920896.0</t>
  </si>
  <si>
    <t>290829515.0</t>
  </si>
  <si>
    <t>215391297.0</t>
  </si>
  <si>
    <t>14347456.0</t>
  </si>
  <si>
    <t>3403561.0</t>
  </si>
  <si>
    <t>2809644.0</t>
  </si>
  <si>
    <t>930649.0</t>
  </si>
  <si>
    <t>512851888.0</t>
  </si>
  <si>
    <t>291646524.0</t>
  </si>
  <si>
    <t>216914403.0</t>
  </si>
  <si>
    <t>14980691.0</t>
  </si>
  <si>
    <t>3201814.0</t>
  </si>
  <si>
    <t>2743226.0</t>
  </si>
  <si>
    <t>883380.0</t>
  </si>
  <si>
    <t>515693831.0</t>
  </si>
  <si>
    <t>292466206.0</t>
  </si>
  <si>
    <t>218347426.0</t>
  </si>
  <si>
    <t>15606887.0</t>
  </si>
  <si>
    <t>3106908.0</t>
  </si>
  <si>
    <t>2819549.0</t>
  </si>
  <si>
    <t>118.06</t>
  </si>
  <si>
    <t>888456.0</t>
  </si>
  <si>
    <t>518403434.0</t>
  </si>
  <si>
    <t>293129440.0</t>
  </si>
  <si>
    <t>219910953.0</t>
  </si>
  <si>
    <t>16330442.0</t>
  </si>
  <si>
    <t>3034765.0</t>
  </si>
  <si>
    <t>2833158.0</t>
  </si>
  <si>
    <t>118.68</t>
  </si>
  <si>
    <t>865356.0</t>
  </si>
  <si>
    <t>519852289.0</t>
  </si>
  <si>
    <t>293726737.0</t>
  </si>
  <si>
    <t>220603268.0</t>
  </si>
  <si>
    <t>16537862.0</t>
  </si>
  <si>
    <t>1525321.0</t>
  </si>
  <si>
    <t>2815168.0</t>
  </si>
  <si>
    <t>863846.0</t>
  </si>
  <si>
    <t>520799537.0</t>
  </si>
  <si>
    <t>294181854.0</t>
  </si>
  <si>
    <t>220967464.0</t>
  </si>
  <si>
    <t>16677067.0</t>
  </si>
  <si>
    <t>1203422.0</t>
  </si>
  <si>
    <t>2763350.0</t>
  </si>
  <si>
    <t>866373.0</t>
  </si>
  <si>
    <t>521549911.0</t>
  </si>
  <si>
    <t>294498755.0</t>
  </si>
  <si>
    <t>221264639.0</t>
  </si>
  <si>
    <t>16817542.0</t>
  </si>
  <si>
    <t>1182491.0</t>
  </si>
  <si>
    <t>2379754.0</t>
  </si>
  <si>
    <t>812628.0</t>
  </si>
  <si>
    <t>522859873.0</t>
  </si>
  <si>
    <t>294786162.0</t>
  </si>
  <si>
    <t>221819348.0</t>
  </si>
  <si>
    <t>17088433.0</t>
  </si>
  <si>
    <t>1383904.0</t>
  </si>
  <si>
    <t>2091232.0</t>
  </si>
  <si>
    <t>746138.0</t>
  </si>
  <si>
    <t>525069360.0</t>
  </si>
  <si>
    <t>295202477.0</t>
  </si>
  <si>
    <t>222877234.0</t>
  </si>
  <si>
    <t>17655182.0</t>
  </si>
  <si>
    <t>2464403.0</t>
  </si>
  <si>
    <t>1985888.0</t>
  </si>
  <si>
    <t>711237.0</t>
  </si>
  <si>
    <t>527860661.0</t>
  </si>
  <si>
    <t>295902624.0</t>
  </si>
  <si>
    <t>224250336.0</t>
  </si>
  <si>
    <t>18174394.0</t>
  </si>
  <si>
    <t>3047580.0</t>
  </si>
  <si>
    <t>1977412.0</t>
  </si>
  <si>
    <t>716941.0</t>
  </si>
  <si>
    <t>537965682.0</t>
  </si>
  <si>
    <t>300597413.0</t>
  </si>
  <si>
    <t>228953851.0</t>
  </si>
  <si>
    <t>18863213.0</t>
  </si>
  <si>
    <t>3665508.0</t>
  </si>
  <si>
    <t>2067518.0</t>
  </si>
  <si>
    <t>746199.0</t>
  </si>
  <si>
    <t>540056348.0</t>
  </si>
  <si>
    <t>301100136.0</t>
  </si>
  <si>
    <t>229821161.0</t>
  </si>
  <si>
    <t>19117497.0</t>
  </si>
  <si>
    <t>1921707.0</t>
  </si>
  <si>
    <t>2124142.0</t>
  </si>
  <si>
    <t>769095.0</t>
  </si>
  <si>
    <t>541301758.0</t>
  </si>
  <si>
    <t>301668056.0</t>
  </si>
  <si>
    <t>230292676.0</t>
  </si>
  <si>
    <t>19180093.0</t>
  </si>
  <si>
    <t>1440045.0</t>
  </si>
  <si>
    <t>2157946.0</t>
  </si>
  <si>
    <t>808207.0</t>
  </si>
  <si>
    <t>544020729.0</t>
  </si>
  <si>
    <t>302259603.0</t>
  </si>
  <si>
    <t>231629283.0</t>
  </si>
  <si>
    <t>19747738.0</t>
  </si>
  <si>
    <t>2913606.0</t>
  </si>
  <si>
    <t>2405252.0</t>
  </si>
  <si>
    <t>847901.0</t>
  </si>
  <si>
    <t>546392254.0</t>
  </si>
  <si>
    <t>302842156.0</t>
  </si>
  <si>
    <t>232825130.0</t>
  </si>
  <si>
    <t>20326139.0</t>
  </si>
  <si>
    <t>2973765.0</t>
  </si>
  <si>
    <t>2632373.0</t>
  </si>
  <si>
    <t>889953.0</t>
  </si>
  <si>
    <t>549629661.0</t>
  </si>
  <si>
    <t>303378820.0</t>
  </si>
  <si>
    <t>234282605.0</t>
  </si>
  <si>
    <t>20997552.0</t>
  </si>
  <si>
    <t>3015747.0</t>
  </si>
  <si>
    <t>2711136.0</t>
  </si>
  <si>
    <t>907310.0</t>
  </si>
  <si>
    <t>552524008.0</t>
  </si>
  <si>
    <t>303954405.0</t>
  </si>
  <si>
    <t>235676560.0</t>
  </si>
  <si>
    <t>21678226.0</t>
  </si>
  <si>
    <t>3087244.0</t>
  </si>
  <si>
    <t>2716804.0</t>
  </si>
  <si>
    <t>889605.0</t>
  </si>
  <si>
    <t>555503799.0</t>
  </si>
  <si>
    <t>304536483.0</t>
  </si>
  <si>
    <t>237079115.0</t>
  </si>
  <si>
    <t>22410018.0</t>
  </si>
  <si>
    <t>2743342.0</t>
  </si>
  <si>
    <t>2585065.0</t>
  </si>
  <si>
    <t>828918.0</t>
  </si>
  <si>
    <t>556717507.0</t>
  </si>
  <si>
    <t>304809634.0</t>
  </si>
  <si>
    <t>237730327.0</t>
  </si>
  <si>
    <t>22702319.0</t>
  </si>
  <si>
    <t>1624666.0</t>
  </si>
  <si>
    <t>2542629.0</t>
  </si>
  <si>
    <t>557892676.0</t>
  </si>
  <si>
    <t>305031932.0</t>
  </si>
  <si>
    <t>238282062.0</t>
  </si>
  <si>
    <t>22780404.0</t>
  </si>
  <si>
    <t>1081572.0</t>
  </si>
  <si>
    <t>2491419.0</t>
  </si>
  <si>
    <t>740503.0</t>
  </si>
  <si>
    <t>559463852.0</t>
  </si>
  <si>
    <t>305333236.0</t>
  </si>
  <si>
    <t>239053532.0</t>
  </si>
  <si>
    <t>23199163.0</t>
  </si>
  <si>
    <t>1723828.0</t>
  </si>
  <si>
    <t>2321451.0</t>
  </si>
  <si>
    <t>695625.0</t>
  </si>
  <si>
    <t>561462549.0</t>
  </si>
  <si>
    <t>305670185.0</t>
  </si>
  <si>
    <t>240039889.0</t>
  </si>
  <si>
    <t>23638076.0</t>
  </si>
  <si>
    <t>2204647.0</t>
  </si>
  <si>
    <t>564453605.0</t>
  </si>
  <si>
    <t>306175388.0</t>
  </si>
  <si>
    <t>241641544.0</t>
  </si>
  <si>
    <t>24242110.0</t>
  </si>
  <si>
    <t>3146961.0</t>
  </si>
  <si>
    <t>2223392.0</t>
  </si>
  <si>
    <t>129.22</t>
  </si>
  <si>
    <t>650030.0</t>
  </si>
  <si>
    <t>566979986.0</t>
  </si>
  <si>
    <t>306590865.0</t>
  </si>
  <si>
    <t>242864693.0</t>
  </si>
  <si>
    <t>24857581.0</t>
  </si>
  <si>
    <t>2683052.0</t>
  </si>
  <si>
    <t>2165651.0</t>
  </si>
  <si>
    <t>569806289.0</t>
  </si>
  <si>
    <t>307122175.0</t>
  </si>
  <si>
    <t>244221152.0</t>
  </si>
  <si>
    <t>25516510.0</t>
  </si>
  <si>
    <t>2807213.0</t>
  </si>
  <si>
    <t>2174775.0</t>
  </si>
  <si>
    <t>635625.0</t>
  </si>
  <si>
    <t>571649385.0</t>
  </si>
  <si>
    <t>307481739.0</t>
  </si>
  <si>
    <t>245125434.0</t>
  </si>
  <si>
    <t>25837399.0</t>
  </si>
  <si>
    <t>1989649.0</t>
  </si>
  <si>
    <t>2226918.0</t>
  </si>
  <si>
    <t>646871.0</t>
  </si>
  <si>
    <t>572909419.0</t>
  </si>
  <si>
    <t>307761252.0</t>
  </si>
  <si>
    <t>245789355.0</t>
  </si>
  <si>
    <t>26020954.0</t>
  </si>
  <si>
    <t>1406587.0</t>
  </si>
  <si>
    <t>2273347.0</t>
  </si>
  <si>
    <t>653901.0</t>
  </si>
  <si>
    <t>575170503.0</t>
  </si>
  <si>
    <t>308143978.0</t>
  </si>
  <si>
    <t>246873590.0</t>
  </si>
  <si>
    <t>26552471.0</t>
  </si>
  <si>
    <t>2407637.0</t>
  </si>
  <si>
    <t>2371033.0</t>
  </si>
  <si>
    <t>664683.0</t>
  </si>
  <si>
    <t>577653608.0</t>
  </si>
  <si>
    <t>308557806.0</t>
  </si>
  <si>
    <t>248108822.0</t>
  </si>
  <si>
    <t>27106722.0</t>
  </si>
  <si>
    <t>2629658.0</t>
  </si>
  <si>
    <t>2438679.0</t>
  </si>
  <si>
    <t>674606.0</t>
  </si>
  <si>
    <t>580108844.0</t>
  </si>
  <si>
    <t>308908354.0</t>
  </si>
  <si>
    <t>249349831.0</t>
  </si>
  <si>
    <t>27685495.0</t>
  </si>
  <si>
    <t>2596419.0</t>
  </si>
  <si>
    <t>2360029.0</t>
  </si>
  <si>
    <t>651235.0</t>
  </si>
  <si>
    <t>581846803.0</t>
  </si>
  <si>
    <t>309257695.0</t>
  </si>
  <si>
    <t>250295250.0</t>
  </si>
  <si>
    <t>28130354.0</t>
  </si>
  <si>
    <t>2289674.0</t>
  </si>
  <si>
    <t>2303833.0</t>
  </si>
  <si>
    <t>640826.0</t>
  </si>
  <si>
    <t>584858019.0</t>
  </si>
  <si>
    <t>309676018.0</t>
  </si>
  <si>
    <t>251704840.0</t>
  </si>
  <si>
    <t>28749306.0</t>
  </si>
  <si>
    <t>2750303.0</t>
  </si>
  <si>
    <t>2295703.0</t>
  </si>
  <si>
    <t>637614.0</t>
  </si>
  <si>
    <t>586343731.0</t>
  </si>
  <si>
    <t>309889171.0</t>
  </si>
  <si>
    <t>252430877.0</t>
  </si>
  <si>
    <t>29067108.0</t>
  </si>
  <si>
    <t>1632510.0</t>
  </si>
  <si>
    <t>2244684.0</t>
  </si>
  <si>
    <t>616700.0</t>
  </si>
  <si>
    <t>587402274.0</t>
  </si>
  <si>
    <t>310069620.0</t>
  </si>
  <si>
    <t>252983715.0</t>
  </si>
  <si>
    <t>29287086.0</t>
  </si>
  <si>
    <t>1203731.0</t>
  </si>
  <si>
    <t>2215704.0</t>
  </si>
  <si>
    <t>602487.0</t>
  </si>
  <si>
    <t>592253649.0</t>
  </si>
  <si>
    <t>312907891.0</t>
  </si>
  <si>
    <t>254284863.0</t>
  </si>
  <si>
    <t>29724781.0</t>
  </si>
  <si>
    <t>1699335.0</t>
  </si>
  <si>
    <t>2114518.0</t>
  </si>
  <si>
    <t>578453.0</t>
  </si>
  <si>
    <t>595323303.0</t>
  </si>
  <si>
    <t>313322105.0</t>
  </si>
  <si>
    <t>255702940.0</t>
  </si>
  <si>
    <t>30681753.0</t>
  </si>
  <si>
    <t>3316475.0</t>
  </si>
  <si>
    <t>2212633.0</t>
  </si>
  <si>
    <t>579830.0</t>
  </si>
  <si>
    <t>598312720.0</t>
  </si>
  <si>
    <t>313759930.0</t>
  </si>
  <si>
    <t>257047423.0</t>
  </si>
  <si>
    <t>31448903.0</t>
  </si>
  <si>
    <t>3235795.0</t>
  </si>
  <si>
    <t>2303976.0</t>
  </si>
  <si>
    <t>593865.0</t>
  </si>
  <si>
    <t>600512100.0</t>
  </si>
  <si>
    <t>314099643.0</t>
  </si>
  <si>
    <t>258116826.0</t>
  </si>
  <si>
    <t>32244844.0</t>
  </si>
  <si>
    <t>2615237.0</t>
  </si>
  <si>
    <t>2350483.0</t>
  </si>
  <si>
    <t>593725.0</t>
  </si>
  <si>
    <t>603634412.0</t>
  </si>
  <si>
    <t>314505559.0</t>
  </si>
  <si>
    <t>259797349.0</t>
  </si>
  <si>
    <t>33088133.0</t>
  </si>
  <si>
    <t>3044403.0</t>
  </si>
  <si>
    <t>2392498.0</t>
  </si>
  <si>
    <t>604996267.0</t>
  </si>
  <si>
    <t>314719220.0</t>
  </si>
  <si>
    <t>260416393.0</t>
  </si>
  <si>
    <t>33619692.0</t>
  </si>
  <si>
    <t>1813259.0</t>
  </si>
  <si>
    <t>2418318.0</t>
  </si>
  <si>
    <t>586208.0</t>
  </si>
  <si>
    <t>605990345.0</t>
  </si>
  <si>
    <t>314855903.0</t>
  </si>
  <si>
    <t>260863066.0</t>
  </si>
  <si>
    <t>33780256.0</t>
  </si>
  <si>
    <t>990056.0</t>
  </si>
  <si>
    <t>2387795.0</t>
  </si>
  <si>
    <t>579919.0</t>
  </si>
  <si>
    <t>608032401.0</t>
  </si>
  <si>
    <t>315049089.0</t>
  </si>
  <si>
    <t>261788024.0</t>
  </si>
  <si>
    <t>34550815.0</t>
  </si>
  <si>
    <t>2262544.0</t>
  </si>
  <si>
    <t>2468252.0</t>
  </si>
  <si>
    <t>576597.0</t>
  </si>
  <si>
    <t>610340757.0</t>
  </si>
  <si>
    <t>315332329.0</t>
  </si>
  <si>
    <t>262829734.0</t>
  </si>
  <si>
    <t>35401737.0</t>
  </si>
  <si>
    <t>2531338.0</t>
  </si>
  <si>
    <t>2356090.0</t>
  </si>
  <si>
    <t>556434.0</t>
  </si>
  <si>
    <t>611598436.0</t>
  </si>
  <si>
    <t>315526206.0</t>
  </si>
  <si>
    <t>263384620.0</t>
  </si>
  <si>
    <t>35911809.0</t>
  </si>
  <si>
    <t>1694938.0</t>
  </si>
  <si>
    <t>2135967.0</t>
  </si>
  <si>
    <t>140.01</t>
  </si>
  <si>
    <t>614234040.0</t>
  </si>
  <si>
    <t>315841181.0</t>
  </si>
  <si>
    <t>264626381.0</t>
  </si>
  <si>
    <t>36783599.0</t>
  </si>
  <si>
    <t>2647349.0</t>
  </si>
  <si>
    <t>2140558.0</t>
  </si>
  <si>
    <t>515273.0</t>
  </si>
  <si>
    <t>616625671.0</t>
  </si>
  <si>
    <t>316109382.0</t>
  </si>
  <si>
    <t>265671749.0</t>
  </si>
  <si>
    <t>37599269.0</t>
  </si>
  <si>
    <t>2507883.0</t>
  </si>
  <si>
    <t>2063911.0</t>
  </si>
  <si>
    <t>499276.0</t>
  </si>
  <si>
    <t>617777709.0</t>
  </si>
  <si>
    <t>316301126.0</t>
  </si>
  <si>
    <t>266159519.0</t>
  </si>
  <si>
    <t>37938096.0</t>
  </si>
  <si>
    <t>1384665.0</t>
  </si>
  <si>
    <t>2002681.0</t>
  </si>
  <si>
    <t>496891.0</t>
  </si>
  <si>
    <t>618522689.0</t>
  </si>
  <si>
    <t>316429918.0</t>
  </si>
  <si>
    <t>266480276.0</t>
  </si>
  <si>
    <t>38146749.0</t>
  </si>
  <si>
    <t>977931.0</t>
  </si>
  <si>
    <t>2000950.0</t>
  </si>
  <si>
    <t>496553.0</t>
  </si>
  <si>
    <t>620424783.0</t>
  </si>
  <si>
    <t>316676439.0</t>
  </si>
  <si>
    <t>267359715.0</t>
  </si>
  <si>
    <t>38932527.0</t>
  </si>
  <si>
    <t>2134396.0</t>
  </si>
  <si>
    <t>1982642.0</t>
  </si>
  <si>
    <t>505114.0</t>
  </si>
  <si>
    <t>622608998.0</t>
  </si>
  <si>
    <t>316948790.0</t>
  </si>
  <si>
    <t>268280921.0</t>
  </si>
  <si>
    <t>39749449.0</t>
  </si>
  <si>
    <t>2406594.0</t>
  </si>
  <si>
    <t>1964822.0</t>
  </si>
  <si>
    <t>501371.0</t>
  </si>
  <si>
    <t>625304804.0</t>
  </si>
  <si>
    <t>317394372.0</t>
  </si>
  <si>
    <t>269594838.0</t>
  </si>
  <si>
    <t>40546402.0</t>
  </si>
  <si>
    <t>2929347.0</t>
  </si>
  <si>
    <t>2141166.0</t>
  </si>
  <si>
    <t>537605.0</t>
  </si>
  <si>
    <t>627150449.0</t>
  </si>
  <si>
    <t>317744907.0</t>
  </si>
  <si>
    <t>270200304.0</t>
  </si>
  <si>
    <t>41439529.0</t>
  </si>
  <si>
    <t>2375167.0</t>
  </si>
  <si>
    <t>2102283.0</t>
  </si>
  <si>
    <t>542907.0</t>
  </si>
  <si>
    <t>633243134.0</t>
  </si>
  <si>
    <t>320054549.0</t>
  </si>
  <si>
    <t>272924808.0</t>
  </si>
  <si>
    <t>42240727.0</t>
  </si>
  <si>
    <t>2128580.0</t>
  </si>
  <si>
    <t>2048097.0</t>
  </si>
  <si>
    <t>634135318.0</t>
  </si>
  <si>
    <t>327845459.0</t>
  </si>
  <si>
    <t>273307372.0</t>
  </si>
  <si>
    <t>45217310.0</t>
  </si>
  <si>
    <t>1037844.0</t>
  </si>
  <si>
    <t>1998551.0</t>
  </si>
  <si>
    <t>532386.0</t>
  </si>
  <si>
    <t>634614212.0</t>
  </si>
  <si>
    <t>327958271.0</t>
  </si>
  <si>
    <t>273522506.0</t>
  </si>
  <si>
    <t>45376251.0</t>
  </si>
  <si>
    <t>631531.0</t>
  </si>
  <si>
    <t>1949066.0</t>
  </si>
  <si>
    <t>499036.0</t>
  </si>
  <si>
    <t>636254466.0</t>
  </si>
  <si>
    <t>328174038.0</t>
  </si>
  <si>
    <t>274012169.0</t>
  </si>
  <si>
    <t>46314896.0</t>
  </si>
  <si>
    <t>2063489.0</t>
  </si>
  <si>
    <t>473124.0</t>
  </si>
  <si>
    <t>637999942.0</t>
  </si>
  <si>
    <t>328422358.0</t>
  </si>
  <si>
    <t>274520010.0</t>
  </si>
  <si>
    <t>47310710.0</t>
  </si>
  <si>
    <t>2169939.0</t>
  </si>
  <si>
    <t>1905128.0</t>
  </si>
  <si>
    <t>451210.0</t>
  </si>
  <si>
    <t>640951521.0</t>
  </si>
  <si>
    <t>329054425.0</t>
  </si>
  <si>
    <t>275709281.0</t>
  </si>
  <si>
    <t>48502008.0</t>
  </si>
  <si>
    <t>2559757.0</t>
  </si>
  <si>
    <t>1852329.0</t>
  </si>
  <si>
    <t>428105.0</t>
  </si>
  <si>
    <t>642695454.0</t>
  </si>
  <si>
    <t>329236634.0</t>
  </si>
  <si>
    <t>275961735.0</t>
  </si>
  <si>
    <t>49379553.0</t>
  </si>
  <si>
    <t>1871481.0</t>
  </si>
  <si>
    <t>1780373.0</t>
  </si>
  <si>
    <t>376117.0</t>
  </si>
  <si>
    <t>643099318.0</t>
  </si>
  <si>
    <t>329329341.0</t>
  </si>
  <si>
    <t>276133364.0</t>
  </si>
  <si>
    <t>49533790.0</t>
  </si>
  <si>
    <t>571159.0</t>
  </si>
  <si>
    <t>1557886.0</t>
  </si>
  <si>
    <t>643149936.0</t>
  </si>
  <si>
    <t>329336221.0</t>
  </si>
  <si>
    <t>276147191.0</t>
  </si>
  <si>
    <t>49564046.0</t>
  </si>
  <si>
    <t>367916.0</t>
  </si>
  <si>
    <t>1462181.0</t>
  </si>
  <si>
    <t>276629.0</t>
  </si>
  <si>
    <t>643450638.0</t>
  </si>
  <si>
    <t>329379266.0</t>
  </si>
  <si>
    <t>276234409.0</t>
  </si>
  <si>
    <t>49738228.0</t>
  </si>
  <si>
    <t>570809.0</t>
  </si>
  <si>
    <t>1453506.0</t>
  </si>
  <si>
    <t>267874.0</t>
  </si>
  <si>
    <t>645289918.0</t>
  </si>
  <si>
    <t>329660937.0</t>
  </si>
  <si>
    <t>277026960.0</t>
  </si>
  <si>
    <t>50959382.0</t>
  </si>
  <si>
    <t>1595058.0</t>
  </si>
  <si>
    <t>1386589.0</t>
  </si>
  <si>
    <t>261572.0</t>
  </si>
  <si>
    <t>647401261.0</t>
  </si>
  <si>
    <t>329970819.0</t>
  </si>
  <si>
    <t>277527589.0</t>
  </si>
  <si>
    <t>52267201.0</t>
  </si>
  <si>
    <t>2499320.0</t>
  </si>
  <si>
    <t>1433641.0</t>
  </si>
  <si>
    <t>268084.0</t>
  </si>
  <si>
    <t>650081752.0</t>
  </si>
  <si>
    <t>330348828.0</t>
  </si>
  <si>
    <t>278373849.0</t>
  </si>
  <si>
    <t>53755276.0</t>
  </si>
  <si>
    <t>2409935.0</t>
  </si>
  <si>
    <t>1412240.0</t>
  </si>
  <si>
    <t>241532.0</t>
  </si>
  <si>
    <t>651717121.0</t>
  </si>
  <si>
    <t>330607288.0</t>
  </si>
  <si>
    <t>278800534.0</t>
  </si>
  <si>
    <t>54721392.0</t>
  </si>
  <si>
    <t>1789796.0</t>
  </si>
  <si>
    <t>1400569.0</t>
  </si>
  <si>
    <t>249816.0</t>
  </si>
  <si>
    <t>652083007.0</t>
  </si>
  <si>
    <t>330670472.0</t>
  </si>
  <si>
    <t>278913192.0</t>
  </si>
  <si>
    <t>54914470.0</t>
  </si>
  <si>
    <t>521384.0</t>
  </si>
  <si>
    <t>1393460.0</t>
  </si>
  <si>
    <t>247875.0</t>
  </si>
  <si>
    <t>652177422.0</t>
  </si>
  <si>
    <t>330709144.0</t>
  </si>
  <si>
    <t>278935313.0</t>
  </si>
  <si>
    <t>54948183.0</t>
  </si>
  <si>
    <t>271434.0</t>
  </si>
  <si>
    <t>1379677.0</t>
  </si>
  <si>
    <t>250123.0</t>
  </si>
  <si>
    <t>652508422.0</t>
  </si>
  <si>
    <t>330761317.0</t>
  </si>
  <si>
    <t>279034373.0</t>
  </si>
  <si>
    <t>55132162.0</t>
  </si>
  <si>
    <t>463700.0</t>
  </si>
  <si>
    <t>1364376.0</t>
  </si>
  <si>
    <t>249535.0</t>
  </si>
  <si>
    <t>654668647.0</t>
  </si>
  <si>
    <t>331165905.0</t>
  </si>
  <si>
    <t>279680771.0</t>
  </si>
  <si>
    <t>56331296.0</t>
  </si>
  <si>
    <t>2316481.0</t>
  </si>
  <si>
    <t>1467436.0</t>
  </si>
  <si>
    <t>273304.0</t>
  </si>
  <si>
    <t>657040869.0</t>
  </si>
  <si>
    <t>331592642.0</t>
  </si>
  <si>
    <t>280126902.0</t>
  </si>
  <si>
    <t>57795211.0</t>
  </si>
  <si>
    <t>2529181.0</t>
  </si>
  <si>
    <t>1471703.0</t>
  </si>
  <si>
    <t>659331929.0</t>
  </si>
  <si>
    <t>331969042.0</t>
  </si>
  <si>
    <t>280660666.0</t>
  </si>
  <si>
    <t>59201939.0</t>
  </si>
  <si>
    <t>2447305.0</t>
  </si>
  <si>
    <t>1477040.0</t>
  </si>
  <si>
    <t>291981.0</t>
  </si>
  <si>
    <t>660943892.0</t>
  </si>
  <si>
    <t>332317557.0</t>
  </si>
  <si>
    <t>281115471.0</t>
  </si>
  <si>
    <t>60035115.0</t>
  </si>
  <si>
    <t>2297327.0</t>
  </si>
  <si>
    <t>1549545.0</t>
  </si>
  <si>
    <t>310021.0</t>
  </si>
  <si>
    <t>662442384.0</t>
  </si>
  <si>
    <t>332549694.0</t>
  </si>
  <si>
    <t>281452402.0</t>
  </si>
  <si>
    <t>60973537.0</t>
  </si>
  <si>
    <t>2195412.0</t>
  </si>
  <si>
    <t>1788692.0</t>
  </si>
  <si>
    <t>151.65</t>
  </si>
  <si>
    <t>346575.0</t>
  </si>
  <si>
    <t>663731955.0</t>
  </si>
  <si>
    <t>332818056.0</t>
  </si>
  <si>
    <t>281864233.0</t>
  </si>
  <si>
    <t>61614441.0</t>
  </si>
  <si>
    <t>1708059.0</t>
  </si>
  <si>
    <t>1993925.0</t>
  </si>
  <si>
    <t>373980.0</t>
  </si>
  <si>
    <t>666393712.0</t>
  </si>
  <si>
    <t>333045256.0</t>
  </si>
  <si>
    <t>282512513.0</t>
  </si>
  <si>
    <t>63414594.0</t>
  </si>
  <si>
    <t>1231675.0</t>
  </si>
  <si>
    <t>2103634.0</t>
  </si>
  <si>
    <t>384539.0</t>
  </si>
  <si>
    <t>668795553.0</t>
  </si>
  <si>
    <t>333389284.0</t>
  </si>
  <si>
    <t>283170768.0</t>
  </si>
  <si>
    <t>64829463.0</t>
  </si>
  <si>
    <t>2558044.0</t>
  </si>
  <si>
    <t>2138144.0</t>
  </si>
  <si>
    <t>376050.0</t>
  </si>
  <si>
    <t>671065474.0</t>
  </si>
  <si>
    <t>333721680.0</t>
  </si>
  <si>
    <t>283704525.0</t>
  </si>
  <si>
    <t>66263226.0</t>
  </si>
  <si>
    <t>2426124.0</t>
  </si>
  <si>
    <t>2123421.0</t>
  </si>
  <si>
    <t>362699.0</t>
  </si>
  <si>
    <t>673248495.0</t>
  </si>
  <si>
    <t>334005447.0</t>
  </si>
  <si>
    <t>284230253.0</t>
  </si>
  <si>
    <t>67663353.0</t>
  </si>
  <si>
    <t>2337990.0</t>
  </si>
  <si>
    <t>2107805.0</t>
  </si>
  <si>
    <t>349555.0</t>
  </si>
  <si>
    <t>675524726.0</t>
  </si>
  <si>
    <t>334343010.0</t>
  </si>
  <si>
    <t>284840281.0</t>
  </si>
  <si>
    <t>69016943.0</t>
  </si>
  <si>
    <t>2432126.0</t>
  </si>
  <si>
    <t>2127060.0</t>
  </si>
  <si>
    <t>343018.0</t>
  </si>
  <si>
    <t>677770899.0</t>
  </si>
  <si>
    <t>334641650.0</t>
  </si>
  <si>
    <t>285340040.0</t>
  </si>
  <si>
    <t>70490202.0</t>
  </si>
  <si>
    <t>2182528.0</t>
  </si>
  <si>
    <t>2125223.0</t>
  </si>
  <si>
    <t>336416.0</t>
  </si>
  <si>
    <t>678823975.0</t>
  </si>
  <si>
    <t>334800578.0</t>
  </si>
  <si>
    <t>285610959.0</t>
  </si>
  <si>
    <t>71129932.0</t>
  </si>
  <si>
    <t>1199833.0</t>
  </si>
  <si>
    <t>2052617.0</t>
  </si>
  <si>
    <t>325634.0</t>
  </si>
  <si>
    <t>682212916.0</t>
  </si>
  <si>
    <t>335020709.0</t>
  </si>
  <si>
    <t>286498364.0</t>
  </si>
  <si>
    <t>73417848.0</t>
  </si>
  <si>
    <t>3755790.0</t>
  </si>
  <si>
    <t>2413204.0</t>
  </si>
  <si>
    <t>687632842.0</t>
  </si>
  <si>
    <t>335680115.0</t>
  </si>
  <si>
    <t>287838977.0</t>
  </si>
  <si>
    <t>76876305.0</t>
  </si>
  <si>
    <t>5346591.0</t>
  </si>
  <si>
    <t>2811569.0</t>
  </si>
  <si>
    <t>384778.0</t>
  </si>
  <si>
    <t>689625835.0</t>
  </si>
  <si>
    <t>335879334.0</t>
  </si>
  <si>
    <t>288459205.0</t>
  </si>
  <si>
    <t>78117908.0</t>
  </si>
  <si>
    <t>2138758.0</t>
  </si>
  <si>
    <t>2770518.0</t>
  </si>
  <si>
    <t>157.88</t>
  </si>
  <si>
    <t>368211.0</t>
  </si>
  <si>
    <t>692085653.0</t>
  </si>
  <si>
    <t>336213073.0</t>
  </si>
  <si>
    <t>288973751.0</t>
  </si>
  <si>
    <t>79716172.0</t>
  </si>
  <si>
    <t>2606583.0</t>
  </si>
  <si>
    <t>2808886.0</t>
  </si>
  <si>
    <t>372707.0</t>
  </si>
  <si>
    <t>694040410.0</t>
  </si>
  <si>
    <t>336537376.0</t>
  </si>
  <si>
    <t>289437685.0</t>
  </si>
  <si>
    <t>80903625.0</t>
  </si>
  <si>
    <t>2407812.0</t>
  </si>
  <si>
    <t>2805416.0</t>
  </si>
  <si>
    <t>158.89</t>
  </si>
  <si>
    <t>383897.0</t>
  </si>
  <si>
    <t>696447092.0</t>
  </si>
  <si>
    <t>336973457.0</t>
  </si>
  <si>
    <t>290088451.0</t>
  </si>
  <si>
    <t>82274194.0</t>
  </si>
  <si>
    <t>2105067.0</t>
  </si>
  <si>
    <t>2794347.0</t>
  </si>
  <si>
    <t>391307.0</t>
  </si>
  <si>
    <t>698102034.0</t>
  </si>
  <si>
    <t>337154318.0</t>
  </si>
  <si>
    <t>290465041.0</t>
  </si>
  <si>
    <t>83373068.0</t>
  </si>
  <si>
    <t>1951223.0</t>
  </si>
  <si>
    <t>2901691.0</t>
  </si>
  <si>
    <t>159.82</t>
  </si>
  <si>
    <t>401545.0</t>
  </si>
  <si>
    <t>698892263.0</t>
  </si>
  <si>
    <t>337355969.0</t>
  </si>
  <si>
    <t>290692580.0</t>
  </si>
  <si>
    <t>83759669.0</t>
  </si>
  <si>
    <t>770420.0</t>
  </si>
  <si>
    <t>701855146.0</t>
  </si>
  <si>
    <t>337843060.0</t>
  </si>
  <si>
    <t>291327494.0</t>
  </si>
  <si>
    <t>85630310.0</t>
  </si>
  <si>
    <t>3099884.0</t>
  </si>
  <si>
    <t>2154250.0</t>
  </si>
  <si>
    <t>366909.0</t>
  </si>
  <si>
    <t>703989310.0</t>
  </si>
  <si>
    <t>338291303.0</t>
  </si>
  <si>
    <t>291842063.0</t>
  </si>
  <si>
    <t>86831714.0</t>
  </si>
  <si>
    <t>2272257.0</t>
  </si>
  <si>
    <t>2173318.0</t>
  </si>
  <si>
    <t>399854.0</t>
  </si>
  <si>
    <t>705897680.0</t>
  </si>
  <si>
    <t>338828287.0</t>
  </si>
  <si>
    <t>292109428.0</t>
  </si>
  <si>
    <t>87945560.0</t>
  </si>
  <si>
    <t>2293828.0</t>
  </si>
  <si>
    <t>2128641.0</t>
  </si>
  <si>
    <t>442496.0</t>
  </si>
  <si>
    <t>708817023.0</t>
  </si>
  <si>
    <t>339497997.0</t>
  </si>
  <si>
    <t>292769834.0</t>
  </si>
  <si>
    <t>89598210.0</t>
  </si>
  <si>
    <t>2809882.0</t>
  </si>
  <si>
    <t>2186082.0</t>
  </si>
  <si>
    <t>467524.0</t>
  </si>
  <si>
    <t>716911404.0</t>
  </si>
  <si>
    <t>342556999.0</t>
  </si>
  <si>
    <t>295280644.0</t>
  </si>
  <si>
    <t>91564827.0</t>
  </si>
  <si>
    <t>2847069.0</t>
  </si>
  <si>
    <t>2292080.0</t>
  </si>
  <si>
    <t>506764.0</t>
  </si>
  <si>
    <t>718361133.0</t>
  </si>
  <si>
    <t>343030713.0</t>
  </si>
  <si>
    <t>295537898.0</t>
  </si>
  <si>
    <t>92307612.0</t>
  </si>
  <si>
    <t>1708111.0</t>
  </si>
  <si>
    <t>2257350.0</t>
  </si>
  <si>
    <t>553177.0</t>
  </si>
  <si>
    <t>718943373.0</t>
  </si>
  <si>
    <t>343220035.0</t>
  </si>
  <si>
    <t>295636544.0</t>
  </si>
  <si>
    <t>92609910.0</t>
  </si>
  <si>
    <t>840622.0</t>
  </si>
  <si>
    <t>2267379.0</t>
  </si>
  <si>
    <t>721199396.0</t>
  </si>
  <si>
    <t>343948581.0</t>
  </si>
  <si>
    <t>296033587.0</t>
  </si>
  <si>
    <t>93767894.0</t>
  </si>
  <si>
    <t>2511297.0</t>
  </si>
  <si>
    <t>2183296.0</t>
  </si>
  <si>
    <t>616547.0</t>
  </si>
  <si>
    <t>723519589.0</t>
  </si>
  <si>
    <t>344463811.0</t>
  </si>
  <si>
    <t>296379796.0</t>
  </si>
  <si>
    <t>95291846.0</t>
  </si>
  <si>
    <t>2579128.0</t>
  </si>
  <si>
    <t>2227134.0</t>
  </si>
  <si>
    <t>637888.0</t>
  </si>
  <si>
    <t>725995678.0</t>
  </si>
  <si>
    <t>345034987.0</t>
  </si>
  <si>
    <t>296925809.0</t>
  </si>
  <si>
    <t>96691951.0</t>
  </si>
  <si>
    <t>2731068.0</t>
  </si>
  <si>
    <t>2289598.0</t>
  </si>
  <si>
    <t>643337.0</t>
  </si>
  <si>
    <t>728065454.0</t>
  </si>
  <si>
    <t>345510368.0</t>
  </si>
  <si>
    <t>297292833.0</t>
  </si>
  <si>
    <t>97924774.0</t>
  </si>
  <si>
    <t>2484660.0</t>
  </si>
  <si>
    <t>2243138.0</t>
  </si>
  <si>
    <t>642442.0</t>
  </si>
  <si>
    <t>732237294.0</t>
  </si>
  <si>
    <t>347307980.0</t>
  </si>
  <si>
    <t>298236173.0</t>
  </si>
  <si>
    <t>99361401.0</t>
  </si>
  <si>
    <t>2474512.0</t>
  </si>
  <si>
    <t>2189914.0</t>
  </si>
  <si>
    <t>678840.0</t>
  </si>
  <si>
    <t>733681954.0</t>
  </si>
  <si>
    <t>347797958.0</t>
  </si>
  <si>
    <t>298461695.0</t>
  </si>
  <si>
    <t>100103314.0</t>
  </si>
  <si>
    <t>1601237.0</t>
  </si>
  <si>
    <t>2174647.0</t>
  </si>
  <si>
    <t>671030.0</t>
  </si>
  <si>
    <t>735104024.0</t>
  </si>
  <si>
    <t>348024604.0</t>
  </si>
  <si>
    <t>298694272.0</t>
  </si>
  <si>
    <t>101088442.0</t>
  </si>
  <si>
    <t>1578647.0</t>
  </si>
  <si>
    <t>666229.0</t>
  </si>
  <si>
    <t>737216172.0</t>
  </si>
  <si>
    <t>348692632.0</t>
  </si>
  <si>
    <t>299045852.0</t>
  </si>
  <si>
    <t>102200508.0</t>
  </si>
  <si>
    <t>2268725.0</t>
  </si>
  <si>
    <t>2245424.0</t>
  </si>
  <si>
    <t>647553.0</t>
  </si>
  <si>
    <t>739335689.0</t>
  </si>
  <si>
    <t>349114561.0</t>
  </si>
  <si>
    <t>299439263.0</t>
  </si>
  <si>
    <t>103522035.0</t>
  </si>
  <si>
    <t>2276094.0</t>
  </si>
  <si>
    <t>2202135.0</t>
  </si>
  <si>
    <t>624076.0</t>
  </si>
  <si>
    <t>741827810.0</t>
  </si>
  <si>
    <t>349413782.0</t>
  </si>
  <si>
    <t>299991776.0</t>
  </si>
  <si>
    <t>105164538.0</t>
  </si>
  <si>
    <t>2637933.0</t>
  </si>
  <si>
    <t>2188829.0</t>
  </si>
  <si>
    <t>574841.0</t>
  </si>
  <si>
    <t>744446091.0</t>
  </si>
  <si>
    <t>349997339.0</t>
  </si>
  <si>
    <t>300572465.0</t>
  </si>
  <si>
    <t>106638586.0</t>
  </si>
  <si>
    <t>2774088.0</t>
  </si>
  <si>
    <t>2230176.0</t>
  </si>
  <si>
    <t>170.43</t>
  </si>
  <si>
    <t>576099.0</t>
  </si>
  <si>
    <t>748247528.0</t>
  </si>
  <si>
    <t>351183542.0</t>
  </si>
  <si>
    <t>301186887.0</t>
  </si>
  <si>
    <t>108330050.0</t>
  </si>
  <si>
    <t>2871439.0</t>
  </si>
  <si>
    <t>2286879.0</t>
  </si>
  <si>
    <t>553593.0</t>
  </si>
  <si>
    <t>749657502.0</t>
  </si>
  <si>
    <t>351524085.0</t>
  </si>
  <si>
    <t>301417039.0</t>
  </si>
  <si>
    <t>109181267.0</t>
  </si>
  <si>
    <t>2262025.0</t>
  </si>
  <si>
    <t>522821.0</t>
  </si>
  <si>
    <t>750363562.0</t>
  </si>
  <si>
    <t>351684540.0</t>
  </si>
  <si>
    <t>301619698.0</t>
  </si>
  <si>
    <t>109529347.0</t>
  </si>
  <si>
    <t>724778.0</t>
  </si>
  <si>
    <t>2140045.0</t>
  </si>
  <si>
    <t>752166424.0</t>
  </si>
  <si>
    <t>352032487.0</t>
  </si>
  <si>
    <t>301967647.0</t>
  </si>
  <si>
    <t>110636462.0</t>
  </si>
  <si>
    <t>2076184.0</t>
  </si>
  <si>
    <t>172.19</t>
  </si>
  <si>
    <t>448934.0</t>
  </si>
  <si>
    <t>753933000.0</t>
  </si>
  <si>
    <t>352423287.0</t>
  </si>
  <si>
    <t>302265202.0</t>
  </si>
  <si>
    <t>111741999.0</t>
  </si>
  <si>
    <t>1785417.0</t>
  </si>
  <si>
    <t>2006087.0</t>
  </si>
  <si>
    <t>435139.0</t>
  </si>
  <si>
    <t>755934639.0</t>
  </si>
  <si>
    <t>352853327.0</t>
  </si>
  <si>
    <t>302650006.0</t>
  </si>
  <si>
    <t>112946151.0</t>
  </si>
  <si>
    <t>2014598.0</t>
  </si>
  <si>
    <t>1917039.0</t>
  </si>
  <si>
    <t>173.06</t>
  </si>
  <si>
    <t>444665.0</t>
  </si>
  <si>
    <t>758117447.0</t>
  </si>
  <si>
    <t>353258262.0</t>
  </si>
  <si>
    <t>303046732.0</t>
  </si>
  <si>
    <t>114347441.0</t>
  </si>
  <si>
    <t>2201828.0</t>
  </si>
  <si>
    <t>1835289.0</t>
  </si>
  <si>
    <t>409839.0</t>
  </si>
  <si>
    <t>760838365.0</t>
  </si>
  <si>
    <t>354129567.0</t>
  </si>
  <si>
    <t>303553475.0</t>
  </si>
  <si>
    <t>115694966.0</t>
  </si>
  <si>
    <t>2731931.0</t>
  </si>
  <si>
    <t>1815358.0</t>
  </si>
  <si>
    <t>423903.0</t>
  </si>
  <si>
    <t>762408421.0</t>
  </si>
  <si>
    <t>354450204.0</t>
  </si>
  <si>
    <t>303941781.0</t>
  </si>
  <si>
    <t>116571351.0</t>
  </si>
  <si>
    <t>1466013.0</t>
  </si>
  <si>
    <t>1820896.0</t>
  </si>
  <si>
    <t>417668.0</t>
  </si>
  <si>
    <t>763289927.0</t>
  </si>
  <si>
    <t>354611899.0</t>
  </si>
  <si>
    <t>304147894.0</t>
  </si>
  <si>
    <t>117098938.0</t>
  </si>
  <si>
    <t>894709.0</t>
  </si>
  <si>
    <t>1845171.0</t>
  </si>
  <si>
    <t>417449.0</t>
  </si>
  <si>
    <t>765083205.0</t>
  </si>
  <si>
    <t>354929574.0</t>
  </si>
  <si>
    <t>304529694.0</t>
  </si>
  <si>
    <t>118209361.0</t>
  </si>
  <si>
    <t>1807400.0</t>
  </si>
  <si>
    <t>1843129.0</t>
  </si>
  <si>
    <t>175.15</t>
  </si>
  <si>
    <t>412770.0</t>
  </si>
  <si>
    <t>766923020.0</t>
  </si>
  <si>
    <t>355286365.0</t>
  </si>
  <si>
    <t>304900400.0</t>
  </si>
  <si>
    <t>119337828.0</t>
  </si>
  <si>
    <t>1853937.0</t>
  </si>
  <si>
    <t>1852915.0</t>
  </si>
  <si>
    <t>175.57</t>
  </si>
  <si>
    <t>407559.0</t>
  </si>
  <si>
    <t>768863679.0</t>
  </si>
  <si>
    <t>355714759.0</t>
  </si>
  <si>
    <t>305425714.0</t>
  </si>
  <si>
    <t>120340265.0</t>
  </si>
  <si>
    <t>1844026.0</t>
  </si>
  <si>
    <t>407027.0</t>
  </si>
  <si>
    <t>770937719.0</t>
  </si>
  <si>
    <t>356062542.0</t>
  </si>
  <si>
    <t>305853373.0</t>
  </si>
  <si>
    <t>121637130.0</t>
  </si>
  <si>
    <t>2191380.0</t>
  </si>
  <si>
    <t>1842534.0</t>
  </si>
  <si>
    <t>400972.0</t>
  </si>
  <si>
    <t>773169049.0</t>
  </si>
  <si>
    <t>356453930.0</t>
  </si>
  <si>
    <t>306301893.0</t>
  </si>
  <si>
    <t>123024139.0</t>
  </si>
  <si>
    <t>2252694.0</t>
  </si>
  <si>
    <t>1774071.0</t>
  </si>
  <si>
    <t>333939.0</t>
  </si>
  <si>
    <t>774026243.0</t>
  </si>
  <si>
    <t>356602159.0</t>
  </si>
  <si>
    <t>306505385.0</t>
  </si>
  <si>
    <t>123530833.0</t>
  </si>
  <si>
    <t>970727.0</t>
  </si>
  <si>
    <t>1703316.0</t>
  </si>
  <si>
    <t>774406123.0</t>
  </si>
  <si>
    <t>356670530.0</t>
  </si>
  <si>
    <t>306620997.0</t>
  </si>
  <si>
    <t>123728524.0</t>
  </si>
  <si>
    <t>1645951.0</t>
  </si>
  <si>
    <t>303457.0</t>
  </si>
  <si>
    <t>775628836.0</t>
  </si>
  <si>
    <t>356895853.0</t>
  </si>
  <si>
    <t>307060196.0</t>
  </si>
  <si>
    <t>124288367.0</t>
  </si>
  <si>
    <t>1337192.0</t>
  </si>
  <si>
    <t>1578778.0</t>
  </si>
  <si>
    <t>177.56</t>
  </si>
  <si>
    <t>292471.0</t>
  </si>
  <si>
    <t>776168457.0</t>
  </si>
  <si>
    <t>357047288.0</t>
  </si>
  <si>
    <t>307182175.0</t>
  </si>
  <si>
    <t>124556011.0</t>
  </si>
  <si>
    <t>651013.0</t>
  </si>
  <si>
    <t>1406931.0</t>
  </si>
  <si>
    <t>265229.0</t>
  </si>
  <si>
    <t>776750302.0</t>
  </si>
  <si>
    <t>357131606.0</t>
  </si>
  <si>
    <t>307315659.0</t>
  </si>
  <si>
    <t>124887713.0</t>
  </si>
  <si>
    <t>1235532.0</t>
  </si>
  <si>
    <t>1304529.0</t>
  </si>
  <si>
    <t>227902.0</t>
  </si>
  <si>
    <t>778436915.0</t>
  </si>
  <si>
    <t>357349655.0</t>
  </si>
  <si>
    <t>307752159.0</t>
  </si>
  <si>
    <t>125923401.0</t>
  </si>
  <si>
    <t>1226780.0</t>
  </si>
  <si>
    <t>1166728.0</t>
  </si>
  <si>
    <t>199872.0</t>
  </si>
  <si>
    <t>780694012.0</t>
  </si>
  <si>
    <t>357741411.0</t>
  </si>
  <si>
    <t>308486538.0</t>
  </si>
  <si>
    <t>127160835.0</t>
  </si>
  <si>
    <t>1405144.0</t>
  </si>
  <si>
    <t>1045649.0</t>
  </si>
  <si>
    <t>178.72</t>
  </si>
  <si>
    <t>178957.0</t>
  </si>
  <si>
    <t>781671471.0</t>
  </si>
  <si>
    <t>357889641.0</t>
  </si>
  <si>
    <t>308728437.0</t>
  </si>
  <si>
    <t>127749487.0</t>
  </si>
  <si>
    <t>1069429.0</t>
  </si>
  <si>
    <t>179642.0</t>
  </si>
  <si>
    <t>782074840.0</t>
  </si>
  <si>
    <t>357964364.0</t>
  </si>
  <si>
    <t>308810313.0</t>
  </si>
  <si>
    <t>127997489.0</t>
  </si>
  <si>
    <t>562376.0</t>
  </si>
  <si>
    <t>1079316.0</t>
  </si>
  <si>
    <t>783506638.0</t>
  </si>
  <si>
    <t>358149657.0</t>
  </si>
  <si>
    <t>309112940.0</t>
  </si>
  <si>
    <t>128944426.0</t>
  </si>
  <si>
    <t>1588043.0</t>
  </si>
  <si>
    <t>1115153.0</t>
  </si>
  <si>
    <t>176007.0</t>
  </si>
  <si>
    <t>784818274.0</t>
  </si>
  <si>
    <t>358322859.0</t>
  </si>
  <si>
    <t>309396422.0</t>
  </si>
  <si>
    <t>129801610.0</t>
  </si>
  <si>
    <t>1470568.0</t>
  </si>
  <si>
    <t>1232231.0</t>
  </si>
  <si>
    <t>179848.0</t>
  </si>
  <si>
    <t>787130257.0</t>
  </si>
  <si>
    <t>358664602.0</t>
  </si>
  <si>
    <t>309993735.0</t>
  </si>
  <si>
    <t>131232793.0</t>
  </si>
  <si>
    <t>1703373.0</t>
  </si>
  <si>
    <t>1299066.0</t>
  </si>
  <si>
    <t>191599.0</t>
  </si>
  <si>
    <t>789716166.0</t>
  </si>
  <si>
    <t>359364068.0</t>
  </si>
  <si>
    <t>311020785.0</t>
  </si>
  <si>
    <t>132091221.0</t>
  </si>
  <si>
    <t>2719921.0</t>
  </si>
  <si>
    <t>1512372.0</t>
  </si>
  <si>
    <t>180.79</t>
  </si>
  <si>
    <t>269778.0</t>
  </si>
  <si>
    <t>791313903.0</t>
  </si>
  <si>
    <t>359639803.0</t>
  </si>
  <si>
    <t>311427856.0</t>
  </si>
  <si>
    <t>133025188.0</t>
  </si>
  <si>
    <t>1438435.0</t>
  </si>
  <si>
    <t>1517126.0</t>
  </si>
  <si>
    <t>271195.0</t>
  </si>
  <si>
    <t>792702927.0</t>
  </si>
  <si>
    <t>359999827.0</t>
  </si>
  <si>
    <t>311713365.0</t>
  </si>
  <si>
    <t>133770451.0</t>
  </si>
  <si>
    <t>1514311.0</t>
  </si>
  <si>
    <t>1571003.0</t>
  </si>
  <si>
    <t>301112.0</t>
  </si>
  <si>
    <t>793101217.0</t>
  </si>
  <si>
    <t>360070109.0</t>
  </si>
  <si>
    <t>311803243.0</t>
  </si>
  <si>
    <t>134009481.0</t>
  </si>
  <si>
    <t>522866.0</t>
  </si>
  <si>
    <t>1565361.0</t>
  </si>
  <si>
    <t>300142.0</t>
  </si>
  <si>
    <t>794262711.0</t>
  </si>
  <si>
    <t>360228974.0</t>
  </si>
  <si>
    <t>312062117.0</t>
  </si>
  <si>
    <t>134756841.0</t>
  </si>
  <si>
    <t>1522308.0</t>
  </si>
  <si>
    <t>795280465.0</t>
  </si>
  <si>
    <t>360338294.0</t>
  </si>
  <si>
    <t>312312271.0</t>
  </si>
  <si>
    <t>135417675.0</t>
  </si>
  <si>
    <t>1142951.0</t>
  </si>
  <si>
    <t>1475505.0</t>
  </si>
  <si>
    <t>286724.0</t>
  </si>
  <si>
    <t>797366418.0</t>
  </si>
  <si>
    <t>360585853.0</t>
  </si>
  <si>
    <t>312873866.0</t>
  </si>
  <si>
    <t>136733723.0</t>
  </si>
  <si>
    <t>1585224.0</t>
  </si>
  <si>
    <t>1458627.0</t>
  </si>
  <si>
    <t>798523646.0</t>
  </si>
  <si>
    <t>360716385.0</t>
  </si>
  <si>
    <t>313151426.0</t>
  </si>
  <si>
    <t>137486466.0</t>
  </si>
  <si>
    <t>1309956.0</t>
  </si>
  <si>
    <t>1257203.0</t>
  </si>
  <si>
    <t>193182.0</t>
  </si>
  <si>
    <t>800316934.0</t>
  </si>
  <si>
    <t>360989622.0</t>
  </si>
  <si>
    <t>313594414.0</t>
  </si>
  <si>
    <t>138582676.0</t>
  </si>
  <si>
    <t>1640537.0</t>
  </si>
  <si>
    <t>1286074.0</t>
  </si>
  <si>
    <t>192803.0</t>
  </si>
  <si>
    <t>801173337.0</t>
  </si>
  <si>
    <t>361101996.0</t>
  </si>
  <si>
    <t>313814461.0</t>
  </si>
  <si>
    <t>139109111.0</t>
  </si>
  <si>
    <t>1019528.0</t>
  </si>
  <si>
    <t>1215391.0</t>
  </si>
  <si>
    <t>183.41</t>
  </si>
  <si>
    <t>801511999.0</t>
  </si>
  <si>
    <t>361143338.0</t>
  </si>
  <si>
    <t>313888041.0</t>
  </si>
  <si>
    <t>139333155.0</t>
  </si>
  <si>
    <t>501861.0</t>
  </si>
  <si>
    <t>1212390.0</t>
  </si>
  <si>
    <t>159047.0</t>
  </si>
  <si>
    <t>802814227.0</t>
  </si>
  <si>
    <t>361287830.0</t>
  </si>
  <si>
    <t>314196466.0</t>
  </si>
  <si>
    <t>140185441.0</t>
  </si>
  <si>
    <t>1465427.0</t>
  </si>
  <si>
    <t>1237927.0</t>
  </si>
  <si>
    <t>183.79</t>
  </si>
  <si>
    <t>159860.0</t>
  </si>
  <si>
    <t>803806163.0</t>
  </si>
  <si>
    <t>361376096.0</t>
  </si>
  <si>
    <t>314404015.0</t>
  </si>
  <si>
    <t>140882818.0</t>
  </si>
  <si>
    <t>1155135.0</t>
  </si>
  <si>
    <t>1239668.0</t>
  </si>
  <si>
    <t>159718.0</t>
  </si>
  <si>
    <t>805613283.0</t>
  </si>
  <si>
    <t>361682199.0</t>
  </si>
  <si>
    <t>314905254.0</t>
  </si>
  <si>
    <t>141915408.0</t>
  </si>
  <si>
    <t>1192505.0</t>
  </si>
  <si>
    <t>1183564.0</t>
  </si>
  <si>
    <t>157564.0</t>
  </si>
  <si>
    <t>806470126.0</t>
  </si>
  <si>
    <t>361770906.0</t>
  </si>
  <si>
    <t>315085581.0</t>
  </si>
  <si>
    <t>142504448.0</t>
  </si>
  <si>
    <t>967234.0</t>
  </si>
  <si>
    <t>1134604.0</t>
  </si>
  <si>
    <t>184.62</t>
  </si>
  <si>
    <t>150262.0</t>
  </si>
  <si>
    <t>807631758.0</t>
  </si>
  <si>
    <t>361891941.0</t>
  </si>
  <si>
    <t>315344472.0</t>
  </si>
  <si>
    <t>143528930.0</t>
  </si>
  <si>
    <t>1218495.0</t>
  </si>
  <si>
    <t>1074312.0</t>
  </si>
  <si>
    <t>808506283.0</t>
  </si>
  <si>
    <t>362000827.0</t>
  </si>
  <si>
    <t>315605781.0</t>
  </si>
  <si>
    <t>144049998.0</t>
  </si>
  <si>
    <t>676322.0</t>
  </si>
  <si>
    <t>1025282.0</t>
  </si>
  <si>
    <t>809199687.0</t>
  </si>
  <si>
    <t>362069547.0</t>
  </si>
  <si>
    <t>315752708.0</t>
  </si>
  <si>
    <t>144531516.0</t>
  </si>
  <si>
    <t>699524.0</t>
  </si>
  <si>
    <t>1053519.0</t>
  </si>
  <si>
    <t>185.25</t>
  </si>
  <si>
    <t>120734.0</t>
  </si>
  <si>
    <t>810296366.0</t>
  </si>
  <si>
    <t>362192778.0</t>
  </si>
  <si>
    <t>316008361.0</t>
  </si>
  <si>
    <t>145265459.0</t>
  </si>
  <si>
    <t>1103372.0</t>
  </si>
  <si>
    <t>1001798.0</t>
  </si>
  <si>
    <t>812143906.0</t>
  </si>
  <si>
    <t>362433052.0</t>
  </si>
  <si>
    <t>316364084.0</t>
  </si>
  <si>
    <t>146525093.0</t>
  </si>
  <si>
    <t>1854233.0</t>
  </si>
  <si>
    <t>1101671.0</t>
  </si>
  <si>
    <t>127833.0</t>
  </si>
  <si>
    <t>813682097.0</t>
  </si>
  <si>
    <t>362576456.0</t>
  </si>
  <si>
    <t>316715365.0</t>
  </si>
  <si>
    <t>147578475.0</t>
  </si>
  <si>
    <t>1543387.0</t>
  </si>
  <si>
    <t>1151796.0</t>
  </si>
  <si>
    <t>127545.0</t>
  </si>
  <si>
    <t>814803692.0</t>
  </si>
  <si>
    <t>362661764.0</t>
  </si>
  <si>
    <t>316955553.0</t>
  </si>
  <si>
    <t>148377448.0</t>
  </si>
  <si>
    <t>1187942.0</t>
  </si>
  <si>
    <t>186.53</t>
  </si>
  <si>
    <t>126891.0</t>
  </si>
  <si>
    <t>815229982.0</t>
  </si>
  <si>
    <t>362698468.0</t>
  </si>
  <si>
    <t>317031661.0</t>
  </si>
  <si>
    <t>148691203.0</t>
  </si>
  <si>
    <t>976398.0</t>
  </si>
  <si>
    <t>1153358.0</t>
  </si>
  <si>
    <t>186.63</t>
  </si>
  <si>
    <t>127661.0</t>
  </si>
  <si>
    <t>815789267.0</t>
  </si>
  <si>
    <t>362764476.0</t>
  </si>
  <si>
    <t>317177246.0</t>
  </si>
  <si>
    <t>149052613.0</t>
  </si>
  <si>
    <t>884096.0</t>
  </si>
  <si>
    <t>1183039.0</t>
  </si>
  <si>
    <t>186.76</t>
  </si>
  <si>
    <t>134456.0</t>
  </si>
  <si>
    <t>817325024.0</t>
  </si>
  <si>
    <t>362895917.0</t>
  </si>
  <si>
    <t>317533808.0</t>
  </si>
  <si>
    <t>150109176.0</t>
  </si>
  <si>
    <t>768945.0</t>
  </si>
  <si>
    <t>1192958.0</t>
  </si>
  <si>
    <t>140408.0</t>
  </si>
  <si>
    <t>818546896.0</t>
  </si>
  <si>
    <t>363171796.0</t>
  </si>
  <si>
    <t>317770811.0</t>
  </si>
  <si>
    <t>150885707.0</t>
  </si>
  <si>
    <t>1016417.0</t>
  </si>
  <si>
    <t>1180533.0</t>
  </si>
  <si>
    <t>139614.0</t>
  </si>
  <si>
    <t>819917443.0</t>
  </si>
  <si>
    <t>363284812.0</t>
  </si>
  <si>
    <t>318033886.0</t>
  </si>
  <si>
    <t>151831151.0</t>
  </si>
  <si>
    <t>1381622.0</t>
  </si>
  <si>
    <t>1113018.0</t>
  </si>
  <si>
    <t>121353.0</t>
  </si>
  <si>
    <t>821268149.0</t>
  </si>
  <si>
    <t>363414774.0</t>
  </si>
  <si>
    <t>318302308.0</t>
  </si>
  <si>
    <t>152816667.0</t>
  </si>
  <si>
    <t>1361781.0</t>
  </si>
  <si>
    <t>1087075.0</t>
  </si>
  <si>
    <t>119394.0</t>
  </si>
  <si>
    <t>822371623.0</t>
  </si>
  <si>
    <t>363505755.0</t>
  </si>
  <si>
    <t>318529276.0</t>
  </si>
  <si>
    <t>153610044.0</t>
  </si>
  <si>
    <t>1114549.0</t>
  </si>
  <si>
    <t>1071973.0</t>
  </si>
  <si>
    <t>118071.0</t>
  </si>
  <si>
    <t>823579907.0</t>
  </si>
  <si>
    <t>363605285.0</t>
  </si>
  <si>
    <t>318788141.0</t>
  </si>
  <si>
    <t>154469324.0</t>
  </si>
  <si>
    <t>1216660.0</t>
  </si>
  <si>
    <t>1106296.0</t>
  </si>
  <si>
    <t>113168.0</t>
  </si>
  <si>
    <t>824265949.0</t>
  </si>
  <si>
    <t>363660728.0</t>
  </si>
  <si>
    <t>318919662.0</t>
  </si>
  <si>
    <t>154973185.0</t>
  </si>
  <si>
    <t>1086464.0</t>
  </si>
  <si>
    <t>824727796.0</t>
  </si>
  <si>
    <t>363689953.0</t>
  </si>
  <si>
    <t>319024289.0</t>
  </si>
  <si>
    <t>155295452.0</t>
  </si>
  <si>
    <t>1037275.0</t>
  </si>
  <si>
    <t>825771711.0</t>
  </si>
  <si>
    <t>363764175.0</t>
  </si>
  <si>
    <t>319253420.0</t>
  </si>
  <si>
    <t>156029767.0</t>
  </si>
  <si>
    <t>1054914.0</t>
  </si>
  <si>
    <t>1042773.0</t>
  </si>
  <si>
    <t>826866195.0</t>
  </si>
  <si>
    <t>363842383.0</t>
  </si>
  <si>
    <t>319457614.0</t>
  </si>
  <si>
    <t>156845715.0</t>
  </si>
  <si>
    <t>1148822.0</t>
  </si>
  <si>
    <t>1009515.0</t>
  </si>
  <si>
    <t>189.29</t>
  </si>
  <si>
    <t>80107.0</t>
  </si>
  <si>
    <t>827685873.0</t>
  </si>
  <si>
    <t>363898948.0</t>
  </si>
  <si>
    <t>319599051.0</t>
  </si>
  <si>
    <t>157472033.0</t>
  </si>
  <si>
    <t>874016.0</t>
  </si>
  <si>
    <t>939837.0</t>
  </si>
  <si>
    <t>828733744.0</t>
  </si>
  <si>
    <t>363968554.0</t>
  </si>
  <si>
    <t>319793271.0</t>
  </si>
  <si>
    <t>158259425.0</t>
  </si>
  <si>
    <t>1102209.0</t>
  </si>
  <si>
    <t>938073.0</t>
  </si>
  <si>
    <t>189.72</t>
  </si>
  <si>
    <t>66572.0</t>
  </si>
  <si>
    <t>829136428.0</t>
  </si>
  <si>
    <t>363981293.0</t>
  </si>
  <si>
    <t>319859334.0</t>
  </si>
  <si>
    <t>158462310.0</t>
  </si>
  <si>
    <t>805230.0</t>
  </si>
  <si>
    <t>829328540.0</t>
  </si>
  <si>
    <t>363993301.0</t>
  </si>
  <si>
    <t>319894867.0</t>
  </si>
  <si>
    <t>158605734.0</t>
  </si>
  <si>
    <t>748624.0</t>
  </si>
  <si>
    <t>829903883.0</t>
  </si>
  <si>
    <t>364082991.0</t>
  </si>
  <si>
    <t>320014779.0</t>
  </si>
  <si>
    <t>158973517.0</t>
  </si>
  <si>
    <t>308233.0</t>
  </si>
  <si>
    <t>731999.0</t>
  </si>
  <si>
    <t>189.99</t>
  </si>
  <si>
    <t>830820069.0</t>
  </si>
  <si>
    <t>364170672.0</t>
  </si>
  <si>
    <t>320216984.0</t>
  </si>
  <si>
    <t>159597189.0</t>
  </si>
  <si>
    <t>878286.0</t>
  </si>
  <si>
    <t>706766.0</t>
  </si>
  <si>
    <t>832141553.0</t>
  </si>
  <si>
    <t>364469141.0</t>
  </si>
  <si>
    <t>320461568.0</t>
  </si>
  <si>
    <t>160379253.0</t>
  </si>
  <si>
    <t>1358322.0</t>
  </si>
  <si>
    <t>89233.0</t>
  </si>
  <si>
    <t>833281332.0</t>
  </si>
  <si>
    <t>364529409.0</t>
  </si>
  <si>
    <t>320727419.0</t>
  </si>
  <si>
    <t>161195526.0</t>
  </si>
  <si>
    <t>1176617.0</t>
  </si>
  <si>
    <t>779921.0</t>
  </si>
  <si>
    <t>190.76</t>
  </si>
  <si>
    <t>834155824.0</t>
  </si>
  <si>
    <t>364594223.0</t>
  </si>
  <si>
    <t>320897602.0</t>
  </si>
  <si>
    <t>161836422.0</t>
  </si>
  <si>
    <t>911330.0</t>
  </si>
  <si>
    <t>752654.0</t>
  </si>
  <si>
    <t>834632367.0</t>
  </si>
  <si>
    <t>364623694.0</t>
  </si>
  <si>
    <t>320955897.0</t>
  </si>
  <si>
    <t>162225504.0</t>
  </si>
  <si>
    <t>630993.0</t>
  </si>
  <si>
    <t>801829.0</t>
  </si>
  <si>
    <t>90737.0</t>
  </si>
  <si>
    <t>835133645.0</t>
  </si>
  <si>
    <t>364674529.0</t>
  </si>
  <si>
    <t>321094752.0</t>
  </si>
  <si>
    <t>162537561.0</t>
  </si>
  <si>
    <t>418674.0</t>
  </si>
  <si>
    <t>811778.0</t>
  </si>
  <si>
    <t>90299.0</t>
  </si>
  <si>
    <t>835311460.0</t>
  </si>
  <si>
    <t>364690037.0</t>
  </si>
  <si>
    <t>321128461.0</t>
  </si>
  <si>
    <t>162666203.0</t>
  </si>
  <si>
    <t>214620.0</t>
  </si>
  <si>
    <t>798406.0</t>
  </si>
  <si>
    <t>836048390.0</t>
  </si>
  <si>
    <t>364746139.0</t>
  </si>
  <si>
    <t>321252978.0</t>
  </si>
  <si>
    <t>163224373.0</t>
  </si>
  <si>
    <t>773735.0</t>
  </si>
  <si>
    <t>783470.0</t>
  </si>
  <si>
    <t>836756464.0</t>
  </si>
  <si>
    <t>364801386.0</t>
  </si>
  <si>
    <t>321382096.0</t>
  </si>
  <si>
    <t>163750354.0</t>
  </si>
  <si>
    <t>744879.0</t>
  </si>
  <si>
    <t>695834.0</t>
  </si>
  <si>
    <t>838100029.0</t>
  </si>
  <si>
    <t>364892551.0</t>
  </si>
  <si>
    <t>321624115.0</t>
  </si>
  <si>
    <t>164763914.0</t>
  </si>
  <si>
    <t>1380370.0</t>
  </si>
  <si>
    <t>724942.0</t>
  </si>
  <si>
    <t>839112267.0</t>
  </si>
  <si>
    <t>364963964.0</t>
  </si>
  <si>
    <t>321814974.0</t>
  </si>
  <si>
    <t>165516079.0</t>
  </si>
  <si>
    <t>1049043.0</t>
  </si>
  <si>
    <t>744615.0</t>
  </si>
  <si>
    <t>840426456.0</t>
  </si>
  <si>
    <t>365029013.0</t>
  </si>
  <si>
    <t>322172789.0</t>
  </si>
  <si>
    <t>166469311.0</t>
  </si>
  <si>
    <t>969172.0</t>
  </si>
  <si>
    <t>792928.0</t>
  </si>
  <si>
    <t>56341.0</t>
  </si>
  <si>
    <t>840674400.0</t>
  </si>
  <si>
    <t>365046220.0</t>
  </si>
  <si>
    <t>322208765.0</t>
  </si>
  <si>
    <t>166664142.0</t>
  </si>
  <si>
    <t>513220.0</t>
  </si>
  <si>
    <t>806434.0</t>
  </si>
  <si>
    <t>841133510.0</t>
  </si>
  <si>
    <t>365074823.0</t>
  </si>
  <si>
    <t>322280993.0</t>
  </si>
  <si>
    <t>167023473.0</t>
  </si>
  <si>
    <t>313498.0</t>
  </si>
  <si>
    <t>820559.0</t>
  </si>
  <si>
    <t>841855559.0</t>
  </si>
  <si>
    <t>365127349.0</t>
  </si>
  <si>
    <t>322413381.0</t>
  </si>
  <si>
    <t>167561831.0</t>
  </si>
  <si>
    <t>781881.0</t>
  </si>
  <si>
    <t>821722.0</t>
  </si>
  <si>
    <t>57213.0</t>
  </si>
  <si>
    <t>842682918.0</t>
  </si>
  <si>
    <t>365184315.0</t>
  </si>
  <si>
    <t>322557547.0</t>
  </si>
  <si>
    <t>168189509.0</t>
  </si>
  <si>
    <t>887191.0</t>
  </si>
  <si>
    <t>842054.0</t>
  </si>
  <si>
    <t>843595187.0</t>
  </si>
  <si>
    <t>365271886.0</t>
  </si>
  <si>
    <t>322756016.0</t>
  </si>
  <si>
    <t>168817975.0</t>
  </si>
  <si>
    <t>972101.0</t>
  </si>
  <si>
    <t>783729.0</t>
  </si>
  <si>
    <t>58392.0</t>
  </si>
  <si>
    <t>844324955.0</t>
  </si>
  <si>
    <t>365310290.0</t>
  </si>
  <si>
    <t>322873502.0</t>
  </si>
  <si>
    <t>169392640.0</t>
  </si>
  <si>
    <t>789600.0</t>
  </si>
  <si>
    <t>746666.0</t>
  </si>
  <si>
    <t>845719501.0</t>
  </si>
  <si>
    <t>365413366.0</t>
  </si>
  <si>
    <t>323134307.0</t>
  </si>
  <si>
    <t>170439815.0</t>
  </si>
  <si>
    <t>1049637.0</t>
  </si>
  <si>
    <t>55549.0</t>
  </si>
  <si>
    <t>846059118.0</t>
  </si>
  <si>
    <t>365430461.0</t>
  </si>
  <si>
    <t>323180795.0</t>
  </si>
  <si>
    <t>170716379.0</t>
  </si>
  <si>
    <t>447679.0</t>
  </si>
  <si>
    <t>748798.0</t>
  </si>
  <si>
    <t>846220191.0</t>
  </si>
  <si>
    <t>365443157.0</t>
  </si>
  <si>
    <t>323202275.0</t>
  </si>
  <si>
    <t>170843492.0</t>
  </si>
  <si>
    <t>269135.0</t>
  </si>
  <si>
    <t>742462.0</t>
  </si>
  <si>
    <t>193.72</t>
  </si>
  <si>
    <t>846842224.0</t>
  </si>
  <si>
    <t>365479974.0</t>
  </si>
  <si>
    <t>323271946.0</t>
  </si>
  <si>
    <t>171359873.0</t>
  </si>
  <si>
    <t>730095.0</t>
  </si>
  <si>
    <t>735062.0</t>
  </si>
  <si>
    <t>193.87</t>
  </si>
  <si>
    <t>847578835.0</t>
  </si>
  <si>
    <t>365510607.0</t>
  </si>
  <si>
    <t>323362235.0</t>
  </si>
  <si>
    <t>171976629.0</t>
  </si>
  <si>
    <t>844673.0</t>
  </si>
  <si>
    <t>728988.0</t>
  </si>
  <si>
    <t>849462582.0</t>
  </si>
  <si>
    <t>365671029.0</t>
  </si>
  <si>
    <t>323704088.0</t>
  </si>
  <si>
    <t>173360383.0</t>
  </si>
  <si>
    <t>1991809.0</t>
  </si>
  <si>
    <t>874661.0</t>
  </si>
  <si>
    <t>194.47</t>
  </si>
  <si>
    <t>850974266.0</t>
  </si>
  <si>
    <t>365748481.0</t>
  </si>
  <si>
    <t>323826908.0</t>
  </si>
  <si>
    <t>174685139.0</t>
  </si>
  <si>
    <t>1619746.0</t>
  </si>
  <si>
    <t>993252.0</t>
  </si>
  <si>
    <t>68525.0</t>
  </si>
  <si>
    <t>852491816.0</t>
  </si>
  <si>
    <t>365871637.0</t>
  </si>
  <si>
    <t>324204322.0</t>
  </si>
  <si>
    <t>175871025.0</t>
  </si>
  <si>
    <t>827315.0</t>
  </si>
  <si>
    <t>961492.0</t>
  </si>
  <si>
    <t>852788961.0</t>
  </si>
  <si>
    <t>365882457.0</t>
  </si>
  <si>
    <t>324234173.0</t>
  </si>
  <si>
    <t>176127594.0</t>
  </si>
  <si>
    <t>346441.0</t>
  </si>
  <si>
    <t>947031.0</t>
  </si>
  <si>
    <t>852927593.0</t>
  </si>
  <si>
    <t>365888007.0</t>
  </si>
  <si>
    <t>324247885.0</t>
  </si>
  <si>
    <t>176246999.0</t>
  </si>
  <si>
    <t>187928.0</t>
  </si>
  <si>
    <t>935428.0</t>
  </si>
  <si>
    <t>59455.0</t>
  </si>
  <si>
    <t>853520169.0</t>
  </si>
  <si>
    <t>365909712.0</t>
  </si>
  <si>
    <t>324282967.0</t>
  </si>
  <si>
    <t>176785428.0</t>
  </si>
  <si>
    <t>641872.0</t>
  </si>
  <si>
    <t>922826.0</t>
  </si>
  <si>
    <t>854072654.0</t>
  </si>
  <si>
    <t>365922718.0</t>
  </si>
  <si>
    <t>324308955.0</t>
  </si>
  <si>
    <t>177299200.0</t>
  </si>
  <si>
    <t>1084177.0</t>
  </si>
  <si>
    <t>855398558.0</t>
  </si>
  <si>
    <t>365996438.0</t>
  </si>
  <si>
    <t>324543473.0</t>
  </si>
  <si>
    <t>178323702.0</t>
  </si>
  <si>
    <t>892805.0</t>
  </si>
  <si>
    <t>800041.0</t>
  </si>
  <si>
    <t>39108.0</t>
  </si>
  <si>
    <t>856594490.0</t>
  </si>
  <si>
    <t>366047072.0</t>
  </si>
  <si>
    <t>324622826.0</t>
  </si>
  <si>
    <t>179390791.0</t>
  </si>
  <si>
    <t>1245228.0</t>
  </si>
  <si>
    <t>746538.0</t>
  </si>
  <si>
    <t>857334515.0</t>
  </si>
  <si>
    <t>366073518.0</t>
  </si>
  <si>
    <t>324713137.0</t>
  </si>
  <si>
    <t>180014804.0</t>
  </si>
  <si>
    <t>788379.0</t>
  </si>
  <si>
    <t>740976.0</t>
  </si>
  <si>
    <t>857650509.0</t>
  </si>
  <si>
    <t>366088600.0</t>
  </si>
  <si>
    <t>324747829.0</t>
  </si>
  <si>
    <t>180281181.0</t>
  </si>
  <si>
    <t>365453.0</t>
  </si>
  <si>
    <t>743693.0</t>
  </si>
  <si>
    <t>196.34</t>
  </si>
  <si>
    <t>857793173.0</t>
  </si>
  <si>
    <t>366094108.0</t>
  </si>
  <si>
    <t>324761052.0</t>
  </si>
  <si>
    <t>180405128.0</t>
  </si>
  <si>
    <t>531667.0</t>
  </si>
  <si>
    <t>792797.0</t>
  </si>
  <si>
    <t>858341381.0</t>
  </si>
  <si>
    <t>366107208.0</t>
  </si>
  <si>
    <t>324785259.0</t>
  </si>
  <si>
    <t>180916587.0</t>
  </si>
  <si>
    <t>936701.0</t>
  </si>
  <si>
    <t>834916.0</t>
  </si>
  <si>
    <t>57751.0</t>
  </si>
  <si>
    <t>858907264.0</t>
  </si>
  <si>
    <t>366121773.0</t>
  </si>
  <si>
    <t>324813640.0</t>
  </si>
  <si>
    <t>181439850.0</t>
  </si>
  <si>
    <t>954872.0</t>
  </si>
  <si>
    <t>816432.0</t>
  </si>
  <si>
    <t>66165.0</t>
  </si>
  <si>
    <t>859288646.0</t>
  </si>
  <si>
    <t>366133391.0</t>
  </si>
  <si>
    <t>324834985.0</t>
  </si>
  <si>
    <t>181787404.0</t>
  </si>
  <si>
    <t>770371.0</t>
  </si>
  <si>
    <t>798943.0</t>
  </si>
  <si>
    <t>74435.0</t>
  </si>
  <si>
    <t>861528647.0</t>
  </si>
  <si>
    <t>366591142.0</t>
  </si>
  <si>
    <t>325159633.0</t>
  </si>
  <si>
    <t>183251749.0</t>
  </si>
  <si>
    <t>931268.0</t>
  </si>
  <si>
    <t>754095.0</t>
  </si>
  <si>
    <t>863597023.0</t>
  </si>
  <si>
    <t>366721785.0</t>
  </si>
  <si>
    <t>325360726.0</t>
  </si>
  <si>
    <t>184964129.0</t>
  </si>
  <si>
    <t>2030270.0</t>
  </si>
  <si>
    <t>931509.0</t>
  </si>
  <si>
    <t>864239318.0</t>
  </si>
  <si>
    <t>366770332.0</t>
  </si>
  <si>
    <t>325423490.0</t>
  </si>
  <si>
    <t>185495860.0</t>
  </si>
  <si>
    <t>688273.0</t>
  </si>
  <si>
    <t>977627.0</t>
  </si>
  <si>
    <t>864482009.0</t>
  </si>
  <si>
    <t>366782037.0</t>
  </si>
  <si>
    <t>325450482.0</t>
  </si>
  <si>
    <t>185700026.0</t>
  </si>
  <si>
    <t>288669.0</t>
  </si>
  <si>
    <t>865290385.0</t>
  </si>
  <si>
    <t>366821360.0</t>
  </si>
  <si>
    <t>325527384.0</t>
  </si>
  <si>
    <t>186393474.0</t>
  </si>
  <si>
    <t>854354.0</t>
  </si>
  <si>
    <t>931155.0</t>
  </si>
  <si>
    <t>80977.0</t>
  </si>
  <si>
    <t>866043656.0</t>
  </si>
  <si>
    <t>366844084.0</t>
  </si>
  <si>
    <t>325584343.0</t>
  </si>
  <si>
    <t>187067807.0</t>
  </si>
  <si>
    <t>799249.0</t>
  </si>
  <si>
    <t>908923.0</t>
  </si>
  <si>
    <t>69474.0</t>
  </si>
  <si>
    <t>866765676.0</t>
  </si>
  <si>
    <t>366886550.0</t>
  </si>
  <si>
    <t>325663996.0</t>
  </si>
  <si>
    <t>187669178.0</t>
  </si>
  <si>
    <t>767998.0</t>
  </si>
  <si>
    <t>908584.0</t>
  </si>
  <si>
    <t>867236947.0</t>
  </si>
  <si>
    <t>366897727.0</t>
  </si>
  <si>
    <t>325684706.0</t>
  </si>
  <si>
    <t>188108792.0</t>
  </si>
  <si>
    <t>1162929.0</t>
  </si>
  <si>
    <t>941679.0</t>
  </si>
  <si>
    <t>54777.0</t>
  </si>
  <si>
    <t>869912325.0</t>
  </si>
  <si>
    <t>367081836.0</t>
  </si>
  <si>
    <t>326089802.0</t>
  </si>
  <si>
    <t>189947675.0</t>
  </si>
  <si>
    <t>1170743.0</t>
  </si>
  <si>
    <t>818888.0</t>
  </si>
  <si>
    <t>870820804.0</t>
  </si>
  <si>
    <t>367132778.0</t>
  </si>
  <si>
    <t>326163343.0</t>
  </si>
  <si>
    <t>190735016.0</t>
  </si>
  <si>
    <t>1006662.0</t>
  </si>
  <si>
    <t>864373.0</t>
  </si>
  <si>
    <t>871108997.0</t>
  </si>
  <si>
    <t>367152349.0</t>
  </si>
  <si>
    <t>326206619.0</t>
  </si>
  <si>
    <t>190960845.0</t>
  </si>
  <si>
    <t>394418.0</t>
  </si>
  <si>
    <t>879480.0</t>
  </si>
  <si>
    <t>47861.0</t>
  </si>
  <si>
    <t>871913643.0</t>
  </si>
  <si>
    <t>367178052.0</t>
  </si>
  <si>
    <t>326260905.0</t>
  </si>
  <si>
    <t>191687071.0</t>
  </si>
  <si>
    <t>894786.0</t>
  </si>
  <si>
    <t>885257.0</t>
  </si>
  <si>
    <t>873053744.0</t>
  </si>
  <si>
    <t>367228188.0</t>
  </si>
  <si>
    <t>326360004.0</t>
  </si>
  <si>
    <t>192679670.0</t>
  </si>
  <si>
    <t>1238284.0</t>
  </si>
  <si>
    <t>947975.0</t>
  </si>
  <si>
    <t>51686.0</t>
  </si>
  <si>
    <t>874082223.0</t>
  </si>
  <si>
    <t>367260628.0</t>
  </si>
  <si>
    <t>326556800.0</t>
  </si>
  <si>
    <t>193478925.0</t>
  </si>
  <si>
    <t>1091633.0</t>
  </si>
  <si>
    <t>994209.0</t>
  </si>
  <si>
    <t>876138025.0</t>
  </si>
  <si>
    <t>367377259.0</t>
  </si>
  <si>
    <t>327752328.0</t>
  </si>
  <si>
    <t>194223958.0</t>
  </si>
  <si>
    <t>2170741.0</t>
  </si>
  <si>
    <t>1138182.0</t>
  </si>
  <si>
    <t>60461.0</t>
  </si>
  <si>
    <t>877291030.0</t>
  </si>
  <si>
    <t>367462708.0</t>
  </si>
  <si>
    <t>327897772.0</t>
  </si>
  <si>
    <t>194925825.0</t>
  </si>
  <si>
    <t>898680.0</t>
  </si>
  <si>
    <t>1099315.0</t>
  </si>
  <si>
    <t>878154114.0</t>
  </si>
  <si>
    <t>367497520.0</t>
  </si>
  <si>
    <t>328010433.0</t>
  </si>
  <si>
    <t>195644197.0</t>
  </si>
  <si>
    <t>578758.0</t>
  </si>
  <si>
    <t>1038187.0</t>
  </si>
  <si>
    <t>51687.0</t>
  </si>
  <si>
    <t>878289567.0</t>
  </si>
  <si>
    <t>367507278.0</t>
  </si>
  <si>
    <t>328037413.0</t>
  </si>
  <si>
    <t>195743237.0</t>
  </si>
  <si>
    <t>186811.0</t>
  </si>
  <si>
    <t>1008529.0</t>
  </si>
  <si>
    <t>878967065.0</t>
  </si>
  <si>
    <t>367528761.0</t>
  </si>
  <si>
    <t>328082966.0</t>
  </si>
  <si>
    <t>196355060.0</t>
  </si>
  <si>
    <t>728856.0</t>
  </si>
  <si>
    <t>984825.0</t>
  </si>
  <si>
    <t>47796.0</t>
  </si>
  <si>
    <t>879823056.0</t>
  </si>
  <si>
    <t>367563179.0</t>
  </si>
  <si>
    <t>328161440.0</t>
  </si>
  <si>
    <t>197100203.0</t>
  </si>
  <si>
    <t>907349.0</t>
  </si>
  <si>
    <t>937547.0</t>
  </si>
  <si>
    <t>880540721.0</t>
  </si>
  <si>
    <t>367591118.0</t>
  </si>
  <si>
    <t>328210000.0</t>
  </si>
  <si>
    <t>197743841.0</t>
  </si>
  <si>
    <t>767853.0</t>
  </si>
  <si>
    <t>891294.0</t>
  </si>
  <si>
    <t>43046.0</t>
  </si>
  <si>
    <t>881385187.0</t>
  </si>
  <si>
    <t>367684167.0</t>
  </si>
  <si>
    <t>328319418.0</t>
  </si>
  <si>
    <t>198389766.0</t>
  </si>
  <si>
    <t>896161.0</t>
  </si>
  <si>
    <t>709211.0</t>
  </si>
  <si>
    <t>881849123.0</t>
  </si>
  <si>
    <t>367718106.0</t>
  </si>
  <si>
    <t>328359707.0</t>
  </si>
  <si>
    <t>198753706.0</t>
  </si>
  <si>
    <t>463725.0</t>
  </si>
  <si>
    <t>647073.0</t>
  </si>
  <si>
    <t>201.88</t>
  </si>
  <si>
    <t>882105926.0</t>
  </si>
  <si>
    <t>367732136.0</t>
  </si>
  <si>
    <t>328387991.0</t>
  </si>
  <si>
    <t>198968546.0</t>
  </si>
  <si>
    <t>300988.0</t>
  </si>
  <si>
    <t>607392.0</t>
  </si>
  <si>
    <t>35292.0</t>
  </si>
  <si>
    <t>882191134.0</t>
  </si>
  <si>
    <t>367735956.0</t>
  </si>
  <si>
    <t>328401205.0</t>
  </si>
  <si>
    <t>199037805.0</t>
  </si>
  <si>
    <t>599190.0</t>
  </si>
  <si>
    <t>882920410.0</t>
  </si>
  <si>
    <t>367766766.0</t>
  </si>
  <si>
    <t>328508444.0</t>
  </si>
  <si>
    <t>199628748.0</t>
  </si>
  <si>
    <t>773461.0</t>
  </si>
  <si>
    <t>605562.0</t>
  </si>
  <si>
    <t>883715186.0</t>
  </si>
  <si>
    <t>367802201.0</t>
  </si>
  <si>
    <t>328560975.0</t>
  </si>
  <si>
    <t>200336715.0</t>
  </si>
  <si>
    <t>838961.0</t>
  </si>
  <si>
    <t>595792.0</t>
  </si>
  <si>
    <t>884542255.0</t>
  </si>
  <si>
    <t>367837851.0</t>
  </si>
  <si>
    <t>328657289.0</t>
  </si>
  <si>
    <t>201032525.0</t>
  </si>
  <si>
    <t>889940.0</t>
  </si>
  <si>
    <t>613232.0</t>
  </si>
  <si>
    <t>37330.0</t>
  </si>
  <si>
    <t>885312634.0</t>
  </si>
  <si>
    <t>367878350.0</t>
  </si>
  <si>
    <t>328745417.0</t>
  </si>
  <si>
    <t>201675257.0</t>
  </si>
  <si>
    <t>795772.0</t>
  </si>
  <si>
    <t>598892.0</t>
  </si>
  <si>
    <t>886631959.0</t>
  </si>
  <si>
    <t>367956734.0</t>
  </si>
  <si>
    <t>328893135.0</t>
  </si>
  <si>
    <t>202598457.0</t>
  </si>
  <si>
    <t>747364.0</t>
  </si>
  <si>
    <t>639411.0</t>
  </si>
  <si>
    <t>202.98</t>
  </si>
  <si>
    <t>886808159.0</t>
  </si>
  <si>
    <t>367964953.0</t>
  </si>
  <si>
    <t>328906370.0</t>
  </si>
  <si>
    <t>202753222.0</t>
  </si>
  <si>
    <t>211424.0</t>
  </si>
  <si>
    <t>626617.0</t>
  </si>
  <si>
    <t>30285.0</t>
  </si>
  <si>
    <t>887053709.0</t>
  </si>
  <si>
    <t>367971961.0</t>
  </si>
  <si>
    <t>328921442.0</t>
  </si>
  <si>
    <t>202976861.0</t>
  </si>
  <si>
    <t>280774.0</t>
  </si>
  <si>
    <t>648242.0</t>
  </si>
  <si>
    <t>203.07</t>
  </si>
  <si>
    <t>887690277.0</t>
  </si>
  <si>
    <t>367996248.0</t>
  </si>
  <si>
    <t>328961590.0</t>
  </si>
  <si>
    <t>203550538.0</t>
  </si>
  <si>
    <t>671792.0</t>
  </si>
  <si>
    <t>633718.0</t>
  </si>
  <si>
    <t>29621.0</t>
  </si>
  <si>
    <t>888038742.0</t>
  </si>
  <si>
    <t>368007635.0</t>
  </si>
  <si>
    <t>328982284.0</t>
  </si>
  <si>
    <t>203866659.0</t>
  </si>
  <si>
    <t>1659831.0</t>
  </si>
  <si>
    <t>750985.0</t>
  </si>
  <si>
    <t>890901839.0</t>
  </si>
  <si>
    <t>368105578.0</t>
  </si>
  <si>
    <t>329297114.0</t>
  </si>
  <si>
    <t>206327373.0</t>
  </si>
  <si>
    <t>1622180.0</t>
  </si>
  <si>
    <t>855591.0</t>
  </si>
  <si>
    <t>891340497.0</t>
  </si>
  <si>
    <t>368140302.0</t>
  </si>
  <si>
    <t>329339104.0</t>
  </si>
  <si>
    <t>206694649.0</t>
  </si>
  <si>
    <t>445763.0</t>
  </si>
  <si>
    <t>805590.0</t>
  </si>
  <si>
    <t>33378.0</t>
  </si>
  <si>
    <t>892296923.0</t>
  </si>
  <si>
    <t>368203793.0</t>
  </si>
  <si>
    <t>329512521.0</t>
  </si>
  <si>
    <t>207413490.0</t>
  </si>
  <si>
    <t>986964.0</t>
  </si>
  <si>
    <t>839820.0</t>
  </si>
  <si>
    <t>38616.0</t>
  </si>
  <si>
    <t>892671198.0</t>
  </si>
  <si>
    <t>368220962.0</t>
  </si>
  <si>
    <t>329554880.0</t>
  </si>
  <si>
    <t>207728633.0</t>
  </si>
  <si>
    <t>422944.0</t>
  </si>
  <si>
    <t>870036.0</t>
  </si>
  <si>
    <t>39868.0</t>
  </si>
  <si>
    <t>893127608.0</t>
  </si>
  <si>
    <t>368239711.0</t>
  </si>
  <si>
    <t>329600763.0</t>
  </si>
  <si>
    <t>208121161.0</t>
  </si>
  <si>
    <t>505079.0</t>
  </si>
  <si>
    <t>902077.0</t>
  </si>
  <si>
    <t>894218429.0</t>
  </si>
  <si>
    <t>368269136.0</t>
  </si>
  <si>
    <t>329659302.0</t>
  </si>
  <si>
    <t>209135164.0</t>
  </si>
  <si>
    <t>1139490.0</t>
  </si>
  <si>
    <t>968894.0</t>
  </si>
  <si>
    <t>894865355.0</t>
  </si>
  <si>
    <t>368299315.0</t>
  </si>
  <si>
    <t>329716664.0</t>
  </si>
  <si>
    <t>209695215.0</t>
  </si>
  <si>
    <t>695595.0</t>
  </si>
  <si>
    <t>831145.0</t>
  </si>
  <si>
    <t>895170454.0</t>
  </si>
  <si>
    <t>368308293.0</t>
  </si>
  <si>
    <t>329732351.0</t>
  </si>
  <si>
    <t>209975930.0</t>
  </si>
  <si>
    <t>755444.0</t>
  </si>
  <si>
    <t>707327.0</t>
  </si>
  <si>
    <t>36142.0</t>
  </si>
  <si>
    <t>896281483.0</t>
  </si>
  <si>
    <t>368375107.0</t>
  </si>
  <si>
    <t>329852476.0</t>
  </si>
  <si>
    <t>210903558.0</t>
  </si>
  <si>
    <t>758022.0</t>
  </si>
  <si>
    <t>751934.0</t>
  </si>
  <si>
    <t>897152880.0</t>
  </si>
  <si>
    <t>368439302.0</t>
  </si>
  <si>
    <t>329950873.0</t>
  </si>
  <si>
    <t>211504751.0</t>
  </si>
  <si>
    <t>566882.0</t>
  </si>
  <si>
    <t>897719988.0</t>
  </si>
  <si>
    <t>368468651.0</t>
  </si>
  <si>
    <t>330025213.0</t>
  </si>
  <si>
    <t>211969134.0</t>
  </si>
  <si>
    <t>422385.0</t>
  </si>
  <si>
    <t>691841.0</t>
  </si>
  <si>
    <t>205.51</t>
  </si>
  <si>
    <t>897906136.0</t>
  </si>
  <si>
    <t>368475461.0</t>
  </si>
  <si>
    <t>330043509.0</t>
  </si>
  <si>
    <t>212130283.0</t>
  </si>
  <si>
    <t>239268.0</t>
  </si>
  <si>
    <t>653868.0</t>
  </si>
  <si>
    <t>29551.0</t>
  </si>
  <si>
    <t>899334197.0</t>
  </si>
  <si>
    <t>368498986.0</t>
  </si>
  <si>
    <t>330102164.0</t>
  </si>
  <si>
    <t>213476770.0</t>
  </si>
  <si>
    <t>1481181.0</t>
  </si>
  <si>
    <t>702682.0</t>
  </si>
  <si>
    <t>899654038.0</t>
  </si>
  <si>
    <t>368509428.0</t>
  </si>
  <si>
    <t>330119367.0</t>
  </si>
  <si>
    <t>213769184.0</t>
  </si>
  <si>
    <t>574670.0</t>
  </si>
  <si>
    <t>685409.0</t>
  </si>
  <si>
    <t>900373241.0</t>
  </si>
  <si>
    <t>368540548.0</t>
  </si>
  <si>
    <t>330205692.0</t>
  </si>
  <si>
    <t>214372653.0</t>
  </si>
  <si>
    <t>570614.0</t>
  </si>
  <si>
    <t>659003.0</t>
  </si>
  <si>
    <t>901776040.0</t>
  </si>
  <si>
    <t>368580147.0</t>
  </si>
  <si>
    <t>330307023.0</t>
  </si>
  <si>
    <t>215635357.0</t>
  </si>
  <si>
    <t>1455919.0</t>
  </si>
  <si>
    <t>758703.0</t>
  </si>
  <si>
    <t>902458041.0</t>
  </si>
  <si>
    <t>368617933.0</t>
  </si>
  <si>
    <t>330385449.0</t>
  </si>
  <si>
    <t>216071909.0</t>
  </si>
  <si>
    <t>537267.0</t>
  </si>
  <si>
    <t>754471.0</t>
  </si>
  <si>
    <t>902982867.0</t>
  </si>
  <si>
    <t>368648613.0</t>
  </si>
  <si>
    <t>330467575.0</t>
  </si>
  <si>
    <t>216484573.0</t>
  </si>
  <si>
    <t>403025.0</t>
  </si>
  <si>
    <t>751707.0</t>
  </si>
  <si>
    <t>903171433.0</t>
  </si>
  <si>
    <t>368656031.0</t>
  </si>
  <si>
    <t>330483748.0</t>
  </si>
  <si>
    <t>216649668.0</t>
  </si>
  <si>
    <t>239044.0</t>
  </si>
  <si>
    <t>751674.0</t>
  </si>
  <si>
    <t>903478269.0</t>
  </si>
  <si>
    <t>368666645.0</t>
  </si>
  <si>
    <t>330500693.0</t>
  </si>
  <si>
    <t>216929153.0</t>
  </si>
  <si>
    <t>893156.0</t>
  </si>
  <si>
    <t>667672.0</t>
  </si>
  <si>
    <t>903808441.0</t>
  </si>
  <si>
    <t>368679057.0</t>
  </si>
  <si>
    <t>330519448.0</t>
  </si>
  <si>
    <t>217228356.0</t>
  </si>
  <si>
    <t>916492.0</t>
  </si>
  <si>
    <t>716502.0</t>
  </si>
  <si>
    <t>34637.0</t>
  </si>
  <si>
    <t>904127833.0</t>
  </si>
  <si>
    <t>368691892.0</t>
  </si>
  <si>
    <t>330539325.0</t>
  </si>
  <si>
    <t>217515245.0</t>
  </si>
  <si>
    <t>905712.0</t>
  </si>
  <si>
    <t>764373.0</t>
  </si>
  <si>
    <t>206.98</t>
  </si>
  <si>
    <t>38670.0</t>
  </si>
  <si>
    <t>904448132.0</t>
  </si>
  <si>
    <t>368705780.0</t>
  </si>
  <si>
    <t>330560080.0</t>
  </si>
  <si>
    <t>217801133.0</t>
  </si>
  <si>
    <t>906619.0</t>
  </si>
  <si>
    <t>685902.0</t>
  </si>
  <si>
    <t>904821281.0</t>
  </si>
  <si>
    <t>368719902.0</t>
  </si>
  <si>
    <t>330581487.0</t>
  </si>
  <si>
    <t>218130095.0</t>
  </si>
  <si>
    <t>910535.0</t>
  </si>
  <si>
    <t>739226.0</t>
  </si>
  <si>
    <t>207.14</t>
  </si>
  <si>
    <t>904994691.0</t>
  </si>
  <si>
    <t>368728024.0</t>
  </si>
  <si>
    <t>330593674.0</t>
  </si>
  <si>
    <t>218283227.0</t>
  </si>
  <si>
    <t>789449.0</t>
  </si>
  <si>
    <t>908846725.0</t>
  </si>
  <si>
    <t>368963941.0</t>
  </si>
  <si>
    <t>331088788.0</t>
  </si>
  <si>
    <t>218372661.0</t>
  </si>
  <si>
    <t>682487.0</t>
  </si>
  <si>
    <t>852798.0</t>
  </si>
  <si>
    <t>909093463.0</t>
  </si>
  <si>
    <t>368973800.0</t>
  </si>
  <si>
    <t>331103234.0</t>
  </si>
  <si>
    <t>218595236.0</t>
  </si>
  <si>
    <t>311982.0</t>
  </si>
  <si>
    <t>769773.0</t>
  </si>
  <si>
    <t>52395.0</t>
  </si>
  <si>
    <t>909364292.0</t>
  </si>
  <si>
    <t>368985278.0</t>
  </si>
  <si>
    <t>331120096.0</t>
  </si>
  <si>
    <t>218837867.0</t>
  </si>
  <si>
    <t>336241.0</t>
  </si>
  <si>
    <t>686881.0</t>
  </si>
  <si>
    <t>909631346.0</t>
  </si>
  <si>
    <t>368997329.0</t>
  </si>
  <si>
    <t>331136908.0</t>
  </si>
  <si>
    <t>219077241.0</t>
  </si>
  <si>
    <t>332466.0</t>
  </si>
  <si>
    <t>604988.0</t>
  </si>
  <si>
    <t>909860602.0</t>
  </si>
  <si>
    <t>369007240.0</t>
  </si>
  <si>
    <t>331151304.0</t>
  </si>
  <si>
    <t>219282364.0</t>
  </si>
  <si>
    <t>294668.0</t>
  </si>
  <si>
    <t>208.29</t>
  </si>
  <si>
    <t>55208.0</t>
  </si>
  <si>
    <t>910717252.0</t>
  </si>
  <si>
    <t>369123128.0</t>
  </si>
  <si>
    <t>331269175.0</t>
  </si>
  <si>
    <t>219752760.0</t>
  </si>
  <si>
    <t>303714.0</t>
  </si>
  <si>
    <t>430878.0</t>
  </si>
  <si>
    <t>55974.0</t>
  </si>
  <si>
    <t>910851651.0</t>
  </si>
  <si>
    <t>369129807.0</t>
  </si>
  <si>
    <t>331279166.0</t>
  </si>
  <si>
    <t>219870505.0</t>
  </si>
  <si>
    <t>182028.0</t>
  </si>
  <si>
    <t>910922248.0</t>
  </si>
  <si>
    <t>369133005.0</t>
  </si>
  <si>
    <t>331284309.0</t>
  </si>
  <si>
    <t>219932766.0</t>
  </si>
  <si>
    <t>118226.0</t>
  </si>
  <si>
    <t>268474.0</t>
  </si>
  <si>
    <t>911135052.0</t>
  </si>
  <si>
    <t>369142887.0</t>
  </si>
  <si>
    <t>331297312.0</t>
  </si>
  <si>
    <t>220122928.0</t>
  </si>
  <si>
    <t>260433.0</t>
  </si>
  <si>
    <t>261111.0</t>
  </si>
  <si>
    <t>56384.0</t>
  </si>
  <si>
    <t>911348075.0</t>
  </si>
  <si>
    <t>369152355.0</t>
  </si>
  <si>
    <t>331310613.0</t>
  </si>
  <si>
    <t>220313331.0</t>
  </si>
  <si>
    <t>260652.0</t>
  </si>
  <si>
    <t>250313.0</t>
  </si>
  <si>
    <t>55535.0</t>
  </si>
  <si>
    <t>911562804.0</t>
  </si>
  <si>
    <t>369162307.0</t>
  </si>
  <si>
    <t>331324131.0</t>
  </si>
  <si>
    <t>220504875.0</t>
  </si>
  <si>
    <t>262358.0</t>
  </si>
  <si>
    <t>240297.0</t>
  </si>
  <si>
    <t>54769.0</t>
  </si>
  <si>
    <t>911772590.0</t>
  </si>
  <si>
    <t>369173007.0</t>
  </si>
  <si>
    <t>331338364.0</t>
  </si>
  <si>
    <t>220689834.0</t>
  </si>
  <si>
    <t>257415.0</t>
  </si>
  <si>
    <t>234974.0</t>
  </si>
  <si>
    <t>912028013.0</t>
  </si>
  <si>
    <t>369186683.0</t>
  </si>
  <si>
    <t>331356517.0</t>
  </si>
  <si>
    <t>220913530.0</t>
  </si>
  <si>
    <t>274240.0</t>
  </si>
  <si>
    <t>230764.0</t>
  </si>
  <si>
    <t>208.79</t>
  </si>
  <si>
    <t>53778.0</t>
  </si>
  <si>
    <t>912134324.0</t>
  </si>
  <si>
    <t>369191473.0</t>
  </si>
  <si>
    <t>331363591.0</t>
  </si>
  <si>
    <t>221007983.0</t>
  </si>
  <si>
    <t>157911.0</t>
  </si>
  <si>
    <t>227320.0</t>
  </si>
  <si>
    <t>912198092.0</t>
  </si>
  <si>
    <t>369194332.0</t>
  </si>
  <si>
    <t>331368376.0</t>
  </si>
  <si>
    <t>221064116.0</t>
  </si>
  <si>
    <t>115368.0</t>
  </si>
  <si>
    <t>226912.0</t>
  </si>
  <si>
    <t>53436.0</t>
  </si>
  <si>
    <t>912695416.0</t>
  </si>
  <si>
    <t>369829800.0</t>
  </si>
  <si>
    <t>332052320.0</t>
  </si>
  <si>
    <t>223312569.0</t>
  </si>
  <si>
    <t>225107.0</t>
  </si>
  <si>
    <t>913124801.0</t>
  </si>
  <si>
    <t>369862980.0</t>
  </si>
  <si>
    <t>332169363.0</t>
  </si>
  <si>
    <t>223593689.0</t>
  </si>
  <si>
    <t>460910.0</t>
  </si>
  <si>
    <t>253714.0</t>
  </si>
  <si>
    <t>50744.0</t>
  </si>
  <si>
    <t>913543153.0</t>
  </si>
  <si>
    <t>369909927.0</t>
  </si>
  <si>
    <t>332224532.0</t>
  </si>
  <si>
    <t>223916431.0</t>
  </si>
  <si>
    <t>449877.0</t>
  </si>
  <si>
    <t>280503.0</t>
  </si>
  <si>
    <t>914172162.0</t>
  </si>
  <si>
    <t>369951511.0</t>
  </si>
  <si>
    <t>332255395.0</t>
  </si>
  <si>
    <t>224473990.0</t>
  </si>
  <si>
    <t>660534.0</t>
  </si>
  <si>
    <t>338093.0</t>
  </si>
  <si>
    <t>48487.0</t>
  </si>
  <si>
    <t>914826892.0</t>
  </si>
  <si>
    <t>370020806.0</t>
  </si>
  <si>
    <t>332357246.0</t>
  </si>
  <si>
    <t>224915756.0</t>
  </si>
  <si>
    <t>629647.0</t>
  </si>
  <si>
    <t>914956359.0</t>
  </si>
  <si>
    <t>370027451.0</t>
  </si>
  <si>
    <t>332366910.0</t>
  </si>
  <si>
    <t>225028924.0</t>
  </si>
  <si>
    <t>399193.0</t>
  </si>
  <si>
    <t>915183122.0</t>
  </si>
  <si>
    <t>370048794.0</t>
  </si>
  <si>
    <t>332399878.0</t>
  </si>
  <si>
    <t>225201634.0</t>
  </si>
  <si>
    <t>174699.0</t>
  </si>
  <si>
    <t>407668.0</t>
  </si>
  <si>
    <t>915413120.0</t>
  </si>
  <si>
    <t>370075981.0</t>
  </si>
  <si>
    <t>332443021.0</t>
  </si>
  <si>
    <t>225362018.0</t>
  </si>
  <si>
    <t>254339.0</t>
  </si>
  <si>
    <t>408603.0</t>
  </si>
  <si>
    <t>38424.0</t>
  </si>
  <si>
    <t>915614566.0</t>
  </si>
  <si>
    <t>370088015.0</t>
  </si>
  <si>
    <t>332458004.0</t>
  </si>
  <si>
    <t>225536496.0</t>
  </si>
  <si>
    <t>584696.0</t>
  </si>
  <si>
    <t>426286.0</t>
  </si>
  <si>
    <t>915826483.0</t>
  </si>
  <si>
    <t>370100058.0</t>
  </si>
  <si>
    <t>332473442.0</t>
  </si>
  <si>
    <t>225720965.0</t>
  </si>
  <si>
    <t>595167.0</t>
  </si>
  <si>
    <t>447042.0</t>
  </si>
  <si>
    <t>917114176.0</t>
  </si>
  <si>
    <t>370198543.0</t>
  </si>
  <si>
    <t>332630188.0</t>
  </si>
  <si>
    <t>226774184.0</t>
  </si>
  <si>
    <t>594217.0</t>
  </si>
  <si>
    <t>437567.0</t>
  </si>
  <si>
    <t>917860688.0</t>
  </si>
  <si>
    <t>370282644.0</t>
  </si>
  <si>
    <t>332741904.0</t>
  </si>
  <si>
    <t>227173108.0</t>
  </si>
  <si>
    <t>283789.0</t>
  </si>
  <si>
    <t>388160.0</t>
  </si>
  <si>
    <t>918073376.0</t>
  </si>
  <si>
    <t>370324580.0</t>
  </si>
  <si>
    <t>332769203.0</t>
  </si>
  <si>
    <t>227316619.0</t>
  </si>
  <si>
    <t>237387.0</t>
  </si>
  <si>
    <t>389186.0</t>
  </si>
  <si>
    <t>918160720.0</t>
  </si>
  <si>
    <t>370340097.0</t>
  </si>
  <si>
    <t>332778398.0</t>
  </si>
  <si>
    <t>227379628.0</t>
  </si>
  <si>
    <t>112250.0</t>
  </si>
  <si>
    <t>380264.0</t>
  </si>
  <si>
    <t>918409552.0</t>
  </si>
  <si>
    <t>370367421.0</t>
  </si>
  <si>
    <t>332809936.0</t>
  </si>
  <si>
    <t>227569728.0</t>
  </si>
  <si>
    <t>273324.0</t>
  </si>
  <si>
    <t>382973.0</t>
  </si>
  <si>
    <t>918760138.0</t>
  </si>
  <si>
    <t>370503566.0</t>
  </si>
  <si>
    <t>332856573.0</t>
  </si>
  <si>
    <t>227738588.0</t>
  </si>
  <si>
    <t>392861.0</t>
  </si>
  <si>
    <t>355570.0</t>
  </si>
  <si>
    <t>919031824.0</t>
  </si>
  <si>
    <t>370568523.0</t>
  </si>
  <si>
    <t>332901299.0</t>
  </si>
  <si>
    <t>227907096.0</t>
  </si>
  <si>
    <t>313961.0</t>
  </si>
  <si>
    <t>315400.0</t>
  </si>
  <si>
    <t>919244776.0</t>
  </si>
  <si>
    <t>370594638.0</t>
  </si>
  <si>
    <t>332934409.0</t>
  </si>
  <si>
    <t>228061051.0</t>
  </si>
  <si>
    <t>255227.0</t>
  </si>
  <si>
    <t>51189.0</t>
  </si>
  <si>
    <t>919474372.0</t>
  </si>
  <si>
    <t>370627127.0</t>
  </si>
  <si>
    <t>332965685.0</t>
  </si>
  <si>
    <t>228227246.0</t>
  </si>
  <si>
    <t>271871.0</t>
  </si>
  <si>
    <t>265269.0</t>
  </si>
  <si>
    <t>52516.0</t>
  </si>
  <si>
    <t>919602845.0</t>
  </si>
  <si>
    <t>370640958.0</t>
  </si>
  <si>
    <t>332986258.0</t>
  </si>
  <si>
    <t>228321363.0</t>
  </si>
  <si>
    <t>170748.0</t>
  </si>
  <si>
    <t>255748.0</t>
  </si>
  <si>
    <t>919665606.0</t>
  </si>
  <si>
    <t>370644545.0</t>
  </si>
  <si>
    <t>332991660.0</t>
  </si>
  <si>
    <t>228375135.0</t>
  </si>
  <si>
    <t>105194.0</t>
  </si>
  <si>
    <t>254740.0</t>
  </si>
  <si>
    <t>210.54</t>
  </si>
  <si>
    <t>921016215.0</t>
  </si>
  <si>
    <t>370721443.0</t>
  </si>
  <si>
    <t>333156524.0</t>
  </si>
  <si>
    <t>229486296.0</t>
  </si>
  <si>
    <t>1392726.0</t>
  </si>
  <si>
    <t>414656.0</t>
  </si>
  <si>
    <t>921171070.0</t>
  </si>
  <si>
    <t>370742223.0</t>
  </si>
  <si>
    <t>333182199.0</t>
  </si>
  <si>
    <t>229594786.0</t>
  </si>
  <si>
    <t>197130.0</t>
  </si>
  <si>
    <t>386694.0</t>
  </si>
  <si>
    <t>921507495.0</t>
  </si>
  <si>
    <t>370778212.0</t>
  </si>
  <si>
    <t>333232649.0</t>
  </si>
  <si>
    <t>229845170.0</t>
  </si>
  <si>
    <t>378700.0</t>
  </si>
  <si>
    <t>395941.0</t>
  </si>
  <si>
    <t>921763624.0</t>
  </si>
  <si>
    <t>370807499.0</t>
  </si>
  <si>
    <t>333284210.0</t>
  </si>
  <si>
    <t>230021054.0</t>
  </si>
  <si>
    <t>298404.0</t>
  </si>
  <si>
    <t>402110.0</t>
  </si>
  <si>
    <t>33988.0</t>
  </si>
  <si>
    <t>921920673.0</t>
  </si>
  <si>
    <t>370837319.0</t>
  </si>
  <si>
    <t>333314836.0</t>
  </si>
  <si>
    <t>230161651.0</t>
  </si>
  <si>
    <t>180368.0</t>
  </si>
  <si>
    <t>389039.0</t>
  </si>
  <si>
    <t>922162356.0</t>
  </si>
  <si>
    <t>370861002.0</t>
  </si>
  <si>
    <t>333361375.0</t>
  </si>
  <si>
    <t>230333588.0</t>
  </si>
  <si>
    <t>290672.0</t>
  </si>
  <si>
    <t>406171.0</t>
  </si>
  <si>
    <t>922226229.0</t>
  </si>
  <si>
    <t>370866719.0</t>
  </si>
  <si>
    <t>333369823.0</t>
  </si>
  <si>
    <t>230383345.0</t>
  </si>
  <si>
    <t>407289.0</t>
  </si>
  <si>
    <t>211.12</t>
  </si>
  <si>
    <t>922370627.0</t>
  </si>
  <si>
    <t>370879581.0</t>
  </si>
  <si>
    <t>333387054.0</t>
  </si>
  <si>
    <t>230497773.0</t>
  </si>
  <si>
    <t>193219.0</t>
  </si>
  <si>
    <t>235932.0</t>
  </si>
  <si>
    <t>922589720.0</t>
  </si>
  <si>
    <t>370913960.0</t>
  </si>
  <si>
    <t>333426200.0</t>
  </si>
  <si>
    <t>230643587.0</t>
  </si>
  <si>
    <t>268082.0</t>
  </si>
  <si>
    <t>246069.0</t>
  </si>
  <si>
    <t>922706683.0</t>
  </si>
  <si>
    <t>370926065.0</t>
  </si>
  <si>
    <t>333437011.0</t>
  </si>
  <si>
    <t>230737688.0</t>
  </si>
  <si>
    <t>165952.0</t>
  </si>
  <si>
    <t>215676.0</t>
  </si>
  <si>
    <t>922839126.0</t>
  </si>
  <si>
    <t>370940636.0</t>
  </si>
  <si>
    <t>333455347.0</t>
  </si>
  <si>
    <t>230837313.0</t>
  </si>
  <si>
    <t>181432.0</t>
  </si>
  <si>
    <t>198964.0</t>
  </si>
  <si>
    <t>923191131.0</t>
  </si>
  <si>
    <t>370971001.0</t>
  </si>
  <si>
    <t>333502446.0</t>
  </si>
  <si>
    <t>231068724.0</t>
  </si>
  <si>
    <t>347672.0</t>
  </si>
  <si>
    <t>222866.0</t>
  </si>
  <si>
    <t>923312233.0</t>
  </si>
  <si>
    <t>370981713.0</t>
  </si>
  <si>
    <t>333520818.0</t>
  </si>
  <si>
    <t>231160864.0</t>
  </si>
  <si>
    <t>162704.0</t>
  </si>
  <si>
    <t>204585.0</t>
  </si>
  <si>
    <t>923361787.0</t>
  </si>
  <si>
    <t>370985185.0</t>
  </si>
  <si>
    <t>333526982.0</t>
  </si>
  <si>
    <t>231200820.0</t>
  </si>
  <si>
    <t>91334.0</t>
  </si>
  <si>
    <t>201485.0</t>
  </si>
  <si>
    <t>923523026.0</t>
  </si>
  <si>
    <t>370999002.0</t>
  </si>
  <si>
    <t>333548439.0</t>
  </si>
  <si>
    <t>231326932.0</t>
  </si>
  <si>
    <t>202664.0</t>
  </si>
  <si>
    <t>202834.0</t>
  </si>
  <si>
    <t>923743215.0</t>
  </si>
  <si>
    <t>371045377.0</t>
  </si>
  <si>
    <t>333617874.0</t>
  </si>
  <si>
    <t>231431430.0</t>
  </si>
  <si>
    <t>261791.0</t>
  </si>
  <si>
    <t>201935.0</t>
  </si>
  <si>
    <t>211.47</t>
  </si>
  <si>
    <t>924005837.0</t>
  </si>
  <si>
    <t>371071426.0</t>
  </si>
  <si>
    <t>333663291.0</t>
  </si>
  <si>
    <t>231622934.0</t>
  </si>
  <si>
    <t>304224.0</t>
  </si>
  <si>
    <t>924192726.0</t>
  </si>
  <si>
    <t>371090316.0</t>
  </si>
  <si>
    <t>333696621.0</t>
  </si>
  <si>
    <t>231757847.0</t>
  </si>
  <si>
    <t>228491.0</t>
  </si>
  <si>
    <t>228411.0</t>
  </si>
  <si>
    <t>924323409.0</t>
  </si>
  <si>
    <t>371110037.0</t>
  </si>
  <si>
    <t>333725802.0</t>
  </si>
  <si>
    <t>231839739.0</t>
  </si>
  <si>
    <t>172285.0</t>
  </si>
  <si>
    <t>203356.0</t>
  </si>
  <si>
    <t>924513153.0</t>
  </si>
  <si>
    <t>371128031.0</t>
  </si>
  <si>
    <t>333759712.0</t>
  </si>
  <si>
    <t>231977953.0</t>
  </si>
  <si>
    <t>24414.0</t>
  </si>
  <si>
    <t>924572666.0</t>
  </si>
  <si>
    <t>371134834.0</t>
  </si>
  <si>
    <t>333770015.0</t>
  </si>
  <si>
    <t>232020409.0</t>
  </si>
  <si>
    <t>101265.0</t>
  </si>
  <si>
    <t>214581.0</t>
  </si>
  <si>
    <t>24890.0</t>
  </si>
  <si>
    <t>924677883.0</t>
  </si>
  <si>
    <t>371148744.0</t>
  </si>
  <si>
    <t>333791458.0</t>
  </si>
  <si>
    <t>232090357.0</t>
  </si>
  <si>
    <t>206581.0</t>
  </si>
  <si>
    <t>924803409.0</t>
  </si>
  <si>
    <t>371162125.0</t>
  </si>
  <si>
    <t>333815710.0</t>
  </si>
  <si>
    <t>232178356.0</t>
  </si>
  <si>
    <t>167128.0</t>
  </si>
  <si>
    <t>193059.0</t>
  </si>
  <si>
    <t>925041848.0</t>
  </si>
  <si>
    <t>371187314.0</t>
  </si>
  <si>
    <t>333865092.0</t>
  </si>
  <si>
    <t>232343733.0</t>
  </si>
  <si>
    <t>280041.0</t>
  </si>
  <si>
    <t>925131297.0</t>
  </si>
  <si>
    <t>371192031.0</t>
  </si>
  <si>
    <t>333872651.0</t>
  </si>
  <si>
    <t>232420937.0</t>
  </si>
  <si>
    <t>229433.0</t>
  </si>
  <si>
    <t>189738.0</t>
  </si>
  <si>
    <t>925423769.0</t>
  </si>
  <si>
    <t>371231925.0</t>
  </si>
  <si>
    <t>333934016.0</t>
  </si>
  <si>
    <t>232616865.0</t>
  </si>
  <si>
    <t>235691.0</t>
  </si>
  <si>
    <t>198796.0</t>
  </si>
  <si>
    <t>925552579.0</t>
  </si>
  <si>
    <t>371243551.0</t>
  </si>
  <si>
    <t>333954395.0</t>
  </si>
  <si>
    <t>232713822.0</t>
  </si>
  <si>
    <t>170412.0</t>
  </si>
  <si>
    <t>190091.0</t>
  </si>
  <si>
    <t>925625419.0</t>
  </si>
  <si>
    <t>371248624.0</t>
  </si>
  <si>
    <t>333963545.0</t>
  </si>
  <si>
    <t>232772477.0</t>
  </si>
  <si>
    <t>114592.0</t>
  </si>
  <si>
    <t>926151262.0</t>
  </si>
  <si>
    <t>371688322.0</t>
  </si>
  <si>
    <t>333978147.0</t>
  </si>
  <si>
    <t>232844090.0</t>
  </si>
  <si>
    <t>567294.0</t>
  </si>
  <si>
    <t>926258395.0</t>
  </si>
  <si>
    <t>371702540.0</t>
  </si>
  <si>
    <t>333999792.0</t>
  </si>
  <si>
    <t>232915482.0</t>
  </si>
  <si>
    <t>148735.0</t>
  </si>
  <si>
    <t>249457.0</t>
  </si>
  <si>
    <t>926447333.0</t>
  </si>
  <si>
    <t>371722065.0</t>
  </si>
  <si>
    <t>334031917.0</t>
  </si>
  <si>
    <t>232973351.0</t>
  </si>
  <si>
    <t>230540.0</t>
  </si>
  <si>
    <t>242386.0</t>
  </si>
  <si>
    <t>926517576.0</t>
  </si>
  <si>
    <t>371727072.0</t>
  </si>
  <si>
    <t>334039667.0</t>
  </si>
  <si>
    <t>233030860.0</t>
  </si>
  <si>
    <t>121738.0</t>
  </si>
  <si>
    <t>227001.0</t>
  </si>
  <si>
    <t>78249.0</t>
  </si>
  <si>
    <t>926591223.0</t>
  </si>
  <si>
    <t>371738576.0</t>
  </si>
  <si>
    <t>334056512.0</t>
  </si>
  <si>
    <t>233119709.0</t>
  </si>
  <si>
    <t>120316.0</t>
  </si>
  <si>
    <t>210518.0</t>
  </si>
  <si>
    <t>76493.0</t>
  </si>
  <si>
    <t>926620913.0</t>
  </si>
  <si>
    <t>371741090.0</t>
  </si>
  <si>
    <t>334059093.0</t>
  </si>
  <si>
    <t>233144308.0</t>
  </si>
  <si>
    <t>82095.0</t>
  </si>
  <si>
    <t>197902.0</t>
  </si>
  <si>
    <t>75953.0</t>
  </si>
  <si>
    <t>926628655.0</t>
  </si>
  <si>
    <t>371741493.0</t>
  </si>
  <si>
    <t>334059593.0</t>
  </si>
  <si>
    <t>233151148.0</t>
  </si>
  <si>
    <t>60147.0</t>
  </si>
  <si>
    <t>926668370.0</t>
  </si>
  <si>
    <t>371744635.0</t>
  </si>
  <si>
    <t>334063107.0</t>
  </si>
  <si>
    <t>233184244.0</t>
  </si>
  <si>
    <t>91950.0</t>
  </si>
  <si>
    <t>926713016.0</t>
  </si>
  <si>
    <t>371748547.0</t>
  </si>
  <si>
    <t>334067392.0</t>
  </si>
  <si>
    <t>233220721.0</t>
  </si>
  <si>
    <t>114826.0</t>
  </si>
  <si>
    <t>926757009.0</t>
  </si>
  <si>
    <t>371752334.0</t>
  </si>
  <si>
    <t>334071545.0</t>
  </si>
  <si>
    <t>233256803.0</t>
  </si>
  <si>
    <t>96341.0</t>
  </si>
  <si>
    <t>95655.0</t>
  </si>
  <si>
    <t>926805196.0</t>
  </si>
  <si>
    <t>371756657.0</t>
  </si>
  <si>
    <t>334075929.0</t>
  </si>
  <si>
    <t>233296300.0</t>
  </si>
  <si>
    <t>212.17</t>
  </si>
  <si>
    <t>928091394.0</t>
  </si>
  <si>
    <t>371935858.0</t>
  </si>
  <si>
    <t>334313792.0</t>
  </si>
  <si>
    <t>233859950.0</t>
  </si>
  <si>
    <t>928107561.0</t>
  </si>
  <si>
    <t>371937474.0</t>
  </si>
  <si>
    <t>334315083.0</t>
  </si>
  <si>
    <t>233873213.0</t>
  </si>
  <si>
    <t>928118616.0</t>
  </si>
  <si>
    <t>371938454.0</t>
  </si>
  <si>
    <t>334315762.0</t>
  </si>
  <si>
    <t>233882609.0</t>
  </si>
  <si>
    <t>72259.0</t>
  </si>
  <si>
    <t>86942.0</t>
  </si>
  <si>
    <t>928145911.0</t>
  </si>
  <si>
    <t>371942340.0</t>
  </si>
  <si>
    <t>334317841.0</t>
  </si>
  <si>
    <t>233903939.0</t>
  </si>
  <si>
    <t>88499.0</t>
  </si>
  <si>
    <t>86688.0</t>
  </si>
  <si>
    <t>928189768.0</t>
  </si>
  <si>
    <t>371947213.0</t>
  </si>
  <si>
    <t>334321776.0</t>
  </si>
  <si>
    <t>233938994.0</t>
  </si>
  <si>
    <t>105061.0</t>
  </si>
  <si>
    <t>88280.0</t>
  </si>
  <si>
    <t>928232819.0</t>
  </si>
  <si>
    <t>371952327.0</t>
  </si>
  <si>
    <t>334325263.0</t>
  </si>
  <si>
    <t>233973447.0</t>
  </si>
  <si>
    <t>113442.0</t>
  </si>
  <si>
    <t>91153.0</t>
  </si>
  <si>
    <t>928294043.0</t>
  </si>
  <si>
    <t>371965458.0</t>
  </si>
  <si>
    <t>334338647.0</t>
  </si>
  <si>
    <t>234008160.0</t>
  </si>
  <si>
    <t>113241.0</t>
  </si>
  <si>
    <t>928645313.0</t>
  </si>
  <si>
    <t>372017089.0</t>
  </si>
  <si>
    <t>334400137.0</t>
  </si>
  <si>
    <t>234162658.0</t>
  </si>
  <si>
    <t>108784.0</t>
  </si>
  <si>
    <t>928672391.0</t>
  </si>
  <si>
    <t>372020744.0</t>
  </si>
  <si>
    <t>334401984.0</t>
  </si>
  <si>
    <t>234184234.0</t>
  </si>
  <si>
    <t>928683564.0</t>
  </si>
  <si>
    <t>372022025.0</t>
  </si>
  <si>
    <t>334402792.0</t>
  </si>
  <si>
    <t>234193318.0</t>
  </si>
  <si>
    <t>928725976.0</t>
  </si>
  <si>
    <t>372027584.0</t>
  </si>
  <si>
    <t>334407118.0</t>
  </si>
  <si>
    <t>234225847.0</t>
  </si>
  <si>
    <t>89273.0</t>
  </si>
  <si>
    <t>928785568.0</t>
  </si>
  <si>
    <t>372033710.0</t>
  </si>
  <si>
    <t>334428305.0</t>
  </si>
  <si>
    <t>234258127.0</t>
  </si>
  <si>
    <t>94164.0</t>
  </si>
  <si>
    <t>87715.0</t>
  </si>
  <si>
    <t>928829217.0</t>
  </si>
  <si>
    <t>372040044.0</t>
  </si>
  <si>
    <t>334432199.0</t>
  </si>
  <si>
    <t>234291549.0</t>
  </si>
  <si>
    <t>78221.0</t>
  </si>
  <si>
    <t>82684.0</t>
  </si>
  <si>
    <t>928874139.0</t>
  </si>
  <si>
    <t>372046543.0</t>
  </si>
  <si>
    <t>334436169.0</t>
  </si>
  <si>
    <t>234326002.0</t>
  </si>
  <si>
    <t>929041575.0</t>
  </si>
  <si>
    <t>372068099.0</t>
  </si>
  <si>
    <t>334462520.0</t>
  </si>
  <si>
    <t>234413517.0</t>
  </si>
  <si>
    <t>929070356.0</t>
  </si>
  <si>
    <t>372073502.0</t>
  </si>
  <si>
    <t>334464607.0</t>
  </si>
  <si>
    <t>234434809.0</t>
  </si>
  <si>
    <t>929082639.0</t>
  </si>
  <si>
    <t>372075231.0</t>
  </si>
  <si>
    <t>334465397.0</t>
  </si>
  <si>
    <t>234444573.0</t>
  </si>
  <si>
    <t>929122548.0</t>
  </si>
  <si>
    <t>372081742.0</t>
  </si>
  <si>
    <t>334468643.0</t>
  </si>
  <si>
    <t>234474726.0</t>
  </si>
  <si>
    <t>71791.0</t>
  </si>
  <si>
    <t>73352.0</t>
  </si>
  <si>
    <t>929166845.0</t>
  </si>
  <si>
    <t>372087733.0</t>
  </si>
  <si>
    <t>334472291.0</t>
  </si>
  <si>
    <t>234509385.0</t>
  </si>
  <si>
    <t>70791.0</t>
  </si>
  <si>
    <t>929207597.0</t>
  </si>
  <si>
    <t>372094019.0</t>
  </si>
  <si>
    <t>334475704.0</t>
  </si>
  <si>
    <t>234540439.0</t>
  </si>
  <si>
    <t>929250765.0</t>
  </si>
  <si>
    <t>372099909.0</t>
  </si>
  <si>
    <t>334479622.0</t>
  </si>
  <si>
    <t>234573799.0</t>
  </si>
  <si>
    <t>75121.0</t>
  </si>
  <si>
    <t>929391301.0</t>
  </si>
  <si>
    <t>372120655.0</t>
  </si>
  <si>
    <t>334501937.0</t>
  </si>
  <si>
    <t>234646659.0</t>
  </si>
  <si>
    <t>929428899.0</t>
  </si>
  <si>
    <t>372128143.0</t>
  </si>
  <si>
    <t>334504572.0</t>
  </si>
  <si>
    <t>234674134.0</t>
  </si>
  <si>
    <t>929461371.0</t>
  </si>
  <si>
    <t>372133582.0</t>
  </si>
  <si>
    <t>334506673.0</t>
  </si>
  <si>
    <t>234699066.0</t>
  </si>
  <si>
    <t>929485746.0</t>
  </si>
  <si>
    <t>372136998.0</t>
  </si>
  <si>
    <t>334508916.0</t>
  </si>
  <si>
    <t>234717783.0</t>
  </si>
  <si>
    <t>71845.0</t>
  </si>
  <si>
    <t>929498393.0</t>
  </si>
  <si>
    <t>372138409.0</t>
  </si>
  <si>
    <t>334510345.0</t>
  </si>
  <si>
    <t>234727590.0</t>
  </si>
  <si>
    <t>67559.0</t>
  </si>
  <si>
    <t>929530885.0</t>
  </si>
  <si>
    <t>372142377.0</t>
  </si>
  <si>
    <t>334512974.0</t>
  </si>
  <si>
    <t>234753485.0</t>
  </si>
  <si>
    <t>66101.0</t>
  </si>
  <si>
    <t>66617.0</t>
  </si>
  <si>
    <t>929570552.0</t>
  </si>
  <si>
    <t>372147209.0</t>
  </si>
  <si>
    <t>334515688.0</t>
  </si>
  <si>
    <t>234785608.0</t>
  </si>
  <si>
    <t>67218.0</t>
  </si>
  <si>
    <t>929731248.0</t>
  </si>
  <si>
    <t>372178884.0</t>
  </si>
  <si>
    <t>334540151.0</t>
  </si>
  <si>
    <t>234863769.0</t>
  </si>
  <si>
    <t>87726.0</t>
  </si>
  <si>
    <t>929756596.0</t>
  </si>
  <si>
    <t>372182989.0</t>
  </si>
  <si>
    <t>334541749.0</t>
  </si>
  <si>
    <t>234883415.0</t>
  </si>
  <si>
    <t>66370.0</t>
  </si>
  <si>
    <t>929770773.0</t>
  </si>
  <si>
    <t>372184361.0</t>
  </si>
  <si>
    <t>334542306.0</t>
  </si>
  <si>
    <t>234895663.0</t>
  </si>
  <si>
    <t>64058.0</t>
  </si>
  <si>
    <t>929820787.0</t>
  </si>
  <si>
    <t>372189894.0</t>
  </si>
  <si>
    <t>334545203.0</t>
  </si>
  <si>
    <t>234937247.0</t>
  </si>
  <si>
    <t>68037.0</t>
  </si>
  <si>
    <t>929873348.0</t>
  </si>
  <si>
    <t>372195654.0</t>
  </si>
  <si>
    <t>334548642.0</t>
  </si>
  <si>
    <t>234980609.0</t>
  </si>
  <si>
    <t>74045.0</t>
  </si>
  <si>
    <t>929933629.0</t>
  </si>
  <si>
    <t>372203466.0</t>
  </si>
  <si>
    <t>334554273.0</t>
  </si>
  <si>
    <t>235027447.0</t>
  </si>
  <si>
    <t>91787.0</t>
  </si>
  <si>
    <t>77715.0</t>
  </si>
  <si>
    <t>929990115.0</t>
  </si>
  <si>
    <t>372210009.0</t>
  </si>
  <si>
    <t>334557947.0</t>
  </si>
  <si>
    <t>235073717.0</t>
  </si>
  <si>
    <t>79990.0</t>
  </si>
  <si>
    <t>930201609.0</t>
  </si>
  <si>
    <t>372234523.0</t>
  </si>
  <si>
    <t>334597020.0</t>
  </si>
  <si>
    <t>235188783.0</t>
  </si>
  <si>
    <t>102888.0</t>
  </si>
  <si>
    <t>82155.0</t>
  </si>
  <si>
    <t>930237658.0</t>
  </si>
  <si>
    <t>372239671.0</t>
  </si>
  <si>
    <t>334599625.0</t>
  </si>
  <si>
    <t>235217079.0</t>
  </si>
  <si>
    <t>72087.0</t>
  </si>
  <si>
    <t>930261208.0</t>
  </si>
  <si>
    <t>372242082.0</t>
  </si>
  <si>
    <t>334600866.0</t>
  </si>
  <si>
    <t>235236977.0</t>
  </si>
  <si>
    <t>59657.0</t>
  </si>
  <si>
    <t>85103.0</t>
  </si>
  <si>
    <t>930326605.0</t>
  </si>
  <si>
    <t>372248753.0</t>
  </si>
  <si>
    <t>334610598.0</t>
  </si>
  <si>
    <t>235285971.0</t>
  </si>
  <si>
    <t>95366.0</t>
  </si>
  <si>
    <t>930392785.0</t>
  </si>
  <si>
    <t>372255413.0</t>
  </si>
  <si>
    <t>334614924.0</t>
  </si>
  <si>
    <t>235341167.0</t>
  </si>
  <si>
    <t>258874.0</t>
  </si>
  <si>
    <t>110846.0</t>
  </si>
  <si>
    <t>930775552.0</t>
  </si>
  <si>
    <t>372541148.0</t>
  </si>
  <si>
    <t>334936346.0</t>
  </si>
  <si>
    <t>235395904.0</t>
  </si>
  <si>
    <t>258149.0</t>
  </si>
  <si>
    <t>134613.0</t>
  </si>
  <si>
    <t>48704.0</t>
  </si>
  <si>
    <t>930836862.0</t>
  </si>
  <si>
    <t>372547094.0</t>
  </si>
  <si>
    <t>334940386.0</t>
  </si>
  <si>
    <t>235447228.0</t>
  </si>
  <si>
    <t>932463644.0</t>
  </si>
  <si>
    <t>372619319.0</t>
  </si>
  <si>
    <t>335723576.0</t>
  </si>
  <si>
    <t>236911665.0</t>
  </si>
  <si>
    <t>134875.0</t>
  </si>
  <si>
    <t>932504924.0</t>
  </si>
  <si>
    <t>372624592.0</t>
  </si>
  <si>
    <t>335727019.0</t>
  </si>
  <si>
    <t>236944229.0</t>
  </si>
  <si>
    <t>73826.0</t>
  </si>
  <si>
    <t>932526323.0</t>
  </si>
  <si>
    <t>372626615.0</t>
  </si>
  <si>
    <t>335728369.0</t>
  </si>
  <si>
    <t>236962255.0</t>
  </si>
  <si>
    <t>134313.0</t>
  </si>
  <si>
    <t>48639.0</t>
  </si>
  <si>
    <t>932567989.0</t>
  </si>
  <si>
    <t>372631620.0</t>
  </si>
  <si>
    <t>335736583.0</t>
  </si>
  <si>
    <t>236990702.0</t>
  </si>
  <si>
    <t>74165.0</t>
  </si>
  <si>
    <t>131285.0</t>
  </si>
  <si>
    <t>213.49</t>
  </si>
  <si>
    <t>932623975.0</t>
  </si>
  <si>
    <t>372636881.0</t>
  </si>
  <si>
    <t>335741077.0</t>
  </si>
  <si>
    <t>237036934.0</t>
  </si>
  <si>
    <t>106951.0</t>
  </si>
  <si>
    <t>932685745.0</t>
  </si>
  <si>
    <t>372642469.0</t>
  </si>
  <si>
    <t>335745863.0</t>
  </si>
  <si>
    <t>237088330.0</t>
  </si>
  <si>
    <t>94316.0</t>
  </si>
  <si>
    <t>932749954.0</t>
  </si>
  <si>
    <t>372647965.0</t>
  </si>
  <si>
    <t>335751267.0</t>
  </si>
  <si>
    <t>237141639.0</t>
  </si>
  <si>
    <t>933035192.0</t>
  </si>
  <si>
    <t>372685732.0</t>
  </si>
  <si>
    <t>335801103.0</t>
  </si>
  <si>
    <t>237286240.0</t>
  </si>
  <si>
    <t>109799.0</t>
  </si>
  <si>
    <t>84483.0</t>
  </si>
  <si>
    <t>933083182.0</t>
  </si>
  <si>
    <t>372692154.0</t>
  </si>
  <si>
    <t>335805475.0</t>
  </si>
  <si>
    <t>237323436.0</t>
  </si>
  <si>
    <t>84407.0</t>
  </si>
  <si>
    <t>933128759.0</t>
  </si>
  <si>
    <t>372696831.0</t>
  </si>
  <si>
    <t>335808880.0</t>
  </si>
  <si>
    <t>237360931.0</t>
  </si>
  <si>
    <t>933198774.0</t>
  </si>
  <si>
    <t>372702051.0</t>
  </si>
  <si>
    <t>335813116.0</t>
  </si>
  <si>
    <t>237421490.0</t>
  </si>
  <si>
    <t>674245.0</t>
  </si>
  <si>
    <t>172552.0</t>
  </si>
  <si>
    <t>934450884.0</t>
  </si>
  <si>
    <t>373027067.0</t>
  </si>
  <si>
    <t>336324134.0</t>
  </si>
  <si>
    <t>237842792.0</t>
  </si>
  <si>
    <t>698430.0</t>
  </si>
  <si>
    <t>259680.0</t>
  </si>
  <si>
    <t>936196665.0</t>
  </si>
  <si>
    <t>373082150.0</t>
  </si>
  <si>
    <t>337275737.0</t>
  </si>
  <si>
    <t>238582011.0</t>
  </si>
  <si>
    <t>1771082.0</t>
  </si>
  <si>
    <t>499218.0</t>
  </si>
  <si>
    <t>936353960.0</t>
  </si>
  <si>
    <t>373103059.0</t>
  </si>
  <si>
    <t>337290024.0</t>
  </si>
  <si>
    <t>238704235.0</t>
  </si>
  <si>
    <t>182596.0</t>
  </si>
  <si>
    <t>511482.0</t>
  </si>
  <si>
    <t>936758980.0</t>
  </si>
  <si>
    <t>373120179.0</t>
  </si>
  <si>
    <t>337322595.0</t>
  </si>
  <si>
    <t>239031516.0</t>
  </si>
  <si>
    <t>164214.0</t>
  </si>
  <si>
    <t>519255.0</t>
  </si>
  <si>
    <t>214.45</t>
  </si>
  <si>
    <t>936847000.0</t>
  </si>
  <si>
    <t>373133708.0</t>
  </si>
  <si>
    <t>337335764.0</t>
  </si>
  <si>
    <t>239092929.0</t>
  </si>
  <si>
    <t>522187.0</t>
  </si>
  <si>
    <t>63293.0</t>
  </si>
  <si>
    <t>936879158.0</t>
  </si>
  <si>
    <t>373136930.0</t>
  </si>
  <si>
    <t>337338233.0</t>
  </si>
  <si>
    <t>239119400.0</t>
  </si>
  <si>
    <t>63076.0</t>
  </si>
  <si>
    <t>937033207.0</t>
  </si>
  <si>
    <t>373148881.0</t>
  </si>
  <si>
    <t>337348838.0</t>
  </si>
  <si>
    <t>239251036.0</t>
  </si>
  <si>
    <t>177607.0</t>
  </si>
  <si>
    <t>449092.0</t>
  </si>
  <si>
    <t>41176.0</t>
  </si>
  <si>
    <t>937184165.0</t>
  </si>
  <si>
    <t>373153762.0</t>
  </si>
  <si>
    <t>337352682.0</t>
  </si>
  <si>
    <t>239393269.0</t>
  </si>
  <si>
    <t>208452.0</t>
  </si>
  <si>
    <t>379097.0</t>
  </si>
  <si>
    <t>214.55</t>
  </si>
  <si>
    <t>937474151.0</t>
  </si>
  <si>
    <t>373183534.0</t>
  </si>
  <si>
    <t>337381110.0</t>
  </si>
  <si>
    <t>239625204.0</t>
  </si>
  <si>
    <t>203988.0</t>
  </si>
  <si>
    <t>155226.0</t>
  </si>
  <si>
    <t>937505936.0</t>
  </si>
  <si>
    <t>373185395.0</t>
  </si>
  <si>
    <t>337382492.0</t>
  </si>
  <si>
    <t>239653746.0</t>
  </si>
  <si>
    <t>937590741.0</t>
  </si>
  <si>
    <t>373196502.0</t>
  </si>
  <si>
    <t>337392651.0</t>
  </si>
  <si>
    <t>239717340.0</t>
  </si>
  <si>
    <t>123883.0</t>
  </si>
  <si>
    <t>937654443.0</t>
  </si>
  <si>
    <t>373204309.0</t>
  </si>
  <si>
    <t>337399745.0</t>
  </si>
  <si>
    <t>239766152.0</t>
  </si>
  <si>
    <t>123046.0</t>
  </si>
  <si>
    <t>937674550.0</t>
  </si>
  <si>
    <t>373206800.0</t>
  </si>
  <si>
    <t>337401967.0</t>
  </si>
  <si>
    <t>239781549.0</t>
  </si>
  <si>
    <t>44518.0</t>
  </si>
  <si>
    <t>121419.0</t>
  </si>
  <si>
    <t>937855528.0</t>
  </si>
  <si>
    <t>373219087.0</t>
  </si>
  <si>
    <t>337414464.0</t>
  </si>
  <si>
    <t>239937890.0</t>
  </si>
  <si>
    <t>205080.0</t>
  </si>
  <si>
    <t>125344.0</t>
  </si>
  <si>
    <t>938022579.0</t>
  </si>
  <si>
    <t>373230432.0</t>
  </si>
  <si>
    <t>337425139.0</t>
  </si>
  <si>
    <t>240083014.0</t>
  </si>
  <si>
    <t>191308.0</t>
  </si>
  <si>
    <t>938166554.0</t>
  </si>
  <si>
    <t>373234895.0</t>
  </si>
  <si>
    <t>337429354.0</t>
  </si>
  <si>
    <t>240218311.0</t>
  </si>
  <si>
    <t>170536.0</t>
  </si>
  <si>
    <t>214.77</t>
  </si>
  <si>
    <t>938414716.0</t>
  </si>
  <si>
    <t>373245761.0</t>
  </si>
  <si>
    <t>337441831.0</t>
  </si>
  <si>
    <t>240443144.0</t>
  </si>
  <si>
    <t>174743.0</t>
  </si>
  <si>
    <t>940297424.0</t>
  </si>
  <si>
    <t>373446012.0</t>
  </si>
  <si>
    <t>337761018.0</t>
  </si>
  <si>
    <t>241760610.0</t>
  </si>
  <si>
    <t>1725991.0</t>
  </si>
  <si>
    <t>371448.0</t>
  </si>
  <si>
    <t>215.26</t>
  </si>
  <si>
    <t>940376946.0</t>
  </si>
  <si>
    <t>373454249.0</t>
  </si>
  <si>
    <t>337769747.0</t>
  </si>
  <si>
    <t>241823222.0</t>
  </si>
  <si>
    <t>365000.0</t>
  </si>
  <si>
    <t>942426736.0</t>
  </si>
  <si>
    <t>373670322.0</t>
  </si>
  <si>
    <t>338114825.0</t>
  </si>
  <si>
    <t>243319687.0</t>
  </si>
  <si>
    <t>2058936.0</t>
  </si>
  <si>
    <t>653862.0</t>
  </si>
  <si>
    <t>942540497.0</t>
  </si>
  <si>
    <t>373674929.0</t>
  </si>
  <si>
    <t>338119167.0</t>
  </si>
  <si>
    <t>243424499.0</t>
  </si>
  <si>
    <t>138289.0</t>
  </si>
  <si>
    <t>645406.0</t>
  </si>
  <si>
    <t>215.77</t>
  </si>
  <si>
    <t>62116.0</t>
  </si>
  <si>
    <t>942626616.0</t>
  </si>
  <si>
    <t>373683089.0</t>
  </si>
  <si>
    <t>338129037.0</t>
  </si>
  <si>
    <t>243492632.0</t>
  </si>
  <si>
    <t>630497.0</t>
  </si>
  <si>
    <t>942746130.0</t>
  </si>
  <si>
    <t>373687479.0</t>
  </si>
  <si>
    <t>338133270.0</t>
  </si>
  <si>
    <t>243603523.0</t>
  </si>
  <si>
    <t>142559.0</t>
  </si>
  <si>
    <t>627588.0</t>
  </si>
  <si>
    <t>942930452.0</t>
  </si>
  <si>
    <t>373698403.0</t>
  </si>
  <si>
    <t>338145923.0</t>
  </si>
  <si>
    <t>243764306.0</t>
  </si>
  <si>
    <t>127340.0</t>
  </si>
  <si>
    <t>621903.0</t>
  </si>
  <si>
    <t>942971616.0</t>
  </si>
  <si>
    <t>373700828.0</t>
  </si>
  <si>
    <t>338149075.0</t>
  </si>
  <si>
    <t>243799893.0</t>
  </si>
  <si>
    <t>382635.0</t>
  </si>
  <si>
    <t>943035073.0</t>
  </si>
  <si>
    <t>373710525.0</t>
  </si>
  <si>
    <t>338159689.0</t>
  </si>
  <si>
    <t>243843146.0</t>
  </si>
  <si>
    <t>379423.0</t>
  </si>
  <si>
    <t>943051942.0</t>
  </si>
  <si>
    <t>373713022.0</t>
  </si>
  <si>
    <t>338162931.0</t>
  </si>
  <si>
    <t>243854302.0</t>
  </si>
  <si>
    <t>943170849.0</t>
  </si>
  <si>
    <t>373716759.0</t>
  </si>
  <si>
    <t>338167581.0</t>
  </si>
  <si>
    <t>243964833.0</t>
  </si>
  <si>
    <t>120057.0</t>
  </si>
  <si>
    <t>943326602.0</t>
  </si>
  <si>
    <t>373727197.0</t>
  </si>
  <si>
    <t>338179591.0</t>
  </si>
  <si>
    <t>244102388.0</t>
  </si>
  <si>
    <t>96816.0</t>
  </si>
  <si>
    <t>943451129.0</t>
  </si>
  <si>
    <t>373731163.0</t>
  </si>
  <si>
    <t>338184218.0</t>
  </si>
  <si>
    <t>244218322.0</t>
  </si>
  <si>
    <t>137324.0</t>
  </si>
  <si>
    <t>96067.0</t>
  </si>
  <si>
    <t>943571718.0</t>
  </si>
  <si>
    <t>373737618.0</t>
  </si>
  <si>
    <t>338192893.0</t>
  </si>
  <si>
    <t>244323803.0</t>
  </si>
  <si>
    <t>112456.0</t>
  </si>
  <si>
    <t>93942.0</t>
  </si>
  <si>
    <t>943602805.0</t>
  </si>
  <si>
    <t>373739662.0</t>
  </si>
  <si>
    <t>338195430.0</t>
  </si>
  <si>
    <t>244350439.0</t>
  </si>
  <si>
    <t>92503.0</t>
  </si>
  <si>
    <t>943607013.0</t>
  </si>
  <si>
    <t>373740869.0</t>
  </si>
  <si>
    <t>338196978.0</t>
  </si>
  <si>
    <t>244352705.0</t>
  </si>
  <si>
    <t>943608211.0</t>
  </si>
  <si>
    <t>373740979.0</t>
  </si>
  <si>
    <t>338197081.0</t>
  </si>
  <si>
    <t>244353690.0</t>
  </si>
  <si>
    <t>943693217.0</t>
  </si>
  <si>
    <t>373743034.0</t>
  </si>
  <si>
    <t>338199411.0</t>
  </si>
  <si>
    <t>244434311.0</t>
  </si>
  <si>
    <t>943902608.0</t>
  </si>
  <si>
    <t>373757222.0</t>
  </si>
  <si>
    <t>338221409.0</t>
  </si>
  <si>
    <t>244607661.0</t>
  </si>
  <si>
    <t>944006727.0</t>
  </si>
  <si>
    <t>373761536.0</t>
  </si>
  <si>
    <t>338227096.0</t>
  </si>
  <si>
    <t>244701818.0</t>
  </si>
  <si>
    <t>944057448.0</t>
  </si>
  <si>
    <t>373761755.0</t>
  </si>
  <si>
    <t>338227307.0</t>
  </si>
  <si>
    <t>244752109.0</t>
  </si>
  <si>
    <t>216.12</t>
  </si>
  <si>
    <t>KOR</t>
  </si>
  <si>
    <t>South Korea</t>
  </si>
  <si>
    <t>0.8375822297319</t>
  </si>
  <si>
    <t>2.68643885665162</t>
  </si>
  <si>
    <t>392.4</t>
  </si>
  <si>
    <t>7.57297850107828</t>
  </si>
  <si>
    <t>1392.3</t>
  </si>
  <si>
    <t>7.22173434022297</t>
  </si>
  <si>
    <t>1867.1</t>
  </si>
  <si>
    <t>1848.5</t>
  </si>
  <si>
    <t>24827.0</t>
  </si>
  <si>
    <t>2.31203574013552</t>
  </si>
  <si>
    <t>31404.0</t>
  </si>
  <si>
    <t>38952.0</t>
  </si>
  <si>
    <t>52201.0</t>
  </si>
  <si>
    <t>65300.0</t>
  </si>
  <si>
    <t>92703.0</t>
  </si>
  <si>
    <t>-62.0</t>
  </si>
  <si>
    <t>-1.19654604247414</t>
  </si>
  <si>
    <t>163388.0</t>
  </si>
  <si>
    <t>11939.0</t>
  </si>
  <si>
    <t>187166.0</t>
  </si>
  <si>
    <t>-222.6</t>
  </si>
  <si>
    <t>-4.29598627507652</t>
  </si>
  <si>
    <t>195266.0</t>
  </si>
  <si>
    <t>221043.0</t>
  </si>
  <si>
    <t>233646.0</t>
  </si>
  <si>
    <t>12603.0</t>
  </si>
  <si>
    <t>259982.0</t>
  </si>
  <si>
    <t>266860.0</t>
  </si>
  <si>
    <t>-329.0</t>
  </si>
  <si>
    <t>-6.34941367699988</t>
  </si>
  <si>
    <t>273152.0</t>
  </si>
  <si>
    <t>285364.0</t>
  </si>
  <si>
    <t>294295.0</t>
  </si>
  <si>
    <t>305672.0</t>
  </si>
  <si>
    <t>315312.0</t>
  </si>
  <si>
    <t>326157.0</t>
  </si>
  <si>
    <t>330428.0</t>
  </si>
  <si>
    <t>-427.2</t>
  </si>
  <si>
    <t>-8.24458821524119</t>
  </si>
  <si>
    <t>336684.0</t>
  </si>
  <si>
    <t>347230.0</t>
  </si>
  <si>
    <t>363590.0</t>
  </si>
  <si>
    <t>392789.0</t>
  </si>
  <si>
    <t>7.578</t>
  </si>
  <si>
    <t>-638.0</t>
  </si>
  <si>
    <t>-12.3128447596533</t>
  </si>
  <si>
    <t>393842.0</t>
  </si>
  <si>
    <t>420195.0</t>
  </si>
  <si>
    <t>430391.0</t>
  </si>
  <si>
    <t>8.304</t>
  </si>
  <si>
    <t>441921.0</t>
  </si>
  <si>
    <t>453680.0</t>
  </si>
  <si>
    <t>459881.0</t>
  </si>
  <si>
    <t>-914.2</t>
  </si>
  <si>
    <t>-17.6432643875784</t>
  </si>
  <si>
    <t>465452.0</t>
  </si>
  <si>
    <t>475952.0</t>
  </si>
  <si>
    <t>484651.0</t>
  </si>
  <si>
    <t>493359.0</t>
  </si>
  <si>
    <t>501699.0</t>
  </si>
  <si>
    <t>509127.0</t>
  </si>
  <si>
    <t>513270.0</t>
  </si>
  <si>
    <t>-811.6</t>
  </si>
  <si>
    <t>-15.6631736785809</t>
  </si>
  <si>
    <t>517391.0</t>
  </si>
  <si>
    <t>526086.0</t>
  </si>
  <si>
    <t>533200.0</t>
  </si>
  <si>
    <t>537423.0</t>
  </si>
  <si>
    <t>545111.0</t>
  </si>
  <si>
    <t>10.517</t>
  </si>
  <si>
    <t>10.679</t>
  </si>
  <si>
    <t>557757.0</t>
  </si>
  <si>
    <t>298.6</t>
  </si>
  <si>
    <t>-907.6</t>
  </si>
  <si>
    <t>-17.5158901314441</t>
  </si>
  <si>
    <t>561683.0</t>
  </si>
  <si>
    <t>569662.0</t>
  </si>
  <si>
    <t>366.2</t>
  </si>
  <si>
    <t>576607.0</t>
  </si>
  <si>
    <t>421.4</t>
  </si>
  <si>
    <t>582619.0</t>
  </si>
  <si>
    <t>11.241</t>
  </si>
  <si>
    <t>588168.0</t>
  </si>
  <si>
    <t>593809.0</t>
  </si>
  <si>
    <t>-1018.8</t>
  </si>
  <si>
    <t>-19.6619533560106</t>
  </si>
  <si>
    <t>600308.0</t>
  </si>
  <si>
    <t>607162.0</t>
  </si>
  <si>
    <t>480.8</t>
  </si>
  <si>
    <t>612845.0</t>
  </si>
  <si>
    <t>11.824</t>
  </si>
  <si>
    <t>510.4</t>
  </si>
  <si>
    <t>618529.0</t>
  </si>
  <si>
    <t>544.1</t>
  </si>
  <si>
    <t>621717.0</t>
  </si>
  <si>
    <t>626210.0</t>
  </si>
  <si>
    <t>629621.0</t>
  </si>
  <si>
    <t>-826.2</t>
  </si>
  <si>
    <t>-15.9449409724538</t>
  </si>
  <si>
    <t>632569.0</t>
  </si>
  <si>
    <t>620.4</t>
  </si>
  <si>
    <t>638885.0</t>
  </si>
  <si>
    <t>704.9</t>
  </si>
  <si>
    <t>641743.0</t>
  </si>
  <si>
    <t>648036.0</t>
  </si>
  <si>
    <t>614.7</t>
  </si>
  <si>
    <t>653511.0</t>
  </si>
  <si>
    <t>658678.0</t>
  </si>
  <si>
    <t>662534.0</t>
  </si>
  <si>
    <t>-974.2</t>
  </si>
  <si>
    <t>-18.8012121706179</t>
  </si>
  <si>
    <t>667140.0</t>
  </si>
  <si>
    <t>261.9</t>
  </si>
  <si>
    <t>694568.0</t>
  </si>
  <si>
    <t>13.401</t>
  </si>
  <si>
    <t>13.701</t>
  </si>
  <si>
    <t>725395.0</t>
  </si>
  <si>
    <t>364.9</t>
  </si>
  <si>
    <t>739293.0</t>
  </si>
  <si>
    <t>14.264</t>
  </si>
  <si>
    <t>746301.0</t>
  </si>
  <si>
    <t>-1234.2</t>
  </si>
  <si>
    <t>-23.8189858971224</t>
  </si>
  <si>
    <t>751859.0</t>
  </si>
  <si>
    <t>596.6</t>
  </si>
  <si>
    <t>764222.0</t>
  </si>
  <si>
    <t>572.2</t>
  </si>
  <si>
    <t>775081.0</t>
  </si>
  <si>
    <t>14.954</t>
  </si>
  <si>
    <t>614.6</t>
  </si>
  <si>
    <t>622.6</t>
  </si>
  <si>
    <t>801066.0</t>
  </si>
  <si>
    <t>591.2</t>
  </si>
  <si>
    <t>813068.0</t>
  </si>
  <si>
    <t>818937.0</t>
  </si>
  <si>
    <t>-1330.8</t>
  </si>
  <si>
    <t>-25.6832818278159</t>
  </si>
  <si>
    <t>825085.0</t>
  </si>
  <si>
    <t>498.1</t>
  </si>
  <si>
    <t>838123.0</t>
  </si>
  <si>
    <t>851524.0</t>
  </si>
  <si>
    <t>344.3</t>
  </si>
  <si>
    <t>867314.0</t>
  </si>
  <si>
    <t>307.6</t>
  </si>
  <si>
    <t>883768.0</t>
  </si>
  <si>
    <t>17.051</t>
  </si>
  <si>
    <t>299.7</t>
  </si>
  <si>
    <t>901549.0</t>
  </si>
  <si>
    <t>17.394</t>
  </si>
  <si>
    <t>318.3</t>
  </si>
  <si>
    <t>909470.0</t>
  </si>
  <si>
    <t>17.547</t>
  </si>
  <si>
    <t>-1577.0</t>
  </si>
  <si>
    <t>-30.4347275642213</t>
  </si>
  <si>
    <t>920039.0</t>
  </si>
  <si>
    <t>938499.0</t>
  </si>
  <si>
    <t>18460.0</t>
  </si>
  <si>
    <t>18.107</t>
  </si>
  <si>
    <t>955500.0</t>
  </si>
  <si>
    <t>18.435</t>
  </si>
  <si>
    <t>972506.0</t>
  </si>
  <si>
    <t>989608.0</t>
  </si>
  <si>
    <t>1003953.0</t>
  </si>
  <si>
    <t>332.5</t>
  </si>
  <si>
    <t>1011417.0</t>
  </si>
  <si>
    <t>19.514</t>
  </si>
  <si>
    <t>-1451.8</t>
  </si>
  <si>
    <t>-28.0184765236123</t>
  </si>
  <si>
    <t>1016862.0</t>
  </si>
  <si>
    <t>19.619</t>
  </si>
  <si>
    <t>1034645.0</t>
  </si>
  <si>
    <t>1050620.0</t>
  </si>
  <si>
    <t>299.1</t>
  </si>
  <si>
    <t>1065536.0</t>
  </si>
  <si>
    <t>1080135.0</t>
  </si>
  <si>
    <t>1093352.0</t>
  </si>
  <si>
    <t>21.095</t>
  </si>
  <si>
    <t>1098976.0</t>
  </si>
  <si>
    <t>285.2</t>
  </si>
  <si>
    <t>-1361.6</t>
  </si>
  <si>
    <t>-26.2776950231096</t>
  </si>
  <si>
    <t>21.307</t>
  </si>
  <si>
    <t>1118415.0</t>
  </si>
  <si>
    <t>1131471.0</t>
  </si>
  <si>
    <t>1144360.0</t>
  </si>
  <si>
    <t>22.079</t>
  </si>
  <si>
    <t>260.2</t>
  </si>
  <si>
    <t>1156711.0</t>
  </si>
  <si>
    <t>22.317</t>
  </si>
  <si>
    <t>1169549.0</t>
  </si>
  <si>
    <t>22.565</t>
  </si>
  <si>
    <t>1175111.0</t>
  </si>
  <si>
    <t>22.672</t>
  </si>
  <si>
    <t>-1415.8</t>
  </si>
  <si>
    <t>-27.3237078537886</t>
  </si>
  <si>
    <t>1180714.0</t>
  </si>
  <si>
    <t>1194660.0</t>
  </si>
  <si>
    <t>1219126.0</t>
  </si>
  <si>
    <t>23.522</t>
  </si>
  <si>
    <t>1230963.0</t>
  </si>
  <si>
    <t>1242428.0</t>
  </si>
  <si>
    <t>247.9</t>
  </si>
  <si>
    <t>1250343.0</t>
  </si>
  <si>
    <t>24.124</t>
  </si>
  <si>
    <t>-1418.0</t>
  </si>
  <si>
    <t>-27.3661659391667</t>
  </si>
  <si>
    <t>1258602.0</t>
  </si>
  <si>
    <t>24.283</t>
  </si>
  <si>
    <t>1272414.0</t>
  </si>
  <si>
    <t>1283879.0</t>
  </si>
  <si>
    <t>24.771</t>
  </si>
  <si>
    <t>1294610.0</t>
  </si>
  <si>
    <t>24.978</t>
  </si>
  <si>
    <t>1306409.0</t>
  </si>
  <si>
    <t>25.206</t>
  </si>
  <si>
    <t>25.433</t>
  </si>
  <si>
    <t>1324703.0</t>
  </si>
  <si>
    <t>-1414.0</t>
  </si>
  <si>
    <t>-27.2889694202974</t>
  </si>
  <si>
    <t>1330444.0</t>
  </si>
  <si>
    <t>1344842.0</t>
  </si>
  <si>
    <t>25.947</t>
  </si>
  <si>
    <t>1358383.0</t>
  </si>
  <si>
    <t>26.208</t>
  </si>
  <si>
    <t>1370419.0</t>
  </si>
  <si>
    <t>1383538.0</t>
  </si>
  <si>
    <t>26.694</t>
  </si>
  <si>
    <t>1395589.0</t>
  </si>
  <si>
    <t>26.926</t>
  </si>
  <si>
    <t>1400792.0</t>
  </si>
  <si>
    <t>-1581.2</t>
  </si>
  <si>
    <t>-3.11</t>
  </si>
  <si>
    <t>-30.5157839090341</t>
  </si>
  <si>
    <t>1406960.0</t>
  </si>
  <si>
    <t>1419264.0</t>
  </si>
  <si>
    <t>27.383</t>
  </si>
  <si>
    <t>1429964.0</t>
  </si>
  <si>
    <t>27.589</t>
  </si>
  <si>
    <t>1439996.0</t>
  </si>
  <si>
    <t>1449665.0</t>
  </si>
  <si>
    <t>1458852.0</t>
  </si>
  <si>
    <t>28.147</t>
  </si>
  <si>
    <t>28.245</t>
  </si>
  <si>
    <t>-1513.4</t>
  </si>
  <si>
    <t>-29.2073029141995</t>
  </si>
  <si>
    <t>1468841.0</t>
  </si>
  <si>
    <t>1481038.0</t>
  </si>
  <si>
    <t>1490719.0</t>
  </si>
  <si>
    <t>28.762</t>
  </si>
  <si>
    <t>1499502.0</t>
  </si>
  <si>
    <t>28.931</t>
  </si>
  <si>
    <t>1508975.0</t>
  </si>
  <si>
    <t>1517282.0</t>
  </si>
  <si>
    <t>29.274</t>
  </si>
  <si>
    <t>1521574.0</t>
  </si>
  <si>
    <t>-1488.0</t>
  </si>
  <si>
    <t>-28.7171050193794</t>
  </si>
  <si>
    <t>1525622.0</t>
  </si>
  <si>
    <t>1536352.0</t>
  </si>
  <si>
    <t>1545955.0</t>
  </si>
  <si>
    <t>1554863.0</t>
  </si>
  <si>
    <t>1562444.0</t>
  </si>
  <si>
    <t>30.145</t>
  </si>
  <si>
    <t>1570478.0</t>
  </si>
  <si>
    <t>1574894.0</t>
  </si>
  <si>
    <t>30.386</t>
  </si>
  <si>
    <t>-1573.8</t>
  </si>
  <si>
    <t>-30.3729703491259</t>
  </si>
  <si>
    <t>1578405.0</t>
  </si>
  <si>
    <t>1588428.0</t>
  </si>
  <si>
    <t>1596835.0</t>
  </si>
  <si>
    <t>30.809</t>
  </si>
  <si>
    <t>1605135.0</t>
  </si>
  <si>
    <t>234.9</t>
  </si>
  <si>
    <t>1612300.0</t>
  </si>
  <si>
    <t>31.107</t>
  </si>
  <si>
    <t>1619162.0</t>
  </si>
  <si>
    <t>1623298.0</t>
  </si>
  <si>
    <t>-1724.2</t>
  </si>
  <si>
    <t>-33.2755594586116</t>
  </si>
  <si>
    <t>1626951.0</t>
  </si>
  <si>
    <t>1636492.0</t>
  </si>
  <si>
    <t>31.574</t>
  </si>
  <si>
    <t>1645300.0</t>
  </si>
  <si>
    <t>1653546.0</t>
  </si>
  <si>
    <t>31.903</t>
  </si>
  <si>
    <t>1673944.0</t>
  </si>
  <si>
    <t>32.297</t>
  </si>
  <si>
    <t>1680435.0</t>
  </si>
  <si>
    <t>32.422</t>
  </si>
  <si>
    <t>-1461.2</t>
  </si>
  <si>
    <t>-28.1998883429551</t>
  </si>
  <si>
    <t>1687118.0</t>
  </si>
  <si>
    <t>32.551</t>
  </si>
  <si>
    <t>1695690.0</t>
  </si>
  <si>
    <t>32.716</t>
  </si>
  <si>
    <t>1713712.0</t>
  </si>
  <si>
    <t>33.064</t>
  </si>
  <si>
    <t>1732731.0</t>
  </si>
  <si>
    <t>1752771.0</t>
  </si>
  <si>
    <t>33.818</t>
  </si>
  <si>
    <t>1774448.0</t>
  </si>
  <si>
    <t>1789834.0</t>
  </si>
  <si>
    <t>34.533</t>
  </si>
  <si>
    <t>-975.2</t>
  </si>
  <si>
    <t>-18.8205113003352</t>
  </si>
  <si>
    <t>1803070.0</t>
  </si>
  <si>
    <t>34.788</t>
  </si>
  <si>
    <t>1824485.0</t>
  </si>
  <si>
    <t>1848154.0</t>
  </si>
  <si>
    <t>35.658</t>
  </si>
  <si>
    <t>1868227.0</t>
  </si>
  <si>
    <t>1886365.0</t>
  </si>
  <si>
    <t>36.395</t>
  </si>
  <si>
    <t>1907977.0</t>
  </si>
  <si>
    <t>1922818.0</t>
  </si>
  <si>
    <t>37.098</t>
  </si>
  <si>
    <t>-11.8998433837025</t>
  </si>
  <si>
    <t>1936337.0</t>
  </si>
  <si>
    <t>1957728.0</t>
  </si>
  <si>
    <t>37.772</t>
  </si>
  <si>
    <t>1978943.0</t>
  </si>
  <si>
    <t>1999200.0</t>
  </si>
  <si>
    <t>38.572</t>
  </si>
  <si>
    <t>2020554.0</t>
  </si>
  <si>
    <t>38.984</t>
  </si>
  <si>
    <t>2035693.0</t>
  </si>
  <si>
    <t>39.276</t>
  </si>
  <si>
    <t>2044583.0</t>
  </si>
  <si>
    <t>39.448</t>
  </si>
  <si>
    <t>-545.6</t>
  </si>
  <si>
    <t>-10.5296051737725</t>
  </si>
  <si>
    <t>2049945.0</t>
  </si>
  <si>
    <t>39.551</t>
  </si>
  <si>
    <t>2064726.0</t>
  </si>
  <si>
    <t>39.836</t>
  </si>
  <si>
    <t>2080882.0</t>
  </si>
  <si>
    <t>2098239.0</t>
  </si>
  <si>
    <t>14148.0</t>
  </si>
  <si>
    <t>2117859.0</t>
  </si>
  <si>
    <t>40.862</t>
  </si>
  <si>
    <t>2134105.0</t>
  </si>
  <si>
    <t>41.175</t>
  </si>
  <si>
    <t>2141918.0</t>
  </si>
  <si>
    <t>41.326</t>
  </si>
  <si>
    <t>-438.4</t>
  </si>
  <si>
    <t>-8.46073846807523</t>
  </si>
  <si>
    <t>2149650.0</t>
  </si>
  <si>
    <t>2163226.0</t>
  </si>
  <si>
    <t>2177480.0</t>
  </si>
  <si>
    <t>42.012</t>
  </si>
  <si>
    <t>2190540.0</t>
  </si>
  <si>
    <t>42.264</t>
  </si>
  <si>
    <t>2205013.0</t>
  </si>
  <si>
    <t>2217810.0</t>
  </si>
  <si>
    <t>2225349.0</t>
  </si>
  <si>
    <t>42.935</t>
  </si>
  <si>
    <t>-261.4</t>
  </si>
  <si>
    <t>-5.04479250810872</t>
  </si>
  <si>
    <t>2230237.0</t>
  </si>
  <si>
    <t>2243760.0</t>
  </si>
  <si>
    <t>13523.0</t>
  </si>
  <si>
    <t>43.291</t>
  </si>
  <si>
    <t>2255547.0</t>
  </si>
  <si>
    <t>43.518</t>
  </si>
  <si>
    <t>2267647.0</t>
  </si>
  <si>
    <t>2278924.0</t>
  </si>
  <si>
    <t>2288993.0</t>
  </si>
  <si>
    <t>44.163</t>
  </si>
  <si>
    <t>2295165.0</t>
  </si>
  <si>
    <t>-2.73661659391667</t>
  </si>
  <si>
    <t>2299951.0</t>
  </si>
  <si>
    <t>44.375</t>
  </si>
  <si>
    <t>2311692.0</t>
  </si>
  <si>
    <t>44.601</t>
  </si>
  <si>
    <t>2321647.0</t>
  </si>
  <si>
    <t>44.793</t>
  </si>
  <si>
    <t>2327083.0</t>
  </si>
  <si>
    <t>44.898</t>
  </si>
  <si>
    <t>2332425.0</t>
  </si>
  <si>
    <t>45.001</t>
  </si>
  <si>
    <t>2338507.0</t>
  </si>
  <si>
    <t>2344993.0</t>
  </si>
  <si>
    <t>45.244</t>
  </si>
  <si>
    <t>-122.4</t>
  </si>
  <si>
    <t>-2.36221347740057</t>
  </si>
  <si>
    <t>2351026.0</t>
  </si>
  <si>
    <t>2364081.0</t>
  </si>
  <si>
    <t>2376721.0</t>
  </si>
  <si>
    <t>45.856</t>
  </si>
  <si>
    <t>2387492.0</t>
  </si>
  <si>
    <t>46.064</t>
  </si>
  <si>
    <t>2398881.0</t>
  </si>
  <si>
    <t>46.284</t>
  </si>
  <si>
    <t>2403332.0</t>
  </si>
  <si>
    <t>2409131.0</t>
  </si>
  <si>
    <t>46.481</t>
  </si>
  <si>
    <t>1.57094915899024</t>
  </si>
  <si>
    <t>2414258.0</t>
  </si>
  <si>
    <t>2427419.0</t>
  </si>
  <si>
    <t>46.834</t>
  </si>
  <si>
    <t>2440102.0</t>
  </si>
  <si>
    <t>47.079</t>
  </si>
  <si>
    <t>2449387.0</t>
  </si>
  <si>
    <t>47.258</t>
  </si>
  <si>
    <t>2458074.0</t>
  </si>
  <si>
    <t>47.426</t>
  </si>
  <si>
    <t>2467175.0</t>
  </si>
  <si>
    <t>2473177.0</t>
  </si>
  <si>
    <t>47.717</t>
  </si>
  <si>
    <t>1.42427577313858</t>
  </si>
  <si>
    <t>2477874.0</t>
  </si>
  <si>
    <t>47.808</t>
  </si>
  <si>
    <t>2489959.0</t>
  </si>
  <si>
    <t>48.041</t>
  </si>
  <si>
    <t>2502139.0</t>
  </si>
  <si>
    <t>48.276</t>
  </si>
  <si>
    <t>2513973.0</t>
  </si>
  <si>
    <t>48.504</t>
  </si>
  <si>
    <t>2527269.0</t>
  </si>
  <si>
    <t>48.761</t>
  </si>
  <si>
    <t>2539327.0</t>
  </si>
  <si>
    <t>2544794.0</t>
  </si>
  <si>
    <t>49.099</t>
  </si>
  <si>
    <t>248.6</t>
  </si>
  <si>
    <t>4.79776364772696</t>
  </si>
  <si>
    <t>2550912.0</t>
  </si>
  <si>
    <t>49.217</t>
  </si>
  <si>
    <t>2566235.0</t>
  </si>
  <si>
    <t>49.512</t>
  </si>
  <si>
    <t>2581608.0</t>
  </si>
  <si>
    <t>49.809</t>
  </si>
  <si>
    <t>2596626.0</t>
  </si>
  <si>
    <t>50.099</t>
  </si>
  <si>
    <t>2610879.0</t>
  </si>
  <si>
    <t>2623140.0</t>
  </si>
  <si>
    <t>2629278.0</t>
  </si>
  <si>
    <t>50.729</t>
  </si>
  <si>
    <t>442.2</t>
  </si>
  <si>
    <t>8.53407516100106</t>
  </si>
  <si>
    <t>2635298.0</t>
  </si>
  <si>
    <t>50.845</t>
  </si>
  <si>
    <t>2648507.0</t>
  </si>
  <si>
    <t>2660908.0</t>
  </si>
  <si>
    <t>2684962.0</t>
  </si>
  <si>
    <t>51.803</t>
  </si>
  <si>
    <t>2695897.0</t>
  </si>
  <si>
    <t>52.014</t>
  </si>
  <si>
    <t>2701528.0</t>
  </si>
  <si>
    <t>52.123</t>
  </si>
  <si>
    <t>11.3594677516174</t>
  </si>
  <si>
    <t>2707847.0</t>
  </si>
  <si>
    <t>52.245</t>
  </si>
  <si>
    <t>2722608.0</t>
  </si>
  <si>
    <t>52.529</t>
  </si>
  <si>
    <t>2735182.0</t>
  </si>
  <si>
    <t>2748420.0</t>
  </si>
  <si>
    <t>53.027</t>
  </si>
  <si>
    <t>2760059.0</t>
  </si>
  <si>
    <t>53.252</t>
  </si>
  <si>
    <t>2775937.0</t>
  </si>
  <si>
    <t>53.558</t>
  </si>
  <si>
    <t>2785526.0</t>
  </si>
  <si>
    <t>53.743</t>
  </si>
  <si>
    <t>13.7911580960004</t>
  </si>
  <si>
    <t>2796339.0</t>
  </si>
  <si>
    <t>53.952</t>
  </si>
  <si>
    <t>2814403.0</t>
  </si>
  <si>
    <t>54.301</t>
  </si>
  <si>
    <t>2833010.0</t>
  </si>
  <si>
    <t>18607.0</t>
  </si>
  <si>
    <t>2852491.0</t>
  </si>
  <si>
    <t>55.035</t>
  </si>
  <si>
    <t>2872091.0</t>
  </si>
  <si>
    <t>55.414</t>
  </si>
  <si>
    <t>2895394.0</t>
  </si>
  <si>
    <t>55.863</t>
  </si>
  <si>
    <t>2907538.0</t>
  </si>
  <si>
    <t>56.097</t>
  </si>
  <si>
    <t>14.5862822403541</t>
  </si>
  <si>
    <t>2920783.0</t>
  </si>
  <si>
    <t>56.353</t>
  </si>
  <si>
    <t>17778.0</t>
  </si>
  <si>
    <t>2945047.0</t>
  </si>
  <si>
    <t>2965053.0</t>
  </si>
  <si>
    <t>57.207</t>
  </si>
  <si>
    <t>2986694.0</t>
  </si>
  <si>
    <t>57.625</t>
  </si>
  <si>
    <t>3008225.0</t>
  </si>
  <si>
    <t>3030652.0</t>
  </si>
  <si>
    <t>58.473</t>
  </si>
  <si>
    <t>3045619.0</t>
  </si>
  <si>
    <t>58.762</t>
  </si>
  <si>
    <t>11.2012148879354</t>
  </si>
  <si>
    <t>3059820.0</t>
  </si>
  <si>
    <t>59.036</t>
  </si>
  <si>
    <t>3082645.0</t>
  </si>
  <si>
    <t>59.476</t>
  </si>
  <si>
    <t>3105618.0</t>
  </si>
  <si>
    <t>59.919</t>
  </si>
  <si>
    <t>20081.0</t>
  </si>
  <si>
    <t>3130534.0</t>
  </si>
  <si>
    <t>3156058.0</t>
  </si>
  <si>
    <t>3179144.0</t>
  </si>
  <si>
    <t>61.338</t>
  </si>
  <si>
    <t>3193515.0</t>
  </si>
  <si>
    <t>754.6</t>
  </si>
  <si>
    <t>14.5631232846934</t>
  </si>
  <si>
    <t>3208024.0</t>
  </si>
  <si>
    <t>61.895</t>
  </si>
  <si>
    <t>3219973.0</t>
  </si>
  <si>
    <t>3251884.0</t>
  </si>
  <si>
    <t>62.741</t>
  </si>
  <si>
    <t>3276595.0</t>
  </si>
  <si>
    <t>24711.0</t>
  </si>
  <si>
    <t>3309861.0</t>
  </si>
  <si>
    <t>33266.0</t>
  </si>
  <si>
    <t>21972.0</t>
  </si>
  <si>
    <t>3348512.0</t>
  </si>
  <si>
    <t>64.605</t>
  </si>
  <si>
    <t>3373243.0</t>
  </si>
  <si>
    <t>672.6</t>
  </si>
  <si>
    <t>12.9805946478727</t>
  </si>
  <si>
    <t>3395687.0</t>
  </si>
  <si>
    <t>65.516</t>
  </si>
  <si>
    <t>3439868.0</t>
  </si>
  <si>
    <t>66.368</t>
  </si>
  <si>
    <t>3487417.0</t>
  </si>
  <si>
    <t>47549.0</t>
  </si>
  <si>
    <t>67.286</t>
  </si>
  <si>
    <t>3537488.0</t>
  </si>
  <si>
    <t>68.252</t>
  </si>
  <si>
    <t>3621287.0</t>
  </si>
  <si>
    <t>83799.0</t>
  </si>
  <si>
    <t>69.868</t>
  </si>
  <si>
    <t>44489.0</t>
  </si>
  <si>
    <t>3726232.0</t>
  </si>
  <si>
    <t>71.893</t>
  </si>
  <si>
    <t>53960.0</t>
  </si>
  <si>
    <t>3807972.0</t>
  </si>
  <si>
    <t>81740.0</t>
  </si>
  <si>
    <t>62104.0</t>
  </si>
  <si>
    <t>7.3722675520181</t>
  </si>
  <si>
    <t>3864492.0</t>
  </si>
  <si>
    <t>74.561</t>
  </si>
  <si>
    <t>3972814.0</t>
  </si>
  <si>
    <t>108322.0</t>
  </si>
  <si>
    <t>76.651</t>
  </si>
  <si>
    <t>4080031.0</t>
  </si>
  <si>
    <t>78.719</t>
  </si>
  <si>
    <t>4193762.0</t>
  </si>
  <si>
    <t>113731.0</t>
  </si>
  <si>
    <t>80.914</t>
  </si>
  <si>
    <t>93753.0</t>
  </si>
  <si>
    <t>4311840.0</t>
  </si>
  <si>
    <t>118078.0</t>
  </si>
  <si>
    <t>83.192</t>
  </si>
  <si>
    <t>98650.0</t>
  </si>
  <si>
    <t>4376054.0</t>
  </si>
  <si>
    <t>64214.0</t>
  </si>
  <si>
    <t>84.431</t>
  </si>
  <si>
    <t>92832.0</t>
  </si>
  <si>
    <t>4447176.0</t>
  </si>
  <si>
    <t>91315.0</t>
  </si>
  <si>
    <t>268.4</t>
  </si>
  <si>
    <t>5.17988641613</t>
  </si>
  <si>
    <t>4503323.0</t>
  </si>
  <si>
    <t>86.886</t>
  </si>
  <si>
    <t>4611708.0</t>
  </si>
  <si>
    <t>108385.0</t>
  </si>
  <si>
    <t>88.977</t>
  </si>
  <si>
    <t>91271.0</t>
  </si>
  <si>
    <t>4714203.0</t>
  </si>
  <si>
    <t>90.955</t>
  </si>
  <si>
    <t>4809285.0</t>
  </si>
  <si>
    <t>92.789</t>
  </si>
  <si>
    <t>4910461.0</t>
  </si>
  <si>
    <t>101176.0</t>
  </si>
  <si>
    <t>94.741</t>
  </si>
  <si>
    <t>4963447.0</t>
  </si>
  <si>
    <t>83913.0</t>
  </si>
  <si>
    <t>5037010.0</t>
  </si>
  <si>
    <t>73563.0</t>
  </si>
  <si>
    <t>97.183</t>
  </si>
  <si>
    <t>84262.0</t>
  </si>
  <si>
    <t>3.43138526374036</t>
  </si>
  <si>
    <t>5096389.0</t>
  </si>
  <si>
    <t>98.329</t>
  </si>
  <si>
    <t>84724.0</t>
  </si>
  <si>
    <t>5191657.0</t>
  </si>
  <si>
    <t>95268.0</t>
  </si>
  <si>
    <t>100.167</t>
  </si>
  <si>
    <t>82850.0</t>
  </si>
  <si>
    <t>5289600.0</t>
  </si>
  <si>
    <t>97943.0</t>
  </si>
  <si>
    <t>102.056</t>
  </si>
  <si>
    <t>82200.0</t>
  </si>
  <si>
    <t>5392390.0</t>
  </si>
  <si>
    <t>102790.0</t>
  </si>
  <si>
    <t>83301.0</t>
  </si>
  <si>
    <t>5483517.0</t>
  </si>
  <si>
    <t>105.798</t>
  </si>
  <si>
    <t>81865.0</t>
  </si>
  <si>
    <t>5577126.0</t>
  </si>
  <si>
    <t>107.604</t>
  </si>
  <si>
    <t>87668.0</t>
  </si>
  <si>
    <t>5634074.0</t>
  </si>
  <si>
    <t>108.703</t>
  </si>
  <si>
    <t>85295.0</t>
  </si>
  <si>
    <t>-126.8</t>
  </si>
  <si>
    <t>-2.44712964815679</t>
  </si>
  <si>
    <t>5676117.0</t>
  </si>
  <si>
    <t>109.514</t>
  </si>
  <si>
    <t>5770654.0</t>
  </si>
  <si>
    <t>82714.0</t>
  </si>
  <si>
    <t>5863046.0</t>
  </si>
  <si>
    <t>81921.0</t>
  </si>
  <si>
    <t>5950671.0</t>
  </si>
  <si>
    <t>114.811</t>
  </si>
  <si>
    <t>79754.0</t>
  </si>
  <si>
    <t>6035060.0</t>
  </si>
  <si>
    <t>116.439</t>
  </si>
  <si>
    <t>78792.0</t>
  </si>
  <si>
    <t>6122866.0</t>
  </si>
  <si>
    <t>118.133</t>
  </si>
  <si>
    <t>77963.0</t>
  </si>
  <si>
    <t>6168702.0</t>
  </si>
  <si>
    <t>119.018</t>
  </si>
  <si>
    <t>76375.0</t>
  </si>
  <si>
    <t>-352.0</t>
  </si>
  <si>
    <t>-6.79329366049835</t>
  </si>
  <si>
    <t>6206682.0</t>
  </si>
  <si>
    <t>75795.0</t>
  </si>
  <si>
    <t>6279384.0</t>
  </si>
  <si>
    <t>72702.0</t>
  </si>
  <si>
    <t>121.153</t>
  </si>
  <si>
    <t>72676.0</t>
  </si>
  <si>
    <t>6351131.0</t>
  </si>
  <si>
    <t>71747.0</t>
  </si>
  <si>
    <t>122.537</t>
  </si>
  <si>
    <t>6417231.0</t>
  </si>
  <si>
    <t>123.813</t>
  </si>
  <si>
    <t>66651.0</t>
  </si>
  <si>
    <t>6482880.0</t>
  </si>
  <si>
    <t>125.079</t>
  </si>
  <si>
    <t>6557064.0</t>
  </si>
  <si>
    <t>126.511</t>
  </si>
  <si>
    <t>62028.0</t>
  </si>
  <si>
    <t>6594709.0</t>
  </si>
  <si>
    <t>127.237</t>
  </si>
  <si>
    <t>-682.0</t>
  </si>
  <si>
    <t>-13.1620064672156</t>
  </si>
  <si>
    <t>6624071.0</t>
  </si>
  <si>
    <t>127.803</t>
  </si>
  <si>
    <t>129.174</t>
  </si>
  <si>
    <t>59390.0</t>
  </si>
  <si>
    <t>6763616.0</t>
  </si>
  <si>
    <t>68504.0</t>
  </si>
  <si>
    <t>130.496</t>
  </si>
  <si>
    <t>58926.0</t>
  </si>
  <si>
    <t>6841266.0</t>
  </si>
  <si>
    <t>77650.0</t>
  </si>
  <si>
    <t>131.994</t>
  </si>
  <si>
    <t>60576.0</t>
  </si>
  <si>
    <t>6909687.0</t>
  </si>
  <si>
    <t>133.314</t>
  </si>
  <si>
    <t>6986851.0</t>
  </si>
  <si>
    <t>134.803</t>
  </si>
  <si>
    <t>7035651.0</t>
  </si>
  <si>
    <t>48800.0</t>
  </si>
  <si>
    <t>135.744</t>
  </si>
  <si>
    <t>-1285.8</t>
  </si>
  <si>
    <t>-24.8148209905363</t>
  </si>
  <si>
    <t>7069302.0</t>
  </si>
  <si>
    <t>33651.0</t>
  </si>
  <si>
    <t>136.394</t>
  </si>
  <si>
    <t>7151154.0</t>
  </si>
  <si>
    <t>81852.0</t>
  </si>
  <si>
    <t>137.973</t>
  </si>
  <si>
    <t>65149.0</t>
  </si>
  <si>
    <t>7224997.0</t>
  </si>
  <si>
    <t>139.398</t>
  </si>
  <si>
    <t>7299141.0</t>
  </si>
  <si>
    <t>140.828</t>
  </si>
  <si>
    <t>65411.0</t>
  </si>
  <si>
    <t>7371593.0</t>
  </si>
  <si>
    <t>142.226</t>
  </si>
  <si>
    <t>7450174.0</t>
  </si>
  <si>
    <t>78581.0</t>
  </si>
  <si>
    <t>7494481.0</t>
  </si>
  <si>
    <t>144.597</t>
  </si>
  <si>
    <t>65547.0</t>
  </si>
  <si>
    <t>-1659.0</t>
  </si>
  <si>
    <t>-32.017256201042</t>
  </si>
  <si>
    <t>7529444.0</t>
  </si>
  <si>
    <t>145.272</t>
  </si>
  <si>
    <t>7612386.0</t>
  </si>
  <si>
    <t>82942.0</t>
  </si>
  <si>
    <t>146.872</t>
  </si>
  <si>
    <t>65890.0</t>
  </si>
  <si>
    <t>7689677.0</t>
  </si>
  <si>
    <t>77291.0</t>
  </si>
  <si>
    <t>148.363</t>
  </si>
  <si>
    <t>66383.0</t>
  </si>
  <si>
    <t>7770937.0</t>
  </si>
  <si>
    <t>149.931</t>
  </si>
  <si>
    <t>7812920.0</t>
  </si>
  <si>
    <t>150.741</t>
  </si>
  <si>
    <t>7849583.0</t>
  </si>
  <si>
    <t>151.448</t>
  </si>
  <si>
    <t>7900475.0</t>
  </si>
  <si>
    <t>57999.0</t>
  </si>
  <si>
    <t>-2165.8</t>
  </si>
  <si>
    <t>-41.7980551417822</t>
  </si>
  <si>
    <t>7943787.0</t>
  </si>
  <si>
    <t>153.266</t>
  </si>
  <si>
    <t>59192.0</t>
  </si>
  <si>
    <t>8029014.0</t>
  </si>
  <si>
    <t>85227.0</t>
  </si>
  <si>
    <t>8105664.0</t>
  </si>
  <si>
    <t>156.389</t>
  </si>
  <si>
    <t>8176786.0</t>
  </si>
  <si>
    <t>157.761</t>
  </si>
  <si>
    <t>8252282.0</t>
  </si>
  <si>
    <t>62766.0</t>
  </si>
  <si>
    <t>8334259.0</t>
  </si>
  <si>
    <t>160.799</t>
  </si>
  <si>
    <t>8376948.0</t>
  </si>
  <si>
    <t>161.623</t>
  </si>
  <si>
    <t>-2377.0</t>
  </si>
  <si>
    <t>-45.8740313380812</t>
  </si>
  <si>
    <t>8409139.0</t>
  </si>
  <si>
    <t>162.244</t>
  </si>
  <si>
    <t>8488407.0</t>
  </si>
  <si>
    <t>163.774</t>
  </si>
  <si>
    <t>65628.0</t>
  </si>
  <si>
    <t>8557927.0</t>
  </si>
  <si>
    <t>69520.0</t>
  </si>
  <si>
    <t>64609.0</t>
  </si>
  <si>
    <t>8628206.0</t>
  </si>
  <si>
    <t>70279.0</t>
  </si>
  <si>
    <t>166.471</t>
  </si>
  <si>
    <t>8700046.0</t>
  </si>
  <si>
    <t>71840.0</t>
  </si>
  <si>
    <t>167.857</t>
  </si>
  <si>
    <t>8772691.0</t>
  </si>
  <si>
    <t>72645.0</t>
  </si>
  <si>
    <t>169.258</t>
  </si>
  <si>
    <t>52325.0</t>
  </si>
  <si>
    <t>8816932.0</t>
  </si>
  <si>
    <t>62855.0</t>
  </si>
  <si>
    <t>41832.0</t>
  </si>
  <si>
    <t>-2801.4</t>
  </si>
  <si>
    <t>-6.7</t>
  </si>
  <si>
    <t>-54.0645819901139</t>
  </si>
  <si>
    <t>8849885.0</t>
  </si>
  <si>
    <t>170.748</t>
  </si>
  <si>
    <t>8880881.0</t>
  </si>
  <si>
    <t>171.346</t>
  </si>
  <si>
    <t>56068.0</t>
  </si>
  <si>
    <t>108901.0</t>
  </si>
  <si>
    <t>8945530.0</t>
  </si>
  <si>
    <t>64649.0</t>
  </si>
  <si>
    <t>172.593</t>
  </si>
  <si>
    <t>191926.0</t>
  </si>
  <si>
    <t>177334.0</t>
  </si>
  <si>
    <t>69712.0</t>
  </si>
  <si>
    <t>28314.0</t>
  </si>
  <si>
    <t>9008987.0</t>
  </si>
  <si>
    <t>63457.0</t>
  </si>
  <si>
    <t>173.818</t>
  </si>
  <si>
    <t>247520.0</t>
  </si>
  <si>
    <t>9073368.0</t>
  </si>
  <si>
    <t>64381.0</t>
  </si>
  <si>
    <t>334741.0</t>
  </si>
  <si>
    <t>318507.0</t>
  </si>
  <si>
    <t>40626.0</t>
  </si>
  <si>
    <t>39921.0</t>
  </si>
  <si>
    <t>9136004.0</t>
  </si>
  <si>
    <t>176.268</t>
  </si>
  <si>
    <t>353363.0</t>
  </si>
  <si>
    <t>336982.0</t>
  </si>
  <si>
    <t>9178317.0</t>
  </si>
  <si>
    <t>177.085</t>
  </si>
  <si>
    <t>51626.0</t>
  </si>
  <si>
    <t>339425.0</t>
  </si>
  <si>
    <t>43202.0</t>
  </si>
  <si>
    <t>-3153.2</t>
  </si>
  <si>
    <t>-60.8540158246688</t>
  </si>
  <si>
    <t>9212192.0</t>
  </si>
  <si>
    <t>177.738</t>
  </si>
  <si>
    <t>424232.0</t>
  </si>
  <si>
    <t>407346.0</t>
  </si>
  <si>
    <t>52651.0</t>
  </si>
  <si>
    <t>51940.0</t>
  </si>
  <si>
    <t>9281594.0</t>
  </si>
  <si>
    <t>69402.0</t>
  </si>
  <si>
    <t>179.077</t>
  </si>
  <si>
    <t>57245.0</t>
  </si>
  <si>
    <t>488978.0</t>
  </si>
  <si>
    <t>471495.0</t>
  </si>
  <si>
    <t>51799.0</t>
  </si>
  <si>
    <t>9345485.0</t>
  </si>
  <si>
    <t>63891.0</t>
  </si>
  <si>
    <t>57136.0</t>
  </si>
  <si>
    <t>544320.0</t>
  </si>
  <si>
    <t>526425.0</t>
  </si>
  <si>
    <t>55342.0</t>
  </si>
  <si>
    <t>9413333.0</t>
  </si>
  <si>
    <t>67848.0</t>
  </si>
  <si>
    <t>181.619</t>
  </si>
  <si>
    <t>57764.0</t>
  </si>
  <si>
    <t>590210.0</t>
  </si>
  <si>
    <t>571829.0</t>
  </si>
  <si>
    <t>9477464.0</t>
  </si>
  <si>
    <t>629765.0</t>
  </si>
  <si>
    <t>9544358.0</t>
  </si>
  <si>
    <t>184.147</t>
  </si>
  <si>
    <t>58336.0</t>
  </si>
  <si>
    <t>615536.0</t>
  </si>
  <si>
    <t>9585314.0</t>
  </si>
  <si>
    <t>184.937</t>
  </si>
  <si>
    <t>636313.0</t>
  </si>
  <si>
    <t>617346.0</t>
  </si>
  <si>
    <t>-3282.8</t>
  </si>
  <si>
    <t>-63.3551830360341</t>
  </si>
  <si>
    <t>9619012.0</t>
  </si>
  <si>
    <t>650798.0</t>
  </si>
  <si>
    <t>631535.0</t>
  </si>
  <si>
    <t>9691886.0</t>
  </si>
  <si>
    <t>186.993</t>
  </si>
  <si>
    <t>671680.0</t>
  </si>
  <si>
    <t>9766131.0</t>
  </si>
  <si>
    <t>74245.0</t>
  </si>
  <si>
    <t>188.426</t>
  </si>
  <si>
    <t>693429.0</t>
  </si>
  <si>
    <t>673473.0</t>
  </si>
  <si>
    <t>21301.0</t>
  </si>
  <si>
    <t>9842614.0</t>
  </si>
  <si>
    <t>714736.0</t>
  </si>
  <si>
    <t>694258.0</t>
  </si>
  <si>
    <t>9924774.0</t>
  </si>
  <si>
    <t>82160.0</t>
  </si>
  <si>
    <t>191.487</t>
  </si>
  <si>
    <t>63901.0</t>
  </si>
  <si>
    <t>733746.0</t>
  </si>
  <si>
    <t>712835.0</t>
  </si>
  <si>
    <t>10006489.0</t>
  </si>
  <si>
    <t>193.063</t>
  </si>
  <si>
    <t>736255.0</t>
  </si>
  <si>
    <t>714840.0</t>
  </si>
  <si>
    <t>10054199.0</t>
  </si>
  <si>
    <t>193.984</t>
  </si>
  <si>
    <t>66984.0</t>
  </si>
  <si>
    <t>737520.0</t>
  </si>
  <si>
    <t>715679.0</t>
  </si>
  <si>
    <t>-3394.2</t>
  </si>
  <si>
    <t>-65.5051060865441</t>
  </si>
  <si>
    <t>10096709.0</t>
  </si>
  <si>
    <t>194.804</t>
  </si>
  <si>
    <t>720567.0</t>
  </si>
  <si>
    <t>10177373.0</t>
  </si>
  <si>
    <t>69355.0</t>
  </si>
  <si>
    <t>765805.0</t>
  </si>
  <si>
    <t>739842.0</t>
  </si>
  <si>
    <t>10249456.0</t>
  </si>
  <si>
    <t>72083.0</t>
  </si>
  <si>
    <t>197.751</t>
  </si>
  <si>
    <t>796872.0</t>
  </si>
  <si>
    <t>765665.0</t>
  </si>
  <si>
    <t>10326622.0</t>
  </si>
  <si>
    <t>69144.0</t>
  </si>
  <si>
    <t>832446.0</t>
  </si>
  <si>
    <t>795882.0</t>
  </si>
  <si>
    <t>10402629.0</t>
  </si>
  <si>
    <t>76007.0</t>
  </si>
  <si>
    <t>200.706</t>
  </si>
  <si>
    <t>68265.0</t>
  </si>
  <si>
    <t>860163.0</t>
  </si>
  <si>
    <t>820411.0</t>
  </si>
  <si>
    <t>10483860.0</t>
  </si>
  <si>
    <t>81231.0</t>
  </si>
  <si>
    <t>202.273</t>
  </si>
  <si>
    <t>68196.0</t>
  </si>
  <si>
    <t>863048.0</t>
  </si>
  <si>
    <t>822893.0</t>
  </si>
  <si>
    <t>31014.0</t>
  </si>
  <si>
    <t>10532302.0</t>
  </si>
  <si>
    <t>48442.0</t>
  </si>
  <si>
    <t>68300.0</t>
  </si>
  <si>
    <t>864185.0</t>
  </si>
  <si>
    <t>823780.0</t>
  </si>
  <si>
    <t>-3542.4</t>
  </si>
  <si>
    <t>-68.3652371106516</t>
  </si>
  <si>
    <t>10568988.0</t>
  </si>
  <si>
    <t>203.916</t>
  </si>
  <si>
    <t>892426.0</t>
  </si>
  <si>
    <t>846421.0</t>
  </si>
  <si>
    <t>10653817.0</t>
  </si>
  <si>
    <t>205.553</t>
  </si>
  <si>
    <t>924008.0</t>
  </si>
  <si>
    <t>870989.0</t>
  </si>
  <si>
    <t>35521.0</t>
  </si>
  <si>
    <t>31582.0</t>
  </si>
  <si>
    <t>10730568.0</t>
  </si>
  <si>
    <t>207.033</t>
  </si>
  <si>
    <t>953407.0</t>
  </si>
  <si>
    <t>891596.0</t>
  </si>
  <si>
    <t>40971.0</t>
  </si>
  <si>
    <t>10802067.0</t>
  </si>
  <si>
    <t>71499.0</t>
  </si>
  <si>
    <t>208.413</t>
  </si>
  <si>
    <t>67921.0</t>
  </si>
  <si>
    <t>999498.0</t>
  </si>
  <si>
    <t>926562.0</t>
  </si>
  <si>
    <t>46091.0</t>
  </si>
  <si>
    <t>10876647.0</t>
  </si>
  <si>
    <t>209.852</t>
  </si>
  <si>
    <t>67717.0</t>
  </si>
  <si>
    <t>1047447.0</t>
  </si>
  <si>
    <t>965200.0</t>
  </si>
  <si>
    <t>56735.0</t>
  </si>
  <si>
    <t>10956571.0</t>
  </si>
  <si>
    <t>79924.0</t>
  </si>
  <si>
    <t>211.394</t>
  </si>
  <si>
    <t>67530.0</t>
  </si>
  <si>
    <t>1058021.0</t>
  </si>
  <si>
    <t>974554.0</t>
  </si>
  <si>
    <t>10999529.0</t>
  </si>
  <si>
    <t>212.223</t>
  </si>
  <si>
    <t>1059560.0</t>
  </si>
  <si>
    <t>975828.0</t>
  </si>
  <si>
    <t>-3649.2</t>
  </si>
  <si>
    <t>-70.4263841644619</t>
  </si>
  <si>
    <t>11032694.0</t>
  </si>
  <si>
    <t>212.863</t>
  </si>
  <si>
    <t>1098358.0</t>
  </si>
  <si>
    <t>1011108.0</t>
  </si>
  <si>
    <t>11122425.0</t>
  </si>
  <si>
    <t>214.594</t>
  </si>
  <si>
    <t>1145113.0</t>
  </si>
  <si>
    <t>1048101.0</t>
  </si>
  <si>
    <t>67400.0</t>
  </si>
  <si>
    <t>31586.0</t>
  </si>
  <si>
    <t>11205742.0</t>
  </si>
  <si>
    <t>83317.0</t>
  </si>
  <si>
    <t>216.201</t>
  </si>
  <si>
    <t>67882.0</t>
  </si>
  <si>
    <t>1194751.0</t>
  </si>
  <si>
    <t>1084992.0</t>
  </si>
  <si>
    <t>78717.0</t>
  </si>
  <si>
    <t>11288110.0</t>
  </si>
  <si>
    <t>82368.0</t>
  </si>
  <si>
    <t>1245002.0</t>
  </si>
  <si>
    <t>1122208.0</t>
  </si>
  <si>
    <t>90724.0</t>
  </si>
  <si>
    <t>27949.0</t>
  </si>
  <si>
    <t>11374163.0</t>
  </si>
  <si>
    <t>86053.0</t>
  </si>
  <si>
    <t>219.451</t>
  </si>
  <si>
    <t>1289870.0</t>
  </si>
  <si>
    <t>1156904.0</t>
  </si>
  <si>
    <t>100645.0</t>
  </si>
  <si>
    <t>34632.0</t>
  </si>
  <si>
    <t>11465260.0</t>
  </si>
  <si>
    <t>91097.0</t>
  </si>
  <si>
    <t>221.208</t>
  </si>
  <si>
    <t>1302157.0</t>
  </si>
  <si>
    <t>1167251.0</t>
  </si>
  <si>
    <t>102982.0</t>
  </si>
  <si>
    <t>11514384.0</t>
  </si>
  <si>
    <t>49124.0</t>
  </si>
  <si>
    <t>222.156</t>
  </si>
  <si>
    <t>1303855.0</t>
  </si>
  <si>
    <t>1168528.0</t>
  </si>
  <si>
    <t>103484.0</t>
  </si>
  <si>
    <t>-3846.4</t>
  </si>
  <si>
    <t>-74.2321725447184</t>
  </si>
  <si>
    <t>11555337.0</t>
  </si>
  <si>
    <t>222.946</t>
  </si>
  <si>
    <t>1345411.0</t>
  </si>
  <si>
    <t>1207224.0</t>
  </si>
  <si>
    <t>11646810.0</t>
  </si>
  <si>
    <t>91473.0</t>
  </si>
  <si>
    <t>224.711</t>
  </si>
  <si>
    <t>74912.0</t>
  </si>
  <si>
    <t>1392364.0</t>
  </si>
  <si>
    <t>1250887.0</t>
  </si>
  <si>
    <t>107858.0</t>
  </si>
  <si>
    <t>11733388.0</t>
  </si>
  <si>
    <t>226.382</t>
  </si>
  <si>
    <t>75378.0</t>
  </si>
  <si>
    <t>1440688.0</t>
  </si>
  <si>
    <t>1295990.0</t>
  </si>
  <si>
    <t>108907.0</t>
  </si>
  <si>
    <t>11819318.0</t>
  </si>
  <si>
    <t>85930.0</t>
  </si>
  <si>
    <t>228.039</t>
  </si>
  <si>
    <t>75887.0</t>
  </si>
  <si>
    <t>1535907.0</t>
  </si>
  <si>
    <t>1386190.0</t>
  </si>
  <si>
    <t>109893.0</t>
  </si>
  <si>
    <t>95219.0</t>
  </si>
  <si>
    <t>11900022.0</t>
  </si>
  <si>
    <t>80704.0</t>
  </si>
  <si>
    <t>229.597</t>
  </si>
  <si>
    <t>1641438.0</t>
  </si>
  <si>
    <t>1486813.0</t>
  </si>
  <si>
    <t>11984392.0</t>
  </si>
  <si>
    <t>84370.0</t>
  </si>
  <si>
    <t>1516316.0</t>
  </si>
  <si>
    <t>49866.0</t>
  </si>
  <si>
    <t>12026115.0</t>
  </si>
  <si>
    <t>232.029</t>
  </si>
  <si>
    <t>73104.0</t>
  </si>
  <si>
    <t>1678810.0</t>
  </si>
  <si>
    <t>1521877.0</t>
  </si>
  <si>
    <t>112431.0</t>
  </si>
  <si>
    <t>-3788.8</t>
  </si>
  <si>
    <t>-73.1205426730005</t>
  </si>
  <si>
    <t>12061129.0</t>
  </si>
  <si>
    <t>35014.0</t>
  </si>
  <si>
    <t>232.705</t>
  </si>
  <si>
    <t>72256.0</t>
  </si>
  <si>
    <t>1802940.0</t>
  </si>
  <si>
    <t>1641565.0</t>
  </si>
  <si>
    <t>124130.0</t>
  </si>
  <si>
    <t>65361.0</t>
  </si>
  <si>
    <t>12146457.0</t>
  </si>
  <si>
    <t>85328.0</t>
  </si>
  <si>
    <t>234.351</t>
  </si>
  <si>
    <t>71378.0</t>
  </si>
  <si>
    <t>1935808.0</t>
  </si>
  <si>
    <t>1769602.0</t>
  </si>
  <si>
    <t>132868.0</t>
  </si>
  <si>
    <t>77635.0</t>
  </si>
  <si>
    <t>74102.0</t>
  </si>
  <si>
    <t>12227382.0</t>
  </si>
  <si>
    <t>235.913</t>
  </si>
  <si>
    <t>70571.0</t>
  </si>
  <si>
    <t>2070713.0</t>
  </si>
  <si>
    <t>1899337.0</t>
  </si>
  <si>
    <t>116131.0</t>
  </si>
  <si>
    <t>134905.0</t>
  </si>
  <si>
    <t>86192.0</t>
  </si>
  <si>
    <t>12308824.0</t>
  </si>
  <si>
    <t>81442.0</t>
  </si>
  <si>
    <t>237.484</t>
  </si>
  <si>
    <t>2223238.0</t>
  </si>
  <si>
    <t>2028800.0</t>
  </si>
  <si>
    <t>135002.0</t>
  </si>
  <si>
    <t>152525.0</t>
  </si>
  <si>
    <t>98190.0</t>
  </si>
  <si>
    <t>91801.0</t>
  </si>
  <si>
    <t>12396267.0</t>
  </si>
  <si>
    <t>87443.0</t>
  </si>
  <si>
    <t>239.171</t>
  </si>
  <si>
    <t>2404847.0</t>
  </si>
  <si>
    <t>2186564.0</t>
  </si>
  <si>
    <t>155016.0</t>
  </si>
  <si>
    <t>181609.0</t>
  </si>
  <si>
    <t>109058.0</t>
  </si>
  <si>
    <t>12493546.0</t>
  </si>
  <si>
    <t>97279.0</t>
  </si>
  <si>
    <t>241.048</t>
  </si>
  <si>
    <t>72736.0</t>
  </si>
  <si>
    <t>2477547.0</t>
  </si>
  <si>
    <t>2251478.0</t>
  </si>
  <si>
    <t>72700.0</t>
  </si>
  <si>
    <t>114980.0</t>
  </si>
  <si>
    <t>105023.0</t>
  </si>
  <si>
    <t>12542287.0</t>
  </si>
  <si>
    <t>241.988</t>
  </si>
  <si>
    <t>73739.0</t>
  </si>
  <si>
    <t>2485750.0</t>
  </si>
  <si>
    <t>2258579.0</t>
  </si>
  <si>
    <t>105243.0</t>
  </si>
  <si>
    <t>-3915.8</t>
  </si>
  <si>
    <t>-75.5715321471007</t>
  </si>
  <si>
    <t>12578903.0</t>
  </si>
  <si>
    <t>242.695</t>
  </si>
  <si>
    <t>73968.0</t>
  </si>
  <si>
    <t>2651358.0</t>
  </si>
  <si>
    <t>2398258.0</t>
  </si>
  <si>
    <t>184202.0</t>
  </si>
  <si>
    <t>165608.0</t>
  </si>
  <si>
    <t>121203.0</t>
  </si>
  <si>
    <t>108099.0</t>
  </si>
  <si>
    <t>12677604.0</t>
  </si>
  <si>
    <t>98701.0</t>
  </si>
  <si>
    <t>2851481.0</t>
  </si>
  <si>
    <t>2571401.0</t>
  </si>
  <si>
    <t>200123.0</t>
  </si>
  <si>
    <t>114543.0</t>
  </si>
  <si>
    <t>12768072.0</t>
  </si>
  <si>
    <t>246.345</t>
  </si>
  <si>
    <t>3105255.0</t>
  </si>
  <si>
    <t>2798608.0</t>
  </si>
  <si>
    <t>227314.0</t>
  </si>
  <si>
    <t>253774.0</t>
  </si>
  <si>
    <t>147792.0</t>
  </si>
  <si>
    <t>128467.0</t>
  </si>
  <si>
    <t>12851214.0</t>
  </si>
  <si>
    <t>247.949</t>
  </si>
  <si>
    <t>3398591.0</t>
  </si>
  <si>
    <t>3055437.0</t>
  </si>
  <si>
    <t>293336.0</t>
  </si>
  <si>
    <t>167908.0</t>
  </si>
  <si>
    <t>146662.0</t>
  </si>
  <si>
    <t>12933634.0</t>
  </si>
  <si>
    <t>82420.0</t>
  </si>
  <si>
    <t>249.539</t>
  </si>
  <si>
    <t>3707969.0</t>
  </si>
  <si>
    <t>3328985.0</t>
  </si>
  <si>
    <t>288447.0</t>
  </si>
  <si>
    <t>309378.0</t>
  </si>
  <si>
    <t>186160.0</t>
  </si>
  <si>
    <t>13011221.0</t>
  </si>
  <si>
    <t>77587.0</t>
  </si>
  <si>
    <t>73954.0</t>
  </si>
  <si>
    <t>3757936.0</t>
  </si>
  <si>
    <t>3369643.0</t>
  </si>
  <si>
    <t>49967.0</t>
  </si>
  <si>
    <t>159738.0</t>
  </si>
  <si>
    <t>13050781.0</t>
  </si>
  <si>
    <t>251.799</t>
  </si>
  <si>
    <t>3761718.0</t>
  </si>
  <si>
    <t>3372115.0</t>
  </si>
  <si>
    <t>298419.0</t>
  </si>
  <si>
    <t>159077.0</t>
  </si>
  <si>
    <t>-3946.0</t>
  </si>
  <si>
    <t>-76.154365864564</t>
  </si>
  <si>
    <t>13085416.0</t>
  </si>
  <si>
    <t>252.467</t>
  </si>
  <si>
    <t>72359.0</t>
  </si>
  <si>
    <t>3880814.0</t>
  </si>
  <si>
    <t>3458181.0</t>
  </si>
  <si>
    <t>329572.0</t>
  </si>
  <si>
    <t>119096.0</t>
  </si>
  <si>
    <t>175637.0</t>
  </si>
  <si>
    <t>151418.0</t>
  </si>
  <si>
    <t>13168991.0</t>
  </si>
  <si>
    <t>254.08</t>
  </si>
  <si>
    <t>70198.0</t>
  </si>
  <si>
    <t>3989645.0</t>
  </si>
  <si>
    <t>3533309.0</t>
  </si>
  <si>
    <t>361280.0</t>
  </si>
  <si>
    <t>108831.0</t>
  </si>
  <si>
    <t>162595.0</t>
  </si>
  <si>
    <t>137415.0</t>
  </si>
  <si>
    <t>13246544.0</t>
  </si>
  <si>
    <t>77553.0</t>
  </si>
  <si>
    <t>255.576</t>
  </si>
  <si>
    <t>4023271.0</t>
  </si>
  <si>
    <t>3540335.0</t>
  </si>
  <si>
    <t>386994.0</t>
  </si>
  <si>
    <t>131145.0</t>
  </si>
  <si>
    <t>105961.0</t>
  </si>
  <si>
    <t>13286555.0</t>
  </si>
  <si>
    <t>256.348</t>
  </si>
  <si>
    <t>62192.0</t>
  </si>
  <si>
    <t>4157188.0</t>
  </si>
  <si>
    <t>3599419.0</t>
  </si>
  <si>
    <t>458867.0</t>
  </si>
  <si>
    <t>133917.0</t>
  </si>
  <si>
    <t>108371.0</t>
  </si>
  <si>
    <t>77712.0</t>
  </si>
  <si>
    <t>13376738.0</t>
  </si>
  <si>
    <t>90183.0</t>
  </si>
  <si>
    <t>258.088</t>
  </si>
  <si>
    <t>4285118.0</t>
  </si>
  <si>
    <t>3648880.0</t>
  </si>
  <si>
    <t>534254.0</t>
  </si>
  <si>
    <t>13468952.0</t>
  </si>
  <si>
    <t>92214.0</t>
  </si>
  <si>
    <t>259.867</t>
  </si>
  <si>
    <t>4327600.0</t>
  </si>
  <si>
    <t>3662461.0</t>
  </si>
  <si>
    <t>562106.0</t>
  </si>
  <si>
    <t>81381.0</t>
  </si>
  <si>
    <t>41831.0</t>
  </si>
  <si>
    <t>13515759.0</t>
  </si>
  <si>
    <t>4334199.0</t>
  </si>
  <si>
    <t>3663495.0</t>
  </si>
  <si>
    <t>567594.0</t>
  </si>
  <si>
    <t>-3984.4</t>
  </si>
  <si>
    <t>-76.8954524457092</t>
  </si>
  <si>
    <t>13552928.0</t>
  </si>
  <si>
    <t>261.487</t>
  </si>
  <si>
    <t>66787.0</t>
  </si>
  <si>
    <t>4428007.0</t>
  </si>
  <si>
    <t>3678990.0</t>
  </si>
  <si>
    <t>643297.0</t>
  </si>
  <si>
    <t>93808.0</t>
  </si>
  <si>
    <t>78170.0</t>
  </si>
  <si>
    <t>13643650.0</t>
  </si>
  <si>
    <t>263.238</t>
  </si>
  <si>
    <t>4519777.0</t>
  </si>
  <si>
    <t>3689396.0</t>
  </si>
  <si>
    <t>722117.0</t>
  </si>
  <si>
    <t>91770.0</t>
  </si>
  <si>
    <t>75733.0</t>
  </si>
  <si>
    <t>13727896.0</t>
  </si>
  <si>
    <t>84246.0</t>
  </si>
  <si>
    <t>264.863</t>
  </si>
  <si>
    <t>4611466.0</t>
  </si>
  <si>
    <t>3697449.0</t>
  </si>
  <si>
    <t>802944.0</t>
  </si>
  <si>
    <t>91689.0</t>
  </si>
  <si>
    <t>13815979.0</t>
  </si>
  <si>
    <t>88083.0</t>
  </si>
  <si>
    <t>266.563</t>
  </si>
  <si>
    <t>4701168.0</t>
  </si>
  <si>
    <t>3708333.0</t>
  </si>
  <si>
    <t>879317.0</t>
  </si>
  <si>
    <t>89702.0</t>
  </si>
  <si>
    <t>77711.0</t>
  </si>
  <si>
    <t>13906340.0</t>
  </si>
  <si>
    <t>268.306</t>
  </si>
  <si>
    <t>4795474.0</t>
  </si>
  <si>
    <t>3721521.0</t>
  </si>
  <si>
    <t>958003.0</t>
  </si>
  <si>
    <t>94306.0</t>
  </si>
  <si>
    <t>13999626.0</t>
  </si>
  <si>
    <t>93286.0</t>
  </si>
  <si>
    <t>270.106</t>
  </si>
  <si>
    <t>75811.0</t>
  </si>
  <si>
    <t>4829727.0</t>
  </si>
  <si>
    <t>3724672.0</t>
  </si>
  <si>
    <t>988198.0</t>
  </si>
  <si>
    <t>14049683.0</t>
  </si>
  <si>
    <t>271.072</t>
  </si>
  <si>
    <t>4837101.0</t>
  </si>
  <si>
    <t>3726277.0</t>
  </si>
  <si>
    <t>993877.0</t>
  </si>
  <si>
    <t>-3826.4</t>
  </si>
  <si>
    <t>-73.8461899503719</t>
  </si>
  <si>
    <t>14086913.0</t>
  </si>
  <si>
    <t>37230.0</t>
  </si>
  <si>
    <t>271.79</t>
  </si>
  <si>
    <t>76284.0</t>
  </si>
  <si>
    <t>4952973.0</t>
  </si>
  <si>
    <t>3741180.0</t>
  </si>
  <si>
    <t>1091647.0</t>
  </si>
  <si>
    <t>115872.0</t>
  </si>
  <si>
    <t>14174511.0</t>
  </si>
  <si>
    <t>87598.0</t>
  </si>
  <si>
    <t>273.48</t>
  </si>
  <si>
    <t>5108932.0</t>
  </si>
  <si>
    <t>3754993.0</t>
  </si>
  <si>
    <t>1229879.0</t>
  </si>
  <si>
    <t>84165.0</t>
  </si>
  <si>
    <t>14251755.0</t>
  </si>
  <si>
    <t>274.97</t>
  </si>
  <si>
    <t>74837.0</t>
  </si>
  <si>
    <t>5206194.0</t>
  </si>
  <si>
    <t>3758833.0</t>
  </si>
  <si>
    <t>1320591.0</t>
  </si>
  <si>
    <t>97262.0</t>
  </si>
  <si>
    <t>14293817.0</t>
  </si>
  <si>
    <t>275.782</t>
  </si>
  <si>
    <t>5431135.0</t>
  </si>
  <si>
    <t>3772648.0</t>
  </si>
  <si>
    <t>1525928.0</t>
  </si>
  <si>
    <t>224941.0</t>
  </si>
  <si>
    <t>104281.0</t>
  </si>
  <si>
    <t>14387127.0</t>
  </si>
  <si>
    <t>93310.0</t>
  </si>
  <si>
    <t>277.582</t>
  </si>
  <si>
    <t>68684.0</t>
  </si>
  <si>
    <t>5672962.0</t>
  </si>
  <si>
    <t>3788668.0</t>
  </si>
  <si>
    <t>1746726.0</t>
  </si>
  <si>
    <t>241827.0</t>
  </si>
  <si>
    <t>125355.0</t>
  </si>
  <si>
    <t>14474003.0</t>
  </si>
  <si>
    <t>279.258</t>
  </si>
  <si>
    <t>5716079.0</t>
  </si>
  <si>
    <t>3795087.0</t>
  </si>
  <si>
    <t>1782818.0</t>
  </si>
  <si>
    <t>126622.0</t>
  </si>
  <si>
    <t>14522645.0</t>
  </si>
  <si>
    <t>48642.0</t>
  </si>
  <si>
    <t>67566.0</t>
  </si>
  <si>
    <t>5720375.0</t>
  </si>
  <si>
    <t>3796156.0</t>
  </si>
  <si>
    <t>1785992.0</t>
  </si>
  <si>
    <t>126182.0</t>
  </si>
  <si>
    <t>-4072.4</t>
  </si>
  <si>
    <t>-78.5937758608338</t>
  </si>
  <si>
    <t>14560816.0</t>
  </si>
  <si>
    <t>280.933</t>
  </si>
  <si>
    <t>5898177.0</t>
  </si>
  <si>
    <t>3866373.0</t>
  </si>
  <si>
    <t>1889247.0</t>
  </si>
  <si>
    <t>135029.0</t>
  </si>
  <si>
    <t>14649286.0</t>
  </si>
  <si>
    <t>88470.0</t>
  </si>
  <si>
    <t>6072067.0</t>
  </si>
  <si>
    <t>3943501.0</t>
  </si>
  <si>
    <t>1982118.0</t>
  </si>
  <si>
    <t>173890.0</t>
  </si>
  <si>
    <t>137591.0</t>
  </si>
  <si>
    <t>14733470.0</t>
  </si>
  <si>
    <t>84184.0</t>
  </si>
  <si>
    <t>284.265</t>
  </si>
  <si>
    <t>6229612.0</t>
  </si>
  <si>
    <t>4029785.0</t>
  </si>
  <si>
    <t>2049878.0</t>
  </si>
  <si>
    <t>157545.0</t>
  </si>
  <si>
    <t>146203.0</t>
  </si>
  <si>
    <t>14816150.0</t>
  </si>
  <si>
    <t>82680.0</t>
  </si>
  <si>
    <t>285.86</t>
  </si>
  <si>
    <t>6947629.0</t>
  </si>
  <si>
    <t>4685522.0</t>
  </si>
  <si>
    <t>2105669.0</t>
  </si>
  <si>
    <t>718017.0</t>
  </si>
  <si>
    <t>216642.0</t>
  </si>
  <si>
    <t>130411.0</t>
  </si>
  <si>
    <t>14896914.0</t>
  </si>
  <si>
    <t>80764.0</t>
  </si>
  <si>
    <t>287.418</t>
  </si>
  <si>
    <t>7559286.0</t>
  </si>
  <si>
    <t>5226116.0</t>
  </si>
  <si>
    <t>2171333.0</t>
  </si>
  <si>
    <t>611657.0</t>
  </si>
  <si>
    <t>269475.0</t>
  </si>
  <si>
    <t>205350.0</t>
  </si>
  <si>
    <t>14971526.0</t>
  </si>
  <si>
    <t>288.858</t>
  </si>
  <si>
    <t>7735098.0</t>
  </si>
  <si>
    <t>5391110.0</t>
  </si>
  <si>
    <t>2180960.0</t>
  </si>
  <si>
    <t>175812.0</t>
  </si>
  <si>
    <t>288431.0</t>
  </si>
  <si>
    <t>228003.0</t>
  </si>
  <si>
    <t>15013223.0</t>
  </si>
  <si>
    <t>289.662</t>
  </si>
  <si>
    <t>7742053.0</t>
  </si>
  <si>
    <t>5397399.0</t>
  </si>
  <si>
    <t>2181639.0</t>
  </si>
  <si>
    <t>288811.0</t>
  </si>
  <si>
    <t>-3993.0</t>
  </si>
  <si>
    <t>-77.0614249612782</t>
  </si>
  <si>
    <t>15042751.0</t>
  </si>
  <si>
    <t>290.232</t>
  </si>
  <si>
    <t>8157320.0</t>
  </si>
  <si>
    <t>5780136.0</t>
  </si>
  <si>
    <t>2209242.0</t>
  </si>
  <si>
    <t>415267.0</t>
  </si>
  <si>
    <t>322735.0</t>
  </si>
  <si>
    <t>273395.0</t>
  </si>
  <si>
    <t>15122547.0</t>
  </si>
  <si>
    <t>291.771</t>
  </si>
  <si>
    <t>8753045.0</t>
  </si>
  <si>
    <t>6342607.0</t>
  </si>
  <si>
    <t>2236219.0</t>
  </si>
  <si>
    <t>595725.0</t>
  </si>
  <si>
    <t>382997.0</t>
  </si>
  <si>
    <t>342729.0</t>
  </si>
  <si>
    <t>15202890.0</t>
  </si>
  <si>
    <t>80343.0</t>
  </si>
  <si>
    <t>293.321</t>
  </si>
  <si>
    <t>67060.0</t>
  </si>
  <si>
    <t>9160473.0</t>
  </si>
  <si>
    <t>6721656.0</t>
  </si>
  <si>
    <t>2259679.0</t>
  </si>
  <si>
    <t>418694.0</t>
  </si>
  <si>
    <t>15282607.0</t>
  </si>
  <si>
    <t>79717.0</t>
  </si>
  <si>
    <t>294.859</t>
  </si>
  <si>
    <t>9532430.0</t>
  </si>
  <si>
    <t>7062628.0</t>
  </si>
  <si>
    <t>2286159.0</t>
  </si>
  <si>
    <t>371957.0</t>
  </si>
  <si>
    <t>369257.0</t>
  </si>
  <si>
    <t>339587.0</t>
  </si>
  <si>
    <t>296.389</t>
  </si>
  <si>
    <t>9934144.0</t>
  </si>
  <si>
    <t>7429135.0</t>
  </si>
  <si>
    <t>2317484.0</t>
  </si>
  <si>
    <t>401714.0</t>
  </si>
  <si>
    <t>339265.0</t>
  </si>
  <si>
    <t>314717.0</t>
  </si>
  <si>
    <t>15442067.0</t>
  </si>
  <si>
    <t>80209.0</t>
  </si>
  <si>
    <t>297.936</t>
  </si>
  <si>
    <t>10079107.0</t>
  </si>
  <si>
    <t>7569404.0</t>
  </si>
  <si>
    <t>2321101.0</t>
  </si>
  <si>
    <t>144963.0</t>
  </si>
  <si>
    <t>334858.0</t>
  </si>
  <si>
    <t>311185.0</t>
  </si>
  <si>
    <t>15487453.0</t>
  </si>
  <si>
    <t>298.812</t>
  </si>
  <si>
    <t>10083912.0</t>
  </si>
  <si>
    <t>7573424.0</t>
  </si>
  <si>
    <t>2321914.0</t>
  </si>
  <si>
    <t>334551.0</t>
  </si>
  <si>
    <t>310861.0</t>
  </si>
  <si>
    <t>-4078.2</t>
  </si>
  <si>
    <t>-78.7057108131943</t>
  </si>
  <si>
    <t>15517979.0</t>
  </si>
  <si>
    <t>299.401</t>
  </si>
  <si>
    <t>10999889.0</t>
  </si>
  <si>
    <t>8461157.0</t>
  </si>
  <si>
    <t>2342902.0</t>
  </si>
  <si>
    <t>915977.0</t>
  </si>
  <si>
    <t>406081.0</t>
  </si>
  <si>
    <t>383003.0</t>
  </si>
  <si>
    <t>15598346.0</t>
  </si>
  <si>
    <t>80367.0</t>
  </si>
  <si>
    <t>300.951</t>
  </si>
  <si>
    <t>67971.0</t>
  </si>
  <si>
    <t>11772996.0</t>
  </si>
  <si>
    <t>9201090.0</t>
  </si>
  <si>
    <t>2368014.0</t>
  </si>
  <si>
    <t>773107.0</t>
  </si>
  <si>
    <t>408355.0</t>
  </si>
  <si>
    <t>15673474.0</t>
  </si>
  <si>
    <t>67226.0</t>
  </si>
  <si>
    <t>12392172.0</t>
  </si>
  <si>
    <t>9789633.0</t>
  </si>
  <si>
    <t>2390833.0</t>
  </si>
  <si>
    <t>619176.0</t>
  </si>
  <si>
    <t>461671.0</t>
  </si>
  <si>
    <t>438282.0</t>
  </si>
  <si>
    <t>15746119.0</t>
  </si>
  <si>
    <t>303.802</t>
  </si>
  <si>
    <t>13196355.0</t>
  </si>
  <si>
    <t>10552377.0</t>
  </si>
  <si>
    <t>2677303.0</t>
  </si>
  <si>
    <t>804183.0</t>
  </si>
  <si>
    <t>523418.0</t>
  </si>
  <si>
    <t>498536.0</t>
  </si>
  <si>
    <t>15817586.0</t>
  </si>
  <si>
    <t>305.181</t>
  </si>
  <si>
    <t>14060612.0</t>
  </si>
  <si>
    <t>11375605.0</t>
  </si>
  <si>
    <t>2914447.0</t>
  </si>
  <si>
    <t>864257.0</t>
  </si>
  <si>
    <t>563781.0</t>
  </si>
  <si>
    <t>15887100.0</t>
  </si>
  <si>
    <t>69514.0</t>
  </si>
  <si>
    <t>306.522</t>
  </si>
  <si>
    <t>14457197.0</t>
  </si>
  <si>
    <t>11764060.0</t>
  </si>
  <si>
    <t>3035226.0</t>
  </si>
  <si>
    <t>396585.0</t>
  </si>
  <si>
    <t>625441.0</t>
  </si>
  <si>
    <t>599237.0</t>
  </si>
  <si>
    <t>15923488.0</t>
  </si>
  <si>
    <t>307.224</t>
  </si>
  <si>
    <t>14487421.0</t>
  </si>
  <si>
    <t>11792563.0</t>
  </si>
  <si>
    <t>3048670.0</t>
  </si>
  <si>
    <t>629073.0</t>
  </si>
  <si>
    <t>602734.0</t>
  </si>
  <si>
    <t>-3990.0</t>
  </si>
  <si>
    <t>-77.0035275721262</t>
  </si>
  <si>
    <t>15951094.0</t>
  </si>
  <si>
    <t>307.757</t>
  </si>
  <si>
    <t>15343790.0</t>
  </si>
  <si>
    <t>12559004.0</t>
  </si>
  <si>
    <t>3302463.0</t>
  </si>
  <si>
    <t>856369.0</t>
  </si>
  <si>
    <t>620557.0</t>
  </si>
  <si>
    <t>585407.0</t>
  </si>
  <si>
    <t>16022131.0</t>
  </si>
  <si>
    <t>71037.0</t>
  </si>
  <si>
    <t>309.128</t>
  </si>
  <si>
    <t>60541.0</t>
  </si>
  <si>
    <t>16088588.0</t>
  </si>
  <si>
    <t>13203979.0</t>
  </si>
  <si>
    <t>3506401.0</t>
  </si>
  <si>
    <t>744798.0</t>
  </si>
  <si>
    <t>616513.0</t>
  </si>
  <si>
    <t>571841.0</t>
  </si>
  <si>
    <t>16090587.0</t>
  </si>
  <si>
    <t>310.448</t>
  </si>
  <si>
    <t>59588.0</t>
  </si>
  <si>
    <t>16763126.0</t>
  </si>
  <si>
    <t>13771075.0</t>
  </si>
  <si>
    <t>3783739.0</t>
  </si>
  <si>
    <t>674538.0</t>
  </si>
  <si>
    <t>624422.0</t>
  </si>
  <si>
    <t>568777.0</t>
  </si>
  <si>
    <t>16157319.0</t>
  </si>
  <si>
    <t>17311443.0</t>
  </si>
  <si>
    <t>14212989.0</t>
  </si>
  <si>
    <t>3909140.0</t>
  </si>
  <si>
    <t>548317.0</t>
  </si>
  <si>
    <t>587870.0</t>
  </si>
  <si>
    <t>522945.0</t>
  </si>
  <si>
    <t>16229693.0</t>
  </si>
  <si>
    <t>313.132</t>
  </si>
  <si>
    <t>17948137.0</t>
  </si>
  <si>
    <t>14749217.0</t>
  </si>
  <si>
    <t>4035116.0</t>
  </si>
  <si>
    <t>636694.0</t>
  </si>
  <si>
    <t>555361.0</t>
  </si>
  <si>
    <t>481945.0</t>
  </si>
  <si>
    <t>16296355.0</t>
  </si>
  <si>
    <t>314.419</t>
  </si>
  <si>
    <t>58465.0</t>
  </si>
  <si>
    <t>18184066.0</t>
  </si>
  <si>
    <t>14965730.0</t>
  </si>
  <si>
    <t>4072286.0</t>
  </si>
  <si>
    <t>532410.0</t>
  </si>
  <si>
    <t>457381.0</t>
  </si>
  <si>
    <t>16335133.0</t>
  </si>
  <si>
    <t>315.167</t>
  </si>
  <si>
    <t>18187621.0</t>
  </si>
  <si>
    <t>14967247.0</t>
  </si>
  <si>
    <t>4074780.0</t>
  </si>
  <si>
    <t>528600.0</t>
  </si>
  <si>
    <t>453526.0</t>
  </si>
  <si>
    <t>-3908.8</t>
  </si>
  <si>
    <t>-75.4364382390795</t>
  </si>
  <si>
    <t>16361230.0</t>
  </si>
  <si>
    <t>315.67</t>
  </si>
  <si>
    <t>18351270.0</t>
  </si>
  <si>
    <t>15015908.0</t>
  </si>
  <si>
    <t>4188361.0</t>
  </si>
  <si>
    <t>429640.0</t>
  </si>
  <si>
    <t>350986.0</t>
  </si>
  <si>
    <t>16434421.0</t>
  </si>
  <si>
    <t>73191.0</t>
  </si>
  <si>
    <t>317.082</t>
  </si>
  <si>
    <t>58899.0</t>
  </si>
  <si>
    <t>18525247.0</t>
  </si>
  <si>
    <t>15065780.0</t>
  </si>
  <si>
    <t>173977.0</t>
  </si>
  <si>
    <t>348094.0</t>
  </si>
  <si>
    <t>265972.0</t>
  </si>
  <si>
    <t>16502332.0</t>
  </si>
  <si>
    <t>318.393</t>
  </si>
  <si>
    <t>58821.0</t>
  </si>
  <si>
    <t>18690657.0</t>
  </si>
  <si>
    <t>15111156.0</t>
  </si>
  <si>
    <t>4425951.0</t>
  </si>
  <si>
    <t>165410.0</t>
  </si>
  <si>
    <t>275362.0</t>
  </si>
  <si>
    <t>191440.0</t>
  </si>
  <si>
    <t>16567331.0</t>
  </si>
  <si>
    <t>319.647</t>
  </si>
  <si>
    <t>58573.0</t>
  </si>
  <si>
    <t>18846196.0</t>
  </si>
  <si>
    <t>15158186.0</t>
  </si>
  <si>
    <t>4530808.0</t>
  </si>
  <si>
    <t>155539.0</t>
  </si>
  <si>
    <t>219250.0</t>
  </si>
  <si>
    <t>16630243.0</t>
  </si>
  <si>
    <t>62912.0</t>
  </si>
  <si>
    <t>320.86</t>
  </si>
  <si>
    <t>57221.0</t>
  </si>
  <si>
    <t>19009752.0</t>
  </si>
  <si>
    <t>15223615.0</t>
  </si>
  <si>
    <t>4626052.0</t>
  </si>
  <si>
    <t>163556.0</t>
  </si>
  <si>
    <t>16704047.0</t>
  </si>
  <si>
    <t>73804.0</t>
  </si>
  <si>
    <t>322.284</t>
  </si>
  <si>
    <t>19047380.0</t>
  </si>
  <si>
    <t>15236167.0</t>
  </si>
  <si>
    <t>4650592.0</t>
  </si>
  <si>
    <t>16752758.0</t>
  </si>
  <si>
    <t>323.224</t>
  </si>
  <si>
    <t>19050317.0</t>
  </si>
  <si>
    <t>15237104.0</t>
  </si>
  <si>
    <t>4652664.0</t>
  </si>
  <si>
    <t>123242.0</t>
  </si>
  <si>
    <t>-3787.0</t>
  </si>
  <si>
    <t>-73.0858042395093</t>
  </si>
  <si>
    <t>16787333.0</t>
  </si>
  <si>
    <t>323.891</t>
  </si>
  <si>
    <t>19210078.0</t>
  </si>
  <si>
    <t>15251760.0</t>
  </si>
  <si>
    <t>4794404.0</t>
  </si>
  <si>
    <t>159761.0</t>
  </si>
  <si>
    <t>16867655.0</t>
  </si>
  <si>
    <t>61891.0</t>
  </si>
  <si>
    <t>19374157.0</t>
  </si>
  <si>
    <t>15270463.0</t>
  </si>
  <si>
    <t>4936000.0</t>
  </si>
  <si>
    <t>164079.0</t>
  </si>
  <si>
    <t>16933823.0</t>
  </si>
  <si>
    <t>66168.0</t>
  </si>
  <si>
    <t>326.718</t>
  </si>
  <si>
    <t>19528530.0</t>
  </si>
  <si>
    <t>15287433.0</t>
  </si>
  <si>
    <t>5070107.0</t>
  </si>
  <si>
    <t>119696.0</t>
  </si>
  <si>
    <t>17019206.0</t>
  </si>
  <si>
    <t>85383.0</t>
  </si>
  <si>
    <t>64554.0</t>
  </si>
  <si>
    <t>19656844.0</t>
  </si>
  <si>
    <t>15294781.0</t>
  </si>
  <si>
    <t>5189070.0</t>
  </si>
  <si>
    <t>128314.0</t>
  </si>
  <si>
    <t>17096378.0</t>
  </si>
  <si>
    <t>77172.0</t>
  </si>
  <si>
    <t>329.854</t>
  </si>
  <si>
    <t>66591.0</t>
  </si>
  <si>
    <t>19786359.0</t>
  </si>
  <si>
    <t>15302995.0</t>
  </si>
  <si>
    <t>5308830.0</t>
  </si>
  <si>
    <t>110944.0</t>
  </si>
  <si>
    <t>17176324.0</t>
  </si>
  <si>
    <t>79946.0</t>
  </si>
  <si>
    <t>331.396</t>
  </si>
  <si>
    <t>19807668.0</t>
  </si>
  <si>
    <t>15306476.0</t>
  </si>
  <si>
    <t>5326561.0</t>
  </si>
  <si>
    <t>108613.0</t>
  </si>
  <si>
    <t>17223407.0</t>
  </si>
  <si>
    <t>47083.0</t>
  </si>
  <si>
    <t>332.305</t>
  </si>
  <si>
    <t>19810340.0</t>
  </si>
  <si>
    <t>15307908.0</t>
  </si>
  <si>
    <t>5327830.0</t>
  </si>
  <si>
    <t>-3625.2</t>
  </si>
  <si>
    <t>-69.9632050512461</t>
  </si>
  <si>
    <t>17258113.0</t>
  </si>
  <si>
    <t>332.974</t>
  </si>
  <si>
    <t>67254.0</t>
  </si>
  <si>
    <t>19945128.0</t>
  </si>
  <si>
    <t>15364624.0</t>
  </si>
  <si>
    <t>5404949.0</t>
  </si>
  <si>
    <t>134788.0</t>
  </si>
  <si>
    <t>105007.0</t>
  </si>
  <si>
    <t>17351666.0</t>
  </si>
  <si>
    <t>334.779</t>
  </si>
  <si>
    <t>20078420.0</t>
  </si>
  <si>
    <t>15405460.0</t>
  </si>
  <si>
    <t>5496153.0</t>
  </si>
  <si>
    <t>133292.0</t>
  </si>
  <si>
    <t>100609.0</t>
  </si>
  <si>
    <t>17441165.0</t>
  </si>
  <si>
    <t>336.506</t>
  </si>
  <si>
    <t>72477.0</t>
  </si>
  <si>
    <t>20206639.0</t>
  </si>
  <si>
    <t>15442919.0</t>
  </si>
  <si>
    <t>5585777.0</t>
  </si>
  <si>
    <t>128219.0</t>
  </si>
  <si>
    <t>17564041.0</t>
  </si>
  <si>
    <t>338.877</t>
  </si>
  <si>
    <t>20355091.0</t>
  </si>
  <si>
    <t>15483303.0</t>
  </si>
  <si>
    <t>5692695.0</t>
  </si>
  <si>
    <t>148452.0</t>
  </si>
  <si>
    <t>17684067.0</t>
  </si>
  <si>
    <t>120026.0</t>
  </si>
  <si>
    <t>341.193</t>
  </si>
  <si>
    <t>20565991.0</t>
  </si>
  <si>
    <t>15543564.0</t>
  </si>
  <si>
    <t>5842445.0</t>
  </si>
  <si>
    <t>210900.0</t>
  </si>
  <si>
    <t>111376.0</t>
  </si>
  <si>
    <t>17815225.0</t>
  </si>
  <si>
    <t>131158.0</t>
  </si>
  <si>
    <t>343.723</t>
  </si>
  <si>
    <t>20620963.0</t>
  </si>
  <si>
    <t>15557875.0</t>
  </si>
  <si>
    <t>5883038.0</t>
  </si>
  <si>
    <t>116185.0</t>
  </si>
  <si>
    <t>17897376.0</t>
  </si>
  <si>
    <t>345.308</t>
  </si>
  <si>
    <t>96281.0</t>
  </si>
  <si>
    <t>20624381.0</t>
  </si>
  <si>
    <t>15559416.0</t>
  </si>
  <si>
    <t>5884948.0</t>
  </si>
  <si>
    <t>116292.0</t>
  </si>
  <si>
    <t>-3461.2</t>
  </si>
  <si>
    <t>-66.7981477776049</t>
  </si>
  <si>
    <t>17954513.0</t>
  </si>
  <si>
    <t>346.411</t>
  </si>
  <si>
    <t>99486.0</t>
  </si>
  <si>
    <t>20752526.0</t>
  </si>
  <si>
    <t>15592034.0</t>
  </si>
  <si>
    <t>5979451.0</t>
  </si>
  <si>
    <t>115343.0</t>
  </si>
  <si>
    <t>18094510.0</t>
  </si>
  <si>
    <t>139997.0</t>
  </si>
  <si>
    <t>349.112</t>
  </si>
  <si>
    <t>20973975.0</t>
  </si>
  <si>
    <t>15701631.0</t>
  </si>
  <si>
    <t>6090171.0</t>
  </si>
  <si>
    <t>221449.0</t>
  </si>
  <si>
    <t>18232672.0</t>
  </si>
  <si>
    <t>138162.0</t>
  </si>
  <si>
    <t>351.777</t>
  </si>
  <si>
    <t>113072.0</t>
  </si>
  <si>
    <t>21211687.0</t>
  </si>
  <si>
    <t>15815131.0</t>
  </si>
  <si>
    <t>6213281.0</t>
  </si>
  <si>
    <t>237712.0</t>
  </si>
  <si>
    <t>143578.0</t>
  </si>
  <si>
    <t>53173.0</t>
  </si>
  <si>
    <t>18377584.0</t>
  </si>
  <si>
    <t>144912.0</t>
  </si>
  <si>
    <t>354.573</t>
  </si>
  <si>
    <t>21480868.0</t>
  </si>
  <si>
    <t>15939643.0</t>
  </si>
  <si>
    <t>6356990.0</t>
  </si>
  <si>
    <t>269181.0</t>
  </si>
  <si>
    <t>160825.0</t>
  </si>
  <si>
    <t>65191.0</t>
  </si>
  <si>
    <t>18525295.0</t>
  </si>
  <si>
    <t>147711.0</t>
  </si>
  <si>
    <t>357.423</t>
  </si>
  <si>
    <t>21803528.0</t>
  </si>
  <si>
    <t>16075943.0</t>
  </si>
  <si>
    <t>6542426.0</t>
  </si>
  <si>
    <t>322660.0</t>
  </si>
  <si>
    <t>176791.0</t>
  </si>
  <si>
    <t>18663382.0</t>
  </si>
  <si>
    <t>138087.0</t>
  </si>
  <si>
    <t>360.087</t>
  </si>
  <si>
    <t>21877402.0</t>
  </si>
  <si>
    <t>16111677.0</t>
  </si>
  <si>
    <t>6580443.0</t>
  </si>
  <si>
    <t>73874.0</t>
  </si>
  <si>
    <t>179491.0</t>
  </si>
  <si>
    <t>79115.0</t>
  </si>
  <si>
    <t>18753407.0</t>
  </si>
  <si>
    <t>90025.0</t>
  </si>
  <si>
    <t>361.824</t>
  </si>
  <si>
    <t>21882169.0</t>
  </si>
  <si>
    <t>16114986.0</t>
  </si>
  <si>
    <t>6581924.0</t>
  </si>
  <si>
    <t>179684.0</t>
  </si>
  <si>
    <t>-3236.4</t>
  </si>
  <si>
    <t>-62.4597034171502</t>
  </si>
  <si>
    <t>18823407.0</t>
  </si>
  <si>
    <t>363.175</t>
  </si>
  <si>
    <t>124128.0</t>
  </si>
  <si>
    <t>22116804.0</t>
  </si>
  <si>
    <t>16276388.0</t>
  </si>
  <si>
    <t>6654373.0</t>
  </si>
  <si>
    <t>234635.0</t>
  </si>
  <si>
    <t>97765.0</t>
  </si>
  <si>
    <t>18978600.0</t>
  </si>
  <si>
    <t>155193.0</t>
  </si>
  <si>
    <t>366.169</t>
  </si>
  <si>
    <t>126299.0</t>
  </si>
  <si>
    <t>22332134.0</t>
  </si>
  <si>
    <t>16428341.0</t>
  </si>
  <si>
    <t>6716888.0</t>
  </si>
  <si>
    <t>215330.0</t>
  </si>
  <si>
    <t>194023.0</t>
  </si>
  <si>
    <t>103816.0</t>
  </si>
  <si>
    <t>19126293.0</t>
  </si>
  <si>
    <t>147693.0</t>
  </si>
  <si>
    <t>369.019</t>
  </si>
  <si>
    <t>127660.0</t>
  </si>
  <si>
    <t>22515179.0</t>
  </si>
  <si>
    <t>16569328.0</t>
  </si>
  <si>
    <t>6758391.0</t>
  </si>
  <si>
    <t>183045.0</t>
  </si>
  <si>
    <t>186213.0</t>
  </si>
  <si>
    <t>107742.0</t>
  </si>
  <si>
    <t>19265994.0</t>
  </si>
  <si>
    <t>126916.0</t>
  </si>
  <si>
    <t>22719169.0</t>
  </si>
  <si>
    <t>16711154.0</t>
  </si>
  <si>
    <t>6820039.0</t>
  </si>
  <si>
    <t>203990.0</t>
  </si>
  <si>
    <t>176900.0</t>
  </si>
  <si>
    <t>19403489.0</t>
  </si>
  <si>
    <t>137495.0</t>
  </si>
  <si>
    <t>374.367</t>
  </si>
  <si>
    <t>125456.0</t>
  </si>
  <si>
    <t>22929554.0</t>
  </si>
  <si>
    <t>16859018.0</t>
  </si>
  <si>
    <t>6882167.0</t>
  </si>
  <si>
    <t>210385.0</t>
  </si>
  <si>
    <t>160861.0</t>
  </si>
  <si>
    <t>19543365.0</t>
  </si>
  <si>
    <t>377.066</t>
  </si>
  <si>
    <t>125712.0</t>
  </si>
  <si>
    <t>22972834.0</t>
  </si>
  <si>
    <t>16889293.0</t>
  </si>
  <si>
    <t>6895167.0</t>
  </si>
  <si>
    <t>156490.0</t>
  </si>
  <si>
    <t>111088.0</t>
  </si>
  <si>
    <t>19635717.0</t>
  </si>
  <si>
    <t>92352.0</t>
  </si>
  <si>
    <t>378.847</t>
  </si>
  <si>
    <t>22976534.0</t>
  </si>
  <si>
    <t>16891613.0</t>
  </si>
  <si>
    <t>6896614.0</t>
  </si>
  <si>
    <t>156338.0</t>
  </si>
  <si>
    <t>110947.0</t>
  </si>
  <si>
    <t>-2834.6</t>
  </si>
  <si>
    <t>-54.7053130967291</t>
  </si>
  <si>
    <t>19702870.0</t>
  </si>
  <si>
    <t>67153.0</t>
  </si>
  <si>
    <t>380.143</t>
  </si>
  <si>
    <t>125638.0</t>
  </si>
  <si>
    <t>23664308.0</t>
  </si>
  <si>
    <t>17511033.0</t>
  </si>
  <si>
    <t>6963732.0</t>
  </si>
  <si>
    <t>687774.0</t>
  </si>
  <si>
    <t>176378.0</t>
  </si>
  <si>
    <t>19859675.0</t>
  </si>
  <si>
    <t>156805.0</t>
  </si>
  <si>
    <t>383.168</t>
  </si>
  <si>
    <t>24098552.0</t>
  </si>
  <si>
    <t>17893787.0</t>
  </si>
  <si>
    <t>7014308.0</t>
  </si>
  <si>
    <t>434244.0</t>
  </si>
  <si>
    <t>252345.0</t>
  </si>
  <si>
    <t>209349.0</t>
  </si>
  <si>
    <t>20001915.0</t>
  </si>
  <si>
    <t>142240.0</t>
  </si>
  <si>
    <t>385.913</t>
  </si>
  <si>
    <t>125089.0</t>
  </si>
  <si>
    <t>24624789.0</t>
  </si>
  <si>
    <t>18374691.0</t>
  </si>
  <si>
    <t>7058875.0</t>
  </si>
  <si>
    <t>526237.0</t>
  </si>
  <si>
    <t>301373.0</t>
  </si>
  <si>
    <t>20138536.0</t>
  </si>
  <si>
    <t>136621.0</t>
  </si>
  <si>
    <t>388.549</t>
  </si>
  <si>
    <t>124649.0</t>
  </si>
  <si>
    <t>25019518.0</t>
  </si>
  <si>
    <t>18723460.0</t>
  </si>
  <si>
    <t>7104215.0</t>
  </si>
  <si>
    <t>394729.0</t>
  </si>
  <si>
    <t>328621.0</t>
  </si>
  <si>
    <t>287472.0</t>
  </si>
  <si>
    <t>20276978.0</t>
  </si>
  <si>
    <t>138442.0</t>
  </si>
  <si>
    <t>391.22</t>
  </si>
  <si>
    <t>124784.0</t>
  </si>
  <si>
    <t>25580635.0</t>
  </si>
  <si>
    <t>19221573.0</t>
  </si>
  <si>
    <t>7166362.0</t>
  </si>
  <si>
    <t>561117.0</t>
  </si>
  <si>
    <t>378726.0</t>
  </si>
  <si>
    <t>337508.0</t>
  </si>
  <si>
    <t>20421727.0</t>
  </si>
  <si>
    <t>144749.0</t>
  </si>
  <si>
    <t>394.013</t>
  </si>
  <si>
    <t>25812578.0</t>
  </si>
  <si>
    <t>19438169.0</t>
  </si>
  <si>
    <t>7181491.0</t>
  </si>
  <si>
    <t>231943.0</t>
  </si>
  <si>
    <t>405678.0</t>
  </si>
  <si>
    <t>364125.0</t>
  </si>
  <si>
    <t>20511425.0</t>
  </si>
  <si>
    <t>89698.0</t>
  </si>
  <si>
    <t>395.743</t>
  </si>
  <si>
    <t>25842962.0</t>
  </si>
  <si>
    <t>19466848.0</t>
  </si>
  <si>
    <t>7183187.0</t>
  </si>
  <si>
    <t>409490.0</t>
  </si>
  <si>
    <t>367891.0</t>
  </si>
  <si>
    <t>-2427.2</t>
  </si>
  <si>
    <t>-46.8428476498909</t>
  </si>
  <si>
    <t>20577236.0</t>
  </si>
  <si>
    <t>65811.0</t>
  </si>
  <si>
    <t>397.013</t>
  </si>
  <si>
    <t>26359541.0</t>
  </si>
  <si>
    <t>19944246.0</t>
  </si>
  <si>
    <t>7221088.0</t>
  </si>
  <si>
    <t>516579.0</t>
  </si>
  <si>
    <t>385033.0</t>
  </si>
  <si>
    <t>347602.0</t>
  </si>
  <si>
    <t>20725530.0</t>
  </si>
  <si>
    <t>148294.0</t>
  </si>
  <si>
    <t>399.874</t>
  </si>
  <si>
    <t>123694.0</t>
  </si>
  <si>
    <t>26690807.0</t>
  </si>
  <si>
    <t>20165760.0</t>
  </si>
  <si>
    <t>7329946.0</t>
  </si>
  <si>
    <t>324568.0</t>
  </si>
  <si>
    <t>20865857.0</t>
  </si>
  <si>
    <t>140327.0</t>
  </si>
  <si>
    <t>402.582</t>
  </si>
  <si>
    <t>26970690.0</t>
  </si>
  <si>
    <t>20332958.0</t>
  </si>
  <si>
    <t>7441751.0</t>
  </si>
  <si>
    <t>279883.0</t>
  </si>
  <si>
    <t>335129.0</t>
  </si>
  <si>
    <t>279752.0</t>
  </si>
  <si>
    <t>21004508.0</t>
  </si>
  <si>
    <t>138651.0</t>
  </si>
  <si>
    <t>405.257</t>
  </si>
  <si>
    <t>123710.0</t>
  </si>
  <si>
    <t>27294969.0</t>
  </si>
  <si>
    <t>20527726.0</t>
  </si>
  <si>
    <t>7570188.0</t>
  </si>
  <si>
    <t>324279.0</t>
  </si>
  <si>
    <t>325064.0</t>
  </si>
  <si>
    <t>257752.0</t>
  </si>
  <si>
    <t>21140893.0</t>
  </si>
  <si>
    <t>136385.0</t>
  </si>
  <si>
    <t>407.888</t>
  </si>
  <si>
    <t>123416.0</t>
  </si>
  <si>
    <t>27710934.0</t>
  </si>
  <si>
    <t>20785124.0</t>
  </si>
  <si>
    <t>7727644.0</t>
  </si>
  <si>
    <t>415965.0</t>
  </si>
  <si>
    <t>304328.0</t>
  </si>
  <si>
    <t>21288127.0</t>
  </si>
  <si>
    <t>147234.0</t>
  </si>
  <si>
    <t>410.729</t>
  </si>
  <si>
    <t>123771.0</t>
  </si>
  <si>
    <t>27871300.0</t>
  </si>
  <si>
    <t>20907939.0</t>
  </si>
  <si>
    <t>7764972.0</t>
  </si>
  <si>
    <t>160366.0</t>
  </si>
  <si>
    <t>294103.0</t>
  </si>
  <si>
    <t>209967.0</t>
  </si>
  <si>
    <t>21396948.0</t>
  </si>
  <si>
    <t>412.828</t>
  </si>
  <si>
    <t>126503.0</t>
  </si>
  <si>
    <t>27903526.0</t>
  </si>
  <si>
    <t>20936687.0</t>
  </si>
  <si>
    <t>7768413.0</t>
  </si>
  <si>
    <t>294366.0</t>
  </si>
  <si>
    <t>209977.0</t>
  </si>
  <si>
    <t>-2226.0</t>
  </si>
  <si>
    <t>-42.9598627507652</t>
  </si>
  <si>
    <t>21480002.0</t>
  </si>
  <si>
    <t>83054.0</t>
  </si>
  <si>
    <t>414.431</t>
  </si>
  <si>
    <t>128967.0</t>
  </si>
  <si>
    <t>28517450.0</t>
  </si>
  <si>
    <t>21373039.0</t>
  </si>
  <si>
    <t>7943642.0</t>
  </si>
  <si>
    <t>613924.0</t>
  </si>
  <si>
    <t>308273.0</t>
  </si>
  <si>
    <t>204113.0</t>
  </si>
  <si>
    <t>21643179.0</t>
  </si>
  <si>
    <t>163177.0</t>
  </si>
  <si>
    <t>417.579</t>
  </si>
  <si>
    <t>131093.0</t>
  </si>
  <si>
    <t>28953907.0</t>
  </si>
  <si>
    <t>21636786.0</t>
  </si>
  <si>
    <t>8114214.0</t>
  </si>
  <si>
    <t>436457.0</t>
  </si>
  <si>
    <t>323300.0</t>
  </si>
  <si>
    <t>210147.0</t>
  </si>
  <si>
    <t>21785344.0</t>
  </si>
  <si>
    <t>142165.0</t>
  </si>
  <si>
    <t>420.322</t>
  </si>
  <si>
    <t>131355.0</t>
  </si>
  <si>
    <t>29298585.0</t>
  </si>
  <si>
    <t>21815386.0</t>
  </si>
  <si>
    <t>8278517.0</t>
  </si>
  <si>
    <t>344678.0</t>
  </si>
  <si>
    <t>332556.0</t>
  </si>
  <si>
    <t>211775.0</t>
  </si>
  <si>
    <t>21935701.0</t>
  </si>
  <si>
    <t>150357.0</t>
  </si>
  <si>
    <t>423.223</t>
  </si>
  <si>
    <t>133028.0</t>
  </si>
  <si>
    <t>30176957.0</t>
  </si>
  <si>
    <t>21984821.0</t>
  </si>
  <si>
    <t>8982404.0</t>
  </si>
  <si>
    <t>878372.0</t>
  </si>
  <si>
    <t>411713.0</t>
  </si>
  <si>
    <t>208156.0</t>
  </si>
  <si>
    <t>22097028.0</t>
  </si>
  <si>
    <t>426.335</t>
  </si>
  <si>
    <t>136591.0</t>
  </si>
  <si>
    <t>31044211.0</t>
  </si>
  <si>
    <t>22228995.0</t>
  </si>
  <si>
    <t>9601619.0</t>
  </si>
  <si>
    <t>867254.0</t>
  </si>
  <si>
    <t>206267.0</t>
  </si>
  <si>
    <t>22265345.0</t>
  </si>
  <si>
    <t>168317.0</t>
  </si>
  <si>
    <t>429.583</t>
  </si>
  <si>
    <t>139603.0</t>
  </si>
  <si>
    <t>31372097.0</t>
  </si>
  <si>
    <t>22372969.0</t>
  </si>
  <si>
    <t>9784553.0</t>
  </si>
  <si>
    <t>327886.0</t>
  </si>
  <si>
    <t>500114.0</t>
  </si>
  <si>
    <t>209290.0</t>
  </si>
  <si>
    <t>22385385.0</t>
  </si>
  <si>
    <t>431.899</t>
  </si>
  <si>
    <t>31397602.0</t>
  </si>
  <si>
    <t>22392072.0</t>
  </si>
  <si>
    <t>9790908.0</t>
  </si>
  <si>
    <t>499154.0</t>
  </si>
  <si>
    <t>-2085.4</t>
  </si>
  <si>
    <t>-40.2464051125093</t>
  </si>
  <si>
    <t>22473798.0</t>
  </si>
  <si>
    <t>88413.0</t>
  </si>
  <si>
    <t>433.605</t>
  </si>
  <si>
    <t>141971.0</t>
  </si>
  <si>
    <t>32328839.0</t>
  </si>
  <si>
    <t>23063836.0</t>
  </si>
  <si>
    <t>10047698.0</t>
  </si>
  <si>
    <t>931237.0</t>
  </si>
  <si>
    <t>544484.0</t>
  </si>
  <si>
    <t>241542.0</t>
  </si>
  <si>
    <t>22586396.0</t>
  </si>
  <si>
    <t>112598.0</t>
  </si>
  <si>
    <t>435.777</t>
  </si>
  <si>
    <t>134745.0</t>
  </si>
  <si>
    <t>33552634.0</t>
  </si>
  <si>
    <t>23788517.0</t>
  </si>
  <si>
    <t>10541826.0</t>
  </si>
  <si>
    <t>1223795.0</t>
  </si>
  <si>
    <t>656961.0</t>
  </si>
  <si>
    <t>307390.0</t>
  </si>
  <si>
    <t>22758295.0</t>
  </si>
  <si>
    <t>171899.0</t>
  </si>
  <si>
    <t>439.094</t>
  </si>
  <si>
    <t>138993.0</t>
  </si>
  <si>
    <t>34399086.0</t>
  </si>
  <si>
    <t>24312036.0</t>
  </si>
  <si>
    <t>10861081.0</t>
  </si>
  <si>
    <t>728643.0</t>
  </si>
  <si>
    <t>356664.0</t>
  </si>
  <si>
    <t>22926540.0</t>
  </si>
  <si>
    <t>442.34</t>
  </si>
  <si>
    <t>141548.0</t>
  </si>
  <si>
    <t>35200396.0</t>
  </si>
  <si>
    <t>24817149.0</t>
  </si>
  <si>
    <t>11154355.0</t>
  </si>
  <si>
    <t>801310.0</t>
  </si>
  <si>
    <t>717634.0</t>
  </si>
  <si>
    <t>404618.0</t>
  </si>
  <si>
    <t>23090990.0</t>
  </si>
  <si>
    <t>164450.0</t>
  </si>
  <si>
    <t>445.513</t>
  </si>
  <si>
    <t>141995.0</t>
  </si>
  <si>
    <t>36227454.0</t>
  </si>
  <si>
    <t>25508339.0</t>
  </si>
  <si>
    <t>11487265.0</t>
  </si>
  <si>
    <t>1027058.0</t>
  </si>
  <si>
    <t>740463.0</t>
  </si>
  <si>
    <t>468478.0</t>
  </si>
  <si>
    <t>23278598.0</t>
  </si>
  <si>
    <t>187608.0</t>
  </si>
  <si>
    <t>449.132</t>
  </si>
  <si>
    <t>144750.0</t>
  </si>
  <si>
    <t>36718238.0</t>
  </si>
  <si>
    <t>25873749.0</t>
  </si>
  <si>
    <t>11611547.0</t>
  </si>
  <si>
    <t>490784.0</t>
  </si>
  <si>
    <t>763734.0</t>
  </si>
  <si>
    <t>500111.0</t>
  </si>
  <si>
    <t>23389187.0</t>
  </si>
  <si>
    <t>110589.0</t>
  </si>
  <si>
    <t>451.266</t>
  </si>
  <si>
    <t>143400.0</t>
  </si>
  <si>
    <t>36762084.0</t>
  </si>
  <si>
    <t>25914502.0</t>
  </si>
  <si>
    <t>11614572.0</t>
  </si>
  <si>
    <t>766355.0</t>
  </si>
  <si>
    <t>503204.0</t>
  </si>
  <si>
    <t>-1767.4</t>
  </si>
  <si>
    <t>-34.1092818624</t>
  </si>
  <si>
    <t>23475829.0</t>
  </si>
  <si>
    <t>452.938</t>
  </si>
  <si>
    <t>143147.0</t>
  </si>
  <si>
    <t>37867166.0</t>
  </si>
  <si>
    <t>26302636.0</t>
  </si>
  <si>
    <t>12331962.0</t>
  </si>
  <si>
    <t>791190.0</t>
  </si>
  <si>
    <t>462686.0</t>
  </si>
  <si>
    <t>8.106</t>
  </si>
  <si>
    <t>23640634.0</t>
  </si>
  <si>
    <t>164805.0</t>
  </si>
  <si>
    <t>456.118</t>
  </si>
  <si>
    <t>150605.0</t>
  </si>
  <si>
    <t>38870103.0</t>
  </si>
  <si>
    <t>26707849.0</t>
  </si>
  <si>
    <t>12934739.0</t>
  </si>
  <si>
    <t>1002937.0</t>
  </si>
  <si>
    <t>759638.0</t>
  </si>
  <si>
    <t>417047.0</t>
  </si>
  <si>
    <t>23797567.0</t>
  </si>
  <si>
    <t>156933.0</t>
  </si>
  <si>
    <t>459.145</t>
  </si>
  <si>
    <t>148467.0</t>
  </si>
  <si>
    <t>39717231.0</t>
  </si>
  <si>
    <t>27085614.0</t>
  </si>
  <si>
    <t>13411792.0</t>
  </si>
  <si>
    <t>847128.0</t>
  </si>
  <si>
    <t>759735.0</t>
  </si>
  <si>
    <t>396225.0</t>
  </si>
  <si>
    <t>23970700.0</t>
  </si>
  <si>
    <t>173133.0</t>
  </si>
  <si>
    <t>462.486</t>
  </si>
  <si>
    <t>149166.0</t>
  </si>
  <si>
    <t>40789895.0</t>
  </si>
  <si>
    <t>27739414.0</t>
  </si>
  <si>
    <t>13837046.0</t>
  </si>
  <si>
    <t>1072664.0</t>
  </si>
  <si>
    <t>798500.0</t>
  </si>
  <si>
    <t>417466.0</t>
  </si>
  <si>
    <t>24155110.0</t>
  </si>
  <si>
    <t>184410.0</t>
  </si>
  <si>
    <t>41938627.0</t>
  </si>
  <si>
    <t>28342174.0</t>
  </si>
  <si>
    <t>14387055.0</t>
  </si>
  <si>
    <t>1148732.0</t>
  </si>
  <si>
    <t>815882.0</t>
  </si>
  <si>
    <t>24335584.0</t>
  </si>
  <si>
    <t>180474.0</t>
  </si>
  <si>
    <t>469.526</t>
  </si>
  <si>
    <t>42466267.0</t>
  </si>
  <si>
    <t>28618930.0</t>
  </si>
  <si>
    <t>14642932.0</t>
  </si>
  <si>
    <t>527640.0</t>
  </si>
  <si>
    <t>821147.0</t>
  </si>
  <si>
    <t>392169.0</t>
  </si>
  <si>
    <t>24459017.0</t>
  </si>
  <si>
    <t>123433.0</t>
  </si>
  <si>
    <t>471.907</t>
  </si>
  <si>
    <t>42497290.0</t>
  </si>
  <si>
    <t>28635621.0</t>
  </si>
  <si>
    <t>14659412.0</t>
  </si>
  <si>
    <t>819315.0</t>
  </si>
  <si>
    <t>388731.0</t>
  </si>
  <si>
    <t>-29.361695951938</t>
  </si>
  <si>
    <t>24554726.0</t>
  </si>
  <si>
    <t>95709.0</t>
  </si>
  <si>
    <t>473.754</t>
  </si>
  <si>
    <t>43478752.0</t>
  </si>
  <si>
    <t>29025504.0</t>
  </si>
  <si>
    <t>15257003.0</t>
  </si>
  <si>
    <t>981462.0</t>
  </si>
  <si>
    <t>801655.0</t>
  </si>
  <si>
    <t>388981.0</t>
  </si>
  <si>
    <t>24732104.0</t>
  </si>
  <si>
    <t>477.176</t>
  </si>
  <si>
    <t>155924.0</t>
  </si>
  <si>
    <t>44243068.0</t>
  </si>
  <si>
    <t>29273501.0</t>
  </si>
  <si>
    <t>15785617.0</t>
  </si>
  <si>
    <t>764316.0</t>
  </si>
  <si>
    <t>767566.0</t>
  </si>
  <si>
    <t>366522.0</t>
  </si>
  <si>
    <t>24907708.0</t>
  </si>
  <si>
    <t>175604.0</t>
  </si>
  <si>
    <t>158592.0</t>
  </si>
  <si>
    <t>44941181.0</t>
  </si>
  <si>
    <t>29452393.0</t>
  </si>
  <si>
    <t>16319531.0</t>
  </si>
  <si>
    <t>698113.0</t>
  </si>
  <si>
    <t>746279.0</t>
  </si>
  <si>
    <t>25102515.0</t>
  </si>
  <si>
    <t>194807.0</t>
  </si>
  <si>
    <t>484.323</t>
  </si>
  <si>
    <t>161688.0</t>
  </si>
  <si>
    <t>45610898.0</t>
  </si>
  <si>
    <t>29639010.0</t>
  </si>
  <si>
    <t>16818457.0</t>
  </si>
  <si>
    <t>669717.0</t>
  </si>
  <si>
    <t>688715.0</t>
  </si>
  <si>
    <t>271371.0</t>
  </si>
  <si>
    <t>25289515.0</t>
  </si>
  <si>
    <t>187000.0</t>
  </si>
  <si>
    <t>487.931</t>
  </si>
  <si>
    <t>46528701.0</t>
  </si>
  <si>
    <t>29872870.0</t>
  </si>
  <si>
    <t>17516589.0</t>
  </si>
  <si>
    <t>917803.0</t>
  </si>
  <si>
    <t>655725.0</t>
  </si>
  <si>
    <t>218671.0</t>
  </si>
  <si>
    <t>25476645.0</t>
  </si>
  <si>
    <t>187130.0</t>
  </si>
  <si>
    <t>491.541</t>
  </si>
  <si>
    <t>46900736.0</t>
  </si>
  <si>
    <t>29992166.0</t>
  </si>
  <si>
    <t>17777475.0</t>
  </si>
  <si>
    <t>372035.0</t>
  </si>
  <si>
    <t>633496.0</t>
  </si>
  <si>
    <t>196177.0</t>
  </si>
  <si>
    <t>25598292.0</t>
  </si>
  <si>
    <t>121647.0</t>
  </si>
  <si>
    <t>493.888</t>
  </si>
  <si>
    <t>162754.0</t>
  </si>
  <si>
    <t>46916025.0</t>
  </si>
  <si>
    <t>30001174.0</t>
  </si>
  <si>
    <t>17786336.0</t>
  </si>
  <si>
    <t>631248.0</t>
  </si>
  <si>
    <t>195079.0</t>
  </si>
  <si>
    <t>-1240.8</t>
  </si>
  <si>
    <t>-23.9463601532567</t>
  </si>
  <si>
    <t>25693508.0</t>
  </si>
  <si>
    <t>495.725</t>
  </si>
  <si>
    <t>162683.0</t>
  </si>
  <si>
    <t>48286973.0</t>
  </si>
  <si>
    <t>30744899.0</t>
  </si>
  <si>
    <t>18420802.0</t>
  </si>
  <si>
    <t>1370948.0</t>
  </si>
  <si>
    <t>686889.0</t>
  </si>
  <si>
    <t>25866767.0</t>
  </si>
  <si>
    <t>499.068</t>
  </si>
  <si>
    <t>162095.0</t>
  </si>
  <si>
    <t>49273180.0</t>
  </si>
  <si>
    <t>31319628.0</t>
  </si>
  <si>
    <t>18842169.0</t>
  </si>
  <si>
    <t>986207.0</t>
  </si>
  <si>
    <t>718587.0</t>
  </si>
  <si>
    <t>292304.0</t>
  </si>
  <si>
    <t>26017912.0</t>
  </si>
  <si>
    <t>501.984</t>
  </si>
  <si>
    <t>158601.0</t>
  </si>
  <si>
    <t>49956003.0</t>
  </si>
  <si>
    <t>31705869.0</t>
  </si>
  <si>
    <t>19149761.0</t>
  </si>
  <si>
    <t>716403.0</t>
  </si>
  <si>
    <t>321925.0</t>
  </si>
  <si>
    <t>26171906.0</t>
  </si>
  <si>
    <t>153994.0</t>
  </si>
  <si>
    <t>504.955</t>
  </si>
  <si>
    <t>152770.0</t>
  </si>
  <si>
    <t>50678442.0</t>
  </si>
  <si>
    <t>32146236.0</t>
  </si>
  <si>
    <t>19442311.0</t>
  </si>
  <si>
    <t>722439.0</t>
  </si>
  <si>
    <t>723935.0</t>
  </si>
  <si>
    <t>358175.0</t>
  </si>
  <si>
    <t>26320769.0</t>
  </si>
  <si>
    <t>148863.0</t>
  </si>
  <si>
    <t>507.827</t>
  </si>
  <si>
    <t>147322.0</t>
  </si>
  <si>
    <t>51740455.0</t>
  </si>
  <si>
    <t>32799405.0</t>
  </si>
  <si>
    <t>19860600.0</t>
  </si>
  <si>
    <t>1062013.0</t>
  </si>
  <si>
    <t>418076.0</t>
  </si>
  <si>
    <t>26479306.0</t>
  </si>
  <si>
    <t>158537.0</t>
  </si>
  <si>
    <t>510.886</t>
  </si>
  <si>
    <t>143237.0</t>
  </si>
  <si>
    <t>52273189.0</t>
  </si>
  <si>
    <t>33128367.0</t>
  </si>
  <si>
    <t>20073621.0</t>
  </si>
  <si>
    <t>532734.0</t>
  </si>
  <si>
    <t>767493.0</t>
  </si>
  <si>
    <t>448029.0</t>
  </si>
  <si>
    <t>26594629.0</t>
  </si>
  <si>
    <t>115323.0</t>
  </si>
  <si>
    <t>513.111</t>
  </si>
  <si>
    <t>142334.0</t>
  </si>
  <si>
    <t>52318895.0</t>
  </si>
  <si>
    <t>33150809.0</t>
  </si>
  <si>
    <t>20099795.0</t>
  </si>
  <si>
    <t>771839.0</t>
  </si>
  <si>
    <t>100.97</t>
  </si>
  <si>
    <t>449948.0</t>
  </si>
  <si>
    <t>-910.799999999999</t>
  </si>
  <si>
    <t>-17.5776473465395</t>
  </si>
  <si>
    <t>26683788.0</t>
  </si>
  <si>
    <t>89159.0</t>
  </si>
  <si>
    <t>514.831</t>
  </si>
  <si>
    <t>141469.0</t>
  </si>
  <si>
    <t>53564250.0</t>
  </si>
  <si>
    <t>33978559.0</t>
  </si>
  <si>
    <t>20522876.0</t>
  </si>
  <si>
    <t>753897.0</t>
  </si>
  <si>
    <t>461951.0</t>
  </si>
  <si>
    <t>26850431.0</t>
  </si>
  <si>
    <t>166643.0</t>
  </si>
  <si>
    <t>518.047</t>
  </si>
  <si>
    <t>140523.0</t>
  </si>
  <si>
    <t>54382516.0</t>
  </si>
  <si>
    <t>34580623.0</t>
  </si>
  <si>
    <t>20747945.0</t>
  </si>
  <si>
    <t>818266.0</t>
  </si>
  <si>
    <t>729905.0</t>
  </si>
  <si>
    <t>465856.0</t>
  </si>
  <si>
    <t>26997696.0</t>
  </si>
  <si>
    <t>520.888</t>
  </si>
  <si>
    <t>139969.0</t>
  </si>
  <si>
    <t>55190583.0</t>
  </si>
  <si>
    <t>34957173.0</t>
  </si>
  <si>
    <t>21187752.0</t>
  </si>
  <si>
    <t>808067.0</t>
  </si>
  <si>
    <t>464472.0</t>
  </si>
  <si>
    <t>27151874.0</t>
  </si>
  <si>
    <t>154178.0</t>
  </si>
  <si>
    <t>523.863</t>
  </si>
  <si>
    <t>55926828.0</t>
  </si>
  <si>
    <t>35388028.0</t>
  </si>
  <si>
    <t>21501765.0</t>
  </si>
  <si>
    <t>736245.0</t>
  </si>
  <si>
    <t>463113.0</t>
  </si>
  <si>
    <t>27302889.0</t>
  </si>
  <si>
    <t>151015.0</t>
  </si>
  <si>
    <t>526.776</t>
  </si>
  <si>
    <t>57023008.0</t>
  </si>
  <si>
    <t>36049151.0</t>
  </si>
  <si>
    <t>21947170.0</t>
  </si>
  <si>
    <t>1096180.0</t>
  </si>
  <si>
    <t>754650.0</t>
  </si>
  <si>
    <t>464249.0</t>
  </si>
  <si>
    <t>27452083.0</t>
  </si>
  <si>
    <t>149194.0</t>
  </si>
  <si>
    <t>529.655</t>
  </si>
  <si>
    <t>57602433.0</t>
  </si>
  <si>
    <t>36441921.0</t>
  </si>
  <si>
    <t>22138166.0</t>
  </si>
  <si>
    <t>579425.0</t>
  </si>
  <si>
    <t>761321.0</t>
  </si>
  <si>
    <t>473365.0</t>
  </si>
  <si>
    <t>27548378.0</t>
  </si>
  <si>
    <t>96295.0</t>
  </si>
  <si>
    <t>531.513</t>
  </si>
  <si>
    <t>136250.0</t>
  </si>
  <si>
    <t>57650395.0</t>
  </si>
  <si>
    <t>36463582.0</t>
  </si>
  <si>
    <t>22164599.0</t>
  </si>
  <si>
    <t>761643.0</t>
  </si>
  <si>
    <t>473253.0</t>
  </si>
  <si>
    <t>-573.599999999999</t>
  </si>
  <si>
    <t>-11.0699808058575</t>
  </si>
  <si>
    <t>27623610.0</t>
  </si>
  <si>
    <t>532.964</t>
  </si>
  <si>
    <t>134260.0</t>
  </si>
  <si>
    <t>57695598.0</t>
  </si>
  <si>
    <t>36493973.0</t>
  </si>
  <si>
    <t>22179379.0</t>
  </si>
  <si>
    <t>590193.0</t>
  </si>
  <si>
    <t>359345.0</t>
  </si>
  <si>
    <t>27716043.0</t>
  </si>
  <si>
    <t>534.748</t>
  </si>
  <si>
    <t>123659.0</t>
  </si>
  <si>
    <t>57707747.0</t>
  </si>
  <si>
    <t>36500982.0</t>
  </si>
  <si>
    <t>22184510.0</t>
  </si>
  <si>
    <t>111.37</t>
  </si>
  <si>
    <t>274337.0</t>
  </si>
  <si>
    <t>27827235.0</t>
  </si>
  <si>
    <t>111192.0</t>
  </si>
  <si>
    <t>536.893</t>
  </si>
  <si>
    <t>118506.0</t>
  </si>
  <si>
    <t>57752670.0</t>
  </si>
  <si>
    <t>36529082.0</t>
  </si>
  <si>
    <t>22201406.0</t>
  </si>
  <si>
    <t>366012.0</t>
  </si>
  <si>
    <t>224558.0</t>
  </si>
  <si>
    <t>28004036.0</t>
  </si>
  <si>
    <t>176801.0</t>
  </si>
  <si>
    <t>540.304</t>
  </si>
  <si>
    <t>121737.0</t>
  </si>
  <si>
    <t>58688243.0</t>
  </si>
  <si>
    <t>37090890.0</t>
  </si>
  <si>
    <t>22578834.0</t>
  </si>
  <si>
    <t>935573.0</t>
  </si>
  <si>
    <t>394488.0</t>
  </si>
  <si>
    <t>243266.0</t>
  </si>
  <si>
    <t>28256212.0</t>
  </si>
  <si>
    <t>252176.0</t>
  </si>
  <si>
    <t>545.17</t>
  </si>
  <si>
    <t>59717962.0</t>
  </si>
  <si>
    <t>37708160.0</t>
  </si>
  <si>
    <t>22994627.0</t>
  </si>
  <si>
    <t>1029719.0</t>
  </si>
  <si>
    <t>384993.0</t>
  </si>
  <si>
    <t>115.25</t>
  </si>
  <si>
    <t>237001.0</t>
  </si>
  <si>
    <t>28483063.0</t>
  </si>
  <si>
    <t>549.546</t>
  </si>
  <si>
    <t>147283.0</t>
  </si>
  <si>
    <t>60247412.0</t>
  </si>
  <si>
    <t>38021721.0</t>
  </si>
  <si>
    <t>23210931.0</t>
  </si>
  <si>
    <t>529450.0</t>
  </si>
  <si>
    <t>377854.0</t>
  </si>
  <si>
    <t>225686.0</t>
  </si>
  <si>
    <t>28652619.0</t>
  </si>
  <si>
    <t>169556.0</t>
  </si>
  <si>
    <t>552.818</t>
  </si>
  <si>
    <t>157749.0</t>
  </si>
  <si>
    <t>60297927.0</t>
  </si>
  <si>
    <t>38048460.0</t>
  </si>
  <si>
    <t>23235365.0</t>
  </si>
  <si>
    <t>378219.0</t>
  </si>
  <si>
    <t>226411.0</t>
  </si>
  <si>
    <t>-221.599999999999</t>
  </si>
  <si>
    <t>-4.27668714535918</t>
  </si>
  <si>
    <t>28793010.0</t>
  </si>
  <si>
    <t>140391.0</t>
  </si>
  <si>
    <t>555.526</t>
  </si>
  <si>
    <t>167057.0</t>
  </si>
  <si>
    <t>61425278.0</t>
  </si>
  <si>
    <t>38465867.0</t>
  </si>
  <si>
    <t>23947269.0</t>
  </si>
  <si>
    <t>1127351.0</t>
  </si>
  <si>
    <t>532811.0</t>
  </si>
  <si>
    <t>29010786.0</t>
  </si>
  <si>
    <t>217776.0</t>
  </si>
  <si>
    <t>559.728</t>
  </si>
  <si>
    <t>184963.0</t>
  </si>
  <si>
    <t>62371771.0</t>
  </si>
  <si>
    <t>38723593.0</t>
  </si>
  <si>
    <t>24637714.0</t>
  </si>
  <si>
    <t>946493.0</t>
  </si>
  <si>
    <t>666289.0</t>
  </si>
  <si>
    <t>317516.0</t>
  </si>
  <si>
    <t>29201290.0</t>
  </si>
  <si>
    <t>563.404</t>
  </si>
  <si>
    <t>196294.0</t>
  </si>
  <si>
    <t>63127705.0</t>
  </si>
  <si>
    <t>38955484.0</t>
  </si>
  <si>
    <t>25164575.0</t>
  </si>
  <si>
    <t>755934.0</t>
  </si>
  <si>
    <t>767862.0</t>
  </si>
  <si>
    <t>346629.0</t>
  </si>
  <si>
    <t>29387553.0</t>
  </si>
  <si>
    <t>566.997</t>
  </si>
  <si>
    <t>197645.0</t>
  </si>
  <si>
    <t>64012569.0</t>
  </si>
  <si>
    <t>39299941.0</t>
  </si>
  <si>
    <t>25706951.0</t>
  </si>
  <si>
    <t>884864.0</t>
  </si>
  <si>
    <t>760618.0</t>
  </si>
  <si>
    <t>315579.0</t>
  </si>
  <si>
    <t>29559292.0</t>
  </si>
  <si>
    <t>171739.0</t>
  </si>
  <si>
    <t>570.311</t>
  </si>
  <si>
    <t>186154.0</t>
  </si>
  <si>
    <t>65110220.0</t>
  </si>
  <si>
    <t>39536813.0</t>
  </si>
  <si>
    <t>26568349.0</t>
  </si>
  <si>
    <t>1097651.0</t>
  </si>
  <si>
    <t>770323.0</t>
  </si>
  <si>
    <t>125.66</t>
  </si>
  <si>
    <t>261236.0</t>
  </si>
  <si>
    <t>29727943.0</t>
  </si>
  <si>
    <t>168651.0</t>
  </si>
  <si>
    <t>177840.0</t>
  </si>
  <si>
    <t>65641361.0</t>
  </si>
  <si>
    <t>39661655.0</t>
  </si>
  <si>
    <t>26975830.0</t>
  </si>
  <si>
    <t>531141.0</t>
  </si>
  <si>
    <t>770564.0</t>
  </si>
  <si>
    <t>234276.0</t>
  </si>
  <si>
    <t>29840053.0</t>
  </si>
  <si>
    <t>112110.0</t>
  </si>
  <si>
    <t>575.728</t>
  </si>
  <si>
    <t>169633.0</t>
  </si>
  <si>
    <t>65678755.0</t>
  </si>
  <si>
    <t>39665268.0</t>
  </si>
  <si>
    <t>27009605.0</t>
  </si>
  <si>
    <t>768690.0</t>
  </si>
  <si>
    <t>230973.0</t>
  </si>
  <si>
    <t>126.000000000001</t>
  </si>
  <si>
    <t>2.43169034438295</t>
  </si>
  <si>
    <t>29932591.0</t>
  </si>
  <si>
    <t>92538.0</t>
  </si>
  <si>
    <t>577.513</t>
  </si>
  <si>
    <t>65915475.0</t>
  </si>
  <si>
    <t>39691103.0</t>
  </si>
  <si>
    <t>27220137.0</t>
  </si>
  <si>
    <t>641457.0</t>
  </si>
  <si>
    <t>175034.0</t>
  </si>
  <si>
    <t>30050519.0</t>
  </si>
  <si>
    <t>117928.0</t>
  </si>
  <si>
    <t>579.789</t>
  </si>
  <si>
    <t>148533.0</t>
  </si>
  <si>
    <t>66726223.0</t>
  </si>
  <si>
    <t>39736567.0</t>
  </si>
  <si>
    <t>27985746.0</t>
  </si>
  <si>
    <t>810748.0</t>
  </si>
  <si>
    <t>622065.0</t>
  </si>
  <si>
    <t>30215502.0</t>
  </si>
  <si>
    <t>164983.0</t>
  </si>
  <si>
    <t>582.972</t>
  </si>
  <si>
    <t>144887.0</t>
  </si>
  <si>
    <t>67273387.0</t>
  </si>
  <si>
    <t>39773939.0</t>
  </si>
  <si>
    <t>28496370.0</t>
  </si>
  <si>
    <t>547164.0</t>
  </si>
  <si>
    <t>592240.0</t>
  </si>
  <si>
    <t>116922.0</t>
  </si>
  <si>
    <t>30378454.0</t>
  </si>
  <si>
    <t>162952.0</t>
  </si>
  <si>
    <t>586.116</t>
  </si>
  <si>
    <t>141557.0</t>
  </si>
  <si>
    <t>68020644.0</t>
  </si>
  <si>
    <t>39811078.0</t>
  </si>
  <si>
    <t>29206814.0</t>
  </si>
  <si>
    <t>747257.0</t>
  </si>
  <si>
    <t>572582.0</t>
  </si>
  <si>
    <t>131.27</t>
  </si>
  <si>
    <t>73020.0</t>
  </si>
  <si>
    <t>30537449.0</t>
  </si>
  <si>
    <t>158995.0</t>
  </si>
  <si>
    <t>589.183</t>
  </si>
  <si>
    <t>69164868.0</t>
  </si>
  <si>
    <t>39856536.0</t>
  </si>
  <si>
    <t>30305530.0</t>
  </si>
  <si>
    <t>1144224.0</t>
  </si>
  <si>
    <t>579235.0</t>
  </si>
  <si>
    <t>45675.0</t>
  </si>
  <si>
    <t>30686159.0</t>
  </si>
  <si>
    <t>136888.0</t>
  </si>
  <si>
    <t>69280417.0</t>
  </si>
  <si>
    <t>39867712.0</t>
  </si>
  <si>
    <t>30410085.0</t>
  </si>
  <si>
    <t>115549.0</t>
  </si>
  <si>
    <t>519865.0</t>
  </si>
  <si>
    <t>30789266.0</t>
  </si>
  <si>
    <t>103107.0</t>
  </si>
  <si>
    <t>594.042</t>
  </si>
  <si>
    <t>135602.0</t>
  </si>
  <si>
    <t>69301687.0</t>
  </si>
  <si>
    <t>39870635.0</t>
  </si>
  <si>
    <t>30428641.0</t>
  </si>
  <si>
    <t>517562.0</t>
  </si>
  <si>
    <t>360.400000000001</t>
  </si>
  <si>
    <t>6.9554063501239</t>
  </si>
  <si>
    <t>30877871.0</t>
  </si>
  <si>
    <t>595.751</t>
  </si>
  <si>
    <t>135040.0</t>
  </si>
  <si>
    <t>69562629.0</t>
  </si>
  <si>
    <t>39964161.0</t>
  </si>
  <si>
    <t>30595422.0</t>
  </si>
  <si>
    <t>521022.0</t>
  </si>
  <si>
    <t>39008.0</t>
  </si>
  <si>
    <t>30991413.0</t>
  </si>
  <si>
    <t>113542.0</t>
  </si>
  <si>
    <t>597.942</t>
  </si>
  <si>
    <t>70270805.0</t>
  </si>
  <si>
    <t>40070424.0</t>
  </si>
  <si>
    <t>31196407.0</t>
  </si>
  <si>
    <t>708176.0</t>
  </si>
  <si>
    <t>506369.0</t>
  </si>
  <si>
    <t>31151580.0</t>
  </si>
  <si>
    <t>601.032</t>
  </si>
  <si>
    <t>133725.0</t>
  </si>
  <si>
    <t>70740965.0</t>
  </si>
  <si>
    <t>40128108.0</t>
  </si>
  <si>
    <t>31607909.0</t>
  </si>
  <si>
    <t>470160.0</t>
  </si>
  <si>
    <t>495368.0</t>
  </si>
  <si>
    <t>50596.0</t>
  </si>
  <si>
    <t>31285204.0</t>
  </si>
  <si>
    <t>603.61</t>
  </si>
  <si>
    <t>129536.0</t>
  </si>
  <si>
    <t>71255754.0</t>
  </si>
  <si>
    <t>40183242.0</t>
  </si>
  <si>
    <t>32065871.0</t>
  </si>
  <si>
    <t>514789.0</t>
  </si>
  <si>
    <t>462159.0</t>
  </si>
  <si>
    <t>31417632.0</t>
  </si>
  <si>
    <t>132428.0</t>
  </si>
  <si>
    <t>606.165</t>
  </si>
  <si>
    <t>125740.0</t>
  </si>
  <si>
    <t>72068245.0</t>
  </si>
  <si>
    <t>40272906.0</t>
  </si>
  <si>
    <t>32786987.0</t>
  </si>
  <si>
    <t>812491.0</t>
  </si>
  <si>
    <t>414768.0</t>
  </si>
  <si>
    <t>59481.0</t>
  </si>
  <si>
    <t>31553850.0</t>
  </si>
  <si>
    <t>136218.0</t>
  </si>
  <si>
    <t>608.793</t>
  </si>
  <si>
    <t>123956.0</t>
  </si>
  <si>
    <t>72488304.0</t>
  </si>
  <si>
    <t>40337411.0</t>
  </si>
  <si>
    <t>33142676.0</t>
  </si>
  <si>
    <t>420059.0</t>
  </si>
  <si>
    <t>458270.0</t>
  </si>
  <si>
    <t>31647479.0</t>
  </si>
  <si>
    <t>610.6</t>
  </si>
  <si>
    <t>122602.0</t>
  </si>
  <si>
    <t>72510009.0</t>
  </si>
  <si>
    <t>40339491.0</t>
  </si>
  <si>
    <t>33162717.0</t>
  </si>
  <si>
    <t>622.200000000001</t>
  </si>
  <si>
    <t>12.0079185101196</t>
  </si>
  <si>
    <t>31720668.0</t>
  </si>
  <si>
    <t>73189.0</t>
  </si>
  <si>
    <t>612.012</t>
  </si>
  <si>
    <t>73214114.0</t>
  </si>
  <si>
    <t>40411547.0</t>
  </si>
  <si>
    <t>33793352.0</t>
  </si>
  <si>
    <t>704105.0</t>
  </si>
  <si>
    <t>521641.0</t>
  </si>
  <si>
    <t>63912.0</t>
  </si>
  <si>
    <t>31860706.0</t>
  </si>
  <si>
    <t>614.714</t>
  </si>
  <si>
    <t>124185.0</t>
  </si>
  <si>
    <t>73700953.0</t>
  </si>
  <si>
    <t>40449170.0</t>
  </si>
  <si>
    <t>34240351.0</t>
  </si>
  <si>
    <t>486839.0</t>
  </si>
  <si>
    <t>490021.0</t>
  </si>
  <si>
    <t>54107.0</t>
  </si>
  <si>
    <t>6.697</t>
  </si>
  <si>
    <t>31992494.0</t>
  </si>
  <si>
    <t>131788.0</t>
  </si>
  <si>
    <t>617.257</t>
  </si>
  <si>
    <t>120131.0</t>
  </si>
  <si>
    <t>74098524.0</t>
  </si>
  <si>
    <t>40518357.0</t>
  </si>
  <si>
    <t>34564553.0</t>
  </si>
  <si>
    <t>397571.0</t>
  </si>
  <si>
    <t>479651.0</t>
  </si>
  <si>
    <t>32121090.0</t>
  </si>
  <si>
    <t>128596.0</t>
  </si>
  <si>
    <t>619.738</t>
  </si>
  <si>
    <t>119412.0</t>
  </si>
  <si>
    <t>74573346.0</t>
  </si>
  <si>
    <t>40578271.0</t>
  </si>
  <si>
    <t>34973601.0</t>
  </si>
  <si>
    <t>474822.0</t>
  </si>
  <si>
    <t>473942.0</t>
  </si>
  <si>
    <t>56433.0</t>
  </si>
  <si>
    <t>32252540.0</t>
  </si>
  <si>
    <t>131450.0</t>
  </si>
  <si>
    <t>622.274</t>
  </si>
  <si>
    <t>119273.0</t>
  </si>
  <si>
    <t>75279648.0</t>
  </si>
  <si>
    <t>40644559.0</t>
  </si>
  <si>
    <t>35607903.0</t>
  </si>
  <si>
    <t>706302.0</t>
  </si>
  <si>
    <t>458772.0</t>
  </si>
  <si>
    <t>53093.0</t>
  </si>
  <si>
    <t>32383600.0</t>
  </si>
  <si>
    <t>131060.0</t>
  </si>
  <si>
    <t>624.802</t>
  </si>
  <si>
    <t>118536.0</t>
  </si>
  <si>
    <t>75666369.0</t>
  </si>
  <si>
    <t>40696265.0</t>
  </si>
  <si>
    <t>35942339.0</t>
  </si>
  <si>
    <t>386721.0</t>
  </si>
  <si>
    <t>454009.0</t>
  </si>
  <si>
    <t>32473437.0</t>
  </si>
  <si>
    <t>89837.0</t>
  </si>
  <si>
    <t>626.536</t>
  </si>
  <si>
    <t>117994.0</t>
  </si>
  <si>
    <t>75687126.0</t>
  </si>
  <si>
    <t>40700233.0</t>
  </si>
  <si>
    <t>35959525.0</t>
  </si>
  <si>
    <t>453874.0</t>
  </si>
  <si>
    <t>980.600000000001</t>
  </si>
  <si>
    <t>18.9247266008088</t>
  </si>
  <si>
    <t>32550757.0</t>
  </si>
  <si>
    <t>77320.0</t>
  </si>
  <si>
    <t>628.028</t>
  </si>
  <si>
    <t>118584.0</t>
  </si>
  <si>
    <t>76208196.0</t>
  </si>
  <si>
    <t>40778841.0</t>
  </si>
  <si>
    <t>36393002.0</t>
  </si>
  <si>
    <t>521070.0</t>
  </si>
  <si>
    <t>427726.0</t>
  </si>
  <si>
    <t>32694818.0</t>
  </si>
  <si>
    <t>144061.0</t>
  </si>
  <si>
    <t>630.807</t>
  </si>
  <si>
    <t>76543879.0</t>
  </si>
  <si>
    <t>40820183.0</t>
  </si>
  <si>
    <t>36674516.0</t>
  </si>
  <si>
    <t>55806.0</t>
  </si>
  <si>
    <t>335683.0</t>
  </si>
  <si>
    <t>406132.0</t>
  </si>
  <si>
    <t>53002.0</t>
  </si>
  <si>
    <t>32835359.0</t>
  </si>
  <si>
    <t>140541.0</t>
  </si>
  <si>
    <t>633.519</t>
  </si>
  <si>
    <t>120409.0</t>
  </si>
  <si>
    <t>76893980.0</t>
  </si>
  <si>
    <t>40898004.0</t>
  </si>
  <si>
    <t>36933415.0</t>
  </si>
  <si>
    <t>69468.0</t>
  </si>
  <si>
    <t>350101.0</t>
  </si>
  <si>
    <t>399351.0</t>
  </si>
  <si>
    <t>54235.0</t>
  </si>
  <si>
    <t>32975855.0</t>
  </si>
  <si>
    <t>140496.0</t>
  </si>
  <si>
    <t>636.229</t>
  </si>
  <si>
    <t>122109.0</t>
  </si>
  <si>
    <t>77591156.0</t>
  </si>
  <si>
    <t>40961330.0</t>
  </si>
  <si>
    <t>37557240.0</t>
  </si>
  <si>
    <t>79473.0</t>
  </si>
  <si>
    <t>697176.0</t>
  </si>
  <si>
    <t>431116.0</t>
  </si>
  <si>
    <t>54723.0</t>
  </si>
  <si>
    <t>33128278.0</t>
  </si>
  <si>
    <t>152423.0</t>
  </si>
  <si>
    <t>639.17</t>
  </si>
  <si>
    <t>78364646.0</t>
  </si>
  <si>
    <t>41022133.0</t>
  </si>
  <si>
    <t>38259598.0</t>
  </si>
  <si>
    <t>773490.0</t>
  </si>
  <si>
    <t>440714.0</t>
  </si>
  <si>
    <t>33274237.0</t>
  </si>
  <si>
    <t>145959.0</t>
  </si>
  <si>
    <t>641.986</t>
  </si>
  <si>
    <t>78763647.0</t>
  </si>
  <si>
    <t>41058792.0</t>
  </si>
  <si>
    <t>38618481.0</t>
  </si>
  <si>
    <t>93749.0</t>
  </si>
  <si>
    <t>442468.0</t>
  </si>
  <si>
    <t>33381571.0</t>
  </si>
  <si>
    <t>644.057</t>
  </si>
  <si>
    <t>78788341.0</t>
  </si>
  <si>
    <t>41061858.0</t>
  </si>
  <si>
    <t>38639996.0</t>
  </si>
  <si>
    <t>94124.0</t>
  </si>
  <si>
    <t>443031.0</t>
  </si>
  <si>
    <t>51661.0</t>
  </si>
  <si>
    <t>30.2301567892177</t>
  </si>
  <si>
    <t>33485085.0</t>
  </si>
  <si>
    <t>646.054</t>
  </si>
  <si>
    <t>133475.0</t>
  </si>
  <si>
    <t>79026172.0</t>
  </si>
  <si>
    <t>41145226.0</t>
  </si>
  <si>
    <t>38759659.0</t>
  </si>
  <si>
    <t>129134.0</t>
  </si>
  <si>
    <t>237831.0</t>
  </si>
  <si>
    <t>33654272.0</t>
  </si>
  <si>
    <t>169187.0</t>
  </si>
  <si>
    <t>649.319</t>
  </si>
  <si>
    <t>79214197.0</t>
  </si>
  <si>
    <t>41187988.0</t>
  </si>
  <si>
    <t>38847642.0</t>
  </si>
  <si>
    <t>186373.0</t>
  </si>
  <si>
    <t>188025.0</t>
  </si>
  <si>
    <t>381474.0</t>
  </si>
  <si>
    <t>52544.0</t>
  </si>
  <si>
    <t>33801380.0</t>
  </si>
  <si>
    <t>652.157</t>
  </si>
  <si>
    <t>138003.0</t>
  </si>
  <si>
    <t>79413708.0</t>
  </si>
  <si>
    <t>41253172.0</t>
  </si>
  <si>
    <t>38924133.0</t>
  </si>
  <si>
    <t>244394.0</t>
  </si>
  <si>
    <t>199511.0</t>
  </si>
  <si>
    <t>359961.0</t>
  </si>
  <si>
    <t>153.26</t>
  </si>
  <si>
    <t>33951433.0</t>
  </si>
  <si>
    <t>150053.0</t>
  </si>
  <si>
    <t>655.052</t>
  </si>
  <si>
    <t>79644639.0</t>
  </si>
  <si>
    <t>41313989.0</t>
  </si>
  <si>
    <t>39048849.0</t>
  </si>
  <si>
    <t>290060.0</t>
  </si>
  <si>
    <t>230931.0</t>
  </si>
  <si>
    <t>293355.0</t>
  </si>
  <si>
    <t>34104661.0</t>
  </si>
  <si>
    <t>658.008</t>
  </si>
  <si>
    <t>139483.0</t>
  </si>
  <si>
    <t>79938394.0</t>
  </si>
  <si>
    <t>41385650.0</t>
  </si>
  <si>
    <t>39211909.0</t>
  </si>
  <si>
    <t>349249.0</t>
  </si>
  <si>
    <t>293755.0</t>
  </si>
  <si>
    <t>224821.0</t>
  </si>
  <si>
    <t>34260134.0</t>
  </si>
  <si>
    <t>155473.0</t>
  </si>
  <si>
    <t>661.008</t>
  </si>
  <si>
    <t>140842.0</t>
  </si>
  <si>
    <t>80069847.0</t>
  </si>
  <si>
    <t>41431275.0</t>
  </si>
  <si>
    <t>39275211.0</t>
  </si>
  <si>
    <t>371837.0</t>
  </si>
  <si>
    <t>131453.0</t>
  </si>
  <si>
    <t>186600.0</t>
  </si>
  <si>
    <t>34369687.0</t>
  </si>
  <si>
    <t>109553.0</t>
  </si>
  <si>
    <t>663.122</t>
  </si>
  <si>
    <t>80077421.0</t>
  </si>
  <si>
    <t>41433546.0</t>
  </si>
  <si>
    <t>39279773.0</t>
  </si>
  <si>
    <t>372686.0</t>
  </si>
  <si>
    <t>184154.0</t>
  </si>
  <si>
    <t>53098.0</t>
  </si>
  <si>
    <t>39.4474211422121</t>
  </si>
  <si>
    <t>34451653.0</t>
  </si>
  <si>
    <t>664.703</t>
  </si>
  <si>
    <t>80543603.0</t>
  </si>
  <si>
    <t>41550547.0</t>
  </si>
  <si>
    <t>39443863.0</t>
  </si>
  <si>
    <t>466182.0</t>
  </si>
  <si>
    <t>216776.0</t>
  </si>
  <si>
    <t>34611352.0</t>
  </si>
  <si>
    <t>667.784</t>
  </si>
  <si>
    <t>136726.0</t>
  </si>
  <si>
    <t>80818008.0</t>
  </si>
  <si>
    <t>41596776.0</t>
  </si>
  <si>
    <t>39569910.0</t>
  </si>
  <si>
    <t>659425.0</t>
  </si>
  <si>
    <t>274405.0</t>
  </si>
  <si>
    <t>229116.0</t>
  </si>
  <si>
    <t>155.97</t>
  </si>
  <si>
    <t>58398.0</t>
  </si>
  <si>
    <t>8.878</t>
  </si>
  <si>
    <t>34761254.0</t>
  </si>
  <si>
    <t>149902.0</t>
  </si>
  <si>
    <t>670.676</t>
  </si>
  <si>
    <t>137125.0</t>
  </si>
  <si>
    <t>81091179.0</t>
  </si>
  <si>
    <t>41665751.0</t>
  </si>
  <si>
    <t>39677551.0</t>
  </si>
  <si>
    <t>755911.0</t>
  </si>
  <si>
    <t>273171.0</t>
  </si>
  <si>
    <t>239639.0</t>
  </si>
  <si>
    <t>58940.0</t>
  </si>
  <si>
    <t>34917511.0</t>
  </si>
  <si>
    <t>673.691</t>
  </si>
  <si>
    <t>138011.0</t>
  </si>
  <si>
    <t>81373671.0</t>
  </si>
  <si>
    <t>41730305.0</t>
  </si>
  <si>
    <t>39786598.0</t>
  </si>
  <si>
    <t>864768.0</t>
  </si>
  <si>
    <t>282492.0</t>
  </si>
  <si>
    <t>247005.0</t>
  </si>
  <si>
    <t>157.04</t>
  </si>
  <si>
    <t>35065229.0</t>
  </si>
  <si>
    <t>147718.0</t>
  </si>
  <si>
    <t>676.541</t>
  </si>
  <si>
    <t>137224.0</t>
  </si>
  <si>
    <t>81747715.0</t>
  </si>
  <si>
    <t>41809066.0</t>
  </si>
  <si>
    <t>39936471.0</t>
  </si>
  <si>
    <t>1010138.0</t>
  </si>
  <si>
    <t>374044.0</t>
  </si>
  <si>
    <t>258474.0</t>
  </si>
  <si>
    <t>35218173.0</t>
  </si>
  <si>
    <t>152944.0</t>
  </si>
  <si>
    <t>679.492</t>
  </si>
  <si>
    <t>136863.0</t>
  </si>
  <si>
    <t>81955965.0</t>
  </si>
  <si>
    <t>41864662.0</t>
  </si>
  <si>
    <t>40037886.0</t>
  </si>
  <si>
    <t>1061303.0</t>
  </si>
  <si>
    <t>208250.0</t>
  </si>
  <si>
    <t>269445.0</t>
  </si>
  <si>
    <t>35326914.0</t>
  </si>
  <si>
    <t>108741.0</t>
  </si>
  <si>
    <t>681.59</t>
  </si>
  <si>
    <t>81964211.0</t>
  </si>
  <si>
    <t>41867074.0</t>
  </si>
  <si>
    <t>40041342.0</t>
  </si>
  <si>
    <t>1063730.0</t>
  </si>
  <si>
    <t>269541.0</t>
  </si>
  <si>
    <t>61933.0</t>
  </si>
  <si>
    <t>2510.4</t>
  </si>
  <si>
    <t>48.4485352423724</t>
  </si>
  <si>
    <t>35414019.0</t>
  </si>
  <si>
    <t>87105.0</t>
  </si>
  <si>
    <t>683.271</t>
  </si>
  <si>
    <t>137481.0</t>
  </si>
  <si>
    <t>82281530.0</t>
  </si>
  <si>
    <t>41929627.0</t>
  </si>
  <si>
    <t>40130430.0</t>
  </si>
  <si>
    <t>1229352.0</t>
  </si>
  <si>
    <t>317319.0</t>
  </si>
  <si>
    <t>248275.0</t>
  </si>
  <si>
    <t>35591010.0</t>
  </si>
  <si>
    <t>686.686</t>
  </si>
  <si>
    <t>139951.0</t>
  </si>
  <si>
    <t>82505734.0</t>
  </si>
  <si>
    <t>41963643.0</t>
  </si>
  <si>
    <t>40178381.0</t>
  </si>
  <si>
    <t>1371651.0</t>
  </si>
  <si>
    <t>224204.0</t>
  </si>
  <si>
    <t>241104.0</t>
  </si>
  <si>
    <t>52410.0</t>
  </si>
  <si>
    <t>35752841.0</t>
  </si>
  <si>
    <t>161831.0</t>
  </si>
  <si>
    <t>689.808</t>
  </si>
  <si>
    <t>82754993.0</t>
  </si>
  <si>
    <t>42009572.0</t>
  </si>
  <si>
    <t>40245488.0</t>
  </si>
  <si>
    <t>1507907.0</t>
  </si>
  <si>
    <t>249259.0</t>
  </si>
  <si>
    <t>237688.0</t>
  </si>
  <si>
    <t>49117.0</t>
  </si>
  <si>
    <t>35922888.0</t>
  </si>
  <si>
    <t>170047.0</t>
  </si>
  <si>
    <t>693.089</t>
  </si>
  <si>
    <t>143625.0</t>
  </si>
  <si>
    <t>82993107.0</t>
  </si>
  <si>
    <t>42054935.0</t>
  </si>
  <si>
    <t>40306427.0</t>
  </si>
  <si>
    <t>1639645.0</t>
  </si>
  <si>
    <t>238114.0</t>
  </si>
  <si>
    <t>231348.0</t>
  </si>
  <si>
    <t>160.17</t>
  </si>
  <si>
    <t>36092747.0</t>
  </si>
  <si>
    <t>696.366</t>
  </si>
  <si>
    <t>83277826.0</t>
  </si>
  <si>
    <t>42104966.0</t>
  </si>
  <si>
    <t>40384519.0</t>
  </si>
  <si>
    <t>1796229.0</t>
  </si>
  <si>
    <t>284719.0</t>
  </si>
  <si>
    <t>218587.0</t>
  </si>
  <si>
    <t>36282075.0</t>
  </si>
  <si>
    <t>189328.0</t>
  </si>
  <si>
    <t>700.019</t>
  </si>
  <si>
    <t>151986.0</t>
  </si>
  <si>
    <t>83386937.0</t>
  </si>
  <si>
    <t>42132157.0</t>
  </si>
  <si>
    <t>40423759.0</t>
  </si>
  <si>
    <t>1838901.0</t>
  </si>
  <si>
    <t>109111.0</t>
  </si>
  <si>
    <t>204425.0</t>
  </si>
  <si>
    <t>38214.0</t>
  </si>
  <si>
    <t>36413972.0</t>
  </si>
  <si>
    <t>131897.0</t>
  </si>
  <si>
    <t>702.564</t>
  </si>
  <si>
    <t>155294.0</t>
  </si>
  <si>
    <t>83392990.0</t>
  </si>
  <si>
    <t>42133641.0</t>
  </si>
  <si>
    <t>40426114.0</t>
  </si>
  <si>
    <t>1841176.0</t>
  </si>
  <si>
    <t>204111.0</t>
  </si>
  <si>
    <t>3166.4</t>
  </si>
  <si>
    <t>61.1087643369375</t>
  </si>
  <si>
    <t>36524452.0</t>
  </si>
  <si>
    <t>110480.0</t>
  </si>
  <si>
    <t>704.695</t>
  </si>
  <si>
    <t>158633.0</t>
  </si>
  <si>
    <t>83682400.0</t>
  </si>
  <si>
    <t>42183243.0</t>
  </si>
  <si>
    <t>40514514.0</t>
  </si>
  <si>
    <t>1992510.0</t>
  </si>
  <si>
    <t>289410.0</t>
  </si>
  <si>
    <t>200124.0</t>
  </si>
  <si>
    <t>36728832.0</t>
  </si>
  <si>
    <t>204380.0</t>
  </si>
  <si>
    <t>708.639</t>
  </si>
  <si>
    <t>162546.0</t>
  </si>
  <si>
    <t>83902615.0</t>
  </si>
  <si>
    <t>42211934.0</t>
  </si>
  <si>
    <t>40558809.0</t>
  </si>
  <si>
    <t>2139585.0</t>
  </si>
  <si>
    <t>199554.0</t>
  </si>
  <si>
    <t>35470.0</t>
  </si>
  <si>
    <t>36922791.0</t>
  </si>
  <si>
    <t>193959.0</t>
  </si>
  <si>
    <t>712.381</t>
  </si>
  <si>
    <t>167136.0</t>
  </si>
  <si>
    <t>84173444.0</t>
  </si>
  <si>
    <t>42259063.0</t>
  </si>
  <si>
    <t>40620662.0</t>
  </si>
  <si>
    <t>2301249.0</t>
  </si>
  <si>
    <t>270829.0</t>
  </si>
  <si>
    <t>202636.0</t>
  </si>
  <si>
    <t>37121432.0</t>
  </si>
  <si>
    <t>198641.0</t>
  </si>
  <si>
    <t>716.213</t>
  </si>
  <si>
    <t>171221.0</t>
  </si>
  <si>
    <t>84495959.0</t>
  </si>
  <si>
    <t>42307450.0</t>
  </si>
  <si>
    <t>40688315.0</t>
  </si>
  <si>
    <t>2507398.0</t>
  </si>
  <si>
    <t>322515.0</t>
  </si>
  <si>
    <t>214693.0</t>
  </si>
  <si>
    <t>37331022.0</t>
  </si>
  <si>
    <t>209590.0</t>
  </si>
  <si>
    <t>720.257</t>
  </si>
  <si>
    <t>176896.0</t>
  </si>
  <si>
    <t>84938824.0</t>
  </si>
  <si>
    <t>42363648.0</t>
  </si>
  <si>
    <t>40776319.0</t>
  </si>
  <si>
    <t>2805731.0</t>
  </si>
  <si>
    <t>442865.0</t>
  </si>
  <si>
    <t>237285.0</t>
  </si>
  <si>
    <t>37541393.0</t>
  </si>
  <si>
    <t>210371.0</t>
  </si>
  <si>
    <t>724.316</t>
  </si>
  <si>
    <t>179903.0</t>
  </si>
  <si>
    <t>85090749.0</t>
  </si>
  <si>
    <t>42396326.0</t>
  </si>
  <si>
    <t>40822515.0</t>
  </si>
  <si>
    <t>2878745.0</t>
  </si>
  <si>
    <t>151925.0</t>
  </si>
  <si>
    <t>243402.0</t>
  </si>
  <si>
    <t>164.22</t>
  </si>
  <si>
    <t>37682146.0</t>
  </si>
  <si>
    <t>140753.0</t>
  </si>
  <si>
    <t>727.032</t>
  </si>
  <si>
    <t>181168.0</t>
  </si>
  <si>
    <t>85096784.0</t>
  </si>
  <si>
    <t>42397388.0</t>
  </si>
  <si>
    <t>40824608.0</t>
  </si>
  <si>
    <t>2881669.0</t>
  </si>
  <si>
    <t>243399.0</t>
  </si>
  <si>
    <t>3838.6</t>
  </si>
  <si>
    <t>74.0816393329233</t>
  </si>
  <si>
    <t>37801300.0</t>
  </si>
  <si>
    <t>729.33</t>
  </si>
  <si>
    <t>182407.0</t>
  </si>
  <si>
    <t>85417132.0</t>
  </si>
  <si>
    <t>42428584.0</t>
  </si>
  <si>
    <t>40931286.0</t>
  </si>
  <si>
    <t>3063916.0</t>
  </si>
  <si>
    <t>247819.0</t>
  </si>
  <si>
    <t>38030965.0</t>
  </si>
  <si>
    <t>229665.0</t>
  </si>
  <si>
    <t>733.762</t>
  </si>
  <si>
    <t>186019.0</t>
  </si>
  <si>
    <t>85680781.0</t>
  </si>
  <si>
    <t>42450559.0</t>
  </si>
  <si>
    <t>40980634.0</t>
  </si>
  <si>
    <t>3256073.0</t>
  </si>
  <si>
    <t>263649.0</t>
  </si>
  <si>
    <t>34089.0</t>
  </si>
  <si>
    <t>38242074.0</t>
  </si>
  <si>
    <t>211109.0</t>
  </si>
  <si>
    <t>737.835</t>
  </si>
  <si>
    <t>188469.0</t>
  </si>
  <si>
    <t>85935557.0</t>
  </si>
  <si>
    <t>42474640.0</t>
  </si>
  <si>
    <t>41046819.0</t>
  </si>
  <si>
    <t>3420388.0</t>
  </si>
  <si>
    <t>254776.0</t>
  </si>
  <si>
    <t>30797.0</t>
  </si>
  <si>
    <t>38461007.0</t>
  </si>
  <si>
    <t>218933.0</t>
  </si>
  <si>
    <t>742.059</t>
  </si>
  <si>
    <t>191368.0</t>
  </si>
  <si>
    <t>86204422.0</t>
  </si>
  <si>
    <t>42497480.0</t>
  </si>
  <si>
    <t>41108107.0</t>
  </si>
  <si>
    <t>3604865.0</t>
  </si>
  <si>
    <t>268865.0</t>
  </si>
  <si>
    <t>244066.0</t>
  </si>
  <si>
    <t>38699494.0</t>
  </si>
  <si>
    <t>238487.0</t>
  </si>
  <si>
    <t>746.66</t>
  </si>
  <si>
    <t>195496.0</t>
  </si>
  <si>
    <t>86613779.0</t>
  </si>
  <si>
    <t>42532019.0</t>
  </si>
  <si>
    <t>41199595.0</t>
  </si>
  <si>
    <t>3888053.0</t>
  </si>
  <si>
    <t>409357.0</t>
  </si>
  <si>
    <t>239279.0</t>
  </si>
  <si>
    <t>38961856.0</t>
  </si>
  <si>
    <t>262362.0</t>
  </si>
  <si>
    <t>751.722</t>
  </si>
  <si>
    <t>202923.0</t>
  </si>
  <si>
    <t>86786567.0</t>
  </si>
  <si>
    <t>42553728.0</t>
  </si>
  <si>
    <t>41253077.0</t>
  </si>
  <si>
    <t>3985621.0</t>
  </si>
  <si>
    <t>39140636.0</t>
  </si>
  <si>
    <t>755.171</t>
  </si>
  <si>
    <t>208356.0</t>
  </si>
  <si>
    <t>86794544.0</t>
  </si>
  <si>
    <t>42555529.0</t>
  </si>
  <si>
    <t>41255216.0</t>
  </si>
  <si>
    <t>3989696.0</t>
  </si>
  <si>
    <t>242537.0</t>
  </si>
  <si>
    <t>4708.2</t>
  </si>
  <si>
    <t>90.864162535109</t>
  </si>
  <si>
    <t>39296884.0</t>
  </si>
  <si>
    <t>758.186</t>
  </si>
  <si>
    <t>213655.0</t>
  </si>
  <si>
    <t>87204119.0</t>
  </si>
  <si>
    <t>42608135.0</t>
  </si>
  <si>
    <t>41321803.0</t>
  </si>
  <si>
    <t>4279947.0</t>
  </si>
  <si>
    <t>409575.0</t>
  </si>
  <si>
    <t>39570562.0</t>
  </si>
  <si>
    <t>273678.0</t>
  </si>
  <si>
    <t>763.466</t>
  </si>
  <si>
    <t>219942.0</t>
  </si>
  <si>
    <t>87581272.0</t>
  </si>
  <si>
    <t>42646233.0</t>
  </si>
  <si>
    <t>41364333.0</t>
  </si>
  <si>
    <t>4576139.0</t>
  </si>
  <si>
    <t>377153.0</t>
  </si>
  <si>
    <t>271499.0</t>
  </si>
  <si>
    <t>169.02</t>
  </si>
  <si>
    <t>39844240.0</t>
  </si>
  <si>
    <t>768.747</t>
  </si>
  <si>
    <t>228881.0</t>
  </si>
  <si>
    <t>87987179.0</t>
  </si>
  <si>
    <t>42692332.0</t>
  </si>
  <si>
    <t>41416520.0</t>
  </si>
  <si>
    <t>4883436.0</t>
  </si>
  <si>
    <t>405907.0</t>
  </si>
  <si>
    <t>293089.0</t>
  </si>
  <si>
    <t>16.539</t>
  </si>
  <si>
    <t>40126838.0</t>
  </si>
  <si>
    <t>282598.0</t>
  </si>
  <si>
    <t>774.199</t>
  </si>
  <si>
    <t>237976.0</t>
  </si>
  <si>
    <t>88538276.0</t>
  </si>
  <si>
    <t>42737903.0</t>
  </si>
  <si>
    <t>41472045.0</t>
  </si>
  <si>
    <t>551097.0</t>
  </si>
  <si>
    <t>333408.0</t>
  </si>
  <si>
    <t>170.87</t>
  </si>
  <si>
    <t>40408988.0</t>
  </si>
  <si>
    <t>282150.0</t>
  </si>
  <si>
    <t>779.643</t>
  </si>
  <si>
    <t>89440726.0</t>
  </si>
  <si>
    <t>42789667.0</t>
  </si>
  <si>
    <t>41547935.0</t>
  </si>
  <si>
    <t>6107689.0</t>
  </si>
  <si>
    <t>403850.0</t>
  </si>
  <si>
    <t>40698385.0</t>
  </si>
  <si>
    <t>289397.0</t>
  </si>
  <si>
    <t>785.226</t>
  </si>
  <si>
    <t>248076.0</t>
  </si>
  <si>
    <t>89782676.0</t>
  </si>
  <si>
    <t>42815933.0</t>
  </si>
  <si>
    <t>41582806.0</t>
  </si>
  <si>
    <t>6388479.0</t>
  </si>
  <si>
    <t>341950.0</t>
  </si>
  <si>
    <t>428016.0</t>
  </si>
  <si>
    <t>37458.0</t>
  </si>
  <si>
    <t>40896164.0</t>
  </si>
  <si>
    <t>197779.0</t>
  </si>
  <si>
    <t>789.042</t>
  </si>
  <si>
    <t>250790.0</t>
  </si>
  <si>
    <t>89795330.0</t>
  </si>
  <si>
    <t>42818072.0</t>
  </si>
  <si>
    <t>41584396.0</t>
  </si>
  <si>
    <t>6397404.0</t>
  </si>
  <si>
    <t>428684.0</t>
  </si>
  <si>
    <t>37506.0</t>
  </si>
  <si>
    <t>5680.4</t>
  </si>
  <si>
    <t>109.626776446292</t>
  </si>
  <si>
    <t>16.906</t>
  </si>
  <si>
    <t>41063779.0</t>
  </si>
  <si>
    <t>167615.0</t>
  </si>
  <si>
    <t>792.276</t>
  </si>
  <si>
    <t>252414.0</t>
  </si>
  <si>
    <t>90725476.0</t>
  </si>
  <si>
    <t>42895298.0</t>
  </si>
  <si>
    <t>41647856.0</t>
  </si>
  <si>
    <t>7186645.0</t>
  </si>
  <si>
    <t>930146.0</t>
  </si>
  <si>
    <t>503051.0</t>
  </si>
  <si>
    <t>41349536.0</t>
  </si>
  <si>
    <t>285757.0</t>
  </si>
  <si>
    <t>797.789</t>
  </si>
  <si>
    <t>91634741.0</t>
  </si>
  <si>
    <t>42950620.0</t>
  </si>
  <si>
    <t>41692003.0</t>
  </si>
  <si>
    <t>7995973.0</t>
  </si>
  <si>
    <t>909265.0</t>
  </si>
  <si>
    <t>579067.0</t>
  </si>
  <si>
    <t>41623404.0</t>
  </si>
  <si>
    <t>273868.0</t>
  </si>
  <si>
    <t>803.073</t>
  </si>
  <si>
    <t>254166.0</t>
  </si>
  <si>
    <t>92715914.0</t>
  </si>
  <si>
    <t>43038693.0</t>
  </si>
  <si>
    <t>41750191.0</t>
  </si>
  <si>
    <t>8930453.0</t>
  </si>
  <si>
    <t>1081173.0</t>
  </si>
  <si>
    <t>675534.0</t>
  </si>
  <si>
    <t>41913134.0</t>
  </si>
  <si>
    <t>289730.0</t>
  </si>
  <si>
    <t>808.663</t>
  </si>
  <si>
    <t>255185.0</t>
  </si>
  <si>
    <t>93799034.0</t>
  </si>
  <si>
    <t>43136986.0</t>
  </si>
  <si>
    <t>41812402.0</t>
  </si>
  <si>
    <t>9852645.0</t>
  </si>
  <si>
    <t>1083120.0</t>
  </si>
  <si>
    <t>751537.0</t>
  </si>
  <si>
    <t>181.02</t>
  </si>
  <si>
    <t>42207124.0</t>
  </si>
  <si>
    <t>293990.0</t>
  </si>
  <si>
    <t>814.336</t>
  </si>
  <si>
    <t>256877.0</t>
  </si>
  <si>
    <t>4.956</t>
  </si>
  <si>
    <t>95181076.0</t>
  </si>
  <si>
    <t>43244886.0</t>
  </si>
  <si>
    <t>41893110.0</t>
  </si>
  <si>
    <t>11045664.0</t>
  </si>
  <si>
    <t>1382042.0</t>
  </si>
  <si>
    <t>820050.0</t>
  </si>
  <si>
    <t>65031.0</t>
  </si>
  <si>
    <t>42492915.0</t>
  </si>
  <si>
    <t>285791.0</t>
  </si>
  <si>
    <t>819.85</t>
  </si>
  <si>
    <t>256361.0</t>
  </si>
  <si>
    <t>95825383.0</t>
  </si>
  <si>
    <t>43314485.0</t>
  </si>
  <si>
    <t>41933959.0</t>
  </si>
  <si>
    <t>11579430.0</t>
  </si>
  <si>
    <t>644307.0</t>
  </si>
  <si>
    <t>863244.0</t>
  </si>
  <si>
    <t>42689922.0</t>
  </si>
  <si>
    <t>197007.0</t>
  </si>
  <si>
    <t>823.651</t>
  </si>
  <si>
    <t>256251.0</t>
  </si>
  <si>
    <t>95863664.0</t>
  </si>
  <si>
    <t>43320549.0</t>
  </si>
  <si>
    <t>41935850.0</t>
  </si>
  <si>
    <t>11609760.0</t>
  </si>
  <si>
    <t>866905.0</t>
  </si>
  <si>
    <t>185.01</t>
  </si>
  <si>
    <t>71782.0</t>
  </si>
  <si>
    <t>6699.4</t>
  </si>
  <si>
    <t>129.292589628246</t>
  </si>
  <si>
    <t>42854622.0</t>
  </si>
  <si>
    <t>164700.0</t>
  </si>
  <si>
    <t>826.828</t>
  </si>
  <si>
    <t>96892614.0</t>
  </si>
  <si>
    <t>43442400.0</t>
  </si>
  <si>
    <t>41989383.0</t>
  </si>
  <si>
    <t>12462853.0</t>
  </si>
  <si>
    <t>1028950.0</t>
  </si>
  <si>
    <t>881020.0</t>
  </si>
  <si>
    <t>78157.0</t>
  </si>
  <si>
    <t>43133061.0</t>
  </si>
  <si>
    <t>278439.0</t>
  </si>
  <si>
    <t>832.2</t>
  </si>
  <si>
    <t>254789.0</t>
  </si>
  <si>
    <t>97703749.0</t>
  </si>
  <si>
    <t>43517308.0</t>
  </si>
  <si>
    <t>42027495.0</t>
  </si>
  <si>
    <t>13160426.0</t>
  </si>
  <si>
    <t>811135.0</t>
  </si>
  <si>
    <t>867001.0</t>
  </si>
  <si>
    <t>43388452.0</t>
  </si>
  <si>
    <t>255391.0</t>
  </si>
  <si>
    <t>837.128</t>
  </si>
  <si>
    <t>252150.0</t>
  </si>
  <si>
    <t>98459943.0</t>
  </si>
  <si>
    <t>43608212.0</t>
  </si>
  <si>
    <t>42066636.0</t>
  </si>
  <si>
    <t>13785975.0</t>
  </si>
  <si>
    <t>756194.0</t>
  </si>
  <si>
    <t>820576.0</t>
  </si>
  <si>
    <t>81360.0</t>
  </si>
  <si>
    <t>43651454.0</t>
  </si>
  <si>
    <t>263002.0</t>
  </si>
  <si>
    <t>842.202</t>
  </si>
  <si>
    <t>248331.0</t>
  </si>
  <si>
    <t>99176648.0</t>
  </si>
  <si>
    <t>43688643.0</t>
  </si>
  <si>
    <t>42101123.0</t>
  </si>
  <si>
    <t>14387159.0</t>
  </si>
  <si>
    <t>716705.0</t>
  </si>
  <si>
    <t>768231.0</t>
  </si>
  <si>
    <t>43918072.0</t>
  </si>
  <si>
    <t>266618.0</t>
  </si>
  <si>
    <t>847.346</t>
  </si>
  <si>
    <t>244421.0</t>
  </si>
  <si>
    <t>100101741.0</t>
  </si>
  <si>
    <t>43767944.0</t>
  </si>
  <si>
    <t>42144646.0</t>
  </si>
  <si>
    <t>15189000.0</t>
  </si>
  <si>
    <t>925093.0</t>
  </si>
  <si>
    <t>702952.0</t>
  </si>
  <si>
    <t>74723.0</t>
  </si>
  <si>
    <t>44179236.0</t>
  </si>
  <si>
    <t>261164.0</t>
  </si>
  <si>
    <t>852.385</t>
  </si>
  <si>
    <t>240903.0</t>
  </si>
  <si>
    <t>100177829.0</t>
  </si>
  <si>
    <t>43778220.0</t>
  </si>
  <si>
    <t>42149749.0</t>
  </si>
  <si>
    <t>15249696.0</t>
  </si>
  <si>
    <t>621778.0</t>
  </si>
  <si>
    <t>44345205.0</t>
  </si>
  <si>
    <t>855.587</t>
  </si>
  <si>
    <t>236469.0</t>
  </si>
  <si>
    <t>100208937.0</t>
  </si>
  <si>
    <t>43781751.0</t>
  </si>
  <si>
    <t>42151535.0</t>
  </si>
  <si>
    <t>15275483.0</t>
  </si>
  <si>
    <t>620753.0</t>
  </si>
  <si>
    <t>7612.8</t>
  </si>
  <si>
    <t>146.920414712051</t>
  </si>
  <si>
    <t>83.372</t>
  </si>
  <si>
    <t>44475584.0</t>
  </si>
  <si>
    <t>130379.0</t>
  </si>
  <si>
    <t>858.103</t>
  </si>
  <si>
    <t>101114741.0</t>
  </si>
  <si>
    <t>43857995.0</t>
  </si>
  <si>
    <t>42216368.0</t>
  </si>
  <si>
    <t>16039816.0</t>
  </si>
  <si>
    <t>905804.0</t>
  </si>
  <si>
    <t>603161.0</t>
  </si>
  <si>
    <t>44703027.0</t>
  </si>
  <si>
    <t>227443.0</t>
  </si>
  <si>
    <t>862.491</t>
  </si>
  <si>
    <t>224281.0</t>
  </si>
  <si>
    <t>101826096.0</t>
  </si>
  <si>
    <t>43904056.0</t>
  </si>
  <si>
    <t>42259935.0</t>
  </si>
  <si>
    <t>16660882.0</t>
  </si>
  <si>
    <t>711355.0</t>
  </si>
  <si>
    <t>588907.0</t>
  </si>
  <si>
    <t>196.52</t>
  </si>
  <si>
    <t>55250.0</t>
  </si>
  <si>
    <t>44906984.0</t>
  </si>
  <si>
    <t>203957.0</t>
  </si>
  <si>
    <t>866.426</t>
  </si>
  <si>
    <t>102462212.0</t>
  </si>
  <si>
    <t>43953371.0</t>
  </si>
  <si>
    <t>42306367.0</t>
  </si>
  <si>
    <t>17200712.0</t>
  </si>
  <si>
    <t>636116.0</t>
  </si>
  <si>
    <t>571753.0</t>
  </si>
  <si>
    <t>45107581.0</t>
  </si>
  <si>
    <t>200597.0</t>
  </si>
  <si>
    <t>870.296</t>
  </si>
  <si>
    <t>208018.0</t>
  </si>
  <si>
    <t>103104759.0</t>
  </si>
  <si>
    <t>44000605.0</t>
  </si>
  <si>
    <t>42352441.0</t>
  </si>
  <si>
    <t>17749439.0</t>
  </si>
  <si>
    <t>642547.0</t>
  </si>
  <si>
    <t>561159.0</t>
  </si>
  <si>
    <t>45323897.0</t>
  </si>
  <si>
    <t>216316.0</t>
  </si>
  <si>
    <t>874.47</t>
  </si>
  <si>
    <t>200832.0</t>
  </si>
  <si>
    <t>103955630.0</t>
  </si>
  <si>
    <t>44054554.0</t>
  </si>
  <si>
    <t>42410719.0</t>
  </si>
  <si>
    <t>18487659.0</t>
  </si>
  <si>
    <t>550556.0</t>
  </si>
  <si>
    <t>45550324.0</t>
  </si>
  <si>
    <t>226427.0</t>
  </si>
  <si>
    <t>878.839</t>
  </si>
  <si>
    <t>195870.0</t>
  </si>
  <si>
    <t>103999524.0</t>
  </si>
  <si>
    <t>44058837.0</t>
  </si>
  <si>
    <t>42415694.0</t>
  </si>
  <si>
    <t>18522299.0</t>
  </si>
  <si>
    <t>545956.0</t>
  </si>
  <si>
    <t>45709676.0</t>
  </si>
  <si>
    <t>159352.0</t>
  </si>
  <si>
    <t>881.913</t>
  </si>
  <si>
    <t>194924.0</t>
  </si>
  <si>
    <t>104021841.0</t>
  </si>
  <si>
    <t>44060951.0</t>
  </si>
  <si>
    <t>42418166.0</t>
  </si>
  <si>
    <t>18540027.0</t>
  </si>
  <si>
    <t>544701.0</t>
  </si>
  <si>
    <t>8358.2</t>
  </si>
  <si>
    <t>161.305986003345</t>
  </si>
  <si>
    <t>45868248.0</t>
  </si>
  <si>
    <t>158572.0</t>
  </si>
  <si>
    <t>884.973</t>
  </si>
  <si>
    <t>104632345.0</t>
  </si>
  <si>
    <t>44101461.0</t>
  </si>
  <si>
    <t>42497506.0</t>
  </si>
  <si>
    <t>19030374.0</t>
  </si>
  <si>
    <t>610504.0</t>
  </si>
  <si>
    <t>502515.0</t>
  </si>
  <si>
    <t>46107095.0</t>
  </si>
  <si>
    <t>238847.0</t>
  </si>
  <si>
    <t>889.581</t>
  </si>
  <si>
    <t>200581.0</t>
  </si>
  <si>
    <t>105081854.0</t>
  </si>
  <si>
    <t>44128190.0</t>
  </si>
  <si>
    <t>42552588.0</t>
  </si>
  <si>
    <t>19397581.0</t>
  </si>
  <si>
    <t>449509.0</t>
  </si>
  <si>
    <t>465108.0</t>
  </si>
  <si>
    <t>46309713.0</t>
  </si>
  <si>
    <t>202618.0</t>
  </si>
  <si>
    <t>893.49</t>
  </si>
  <si>
    <t>200390.0</t>
  </si>
  <si>
    <t>105514132.0</t>
  </si>
  <si>
    <t>44149188.0</t>
  </si>
  <si>
    <t>42628254.0</t>
  </si>
  <si>
    <t>19732700.0</t>
  </si>
  <si>
    <t>432278.0</t>
  </si>
  <si>
    <t>435989.0</t>
  </si>
  <si>
    <t>61.699</t>
  </si>
  <si>
    <t>46502622.0</t>
  </si>
  <si>
    <t>192909.0</t>
  </si>
  <si>
    <t>897.212</t>
  </si>
  <si>
    <t>199292.0</t>
  </si>
  <si>
    <t>106002930.0</t>
  </si>
  <si>
    <t>44168926.0</t>
  </si>
  <si>
    <t>42713329.0</t>
  </si>
  <si>
    <t>20116212.0</t>
  </si>
  <si>
    <t>488798.0</t>
  </si>
  <si>
    <t>414024.0</t>
  </si>
  <si>
    <t>204.58</t>
  </si>
  <si>
    <t>24046.0</t>
  </si>
  <si>
    <t>46705025.0</t>
  </si>
  <si>
    <t>202403.0</t>
  </si>
  <si>
    <t>901.117</t>
  </si>
  <si>
    <t>197304.0</t>
  </si>
  <si>
    <t>106736986.0</t>
  </si>
  <si>
    <t>44195076.0</t>
  </si>
  <si>
    <t>42820614.0</t>
  </si>
  <si>
    <t>20716363.0</t>
  </si>
  <si>
    <t>734056.0</t>
  </si>
  <si>
    <t>397337.0</t>
  </si>
  <si>
    <t>46927923.0</t>
  </si>
  <si>
    <t>222898.0</t>
  </si>
  <si>
    <t>905.418</t>
  </si>
  <si>
    <t>196800.0</t>
  </si>
  <si>
    <t>107172073.0</t>
  </si>
  <si>
    <t>44211383.0</t>
  </si>
  <si>
    <t>42891371.0</t>
  </si>
  <si>
    <t>21064252.0</t>
  </si>
  <si>
    <t>435087.0</t>
  </si>
  <si>
    <t>453221.0</t>
  </si>
  <si>
    <t>47083776.0</t>
  </si>
  <si>
    <t>155853.0</t>
  </si>
  <si>
    <t>908.425</t>
  </si>
  <si>
    <t>196300.0</t>
  </si>
  <si>
    <t>107194291.0</t>
  </si>
  <si>
    <t>44212500.0</t>
  </si>
  <si>
    <t>42896138.0</t>
  </si>
  <si>
    <t>21080590.0</t>
  </si>
  <si>
    <t>453207.0</t>
  </si>
  <si>
    <t>8562.7</t>
  </si>
  <si>
    <t>165.252658030538</t>
  </si>
  <si>
    <t>47209902.0</t>
  </si>
  <si>
    <t>126126.0</t>
  </si>
  <si>
    <t>910.858</t>
  </si>
  <si>
    <t>191665.0</t>
  </si>
  <si>
    <t>107773460.0</t>
  </si>
  <si>
    <t>44237360.0</t>
  </si>
  <si>
    <t>43005573.0</t>
  </si>
  <si>
    <t>21525018.0</t>
  </si>
  <si>
    <t>579169.0</t>
  </si>
  <si>
    <t>47410374.0</t>
  </si>
  <si>
    <t>914.726</t>
  </si>
  <si>
    <t>108211524.0</t>
  </si>
  <si>
    <t>44257527.0</t>
  </si>
  <si>
    <t>43078634.0</t>
  </si>
  <si>
    <t>21869294.0</t>
  </si>
  <si>
    <t>438064.0</t>
  </si>
  <si>
    <t>447096.0</t>
  </si>
  <si>
    <t>47586646.0</t>
  </si>
  <si>
    <t>176272.0</t>
  </si>
  <si>
    <t>918.127</t>
  </si>
  <si>
    <t>182419.0</t>
  </si>
  <si>
    <t>108593506.0</t>
  </si>
  <si>
    <t>44273863.0</t>
  </si>
  <si>
    <t>43159303.0</t>
  </si>
  <si>
    <t>22153754.0</t>
  </si>
  <si>
    <t>381982.0</t>
  </si>
  <si>
    <t>439911.0</t>
  </si>
  <si>
    <t>13.529</t>
  </si>
  <si>
    <t>47750655.0</t>
  </si>
  <si>
    <t>164009.0</t>
  </si>
  <si>
    <t>921.291</t>
  </si>
  <si>
    <t>178290.0</t>
  </si>
  <si>
    <t>109031042.0</t>
  </si>
  <si>
    <t>44290085.0</t>
  </si>
  <si>
    <t>43236125.0</t>
  </si>
  <si>
    <t>22497818.0</t>
  </si>
  <si>
    <t>437536.0</t>
  </si>
  <si>
    <t>432587.0</t>
  </si>
  <si>
    <t>47939321.0</t>
  </si>
  <si>
    <t>188666.0</t>
  </si>
  <si>
    <t>924.931</t>
  </si>
  <si>
    <t>176328.0</t>
  </si>
  <si>
    <t>109726433.0</t>
  </si>
  <si>
    <t>44312618.0</t>
  </si>
  <si>
    <t>43326979.0</t>
  </si>
  <si>
    <t>23079401.0</t>
  </si>
  <si>
    <t>695391.0</t>
  </si>
  <si>
    <t>211.76</t>
  </si>
  <si>
    <t>16792.0</t>
  </si>
  <si>
    <t>48142018.0</t>
  </si>
  <si>
    <t>202697.0</t>
  </si>
  <si>
    <t>928.842</t>
  </si>
  <si>
    <t>110075775.0</t>
  </si>
  <si>
    <t>44325728.0</t>
  </si>
  <si>
    <t>43356312.0</t>
  </si>
  <si>
    <t>23386235.0</t>
  </si>
  <si>
    <t>414815.0</t>
  </si>
  <si>
    <t>48287214.0</t>
  </si>
  <si>
    <t>145196.0</t>
  </si>
  <si>
    <t>931.644</t>
  </si>
  <si>
    <t>171920.0</t>
  </si>
  <si>
    <t>110097281.0</t>
  </si>
  <si>
    <t>44326517.0</t>
  </si>
  <si>
    <t>43359758.0</t>
  </si>
  <si>
    <t>23403505.0</t>
  </si>
  <si>
    <t>414713.0</t>
  </si>
  <si>
    <t>8619.6</t>
  </si>
  <si>
    <t>166.350778511454</t>
  </si>
  <si>
    <t>48410371.0</t>
  </si>
  <si>
    <t>123157.0</t>
  </si>
  <si>
    <t>934.02</t>
  </si>
  <si>
    <t>171496.0</t>
  </si>
  <si>
    <t>110571617.0</t>
  </si>
  <si>
    <t>44342509.0</t>
  </si>
  <si>
    <t>43430880.0</t>
  </si>
  <si>
    <t>23790447.0</t>
  </si>
  <si>
    <t>474336.0</t>
  </si>
  <si>
    <t>399737.0</t>
  </si>
  <si>
    <t>48607024.0</t>
  </si>
  <si>
    <t>196653.0</t>
  </si>
  <si>
    <t>937.814</t>
  </si>
  <si>
    <t>170950.0</t>
  </si>
  <si>
    <t>110893932.0</t>
  </si>
  <si>
    <t>44354596.0</t>
  </si>
  <si>
    <t>43477224.0</t>
  </si>
  <si>
    <t>24053951.0</t>
  </si>
  <si>
    <t>383201.0</t>
  </si>
  <si>
    <t>48799004.0</t>
  </si>
  <si>
    <t>941.518</t>
  </si>
  <si>
    <t>173194.0</t>
  </si>
  <si>
    <t>111165960.0</t>
  </si>
  <si>
    <t>44364665.0</t>
  </si>
  <si>
    <t>43522211.0</t>
  </si>
  <si>
    <t>24270572.0</t>
  </si>
  <si>
    <t>367493.0</t>
  </si>
  <si>
    <t>49003947.0</t>
  </si>
  <si>
    <t>945.472</t>
  </si>
  <si>
    <t>179042.0</t>
  </si>
  <si>
    <t>111503807.0</t>
  </si>
  <si>
    <t>44375082.0</t>
  </si>
  <si>
    <t>43566703.0</t>
  </si>
  <si>
    <t>24553189.0</t>
  </si>
  <si>
    <t>337847.0</t>
  </si>
  <si>
    <t>353252.0</t>
  </si>
  <si>
    <t>215.19</t>
  </si>
  <si>
    <t>49222287.0</t>
  </si>
  <si>
    <t>949.685</t>
  </si>
  <si>
    <t>183281.0</t>
  </si>
  <si>
    <t>112048693.0</t>
  </si>
  <si>
    <t>44390421.0</t>
  </si>
  <si>
    <t>43625531.0</t>
  </si>
  <si>
    <t>25023628.0</t>
  </si>
  <si>
    <t>544886.0</t>
  </si>
  <si>
    <t>331751.0</t>
  </si>
  <si>
    <t>49469110.0</t>
  </si>
  <si>
    <t>246823.0</t>
  </si>
  <si>
    <t>954.447</t>
  </si>
  <si>
    <t>189585.0</t>
  </si>
  <si>
    <t>112335367.0</t>
  </si>
  <si>
    <t>44399802.0</t>
  </si>
  <si>
    <t>43643539.0</t>
  </si>
  <si>
    <t>25282883.0</t>
  </si>
  <si>
    <t>286674.0</t>
  </si>
  <si>
    <t>322799.0</t>
  </si>
  <si>
    <t>49659134.0</t>
  </si>
  <si>
    <t>190024.0</t>
  </si>
  <si>
    <t>958.113</t>
  </si>
  <si>
    <t>195989.0</t>
  </si>
  <si>
    <t>112351977.0</t>
  </si>
  <si>
    <t>44400413.0</t>
  </si>
  <si>
    <t>43645511.0</t>
  </si>
  <si>
    <t>25296916.0</t>
  </si>
  <si>
    <t>322099.0</t>
  </si>
  <si>
    <t>8690.7</t>
  </si>
  <si>
    <t>167.722946634355</t>
  </si>
  <si>
    <t>49827634.0</t>
  </si>
  <si>
    <t>168500.0</t>
  </si>
  <si>
    <t>961.364</t>
  </si>
  <si>
    <t>202466.0</t>
  </si>
  <si>
    <t>112703330.0</t>
  </si>
  <si>
    <t>44412054.0</t>
  </si>
  <si>
    <t>43686101.0</t>
  </si>
  <si>
    <t>25595802.0</t>
  </si>
  <si>
    <t>351353.0</t>
  </si>
  <si>
    <t>304530.0</t>
  </si>
  <si>
    <t>50103977.0</t>
  </si>
  <si>
    <t>276343.0</t>
  </si>
  <si>
    <t>966.696</t>
  </si>
  <si>
    <t>213850.0</t>
  </si>
  <si>
    <t>112986890.0</t>
  </si>
  <si>
    <t>44421214.0</t>
  </si>
  <si>
    <t>43715274.0</t>
  </si>
  <si>
    <t>25840723.0</t>
  </si>
  <si>
    <t>298994.0</t>
  </si>
  <si>
    <t>50381755.0</t>
  </si>
  <si>
    <t>277778.0</t>
  </si>
  <si>
    <t>972.055</t>
  </si>
  <si>
    <t>226107.0</t>
  </si>
  <si>
    <t>113276982.0</t>
  </si>
  <si>
    <t>44429727.0</t>
  </si>
  <si>
    <t>43739770.0</t>
  </si>
  <si>
    <t>26097529.0</t>
  </si>
  <si>
    <t>290092.0</t>
  </si>
  <si>
    <t>301575.0</t>
  </si>
  <si>
    <t>50673950.0</t>
  </si>
  <si>
    <t>292195.0</t>
  </si>
  <si>
    <t>977.693</t>
  </si>
  <si>
    <t>238572.0</t>
  </si>
  <si>
    <t>113627826.0</t>
  </si>
  <si>
    <t>44438848.0</t>
  </si>
  <si>
    <t>43764802.0</t>
  </si>
  <si>
    <t>26413996.0</t>
  </si>
  <si>
    <t>350844.0</t>
  </si>
  <si>
    <t>303431.0</t>
  </si>
  <si>
    <t>50964667.0</t>
  </si>
  <si>
    <t>290717.0</t>
  </si>
  <si>
    <t>983.302</t>
  </si>
  <si>
    <t>248911.0</t>
  </si>
  <si>
    <t>114184464.0</t>
  </si>
  <si>
    <t>44452208.0</t>
  </si>
  <si>
    <t>43801893.0</t>
  </si>
  <si>
    <t>26919994.0</t>
  </si>
  <si>
    <t>556638.0</t>
  </si>
  <si>
    <t>305110.0</t>
  </si>
  <si>
    <t>51308124.0</t>
  </si>
  <si>
    <t>343457.0</t>
  </si>
  <si>
    <t>989.928</t>
  </si>
  <si>
    <t>114556010.0</t>
  </si>
  <si>
    <t>44460343.0</t>
  </si>
  <si>
    <t>43824418.0</t>
  </si>
  <si>
    <t>27260844.0</t>
  </si>
  <si>
    <t>371546.0</t>
  </si>
  <si>
    <t>317235.0</t>
  </si>
  <si>
    <t>51527352.0</t>
  </si>
  <si>
    <t>219228.0</t>
  </si>
  <si>
    <t>994.158</t>
  </si>
  <si>
    <t>266888.0</t>
  </si>
  <si>
    <t>114583047.0</t>
  </si>
  <si>
    <t>44461009.0</t>
  </si>
  <si>
    <t>43825815.0</t>
  </si>
  <si>
    <t>27285819.0</t>
  </si>
  <si>
    <t>318724.0</t>
  </si>
  <si>
    <t>170.874494517194</t>
  </si>
  <si>
    <t>51723416.0</t>
  </si>
  <si>
    <t>196064.0</t>
  </si>
  <si>
    <t>997.941</t>
  </si>
  <si>
    <t>270826.0</t>
  </si>
  <si>
    <t>114604100.0</t>
  </si>
  <si>
    <t>44461619.0</t>
  </si>
  <si>
    <t>43826818.0</t>
  </si>
  <si>
    <t>27305254.0</t>
  </si>
  <si>
    <t>271539.0</t>
  </si>
  <si>
    <t>51948366.0</t>
  </si>
  <si>
    <t>224950.0</t>
  </si>
  <si>
    <t>1002.281</t>
  </si>
  <si>
    <t>263484.0</t>
  </si>
  <si>
    <t>114607423.0</t>
  </si>
  <si>
    <t>44461720.0</t>
  </si>
  <si>
    <t>43827020.0</t>
  </si>
  <si>
    <t>27308279.0</t>
  </si>
  <si>
    <t>231505.0</t>
  </si>
  <si>
    <t>52161826.0</t>
  </si>
  <si>
    <t>213460.0</t>
  </si>
  <si>
    <t>1006.4</t>
  </si>
  <si>
    <t>114621448.0</t>
  </si>
  <si>
    <t>44462236.0</t>
  </si>
  <si>
    <t>43827888.0</t>
  </si>
  <si>
    <t>27320926.0</t>
  </si>
  <si>
    <t>192067.0</t>
  </si>
  <si>
    <t>52448302.0</t>
  </si>
  <si>
    <t>286476.0</t>
  </si>
  <si>
    <t>1011.927</t>
  </si>
  <si>
    <t>253479.0</t>
  </si>
  <si>
    <t>115015673.0</t>
  </si>
  <si>
    <t>44474617.0</t>
  </si>
  <si>
    <t>43880411.0</t>
  </si>
  <si>
    <t>27649933.0</t>
  </si>
  <si>
    <t>394225.0</t>
  </si>
  <si>
    <t>198264.0</t>
  </si>
  <si>
    <t>52642713.0</t>
  </si>
  <si>
    <t>194411.0</t>
  </si>
  <si>
    <t>1015.678</t>
  </si>
  <si>
    <t>115423645.0</t>
  </si>
  <si>
    <t>44487134.0</t>
  </si>
  <si>
    <t>43915933.0</t>
  </si>
  <si>
    <t>28009684.0</t>
  </si>
  <si>
    <t>407972.0</t>
  </si>
  <si>
    <t>52828727.0</t>
  </si>
  <si>
    <t>186014.0</t>
  </si>
  <si>
    <t>1019.267</t>
  </si>
  <si>
    <t>217229.0</t>
  </si>
  <si>
    <t>115653749.0</t>
  </si>
  <si>
    <t>44494421.0</t>
  </si>
  <si>
    <t>43933991.0</t>
  </si>
  <si>
    <t>28214401.0</t>
  </si>
  <si>
    <t>230104.0</t>
  </si>
  <si>
    <t>156820.0</t>
  </si>
  <si>
    <t>52964262.0</t>
  </si>
  <si>
    <t>135535.0</t>
  </si>
  <si>
    <t>1021.882</t>
  </si>
  <si>
    <t>205273.0</t>
  </si>
  <si>
    <t>115667255.0</t>
  </si>
  <si>
    <t>44494878.0</t>
  </si>
  <si>
    <t>43934959.0</t>
  </si>
  <si>
    <t>28226483.0</t>
  </si>
  <si>
    <t>154887.0</t>
  </si>
  <si>
    <t>8913.9</t>
  </si>
  <si>
    <t>172.030512387262</t>
  </si>
  <si>
    <t>53254582.0</t>
  </si>
  <si>
    <t>1027.483</t>
  </si>
  <si>
    <t>115944983.0</t>
  </si>
  <si>
    <t>44503072.0</t>
  </si>
  <si>
    <t>43957318.0</t>
  </si>
  <si>
    <t>28473518.0</t>
  </si>
  <si>
    <t>277728.0</t>
  </si>
  <si>
    <t>191555.0</t>
  </si>
  <si>
    <t>53858182.0</t>
  </si>
  <si>
    <t>603600.0</t>
  </si>
  <si>
    <t>1039.129</t>
  </si>
  <si>
    <t>272831.0</t>
  </si>
  <si>
    <t>116130714.0</t>
  </si>
  <si>
    <t>44508874.0</t>
  </si>
  <si>
    <t>43973351.0</t>
  </si>
  <si>
    <t>28637219.0</t>
  </si>
  <si>
    <t>185731.0</t>
  </si>
  <si>
    <t>217613.0</t>
  </si>
  <si>
    <t>224.12</t>
  </si>
  <si>
    <t>54447332.0</t>
  </si>
  <si>
    <t>589150.0</t>
  </si>
  <si>
    <t>1050.496</t>
  </si>
  <si>
    <t>326501.0</t>
  </si>
  <si>
    <t>116296209.0</t>
  </si>
  <si>
    <t>44514081.0</t>
  </si>
  <si>
    <t>43986243.0</t>
  </si>
  <si>
    <t>28784464.0</t>
  </si>
  <si>
    <t>239252.0</t>
  </si>
  <si>
    <t>54930589.0</t>
  </si>
  <si>
    <t>483257.0</t>
  </si>
  <si>
    <t>1059.819</t>
  </si>
  <si>
    <t>9.324</t>
  </si>
  <si>
    <t>354612.0</t>
  </si>
  <si>
    <t>116522220.0</t>
  </si>
  <si>
    <t>44519997.0</t>
  </si>
  <si>
    <t>44000080.0</t>
  </si>
  <si>
    <t>28990575.0</t>
  </si>
  <si>
    <t>226011.0</t>
  </si>
  <si>
    <t>215221.0</t>
  </si>
  <si>
    <t>224.88</t>
  </si>
  <si>
    <t>55502062.0</t>
  </si>
  <si>
    <t>1070.845</t>
  </si>
  <si>
    <t>408478.0</t>
  </si>
  <si>
    <t>116858228.0</t>
  </si>
  <si>
    <t>44528311.0</t>
  </si>
  <si>
    <t>44019734.0</t>
  </si>
  <si>
    <t>29298491.0</t>
  </si>
  <si>
    <t>204940.0</t>
  </si>
  <si>
    <t>56053835.0</t>
  </si>
  <si>
    <t>551773.0</t>
  </si>
  <si>
    <t>1081.491</t>
  </si>
  <si>
    <t>460730.0</t>
  </si>
  <si>
    <t>117045956.0</t>
  </si>
  <si>
    <t>44534080.0</t>
  </si>
  <si>
    <t>44031973.0</t>
  </si>
  <si>
    <t>29468180.0</t>
  </si>
  <si>
    <t>187728.0</t>
  </si>
  <si>
    <t>56382252.0</t>
  </si>
  <si>
    <t>328417.0</t>
  </si>
  <si>
    <t>1087.828</t>
  </si>
  <si>
    <t>488284.0</t>
  </si>
  <si>
    <t>117055996.0</t>
  </si>
  <si>
    <t>44534453.0</t>
  </si>
  <si>
    <t>44032588.0</t>
  </si>
  <si>
    <t>29477237.0</t>
  </si>
  <si>
    <t>9541.2</t>
  </si>
  <si>
    <t>184.13685645894</t>
  </si>
  <si>
    <t>56666685.0</t>
  </si>
  <si>
    <t>1093.315</t>
  </si>
  <si>
    <t>487443.0</t>
  </si>
  <si>
    <t>117274377.0</t>
  </si>
  <si>
    <t>44544875.0</t>
  </si>
  <si>
    <t>44046176.0</t>
  </si>
  <si>
    <t>29671476.0</t>
  </si>
  <si>
    <t>218381.0</t>
  </si>
  <si>
    <t>189913.0</t>
  </si>
  <si>
    <t>57358276.0</t>
  </si>
  <si>
    <t>691591.0</t>
  </si>
  <si>
    <t>1106.659</t>
  </si>
  <si>
    <t>500013.0</t>
  </si>
  <si>
    <t>117434804.0</t>
  </si>
  <si>
    <t>44554636.0</t>
  </si>
  <si>
    <t>44056820.0</t>
  </si>
  <si>
    <t>29811274.0</t>
  </si>
  <si>
    <t>160427.0</t>
  </si>
  <si>
    <t>58031685.0</t>
  </si>
  <si>
    <t>673409.0</t>
  </si>
  <si>
    <t>1119.651</t>
  </si>
  <si>
    <t>12.993</t>
  </si>
  <si>
    <t>512050.0</t>
  </si>
  <si>
    <t>117583121.0</t>
  </si>
  <si>
    <t>44563837.0</t>
  </si>
  <si>
    <t>44066395.0</t>
  </si>
  <si>
    <t>29940633.0</t>
  </si>
  <si>
    <t>148317.0</t>
  </si>
  <si>
    <t>183845.0</t>
  </si>
  <si>
    <t>58612309.0</t>
  </si>
  <si>
    <t>580624.0</t>
  </si>
  <si>
    <t>1130.854</t>
  </si>
  <si>
    <t>11.202</t>
  </si>
  <si>
    <t>525960.0</t>
  </si>
  <si>
    <t>117772410.0</t>
  </si>
  <si>
    <t>44572942.0</t>
  </si>
  <si>
    <t>44076381.0</t>
  </si>
  <si>
    <t>30110617.0</t>
  </si>
  <si>
    <t>189289.0</t>
  </si>
  <si>
    <t>59323802.0</t>
  </si>
  <si>
    <t>711493.0</t>
  </si>
  <si>
    <t>1144.581</t>
  </si>
  <si>
    <t>545963.0</t>
  </si>
  <si>
    <t>118048602.0</t>
  </si>
  <si>
    <t>44584447.0</t>
  </si>
  <si>
    <t>44091638.0</t>
  </si>
  <si>
    <t>30359901.0</t>
  </si>
  <si>
    <t>276192.0</t>
  </si>
  <si>
    <t>170053.0</t>
  </si>
  <si>
    <t>60015103.0</t>
  </si>
  <si>
    <t>691301.0</t>
  </si>
  <si>
    <t>1157.919</t>
  </si>
  <si>
    <t>565895.0</t>
  </si>
  <si>
    <t>118200538.0</t>
  </si>
  <si>
    <t>44590704.0</t>
  </si>
  <si>
    <t>44101164.0</t>
  </si>
  <si>
    <t>30496029.0</t>
  </si>
  <si>
    <t>151936.0</t>
  </si>
  <si>
    <t>164940.0</t>
  </si>
  <si>
    <t>60482717.0</t>
  </si>
  <si>
    <t>467614.0</t>
  </si>
  <si>
    <t>1166.941</t>
  </si>
  <si>
    <t>585781.0</t>
  </si>
  <si>
    <t>118209762.0</t>
  </si>
  <si>
    <t>44591071.0</t>
  </si>
  <si>
    <t>44101753.0</t>
  </si>
  <si>
    <t>30504297.0</t>
  </si>
  <si>
    <t>164824.0</t>
  </si>
  <si>
    <t>228.13</t>
  </si>
  <si>
    <t>10190.1</t>
  </si>
  <si>
    <t>196.660061732512</t>
  </si>
  <si>
    <t>60876040.0</t>
  </si>
  <si>
    <t>393323.0</t>
  </si>
  <si>
    <t>1174.53</t>
  </si>
  <si>
    <t>601336.0</t>
  </si>
  <si>
    <t>11.602</t>
  </si>
  <si>
    <t>118385931.0</t>
  </si>
  <si>
    <t>44599194.0</t>
  </si>
  <si>
    <t>44107296.0</t>
  </si>
  <si>
    <t>30666698.0</t>
  </si>
  <si>
    <t>176169.0</t>
  </si>
  <si>
    <t>158793.0</t>
  </si>
  <si>
    <t>61768349.0</t>
  </si>
  <si>
    <t>892309.0</t>
  </si>
  <si>
    <t>1191.746</t>
  </si>
  <si>
    <t>630010.0</t>
  </si>
  <si>
    <t>12.155</t>
  </si>
  <si>
    <t>118512030.0</t>
  </si>
  <si>
    <t>44605464.0</t>
  </si>
  <si>
    <t>44111208.0</t>
  </si>
  <si>
    <t>30782462.0</t>
  </si>
  <si>
    <t>126099.0</t>
  </si>
  <si>
    <t>153889.0</t>
  </si>
  <si>
    <t>228.72</t>
  </si>
  <si>
    <t>62610974.0</t>
  </si>
  <si>
    <t>1208.003</t>
  </si>
  <si>
    <t>12.622</t>
  </si>
  <si>
    <t>118633336.0</t>
  </si>
  <si>
    <t>44611220.0</t>
  </si>
  <si>
    <t>44114849.0</t>
  </si>
  <si>
    <t>30894228.0</t>
  </si>
  <si>
    <t>121306.0</t>
  </si>
  <si>
    <t>63500790.0</t>
  </si>
  <si>
    <t>889816.0</t>
  </si>
  <si>
    <t>1225.171</t>
  </si>
  <si>
    <t>17.168</t>
  </si>
  <si>
    <t>698354.0</t>
  </si>
  <si>
    <t>13.474</t>
  </si>
  <si>
    <t>118800973.0</t>
  </si>
  <si>
    <t>44617458.0</t>
  </si>
  <si>
    <t>44125237.0</t>
  </si>
  <si>
    <t>31045082.0</t>
  </si>
  <si>
    <t>167637.0</t>
  </si>
  <si>
    <t>229.28</t>
  </si>
  <si>
    <t>64356800.0</t>
  </si>
  <si>
    <t>856010.0</t>
  </si>
  <si>
    <t>1241.687</t>
  </si>
  <si>
    <t>719000.0</t>
  </si>
  <si>
    <t>13.872</t>
  </si>
  <si>
    <t>119055795.0</t>
  </si>
  <si>
    <t>44626368.0</t>
  </si>
  <si>
    <t>44139121.0</t>
  </si>
  <si>
    <t>31276983.0</t>
  </si>
  <si>
    <t>254822.0</t>
  </si>
  <si>
    <t>143885.0</t>
  </si>
  <si>
    <t>65178472.0</t>
  </si>
  <si>
    <t>821672.0</t>
  </si>
  <si>
    <t>1257.54</t>
  </si>
  <si>
    <t>737624.0</t>
  </si>
  <si>
    <t>119189513.0</t>
  </si>
  <si>
    <t>44631301.0</t>
  </si>
  <si>
    <t>44147612.0</t>
  </si>
  <si>
    <t>31397261.0</t>
  </si>
  <si>
    <t>230.03</t>
  </si>
  <si>
    <t>65735490.0</t>
  </si>
  <si>
    <t>557018.0</t>
  </si>
  <si>
    <t>1268.287</t>
  </si>
  <si>
    <t>750396.0</t>
  </si>
  <si>
    <t>119196404.0</t>
  </si>
  <si>
    <t>44631533.0</t>
  </si>
  <si>
    <t>44148071.0</t>
  </si>
  <si>
    <t>31403460.0</t>
  </si>
  <si>
    <t>140949.0</t>
  </si>
  <si>
    <t>11557.8</t>
  </si>
  <si>
    <t>223.055481446897</t>
  </si>
  <si>
    <t>66192724.0</t>
  </si>
  <si>
    <t>457234.0</t>
  </si>
  <si>
    <t>1277.109</t>
  </si>
  <si>
    <t>759526.0</t>
  </si>
  <si>
    <t>119359992.0</t>
  </si>
  <si>
    <t>44637166.0</t>
  </si>
  <si>
    <t>44156367.0</t>
  </si>
  <si>
    <t>31553046.0</t>
  </si>
  <si>
    <t>163588.0</t>
  </si>
  <si>
    <t>67261310.0</t>
  </si>
  <si>
    <t>1068586.0</t>
  </si>
  <si>
    <t>1297.726</t>
  </si>
  <si>
    <t>20.617</t>
  </si>
  <si>
    <t>784709.0</t>
  </si>
  <si>
    <t>119365836.0</t>
  </si>
  <si>
    <t>44637379.0</t>
  </si>
  <si>
    <t>44156738.0</t>
  </si>
  <si>
    <t>31558311.0</t>
  </si>
  <si>
    <t>121972.0</t>
  </si>
  <si>
    <t>67811931.0</t>
  </si>
  <si>
    <t>550621.0</t>
  </si>
  <si>
    <t>1308.349</t>
  </si>
  <si>
    <t>742994.0</t>
  </si>
  <si>
    <t>14.335</t>
  </si>
  <si>
    <t>119449189.0</t>
  </si>
  <si>
    <t>44639584.0</t>
  </si>
  <si>
    <t>44161079.0</t>
  </si>
  <si>
    <t>31635023.0</t>
  </si>
  <si>
    <t>230.53</t>
  </si>
  <si>
    <t>68667670.0</t>
  </si>
  <si>
    <t>855739.0</t>
  </si>
  <si>
    <t>1324.86</t>
  </si>
  <si>
    <t>738126.0</t>
  </si>
  <si>
    <t>119534911.0</t>
  </si>
  <si>
    <t>44641540.0</t>
  </si>
  <si>
    <t>44165314.0</t>
  </si>
  <si>
    <t>31714456.0</t>
  </si>
  <si>
    <t>230.69</t>
  </si>
  <si>
    <t>69538871.0</t>
  </si>
  <si>
    <t>871201.0</t>
  </si>
  <si>
    <t>1341.669</t>
  </si>
  <si>
    <t>16.809</t>
  </si>
  <si>
    <t>740296.0</t>
  </si>
  <si>
    <t>119665902.0</t>
  </si>
  <si>
    <t>44645013.0</t>
  </si>
  <si>
    <t>44173003.0</t>
  </si>
  <si>
    <t>31834202.0</t>
  </si>
  <si>
    <t>130991.0</t>
  </si>
  <si>
    <t>87158.0</t>
  </si>
  <si>
    <t>70376190.0</t>
  </si>
  <si>
    <t>837319.0</t>
  </si>
  <si>
    <t>1357.824</t>
  </si>
  <si>
    <t>742531.0</t>
  </si>
  <si>
    <t>119728843.0</t>
  </si>
  <si>
    <t>44647311.0</t>
  </si>
  <si>
    <t>44178636.0</t>
  </si>
  <si>
    <t>31889203.0</t>
  </si>
  <si>
    <t>70939322.0</t>
  </si>
  <si>
    <t>563132.0</t>
  </si>
  <si>
    <t>1368.689</t>
  </si>
  <si>
    <t>743405.0</t>
  </si>
  <si>
    <t>119730949.0</t>
  </si>
  <si>
    <t>44647394.0</t>
  </si>
  <si>
    <t>44178840.0</t>
  </si>
  <si>
    <t>31891026.0</t>
  </si>
  <si>
    <t>13996.1</t>
  </si>
  <si>
    <t>270.112549436651</t>
  </si>
  <si>
    <t>15.806</t>
  </si>
  <si>
    <t>71441570.0</t>
  </si>
  <si>
    <t>502248.0</t>
  </si>
  <si>
    <t>1378.379</t>
  </si>
  <si>
    <t>749835.0</t>
  </si>
  <si>
    <t>14.467</t>
  </si>
  <si>
    <t>119822697.0</t>
  </si>
  <si>
    <t>44655178.0</t>
  </si>
  <si>
    <t>44184693.0</t>
  </si>
  <si>
    <t>31968994.0</t>
  </si>
  <si>
    <t>91748.0</t>
  </si>
  <si>
    <t>72537591.0</t>
  </si>
  <si>
    <t>1096021.0</t>
  </si>
  <si>
    <t>1399.525</t>
  </si>
  <si>
    <t>21.146</t>
  </si>
  <si>
    <t>753754.0</t>
  </si>
  <si>
    <t>0.3259</t>
  </si>
  <si>
    <t>119891020.0</t>
  </si>
  <si>
    <t>44660996.0</t>
  </si>
  <si>
    <t>44189864.0</t>
  </si>
  <si>
    <t>32026190.0</t>
  </si>
  <si>
    <t>75026.0</t>
  </si>
  <si>
    <t>73507344.0</t>
  </si>
  <si>
    <t>969753.0</t>
  </si>
  <si>
    <t>1418.236</t>
  </si>
  <si>
    <t>813630.0</t>
  </si>
  <si>
    <t>15.698</t>
  </si>
  <si>
    <t>119902444.0</t>
  </si>
  <si>
    <t>44662075.0</t>
  </si>
  <si>
    <t>44191141.0</t>
  </si>
  <si>
    <t>32035254.0</t>
  </si>
  <si>
    <t>74150788.0</t>
  </si>
  <si>
    <t>643444.0</t>
  </si>
  <si>
    <t>1430.65</t>
  </si>
  <si>
    <t>783303.0</t>
  </si>
  <si>
    <t>119993035.0</t>
  </si>
  <si>
    <t>44667191.0</t>
  </si>
  <si>
    <t>44197501.0</t>
  </si>
  <si>
    <t>32114221.0</t>
  </si>
  <si>
    <t>90591.0</t>
  </si>
  <si>
    <t>65446.0</t>
  </si>
  <si>
    <t>75305113.0</t>
  </si>
  <si>
    <t>1154325.0</t>
  </si>
  <si>
    <t>1452.921</t>
  </si>
  <si>
    <t>22.271</t>
  </si>
  <si>
    <t>823749.0</t>
  </si>
  <si>
    <t>120120935.0</t>
  </si>
  <si>
    <t>44676034.0</t>
  </si>
  <si>
    <t>44211401.0</t>
  </si>
  <si>
    <t>32219187.0</t>
  </si>
  <si>
    <t>127900.0</t>
  </si>
  <si>
    <t>76292751.0</t>
  </si>
  <si>
    <t>987638.0</t>
  </si>
  <si>
    <t>1471.977</t>
  </si>
  <si>
    <t>19.055</t>
  </si>
  <si>
    <t>845223.0</t>
  </si>
  <si>
    <t>16.308</t>
  </si>
  <si>
    <t>120168327.0</t>
  </si>
  <si>
    <t>44680024.0</t>
  </si>
  <si>
    <t>44216803.0</t>
  </si>
  <si>
    <t>32257155.0</t>
  </si>
  <si>
    <t>62783.0</t>
  </si>
  <si>
    <t>231.91</t>
  </si>
  <si>
    <t>76996901.0</t>
  </si>
  <si>
    <t>704150.0</t>
  </si>
  <si>
    <t>1485.562</t>
  </si>
  <si>
    <t>865368.0</t>
  </si>
  <si>
    <t>120169348.0</t>
  </si>
  <si>
    <t>44680108.0</t>
  </si>
  <si>
    <t>44216913.0</t>
  </si>
  <si>
    <t>32257985.0</t>
  </si>
  <si>
    <t>17300.6</t>
  </si>
  <si>
    <t>333.886523587551</t>
  </si>
  <si>
    <t>77561275.0</t>
  </si>
  <si>
    <t>1496.451</t>
  </si>
  <si>
    <t>10.889</t>
  </si>
  <si>
    <t>874244.0</t>
  </si>
  <si>
    <t>120238133.0</t>
  </si>
  <si>
    <t>44683776.0</t>
  </si>
  <si>
    <t>44221808.0</t>
  </si>
  <si>
    <t>32318129.0</t>
  </si>
  <si>
    <t>78583368.0</t>
  </si>
  <si>
    <t>1022093.0</t>
  </si>
  <si>
    <t>1516.171</t>
  </si>
  <si>
    <t>863682.0</t>
  </si>
  <si>
    <t>16.664</t>
  </si>
  <si>
    <t>120292107.0</t>
  </si>
  <si>
    <t>44686232.0</t>
  </si>
  <si>
    <t>44225122.0</t>
  </si>
  <si>
    <t>32366228.0</t>
  </si>
  <si>
    <t>79300065.0</t>
  </si>
  <si>
    <t>716697.0</t>
  </si>
  <si>
    <t>1529.999</t>
  </si>
  <si>
    <t>827532.0</t>
  </si>
  <si>
    <t>120345958.0</t>
  </si>
  <si>
    <t>44688434.0</t>
  </si>
  <si>
    <t>44227555.0</t>
  </si>
  <si>
    <t>32415334.0</t>
  </si>
  <si>
    <t>63359.0</t>
  </si>
  <si>
    <t>79910063.0</t>
  </si>
  <si>
    <t>609998.0</t>
  </si>
  <si>
    <t>1541.768</t>
  </si>
  <si>
    <t>822754.0</t>
  </si>
  <si>
    <t>120411363.0</t>
  </si>
  <si>
    <t>44690940.0</t>
  </si>
  <si>
    <t>44230274.0</t>
  </si>
  <si>
    <t>32475435.0</t>
  </si>
  <si>
    <t>65405.0</t>
  </si>
  <si>
    <t>80583082.0</t>
  </si>
  <si>
    <t>673019.0</t>
  </si>
  <si>
    <t>1554.753</t>
  </si>
  <si>
    <t>12.985</t>
  </si>
  <si>
    <t>753996.0</t>
  </si>
  <si>
    <t>0.5367</t>
  </si>
  <si>
    <t>120514921.0</t>
  </si>
  <si>
    <t>44695663.0</t>
  </si>
  <si>
    <t>44235915.0</t>
  </si>
  <si>
    <t>32568535.0</t>
  </si>
  <si>
    <t>103558.0</t>
  </si>
  <si>
    <t>81177093.0</t>
  </si>
  <si>
    <t>594011.0</t>
  </si>
  <si>
    <t>1566.214</t>
  </si>
  <si>
    <t>697763.0</t>
  </si>
  <si>
    <t>13.462</t>
  </si>
  <si>
    <t>120551578.0</t>
  </si>
  <si>
    <t>44697747.0</t>
  </si>
  <si>
    <t>44237847.0</t>
  </si>
  <si>
    <t>32601162.0</t>
  </si>
  <si>
    <t>81557309.0</t>
  </si>
  <si>
    <t>380216.0</t>
  </si>
  <si>
    <t>1573.55</t>
  </si>
  <si>
    <t>7.336</t>
  </si>
  <si>
    <t>651487.0</t>
  </si>
  <si>
    <t>0.5957</t>
  </si>
  <si>
    <t>120552268.0</t>
  </si>
  <si>
    <t>44697774.0</t>
  </si>
  <si>
    <t>44237887.0</t>
  </si>
  <si>
    <t>32601788.0</t>
  </si>
  <si>
    <t>21520.3</t>
  </si>
  <si>
    <t>415.323061255746</t>
  </si>
  <si>
    <t>81946728.0</t>
  </si>
  <si>
    <t>389419.0</t>
  </si>
  <si>
    <t>1581.063</t>
  </si>
  <si>
    <t>626493.0</t>
  </si>
  <si>
    <t>12.087</t>
  </si>
  <si>
    <t>0.6175</t>
  </si>
  <si>
    <t>120613739.0</t>
  </si>
  <si>
    <t>44700038.0</t>
  </si>
  <si>
    <t>44240181.0</t>
  </si>
  <si>
    <t>32658652.0</t>
  </si>
  <si>
    <t>82765207.0</t>
  </si>
  <si>
    <t>818479.0</t>
  </si>
  <si>
    <t>1596.855</t>
  </si>
  <si>
    <t>0.6691</t>
  </si>
  <si>
    <t>120657578.0</t>
  </si>
  <si>
    <t>44701849.0</t>
  </si>
  <si>
    <t>44241424.0</t>
  </si>
  <si>
    <t>32699388.0</t>
  </si>
  <si>
    <t>52210.0</t>
  </si>
  <si>
    <t>83367274.0</t>
  </si>
  <si>
    <t>602067.0</t>
  </si>
  <si>
    <t>1608.471</t>
  </si>
  <si>
    <t>581030.0</t>
  </si>
  <si>
    <t>0.6324</t>
  </si>
  <si>
    <t>120704029.0</t>
  </si>
  <si>
    <t>44703345.0</t>
  </si>
  <si>
    <t>44242685.0</t>
  </si>
  <si>
    <t>32743007.0</t>
  </si>
  <si>
    <t>51153.0</t>
  </si>
  <si>
    <t>83891121.0</t>
  </si>
  <si>
    <t>523847.0</t>
  </si>
  <si>
    <t>1618.578</t>
  </si>
  <si>
    <t>568723.0</t>
  </si>
  <si>
    <t>0.6291</t>
  </si>
  <si>
    <t>120757863.0</t>
  </si>
  <si>
    <t>44705114.0</t>
  </si>
  <si>
    <t>44244217.0</t>
  </si>
  <si>
    <t>32793490.0</t>
  </si>
  <si>
    <t>49500.0</t>
  </si>
  <si>
    <t>84482165.0</t>
  </si>
  <si>
    <t>591044.0</t>
  </si>
  <si>
    <t>1629.981</t>
  </si>
  <si>
    <t>557012.0</t>
  </si>
  <si>
    <t>120842905.0</t>
  </si>
  <si>
    <t>44708330.0</t>
  </si>
  <si>
    <t>44247067.0</t>
  </si>
  <si>
    <t>32872414.0</t>
  </si>
  <si>
    <t>22.464</t>
  </si>
  <si>
    <t>85002151.0</t>
  </si>
  <si>
    <t>519986.0</t>
  </si>
  <si>
    <t>1640.014</t>
  </si>
  <si>
    <t>546437.0</t>
  </si>
  <si>
    <t>0.6385</t>
  </si>
  <si>
    <t>120882266.0</t>
  </si>
  <si>
    <t>44709849.0</t>
  </si>
  <si>
    <t>44248183.0</t>
  </si>
  <si>
    <t>32909133.0</t>
  </si>
  <si>
    <t>39361.0</t>
  </si>
  <si>
    <t>233.29</t>
  </si>
  <si>
    <t>85343949.0</t>
  </si>
  <si>
    <t>1646.609</t>
  </si>
  <si>
    <t>540949.0</t>
  </si>
  <si>
    <t>10.437</t>
  </si>
  <si>
    <t>0.6392</t>
  </si>
  <si>
    <t>120882941.0</t>
  </si>
  <si>
    <t>44709879.0</t>
  </si>
  <si>
    <t>44248219.0</t>
  </si>
  <si>
    <t>32909745.0</t>
  </si>
  <si>
    <t>25910.2</t>
  </si>
  <si>
    <t>500.044310801831</t>
  </si>
  <si>
    <t>85680135.0</t>
  </si>
  <si>
    <t>336186.0</t>
  </si>
  <si>
    <t>1653.095</t>
  </si>
  <si>
    <t>533344.0</t>
  </si>
  <si>
    <t>0.6466</t>
  </si>
  <si>
    <t>120932449.0</t>
  </si>
  <si>
    <t>44711521.0</t>
  </si>
  <si>
    <t>44253348.0</t>
  </si>
  <si>
    <t>32952427.0</t>
  </si>
  <si>
    <t>86377436.0</t>
  </si>
  <si>
    <t>697301.0</t>
  </si>
  <si>
    <t>1666.548</t>
  </si>
  <si>
    <t>13.454</t>
  </si>
  <si>
    <t>516033.0</t>
  </si>
  <si>
    <t>0.6499</t>
  </si>
  <si>
    <t>120964813.0</t>
  </si>
  <si>
    <t>44712844.0</t>
  </si>
  <si>
    <t>44257075.0</t>
  </si>
  <si>
    <t>32979669.0</t>
  </si>
  <si>
    <t>233.45</t>
  </si>
  <si>
    <t>86861445.0</t>
  </si>
  <si>
    <t>484009.0</t>
  </si>
  <si>
    <t>1675.887</t>
  </si>
  <si>
    <t>9.338</t>
  </si>
  <si>
    <t>499167.0</t>
  </si>
  <si>
    <t>0.6505</t>
  </si>
  <si>
    <t>121000487.0</t>
  </si>
  <si>
    <t>44714021.0</t>
  </si>
  <si>
    <t>44258344.0</t>
  </si>
  <si>
    <t>33012877.0</t>
  </si>
  <si>
    <t>87274658.0</t>
  </si>
  <si>
    <t>413213.0</t>
  </si>
  <si>
    <t>1683.859</t>
  </si>
  <si>
    <t>483362.0</t>
  </si>
  <si>
    <t>0.6542</t>
  </si>
  <si>
    <t>121046205.0</t>
  </si>
  <si>
    <t>44718602.0</t>
  </si>
  <si>
    <t>44261710.0</t>
  </si>
  <si>
    <t>33050614.0</t>
  </si>
  <si>
    <t>45718.0</t>
  </si>
  <si>
    <t>87750169.0</t>
  </si>
  <si>
    <t>475511.0</t>
  </si>
  <si>
    <t>1693.034</t>
  </si>
  <si>
    <t>466858.0</t>
  </si>
  <si>
    <t>0.6555</t>
  </si>
  <si>
    <t>121110760.0</t>
  </si>
  <si>
    <t>44729713.0</t>
  </si>
  <si>
    <t>44267670.0</t>
  </si>
  <si>
    <t>33098029.0</t>
  </si>
  <si>
    <t>88148517.0</t>
  </si>
  <si>
    <t>1700.719</t>
  </si>
  <si>
    <t>449481.0</t>
  </si>
  <si>
    <t>121139934.0</t>
  </si>
  <si>
    <t>44735891.0</t>
  </si>
  <si>
    <t>44270053.0</t>
  </si>
  <si>
    <t>33118631.0</t>
  </si>
  <si>
    <t>88399282.0</t>
  </si>
  <si>
    <t>250765.0</t>
  </si>
  <si>
    <t>1705.557</t>
  </si>
  <si>
    <t>436476.0</t>
  </si>
  <si>
    <t>0.6541</t>
  </si>
  <si>
    <t>121140365.0</t>
  </si>
  <si>
    <t>44735951.0</t>
  </si>
  <si>
    <t>44270101.0</t>
  </si>
  <si>
    <t>33118957.0</t>
  </si>
  <si>
    <t>30060.5</t>
  </si>
  <si>
    <t>580.141488867644</t>
  </si>
  <si>
    <t>88635543.0</t>
  </si>
  <si>
    <t>236261.0</t>
  </si>
  <si>
    <t>1710.116</t>
  </si>
  <si>
    <t>422201.0</t>
  </si>
  <si>
    <t>0.6486</t>
  </si>
  <si>
    <t>121171186.0</t>
  </si>
  <si>
    <t>44738833.0</t>
  </si>
  <si>
    <t>44272743.0</t>
  </si>
  <si>
    <t>33144228.0</t>
  </si>
  <si>
    <t>89176552.0</t>
  </si>
  <si>
    <t>541009.0</t>
  </si>
  <si>
    <t>1720.554</t>
  </si>
  <si>
    <t>399874.0</t>
  </si>
  <si>
    <t>0.6354</t>
  </si>
  <si>
    <t>121191526.0</t>
  </si>
  <si>
    <t>44740778.0</t>
  </si>
  <si>
    <t>44274595.0</t>
  </si>
  <si>
    <t>33160727.0</t>
  </si>
  <si>
    <t>89542392.0</t>
  </si>
  <si>
    <t>365840.0</t>
  </si>
  <si>
    <t>1727.612</t>
  </si>
  <si>
    <t>382992.0</t>
  </si>
  <si>
    <t>0.6277</t>
  </si>
  <si>
    <t>121217180.0</t>
  </si>
  <si>
    <t>44743014.0</t>
  </si>
  <si>
    <t>44276225.0</t>
  </si>
  <si>
    <t>33182469.0</t>
  </si>
  <si>
    <t>233.94</t>
  </si>
  <si>
    <t>89851391.0</t>
  </si>
  <si>
    <t>308999.0</t>
  </si>
  <si>
    <t>1733.574</t>
  </si>
  <si>
    <t>368105.0</t>
  </si>
  <si>
    <t>121247282.0</t>
  </si>
  <si>
    <t>44745541.0</t>
  </si>
  <si>
    <t>44278135.0</t>
  </si>
  <si>
    <t>33208111.0</t>
  </si>
  <si>
    <t>28725.0</t>
  </si>
  <si>
    <t>90228854.0</t>
  </si>
  <si>
    <t>1740.857</t>
  </si>
  <si>
    <t>354098.0</t>
  </si>
  <si>
    <t>121298528.0</t>
  </si>
  <si>
    <t>44753556.0</t>
  </si>
  <si>
    <t>44282059.0</t>
  </si>
  <si>
    <t>33247374.0</t>
  </si>
  <si>
    <t>51246.0</t>
  </si>
  <si>
    <t>90537467.0</t>
  </si>
  <si>
    <t>308613.0</t>
  </si>
  <si>
    <t>1746.811</t>
  </si>
  <si>
    <t>341279.0</t>
  </si>
  <si>
    <t>0.6109</t>
  </si>
  <si>
    <t>121317181.0</t>
  </si>
  <si>
    <t>44757089.0</t>
  </si>
  <si>
    <t>44283398.0</t>
  </si>
  <si>
    <t>33261143.0</t>
  </si>
  <si>
    <t>90726176.0</t>
  </si>
  <si>
    <t>188709.0</t>
  </si>
  <si>
    <t>1750.452</t>
  </si>
  <si>
    <t>332413.0</t>
  </si>
  <si>
    <t>0.6116</t>
  </si>
  <si>
    <t>121317458.0</t>
  </si>
  <si>
    <t>44757120.0</t>
  </si>
  <si>
    <t>44283421.0</t>
  </si>
  <si>
    <t>33261367.0</t>
  </si>
  <si>
    <t>33559.4</t>
  </si>
  <si>
    <t>647.667213835592</t>
  </si>
  <si>
    <t>187.24</t>
  </si>
  <si>
    <t>90903655.0</t>
  </si>
  <si>
    <t>177479.0</t>
  </si>
  <si>
    <t>1753.876</t>
  </si>
  <si>
    <t>324016.0</t>
  </si>
  <si>
    <t>0.6031</t>
  </si>
  <si>
    <t>121336674.0</t>
  </si>
  <si>
    <t>44758422.0</t>
  </si>
  <si>
    <t>44285058.0</t>
  </si>
  <si>
    <t>33277634.0</t>
  </si>
  <si>
    <t>91325287.0</t>
  </si>
  <si>
    <t>421632.0</t>
  </si>
  <si>
    <t>1762.011</t>
  </si>
  <si>
    <t>306962.0</t>
  </si>
  <si>
    <t>0.5943</t>
  </si>
  <si>
    <t>121351609.0</t>
  </si>
  <si>
    <t>44759563.0</t>
  </si>
  <si>
    <t>44286371.0</t>
  </si>
  <si>
    <t>33290096.0</t>
  </si>
  <si>
    <t>91595491.0</t>
  </si>
  <si>
    <t>270204.0</t>
  </si>
  <si>
    <t>1767.224</t>
  </si>
  <si>
    <t>293300.0</t>
  </si>
  <si>
    <t>0.5848</t>
  </si>
  <si>
    <t>121372338.0</t>
  </si>
  <si>
    <t>44761145.0</t>
  </si>
  <si>
    <t>44287664.0</t>
  </si>
  <si>
    <t>33307934.0</t>
  </si>
  <si>
    <t>91810197.0</t>
  </si>
  <si>
    <t>214706.0</t>
  </si>
  <si>
    <t>1771.367</t>
  </si>
  <si>
    <t>279829.0</t>
  </si>
  <si>
    <t>0.5724</t>
  </si>
  <si>
    <t>121422535.0</t>
  </si>
  <si>
    <t>44762586.0</t>
  </si>
  <si>
    <t>44289223.0</t>
  </si>
  <si>
    <t>33355113.0</t>
  </si>
  <si>
    <t>50197.0</t>
  </si>
  <si>
    <t>92090495.0</t>
  </si>
  <si>
    <t>280298.0</t>
  </si>
  <si>
    <t>1776.775</t>
  </si>
  <si>
    <t>265949.0</t>
  </si>
  <si>
    <t>0.5606</t>
  </si>
  <si>
    <t>121524960.0</t>
  </si>
  <si>
    <t>44768138.0</t>
  </si>
  <si>
    <t>44292438.0</t>
  </si>
  <si>
    <t>33448742.0</t>
  </si>
  <si>
    <t>92308130.0</t>
  </si>
  <si>
    <t>217635.0</t>
  </si>
  <si>
    <t>1780.974</t>
  </si>
  <si>
    <t>252952.0</t>
  </si>
  <si>
    <t>121552464.0</t>
  </si>
  <si>
    <t>44769919.0</t>
  </si>
  <si>
    <t>44293647.0</t>
  </si>
  <si>
    <t>33473247.0</t>
  </si>
  <si>
    <t>33612.0</t>
  </si>
  <si>
    <t>92419808.0</t>
  </si>
  <si>
    <t>111678.0</t>
  </si>
  <si>
    <t>1783.129</t>
  </si>
  <si>
    <t>241947.0</t>
  </si>
  <si>
    <t>0.5485</t>
  </si>
  <si>
    <t>121552835.0</t>
  </si>
  <si>
    <t>44769946.0</t>
  </si>
  <si>
    <t>44293673.0</t>
  </si>
  <si>
    <t>33473565.0</t>
  </si>
  <si>
    <t>36445.1</t>
  </si>
  <si>
    <t>703.358712460877</t>
  </si>
  <si>
    <t>92518821.0</t>
  </si>
  <si>
    <t>1785.039</t>
  </si>
  <si>
    <t>230738.0</t>
  </si>
  <si>
    <t>121614970.0</t>
  </si>
  <si>
    <t>44770744.0</t>
  </si>
  <si>
    <t>44294666.0</t>
  </si>
  <si>
    <t>33533894.0</t>
  </si>
  <si>
    <t>92834293.0</t>
  </si>
  <si>
    <t>315472.0</t>
  </si>
  <si>
    <t>1791.126</t>
  </si>
  <si>
    <t>121679077.0</t>
  </si>
  <si>
    <t>44771445.0</t>
  </si>
  <si>
    <t>44295591.0</t>
  </si>
  <si>
    <t>33596346.0</t>
  </si>
  <si>
    <t>93035363.0</t>
  </si>
  <si>
    <t>201070.0</t>
  </si>
  <si>
    <t>1795.005</t>
  </si>
  <si>
    <t>205696.0</t>
  </si>
  <si>
    <t>121754464.0</t>
  </si>
  <si>
    <t>44772490.0</t>
  </si>
  <si>
    <t>44296714.0</t>
  </si>
  <si>
    <t>33669530.0</t>
  </si>
  <si>
    <t>75387.0</t>
  </si>
  <si>
    <t>234.98</t>
  </si>
  <si>
    <t>93190988.0</t>
  </si>
  <si>
    <t>155625.0</t>
  </si>
  <si>
    <t>1798.008</t>
  </si>
  <si>
    <t>197256.0</t>
  </si>
  <si>
    <t>121826856.0</t>
  </si>
  <si>
    <t>44773640.0</t>
  </si>
  <si>
    <t>44298184.0</t>
  </si>
  <si>
    <t>33739286.0</t>
  </si>
  <si>
    <t>72392.0</t>
  </si>
  <si>
    <t>57760.0</t>
  </si>
  <si>
    <t>93426005.0</t>
  </si>
  <si>
    <t>235017.0</t>
  </si>
  <si>
    <t>1802.542</t>
  </si>
  <si>
    <t>190787.0</t>
  </si>
  <si>
    <t>0.4625</t>
  </si>
  <si>
    <t>121983220.0</t>
  </si>
  <si>
    <t>44777445.0</t>
  </si>
  <si>
    <t>44302171.0</t>
  </si>
  <si>
    <t>33887823.0</t>
  </si>
  <si>
    <t>156364.0</t>
  </si>
  <si>
    <t>93603807.0</t>
  </si>
  <si>
    <t>1805.973</t>
  </si>
  <si>
    <t>185097.0</t>
  </si>
  <si>
    <t>0.4549</t>
  </si>
  <si>
    <t>122024058.0</t>
  </si>
  <si>
    <t>44778784.0</t>
  </si>
  <si>
    <t>44303504.0</t>
  </si>
  <si>
    <t>33925995.0</t>
  </si>
  <si>
    <t>93695578.0</t>
  </si>
  <si>
    <t>91771.0</t>
  </si>
  <si>
    <t>1807.743</t>
  </si>
  <si>
    <t>182253.0</t>
  </si>
  <si>
    <t>122024678.0</t>
  </si>
  <si>
    <t>44778809.0</t>
  </si>
  <si>
    <t>44303533.0</t>
  </si>
  <si>
    <t>33926561.0</t>
  </si>
  <si>
    <t>38298.2</t>
  </si>
  <si>
    <t>739.121929740051</t>
  </si>
  <si>
    <t>93774134.0</t>
  </si>
  <si>
    <t>78556.0</t>
  </si>
  <si>
    <t>1809.259</t>
  </si>
  <si>
    <t>179330.0</t>
  </si>
  <si>
    <t>122235107.0</t>
  </si>
  <si>
    <t>44779693.0</t>
  </si>
  <si>
    <t>44304760.0</t>
  </si>
  <si>
    <t>34134855.0</t>
  </si>
  <si>
    <t>210429.0</t>
  </si>
  <si>
    <t>94041670.0</t>
  </si>
  <si>
    <t>267536.0</t>
  </si>
  <si>
    <t>1814.421</t>
  </si>
  <si>
    <t>172482.0</t>
  </si>
  <si>
    <t>122460046.0</t>
  </si>
  <si>
    <t>44780593.0</t>
  </si>
  <si>
    <t>44305784.0</t>
  </si>
  <si>
    <t>34357830.0</t>
  </si>
  <si>
    <t>224939.0</t>
  </si>
  <si>
    <t>94216759.0</t>
  </si>
  <si>
    <t>175089.0</t>
  </si>
  <si>
    <t>1817.799</t>
  </si>
  <si>
    <t>168771.0</t>
  </si>
  <si>
    <t>122690807.0</t>
  </si>
  <si>
    <t>44781633.0</t>
  </si>
  <si>
    <t>44306897.0</t>
  </si>
  <si>
    <t>34586390.0</t>
  </si>
  <si>
    <t>230761.0</t>
  </si>
  <si>
    <t>236.78</t>
  </si>
  <si>
    <t>94336537.0</t>
  </si>
  <si>
    <t>119778.0</t>
  </si>
  <si>
    <t>1820.11</t>
  </si>
  <si>
    <t>163650.0</t>
  </si>
  <si>
    <t>122903153.0</t>
  </si>
  <si>
    <t>44782700.0</t>
  </si>
  <si>
    <t>44308235.0</t>
  </si>
  <si>
    <t>34796289.0</t>
  </si>
  <si>
    <t>212346.0</t>
  </si>
  <si>
    <t>153757.0</t>
  </si>
  <si>
    <t>237.19</t>
  </si>
  <si>
    <t>94536904.0</t>
  </si>
  <si>
    <t>200367.0</t>
  </si>
  <si>
    <t>1823.976</t>
  </si>
  <si>
    <t>158700.0</t>
  </si>
  <si>
    <t>0.3667</t>
  </si>
  <si>
    <t>123298346.0</t>
  </si>
  <si>
    <t>44785604.0</t>
  </si>
  <si>
    <t>44311491.0</t>
  </si>
  <si>
    <t>35185298.0</t>
  </si>
  <si>
    <t>395193.0</t>
  </si>
  <si>
    <t>187875.0</t>
  </si>
  <si>
    <t>94686057.0</t>
  </si>
  <si>
    <t>1826.853</t>
  </si>
  <si>
    <t>154607.0</t>
  </si>
  <si>
    <t>123381965.0</t>
  </si>
  <si>
    <t>44786875.0</t>
  </si>
  <si>
    <t>44312630.0</t>
  </si>
  <si>
    <t>35266509.0</t>
  </si>
  <si>
    <t>193987.0</t>
  </si>
  <si>
    <t>238.12</t>
  </si>
  <si>
    <t>94762273.0</t>
  </si>
  <si>
    <t>1828.324</t>
  </si>
  <si>
    <t>152385.0</t>
  </si>
  <si>
    <t>123383182.0</t>
  </si>
  <si>
    <t>44786889.0</t>
  </si>
  <si>
    <t>44312649.0</t>
  </si>
  <si>
    <t>35267694.0</t>
  </si>
  <si>
    <t>194072.0</t>
  </si>
  <si>
    <t>39538.1</t>
  </si>
  <si>
    <t>763.050920676563</t>
  </si>
  <si>
    <t>94819749.0</t>
  </si>
  <si>
    <t>57476.0</t>
  </si>
  <si>
    <t>1829.433</t>
  </si>
  <si>
    <t>149374.0</t>
  </si>
  <si>
    <t>123550345.0</t>
  </si>
  <si>
    <t>44787723.0</t>
  </si>
  <si>
    <t>44313604.0</t>
  </si>
  <si>
    <t>35433048.0</t>
  </si>
  <si>
    <t>167163.0</t>
  </si>
  <si>
    <t>95042015.0</t>
  </si>
  <si>
    <t>222266.0</t>
  </si>
  <si>
    <t>1833.721</t>
  </si>
  <si>
    <t>142906.0</t>
  </si>
  <si>
    <t>123732090.0</t>
  </si>
  <si>
    <t>44788459.0</t>
  </si>
  <si>
    <t>44314554.0</t>
  </si>
  <si>
    <t>35613061.0</t>
  </si>
  <si>
    <t>181745.0</t>
  </si>
  <si>
    <t>181721.0</t>
  </si>
  <si>
    <t>95189175.0</t>
  </si>
  <si>
    <t>147160.0</t>
  </si>
  <si>
    <t>1836.56</t>
  </si>
  <si>
    <t>138917.0</t>
  </si>
  <si>
    <t>123894587.0</t>
  </si>
  <si>
    <t>44789360.0</t>
  </si>
  <si>
    <t>44315486.0</t>
  </si>
  <si>
    <t>35773694.0</t>
  </si>
  <si>
    <t>162497.0</t>
  </si>
  <si>
    <t>171969.0</t>
  </si>
  <si>
    <t>239.11</t>
  </si>
  <si>
    <t>95323075.0</t>
  </si>
  <si>
    <t>1839.144</t>
  </si>
  <si>
    <t>140934.0</t>
  </si>
  <si>
    <t>123898312.0</t>
  </si>
  <si>
    <t>44789417.0</t>
  </si>
  <si>
    <t>44315550.0</t>
  </si>
  <si>
    <t>35777297.0</t>
  </si>
  <si>
    <t>142166.0</t>
  </si>
  <si>
    <t>95381455.0</t>
  </si>
  <si>
    <t>1840.27</t>
  </si>
  <si>
    <t>120650.0</t>
  </si>
  <si>
    <t>124153282.0</t>
  </si>
  <si>
    <t>44791406.0</t>
  </si>
  <si>
    <t>44318123.0</t>
  </si>
  <si>
    <t>36027678.0</t>
  </si>
  <si>
    <t>254970.0</t>
  </si>
  <si>
    <t>122134.0</t>
  </si>
  <si>
    <t>239.61</t>
  </si>
  <si>
    <t>95589734.0</t>
  </si>
  <si>
    <t>208279.0</t>
  </si>
  <si>
    <t>1844.289</t>
  </si>
  <si>
    <t>129097.0</t>
  </si>
  <si>
    <t>124203394.0</t>
  </si>
  <si>
    <t>44792011.0</t>
  </si>
  <si>
    <t>44318886.0</t>
  </si>
  <si>
    <t>36076418.0</t>
  </si>
  <si>
    <t>117347.0</t>
  </si>
  <si>
    <t>95661628.0</t>
  </si>
  <si>
    <t>1845.676</t>
  </si>
  <si>
    <t>128479.0</t>
  </si>
  <si>
    <t>124204059.0</t>
  </si>
  <si>
    <t>44792025.0</t>
  </si>
  <si>
    <t>44318902.0</t>
  </si>
  <si>
    <t>36077053.0</t>
  </si>
  <si>
    <t>117268.0</t>
  </si>
  <si>
    <t>40311.8</t>
  </si>
  <si>
    <t>777.982657338857</t>
  </si>
  <si>
    <t>95721435.0</t>
  </si>
  <si>
    <t>59807.0</t>
  </si>
  <si>
    <t>1846.83</t>
  </si>
  <si>
    <t>124311759.0</t>
  </si>
  <si>
    <t>44792740.0</t>
  </si>
  <si>
    <t>44319804.0</t>
  </si>
  <si>
    <t>36183137.0</t>
  </si>
  <si>
    <t>107700.0</t>
  </si>
  <si>
    <t>108773.0</t>
  </si>
  <si>
    <t>239.91</t>
  </si>
  <si>
    <t>95949742.0</t>
  </si>
  <si>
    <t>228307.0</t>
  </si>
  <si>
    <t>1851.235</t>
  </si>
  <si>
    <t>129675.0</t>
  </si>
  <si>
    <t>0.2897</t>
  </si>
  <si>
    <t>124439411.0</t>
  </si>
  <si>
    <t>44793348.0</t>
  </si>
  <si>
    <t>44320620.0</t>
  </si>
  <si>
    <t>36309336.0</t>
  </si>
  <si>
    <t>127652.0</t>
  </si>
  <si>
    <t>101046.0</t>
  </si>
  <si>
    <t>96110594.0</t>
  </si>
  <si>
    <t>160852.0</t>
  </si>
  <si>
    <t>1854.338</t>
  </si>
  <si>
    <t>131631.0</t>
  </si>
  <si>
    <t>124546697.0</t>
  </si>
  <si>
    <t>44793950.0</t>
  </si>
  <si>
    <t>44321523.0</t>
  </si>
  <si>
    <t>36415105.0</t>
  </si>
  <si>
    <t>96216039.0</t>
  </si>
  <si>
    <t>105445.0</t>
  </si>
  <si>
    <t>1856.372</t>
  </si>
  <si>
    <t>127566.0</t>
  </si>
  <si>
    <t>124651656.0</t>
  </si>
  <si>
    <t>44794652.0</t>
  </si>
  <si>
    <t>44322442.0</t>
  </si>
  <si>
    <t>36518418.0</t>
  </si>
  <si>
    <t>104959.0</t>
  </si>
  <si>
    <t>96402183.0</t>
  </si>
  <si>
    <t>186144.0</t>
  </si>
  <si>
    <t>1859.964</t>
  </si>
  <si>
    <t>145818.0</t>
  </si>
  <si>
    <t>124815552.0</t>
  </si>
  <si>
    <t>44796124.0</t>
  </si>
  <si>
    <t>44324393.0</t>
  </si>
  <si>
    <t>36678854.0</t>
  </si>
  <si>
    <t>163896.0</t>
  </si>
  <si>
    <t>94610.0</t>
  </si>
  <si>
    <t>96540738.0</t>
  </si>
  <si>
    <t>1862.637</t>
  </si>
  <si>
    <t>124852509.0</t>
  </si>
  <si>
    <t>44796837.0</t>
  </si>
  <si>
    <t>44325146.0</t>
  </si>
  <si>
    <t>36714345.0</t>
  </si>
  <si>
    <t>92731.0</t>
  </si>
  <si>
    <t>96607166.0</t>
  </si>
  <si>
    <t>1863.919</t>
  </si>
  <si>
    <t>124853038.0</t>
  </si>
  <si>
    <t>44796853.0</t>
  </si>
  <si>
    <t>44325157.0</t>
  </si>
  <si>
    <t>36714848.0</t>
  </si>
  <si>
    <t>92711.0</t>
  </si>
  <si>
    <t>41156.9</t>
  </si>
  <si>
    <t>794.292351862968</t>
  </si>
  <si>
    <t>96659392.0</t>
  </si>
  <si>
    <t>52226.0</t>
  </si>
  <si>
    <t>1864.926</t>
  </si>
  <si>
    <t>133994.0</t>
  </si>
  <si>
    <t>124916856.0</t>
  </si>
  <si>
    <t>44797426.0</t>
  </si>
  <si>
    <t>44325917.0</t>
  </si>
  <si>
    <t>36777314.0</t>
  </si>
  <si>
    <t>63818.0</t>
  </si>
  <si>
    <t>96873782.0</t>
  </si>
  <si>
    <t>214390.0</t>
  </si>
  <si>
    <t>1869.063</t>
  </si>
  <si>
    <t>132006.0</t>
  </si>
  <si>
    <t>124993196.0</t>
  </si>
  <si>
    <t>44797926.0</t>
  </si>
  <si>
    <t>44326598.0</t>
  </si>
  <si>
    <t>36852449.0</t>
  </si>
  <si>
    <t>76340.0</t>
  </si>
  <si>
    <t>79112.0</t>
  </si>
  <si>
    <t>97031605.0</t>
  </si>
  <si>
    <t>157823.0</t>
  </si>
  <si>
    <t>1872.108</t>
  </si>
  <si>
    <t>125057664.0</t>
  </si>
  <si>
    <t>44798452.0</t>
  </si>
  <si>
    <t>44327362.0</t>
  </si>
  <si>
    <t>36915613.0</t>
  </si>
  <si>
    <t>64468.0</t>
  </si>
  <si>
    <t>97127444.0</t>
  </si>
  <si>
    <t>1873.957</t>
  </si>
  <si>
    <t>130201.0</t>
  </si>
  <si>
    <t>125118952.0</t>
  </si>
  <si>
    <t>44798951.0</t>
  </si>
  <si>
    <t>44328199.0</t>
  </si>
  <si>
    <t>36975544.0</t>
  </si>
  <si>
    <t>97313124.0</t>
  </si>
  <si>
    <t>185680.0</t>
  </si>
  <si>
    <t>1877.539</t>
  </si>
  <si>
    <t>130134.0</t>
  </si>
  <si>
    <t>125224010.0</t>
  </si>
  <si>
    <t>44800095.0</t>
  </si>
  <si>
    <t>44330121.0</t>
  </si>
  <si>
    <t>37077522.0</t>
  </si>
  <si>
    <t>105058.0</t>
  </si>
  <si>
    <t>58351.0</t>
  </si>
  <si>
    <t>241.67</t>
  </si>
  <si>
    <t>97450078.0</t>
  </si>
  <si>
    <t>1880.182</t>
  </si>
  <si>
    <t>129906.0</t>
  </si>
  <si>
    <t>125248274.0</t>
  </si>
  <si>
    <t>44800638.0</t>
  </si>
  <si>
    <t>44330906.0</t>
  </si>
  <si>
    <t>37100459.0</t>
  </si>
  <si>
    <t>97515028.0</t>
  </si>
  <si>
    <t>1881.435</t>
  </si>
  <si>
    <t>125248622.0</t>
  </si>
  <si>
    <t>44800645.0</t>
  </si>
  <si>
    <t>44330923.0</t>
  </si>
  <si>
    <t>37100783.0</t>
  </si>
  <si>
    <t>802.245523219477</t>
  </si>
  <si>
    <t>29.142</t>
  </si>
  <si>
    <t>97564776.0</t>
  </si>
  <si>
    <t>49748.0</t>
  </si>
  <si>
    <t>1882.395</t>
  </si>
  <si>
    <t>129341.0</t>
  </si>
  <si>
    <t>125291231.0</t>
  </si>
  <si>
    <t>44801130.0</t>
  </si>
  <si>
    <t>44331680.0</t>
  </si>
  <si>
    <t>37142147.0</t>
  </si>
  <si>
    <t>97768864.0</t>
  </si>
  <si>
    <t>204088.0</t>
  </si>
  <si>
    <t>1886.332</t>
  </si>
  <si>
    <t>125342042.0</t>
  </si>
  <si>
    <t>44801539.0</t>
  </si>
  <si>
    <t>44332380.0</t>
  </si>
  <si>
    <t>37191820.0</t>
  </si>
  <si>
    <t>49835.0</t>
  </si>
  <si>
    <t>97918365.0</t>
  </si>
  <si>
    <t>149501.0</t>
  </si>
  <si>
    <t>1889.217</t>
  </si>
  <si>
    <t>126680.0</t>
  </si>
  <si>
    <t>125387389.0</t>
  </si>
  <si>
    <t>44802045.0</t>
  </si>
  <si>
    <t>44333332.0</t>
  </si>
  <si>
    <t>37235688.0</t>
  </si>
  <si>
    <t>45347.0</t>
  </si>
  <si>
    <t>98000999.0</t>
  </si>
  <si>
    <t>1890.811</t>
  </si>
  <si>
    <t>124794.0</t>
  </si>
  <si>
    <t>125432060.0</t>
  </si>
  <si>
    <t>44802635.0</t>
  </si>
  <si>
    <t>44335214.0</t>
  </si>
  <si>
    <t>37277872.0</t>
  </si>
  <si>
    <t>44671.0</t>
  </si>
  <si>
    <t>44730.0</t>
  </si>
  <si>
    <t>98172829.0</t>
  </si>
  <si>
    <t>171830.0</t>
  </si>
  <si>
    <t>1894.126</t>
  </si>
  <si>
    <t>122815.0</t>
  </si>
  <si>
    <t>125512539.0</t>
  </si>
  <si>
    <t>44803894.0</t>
  </si>
  <si>
    <t>44341847.0</t>
  </si>
  <si>
    <t>37350449.0</t>
  </si>
  <si>
    <t>80479.0</t>
  </si>
  <si>
    <t>41218.0</t>
  </si>
  <si>
    <t>22.696</t>
  </si>
  <si>
    <t>98296605.0</t>
  </si>
  <si>
    <t>123776.0</t>
  </si>
  <si>
    <t>1896.514</t>
  </si>
  <si>
    <t>120932.0</t>
  </si>
  <si>
    <t>125533091.0</t>
  </si>
  <si>
    <t>44804416.0</t>
  </si>
  <si>
    <t>44344893.0</t>
  </si>
  <si>
    <t>37367432.0</t>
  </si>
  <si>
    <t>98348758.0</t>
  </si>
  <si>
    <t>52153.0</t>
  </si>
  <si>
    <t>1897.521</t>
  </si>
  <si>
    <t>119104.0</t>
  </si>
  <si>
    <t>125533401.0</t>
  </si>
  <si>
    <t>44804425.0</t>
  </si>
  <si>
    <t>44344917.0</t>
  </si>
  <si>
    <t>37367709.0</t>
  </si>
  <si>
    <t>42023.5</t>
  </si>
  <si>
    <t>811.016977676002</t>
  </si>
  <si>
    <t>98387685.0</t>
  </si>
  <si>
    <t>1898.272</t>
  </si>
  <si>
    <t>125566401.0</t>
  </si>
  <si>
    <t>44804941.0</t>
  </si>
  <si>
    <t>44346418.0</t>
  </si>
  <si>
    <t>37398692.0</t>
  </si>
  <si>
    <t>98576028.0</t>
  </si>
  <si>
    <t>188343.0</t>
  </si>
  <si>
    <t>1901.906</t>
  </si>
  <si>
    <t>115309.0</t>
  </si>
  <si>
    <t>125600563.0</t>
  </si>
  <si>
    <t>44805490.0</t>
  </si>
  <si>
    <t>44347736.0</t>
  </si>
  <si>
    <t>37430976.0</t>
  </si>
  <si>
    <t>98723238.0</t>
  </si>
  <si>
    <t>147210.0</t>
  </si>
  <si>
    <t>1904.746</t>
  </si>
  <si>
    <t>114982.0</t>
  </si>
  <si>
    <t>125604091.0</t>
  </si>
  <si>
    <t>44805580.0</t>
  </si>
  <si>
    <t>44348200.0</t>
  </si>
  <si>
    <t>37433947.0</t>
  </si>
  <si>
    <t>98763870.0</t>
  </si>
  <si>
    <t>1905.53</t>
  </si>
  <si>
    <t>108982.0</t>
  </si>
  <si>
    <t>125631780.0</t>
  </si>
  <si>
    <t>44806071.0</t>
  </si>
  <si>
    <t>44349991.0</t>
  </si>
  <si>
    <t>37459344.0</t>
  </si>
  <si>
    <t>15.266</t>
  </si>
  <si>
    <t>98943128.0</t>
  </si>
  <si>
    <t>179258.0</t>
  </si>
  <si>
    <t>1908.988</t>
  </si>
  <si>
    <t>110043.0</t>
  </si>
  <si>
    <t>125684117.0</t>
  </si>
  <si>
    <t>44807098.0</t>
  </si>
  <si>
    <t>44356222.0</t>
  </si>
  <si>
    <t>37504425.0</t>
  </si>
  <si>
    <t>242.56</t>
  </si>
  <si>
    <t>99063675.0</t>
  </si>
  <si>
    <t>1911.314</t>
  </si>
  <si>
    <t>109581.0</t>
  </si>
  <si>
    <t>125697789.0</t>
  </si>
  <si>
    <t>44807577.0</t>
  </si>
  <si>
    <t>44358628.0</t>
  </si>
  <si>
    <t>37515215.0</t>
  </si>
  <si>
    <t>99112418.0</t>
  </si>
  <si>
    <t>48743.0</t>
  </si>
  <si>
    <t>1912.255</t>
  </si>
  <si>
    <t>109094.0</t>
  </si>
  <si>
    <t>125697966.0</t>
  </si>
  <si>
    <t>44807584.0</t>
  </si>
  <si>
    <t>44358652.0</t>
  </si>
  <si>
    <t>37515361.0</t>
  </si>
  <si>
    <t>23509.0</t>
  </si>
  <si>
    <t>42175.4</t>
  </si>
  <si>
    <t>813.948515480063</t>
  </si>
  <si>
    <t>99149303.0</t>
  </si>
  <si>
    <t>1912.966</t>
  </si>
  <si>
    <t>125698995.0</t>
  </si>
  <si>
    <t>44807628.0</t>
  </si>
  <si>
    <t>44358809.0</t>
  </si>
  <si>
    <t>37516189.0</t>
  </si>
  <si>
    <t>99204769.0</t>
  </si>
  <si>
    <t>55466.0</t>
  </si>
  <si>
    <t>1914.036</t>
  </si>
  <si>
    <t>89820.0</t>
  </si>
  <si>
    <t>125719636.0</t>
  </si>
  <si>
    <t>44807995.0</t>
  </si>
  <si>
    <t>44359803.0</t>
  </si>
  <si>
    <t>37535461.0</t>
  </si>
  <si>
    <t>242.63</t>
  </si>
  <si>
    <t>99453120.0</t>
  </si>
  <si>
    <t>248351.0</t>
  </si>
  <si>
    <t>1918.828</t>
  </si>
  <si>
    <t>104269.0</t>
  </si>
  <si>
    <t>125742547.0</t>
  </si>
  <si>
    <t>44808385.0</t>
  </si>
  <si>
    <t>44361359.0</t>
  </si>
  <si>
    <t>37556415.0</t>
  </si>
  <si>
    <t>99543669.0</t>
  </si>
  <si>
    <t>90549.0</t>
  </si>
  <si>
    <t>1920.575</t>
  </si>
  <si>
    <t>111400.0</t>
  </si>
  <si>
    <t>125761596.0</t>
  </si>
  <si>
    <t>44808776.0</t>
  </si>
  <si>
    <t>44362657.0</t>
  </si>
  <si>
    <t>37573771.0</t>
  </si>
  <si>
    <t>242.71</t>
  </si>
  <si>
    <t>99705595.0</t>
  </si>
  <si>
    <t>1923.699</t>
  </si>
  <si>
    <t>108924.0</t>
  </si>
  <si>
    <t>125798290.0</t>
  </si>
  <si>
    <t>44809534.0</t>
  </si>
  <si>
    <t>44367167.0</t>
  </si>
  <si>
    <t>37605181.0</t>
  </si>
  <si>
    <t>242.78</t>
  </si>
  <si>
    <t>99839152.0</t>
  </si>
  <si>
    <t>1926.276</t>
  </si>
  <si>
    <t>110782.0</t>
  </si>
  <si>
    <t>125807419.0</t>
  </si>
  <si>
    <t>44809850.0</t>
  </si>
  <si>
    <t>44368815.0</t>
  </si>
  <si>
    <t>37612344.0</t>
  </si>
  <si>
    <t>99892703.0</t>
  </si>
  <si>
    <t>1927.309</t>
  </si>
  <si>
    <t>111469.0</t>
  </si>
  <si>
    <t>125807564.0</t>
  </si>
  <si>
    <t>44809854.0</t>
  </si>
  <si>
    <t>44368833.0</t>
  </si>
  <si>
    <t>37612467.0</t>
  </si>
  <si>
    <t>42158.7</t>
  </si>
  <si>
    <t>813.626220013784</t>
  </si>
  <si>
    <t>99929036.0</t>
  </si>
  <si>
    <t>111390.0</t>
  </si>
  <si>
    <t>125822391.0</t>
  </si>
  <si>
    <t>44810171.0</t>
  </si>
  <si>
    <t>44369705.0</t>
  </si>
  <si>
    <t>37626100.0</t>
  </si>
  <si>
    <t>242.83</t>
  </si>
  <si>
    <t>100124007.0</t>
  </si>
  <si>
    <t>194971.0</t>
  </si>
  <si>
    <t>1931.772</t>
  </si>
  <si>
    <t>131320.0</t>
  </si>
  <si>
    <t>125838018.0</t>
  </si>
  <si>
    <t>44810469.0</t>
  </si>
  <si>
    <t>44370367.0</t>
  </si>
  <si>
    <t>37640757.0</t>
  </si>
  <si>
    <t>100269452.0</t>
  </si>
  <si>
    <t>1934.578</t>
  </si>
  <si>
    <t>116619.0</t>
  </si>
  <si>
    <t>125853900.0</t>
  </si>
  <si>
    <t>44810764.0</t>
  </si>
  <si>
    <t>44371229.0</t>
  </si>
  <si>
    <t>37655467.0</t>
  </si>
  <si>
    <t>125867719.0</t>
  </si>
  <si>
    <t>44811115.0</t>
  </si>
  <si>
    <t>44372126.0</t>
  </si>
  <si>
    <t>37668038.0</t>
  </si>
  <si>
    <t>125892992.0</t>
  </si>
  <si>
    <t>44811705.0</t>
  </si>
  <si>
    <t>44375200.0</t>
  </si>
  <si>
    <t>37689638.0</t>
  </si>
  <si>
    <t>125899579.0</t>
  </si>
  <si>
    <t>44811949.0</t>
  </si>
  <si>
    <t>44376404.0</t>
  </si>
  <si>
    <t>37694776.0</t>
  </si>
  <si>
    <t>125899660.0</t>
  </si>
  <si>
    <t>44811951.0</t>
  </si>
  <si>
    <t>44376416.0</t>
  </si>
  <si>
    <t>37694844.0</t>
  </si>
  <si>
    <t>815.098743611216</t>
  </si>
  <si>
    <t>125910734.0</t>
  </si>
  <si>
    <t>44812201.0</t>
  </si>
  <si>
    <t>44377040.0</t>
  </si>
  <si>
    <t>37705042.0</t>
  </si>
  <si>
    <t>125923447.0</t>
  </si>
  <si>
    <t>44812449.0</t>
  </si>
  <si>
    <t>44377648.0</t>
  </si>
  <si>
    <t>37716888.0</t>
  </si>
  <si>
    <t>125936007.0</t>
  </si>
  <si>
    <t>44812740.0</t>
  </si>
  <si>
    <t>44378288.0</t>
  </si>
  <si>
    <t>37728513.0</t>
  </si>
  <si>
    <t>243.05</t>
  </si>
  <si>
    <t>125948680.0</t>
  </si>
  <si>
    <t>44813026.0</t>
  </si>
  <si>
    <t>44379069.0</t>
  </si>
  <si>
    <t>37740116.0</t>
  </si>
  <si>
    <t>243.07</t>
  </si>
  <si>
    <t>125973107.0</t>
  </si>
  <si>
    <t>44813616.0</t>
  </si>
  <si>
    <t>44381460.0</t>
  </si>
  <si>
    <t>37761556.0</t>
  </si>
  <si>
    <t>125979494.0</t>
  </si>
  <si>
    <t>44813876.0</t>
  </si>
  <si>
    <t>44382564.0</t>
  </si>
  <si>
    <t>37766579.0</t>
  </si>
  <si>
    <t>243.13</t>
  </si>
  <si>
    <t>125979605.0</t>
  </si>
  <si>
    <t>44813880.0</t>
  </si>
  <si>
    <t>44382575.0</t>
  </si>
  <si>
    <t>37766675.0</t>
  </si>
  <si>
    <t>42199.9</t>
  </si>
  <si>
    <t>814.421344158138</t>
  </si>
  <si>
    <t>125990820.0</t>
  </si>
  <si>
    <t>44814138.0</t>
  </si>
  <si>
    <t>44383099.0</t>
  </si>
  <si>
    <t>37777113.0</t>
  </si>
  <si>
    <t>243.15</t>
  </si>
  <si>
    <t>126003692.0</t>
  </si>
  <si>
    <t>44814365.0</t>
  </si>
  <si>
    <t>44383646.0</t>
  </si>
  <si>
    <t>37789203.0</t>
  </si>
  <si>
    <t>243.18</t>
  </si>
  <si>
    <t>126016505.0</t>
  </si>
  <si>
    <t>44814677.0</t>
  </si>
  <si>
    <t>44384305.0</t>
  </si>
  <si>
    <t>37801035.0</t>
  </si>
  <si>
    <t>126028997.0</t>
  </si>
  <si>
    <t>44814955.0</t>
  </si>
  <si>
    <t>44384687.0</t>
  </si>
  <si>
    <t>37812856.0</t>
  </si>
  <si>
    <t>243.22</t>
  </si>
  <si>
    <t>126049928.0</t>
  </si>
  <si>
    <t>44815478.0</t>
  </si>
  <si>
    <t>44386300.0</t>
  </si>
  <si>
    <t>37831642.0</t>
  </si>
  <si>
    <t>243.27</t>
  </si>
  <si>
    <t>126055808.0</t>
  </si>
  <si>
    <t>44815758.0</t>
  </si>
  <si>
    <t>44387024.0</t>
  </si>
  <si>
    <t>37836520.0</t>
  </si>
  <si>
    <t>243.28</t>
  </si>
  <si>
    <t>126055898.0</t>
  </si>
  <si>
    <t>44815764.0</t>
  </si>
  <si>
    <t>44387035.0</t>
  </si>
  <si>
    <t>37836593.0</t>
  </si>
  <si>
    <t>42269.8</t>
  </si>
  <si>
    <t>815.770353325379</t>
  </si>
  <si>
    <t>126067107.0</t>
  </si>
  <si>
    <t>44816056.0</t>
  </si>
  <si>
    <t>44387514.0</t>
  </si>
  <si>
    <t>37847041.0</t>
  </si>
  <si>
    <t>126080676.0</t>
  </si>
  <si>
    <t>44816279.0</t>
  </si>
  <si>
    <t>44387955.0</t>
  </si>
  <si>
    <t>37859940.0</t>
  </si>
  <si>
    <t>126096331.0</t>
  </si>
  <si>
    <t>44816574.0</t>
  </si>
  <si>
    <t>44388510.0</t>
  </si>
  <si>
    <t>37874748.0</t>
  </si>
  <si>
    <t>243.35</t>
  </si>
  <si>
    <t>126113066.0</t>
  </si>
  <si>
    <t>44816886.0</t>
  </si>
  <si>
    <t>44389095.0</t>
  </si>
  <si>
    <t>37890577.0</t>
  </si>
  <si>
    <t>243.39</t>
  </si>
  <si>
    <t>12.969</t>
  </si>
  <si>
    <t>126149215.0</t>
  </si>
  <si>
    <t>44817580.0</t>
  </si>
  <si>
    <t>44390501.0</t>
  </si>
  <si>
    <t>37924623.0</t>
  </si>
  <si>
    <t>126158654.0</t>
  </si>
  <si>
    <t>44817879.0</t>
  </si>
  <si>
    <t>44391207.0</t>
  </si>
  <si>
    <t>37933060.0</t>
  </si>
  <si>
    <t>126158808.0</t>
  </si>
  <si>
    <t>44817887.0</t>
  </si>
  <si>
    <t>44391216.0</t>
  </si>
  <si>
    <t>37933197.0</t>
  </si>
  <si>
    <t>42454.9</t>
  </si>
  <si>
    <t>819.342622236056</t>
  </si>
  <si>
    <t>126177910.0</t>
  </si>
  <si>
    <t>44818246.0</t>
  </si>
  <si>
    <t>44391707.0</t>
  </si>
  <si>
    <t>37951446.0</t>
  </si>
  <si>
    <t>243.51</t>
  </si>
  <si>
    <t>126201657.0</t>
  </si>
  <si>
    <t>44818548.0</t>
  </si>
  <si>
    <t>44392084.0</t>
  </si>
  <si>
    <t>37974510.0</t>
  </si>
  <si>
    <t>126229569.0</t>
  </si>
  <si>
    <t>44818876.0</t>
  </si>
  <si>
    <t>44392539.0</t>
  </si>
  <si>
    <t>38001640.0</t>
  </si>
  <si>
    <t>243.61</t>
  </si>
  <si>
    <t>126260697.0</t>
  </si>
  <si>
    <t>44819264.0</t>
  </si>
  <si>
    <t>44393054.0</t>
  </si>
  <si>
    <t>38031861.0</t>
  </si>
  <si>
    <t>31128.0</t>
  </si>
  <si>
    <t>126327597.0</t>
  </si>
  <si>
    <t>44820063.0</t>
  </si>
  <si>
    <t>44394283.0</t>
  </si>
  <si>
    <t>38096735.0</t>
  </si>
  <si>
    <t>126345272.0</t>
  </si>
  <si>
    <t>44820440.0</t>
  </si>
  <si>
    <t>44394842.0</t>
  </si>
  <si>
    <t>38113472.0</t>
  </si>
  <si>
    <t>126345538.0</t>
  </si>
  <si>
    <t>44820448.0</t>
  </si>
  <si>
    <t>44394847.0</t>
  </si>
  <si>
    <t>38113725.0</t>
  </si>
  <si>
    <t>42621.8</t>
  </si>
  <si>
    <t>822.563646985877</t>
  </si>
  <si>
    <t>126412663.0</t>
  </si>
  <si>
    <t>44820897.0</t>
  </si>
  <si>
    <t>44395313.0</t>
  </si>
  <si>
    <t>38179940.0</t>
  </si>
  <si>
    <t>67125.0</t>
  </si>
  <si>
    <t>243.97</t>
  </si>
  <si>
    <t>126491440.0</t>
  </si>
  <si>
    <t>44821348.0</t>
  </si>
  <si>
    <t>44395738.0</t>
  </si>
  <si>
    <t>38257828.0</t>
  </si>
  <si>
    <t>126578702.0</t>
  </si>
  <si>
    <t>44821923.0</t>
  </si>
  <si>
    <t>44396301.0</t>
  </si>
  <si>
    <t>38343939.0</t>
  </si>
  <si>
    <t>87262.0</t>
  </si>
  <si>
    <t>126666382.0</t>
  </si>
  <si>
    <t>44822524.0</t>
  </si>
  <si>
    <t>44396887.0</t>
  </si>
  <si>
    <t>38430412.0</t>
  </si>
  <si>
    <t>244.46</t>
  </si>
  <si>
    <t>126844399.0</t>
  </si>
  <si>
    <t>44823838.0</t>
  </si>
  <si>
    <t>44398199.0</t>
  </si>
  <si>
    <t>38605794.0</t>
  </si>
  <si>
    <t>178017.0</t>
  </si>
  <si>
    <t>73829.0</t>
  </si>
  <si>
    <t>126893098.0</t>
  </si>
  <si>
    <t>44824448.0</t>
  </si>
  <si>
    <t>44398783.0</t>
  </si>
  <si>
    <t>38653295.0</t>
  </si>
  <si>
    <t>244.89</t>
  </si>
  <si>
    <t>126893961.0</t>
  </si>
  <si>
    <t>44824457.0</t>
  </si>
  <si>
    <t>44398790.0</t>
  </si>
  <si>
    <t>38654142.0</t>
  </si>
  <si>
    <t>42612.7</t>
  </si>
  <si>
    <t>822.38802490545</t>
  </si>
  <si>
    <t>126972351.0</t>
  </si>
  <si>
    <t>44825049.0</t>
  </si>
  <si>
    <t>44399308.0</t>
  </si>
  <si>
    <t>38731417.0</t>
  </si>
  <si>
    <t>79955.0</t>
  </si>
  <si>
    <t>245.05</t>
  </si>
  <si>
    <t>127047422.0</t>
  </si>
  <si>
    <t>44825511.0</t>
  </si>
  <si>
    <t>44399808.0</t>
  </si>
  <si>
    <t>38805506.0</t>
  </si>
  <si>
    <t>75071.0</t>
  </si>
  <si>
    <t>79426.0</t>
  </si>
  <si>
    <t>245.19</t>
  </si>
  <si>
    <t>127117041.0</t>
  </si>
  <si>
    <t>44826037.0</t>
  </si>
  <si>
    <t>44400209.0</t>
  </si>
  <si>
    <t>38874178.0</t>
  </si>
  <si>
    <t>76906.0</t>
  </si>
  <si>
    <t>245.32</t>
  </si>
  <si>
    <t>127178576.0</t>
  </si>
  <si>
    <t>44826539.0</t>
  </si>
  <si>
    <t>44400685.0</t>
  </si>
  <si>
    <t>38934717.0</t>
  </si>
  <si>
    <t>61535.0</t>
  </si>
  <si>
    <t>73171.0</t>
  </si>
  <si>
    <t>127287886.0</t>
  </si>
  <si>
    <t>44827412.0</t>
  </si>
  <si>
    <t>44401649.0</t>
  </si>
  <si>
    <t>39042182.0</t>
  </si>
  <si>
    <t>109310.0</t>
  </si>
  <si>
    <t>63355.0</t>
  </si>
  <si>
    <t>127317617.0</t>
  </si>
  <si>
    <t>44827711.0</t>
  </si>
  <si>
    <t>44402020.0</t>
  </si>
  <si>
    <t>39071246.0</t>
  </si>
  <si>
    <t>29731.0</t>
  </si>
  <si>
    <t>127318099.0</t>
  </si>
  <si>
    <t>44827714.0</t>
  </si>
  <si>
    <t>44402024.0</t>
  </si>
  <si>
    <t>39071721.0</t>
  </si>
  <si>
    <t>42917.2</t>
  </si>
  <si>
    <t>828.264609904375</t>
  </si>
  <si>
    <t>127423062.0</t>
  </si>
  <si>
    <t>44828226.0</t>
  </si>
  <si>
    <t>44402458.0</t>
  </si>
  <si>
    <t>39175741.0</t>
  </si>
  <si>
    <t>104963.0</t>
  </si>
  <si>
    <t>245.92</t>
  </si>
  <si>
    <t>127531264.0</t>
  </si>
  <si>
    <t>44828678.0</t>
  </si>
  <si>
    <t>44402841.0</t>
  </si>
  <si>
    <t>39283095.0</t>
  </si>
  <si>
    <t>246.12</t>
  </si>
  <si>
    <t>50.834</t>
  </si>
  <si>
    <t>127627847.0</t>
  </si>
  <si>
    <t>44829193.0</t>
  </si>
  <si>
    <t>44403262.0</t>
  </si>
  <si>
    <t>39378740.0</t>
  </si>
  <si>
    <t>246.31</t>
  </si>
  <si>
    <t>127715231.0</t>
  </si>
  <si>
    <t>44829786.0</t>
  </si>
  <si>
    <t>44403718.0</t>
  </si>
  <si>
    <t>39465074.0</t>
  </si>
  <si>
    <t>87384.0</t>
  </si>
  <si>
    <t>246.48</t>
  </si>
  <si>
    <t>127884156.0</t>
  </si>
  <si>
    <t>44830839.0</t>
  </si>
  <si>
    <t>44404543.0</t>
  </si>
  <si>
    <t>39632121.0</t>
  </si>
  <si>
    <t>168925.0</t>
  </si>
  <si>
    <t>246.81</t>
  </si>
  <si>
    <t>127938205.0</t>
  </si>
  <si>
    <t>44831239.0</t>
  </si>
  <si>
    <t>44404905.0</t>
  </si>
  <si>
    <t>39685412.0</t>
  </si>
  <si>
    <t>88655.0</t>
  </si>
  <si>
    <t>246.91</t>
  </si>
  <si>
    <t>127939312.0</t>
  </si>
  <si>
    <t>44831249.0</t>
  </si>
  <si>
    <t>44404909.0</t>
  </si>
  <si>
    <t>39686505.0</t>
  </si>
  <si>
    <t>128020500.0</t>
  </si>
  <si>
    <t>44831834.0</t>
  </si>
  <si>
    <t>44405377.0</t>
  </si>
  <si>
    <t>39766630.0</t>
  </si>
  <si>
    <t>81188.0</t>
  </si>
  <si>
    <t>128099829.0</t>
  </si>
  <si>
    <t>44832378.0</t>
  </si>
  <si>
    <t>44405778.0</t>
  </si>
  <si>
    <t>39845005.0</t>
  </si>
  <si>
    <t>128168714.0</t>
  </si>
  <si>
    <t>44832858.0</t>
  </si>
  <si>
    <t>44406226.0</t>
  </si>
  <si>
    <t>39912945.0</t>
  </si>
  <si>
    <t>247.35</t>
  </si>
  <si>
    <t>59.904</t>
  </si>
  <si>
    <t>128232343.0</t>
  </si>
  <si>
    <t>44833303.0</t>
  </si>
  <si>
    <t>44406634.0</t>
  </si>
  <si>
    <t>39975720.0</t>
  </si>
  <si>
    <t>128348138.0</t>
  </si>
  <si>
    <t>44834238.0</t>
  </si>
  <si>
    <t>44407462.0</t>
  </si>
  <si>
    <t>40089750.0</t>
  </si>
  <si>
    <t>128387273.0</t>
  </si>
  <si>
    <t>44834605.0</t>
  </si>
  <si>
    <t>44407802.0</t>
  </si>
  <si>
    <t>40128178.0</t>
  </si>
  <si>
    <t>247.78</t>
  </si>
  <si>
    <t>128387950.0</t>
  </si>
  <si>
    <t>44834607.0</t>
  </si>
  <si>
    <t>44407809.0</t>
  </si>
  <si>
    <t>40128846.0</t>
  </si>
  <si>
    <t>128390316.0</t>
  </si>
  <si>
    <t>44834666.0</t>
  </si>
  <si>
    <t>44407856.0</t>
  </si>
  <si>
    <t>40131107.0</t>
  </si>
  <si>
    <t>128444505.0</t>
  </si>
  <si>
    <t>44835197.0</t>
  </si>
  <si>
    <t>44408209.0</t>
  </si>
  <si>
    <t>40184407.0</t>
  </si>
  <si>
    <t>49239.0</t>
  </si>
  <si>
    <t>128502414.0</t>
  </si>
  <si>
    <t>44835727.0</t>
  </si>
  <si>
    <t>44408594.0</t>
  </si>
  <si>
    <t>40241399.0</t>
  </si>
  <si>
    <t>57909.0</t>
  </si>
  <si>
    <t>47671.0</t>
  </si>
  <si>
    <t>128559110.0</t>
  </si>
  <si>
    <t>44836235.0</t>
  </si>
  <si>
    <t>44409022.0</t>
  </si>
  <si>
    <t>40297158.0</t>
  </si>
  <si>
    <t>248.11</t>
  </si>
  <si>
    <t>128661225.0</t>
  </si>
  <si>
    <t>44837384.0</t>
  </si>
  <si>
    <t>44409829.0</t>
  </si>
  <si>
    <t>40397320.0</t>
  </si>
  <si>
    <t>102115.0</t>
  </si>
  <si>
    <t>128695411.0</t>
  </si>
  <si>
    <t>44837910.0</t>
  </si>
  <si>
    <t>44410144.0</t>
  </si>
  <si>
    <t>40430666.0</t>
  </si>
  <si>
    <t>128696087.0</t>
  </si>
  <si>
    <t>44837919.0</t>
  </si>
  <si>
    <t>44410146.0</t>
  </si>
  <si>
    <t>40431331.0</t>
  </si>
  <si>
    <t>128739562.0</t>
  </si>
  <si>
    <t>44838354.0</t>
  </si>
  <si>
    <t>44410541.0</t>
  </si>
  <si>
    <t>40473978.0</t>
  </si>
  <si>
    <t>49892.0</t>
  </si>
  <si>
    <t>248.46</t>
  </si>
  <si>
    <t>128781453.0</t>
  </si>
  <si>
    <t>44838766.0</t>
  </si>
  <si>
    <t>44410839.0</t>
  </si>
  <si>
    <t>40515151.0</t>
  </si>
  <si>
    <t>128817340.0</t>
  </si>
  <si>
    <t>44839142.0</t>
  </si>
  <si>
    <t>44411210.0</t>
  </si>
  <si>
    <t>40550288.0</t>
  </si>
  <si>
    <t>35887.0</t>
  </si>
  <si>
    <t>128854050.0</t>
  </si>
  <si>
    <t>44839539.0</t>
  </si>
  <si>
    <t>44411592.0</t>
  </si>
  <si>
    <t>40586228.0</t>
  </si>
  <si>
    <t>128917587.0</t>
  </si>
  <si>
    <t>44840380.0</t>
  </si>
  <si>
    <t>44412321.0</t>
  </si>
  <si>
    <t>40648204.0</t>
  </si>
  <si>
    <t>63537.0</t>
  </si>
  <si>
    <t>128938008.0</t>
  </si>
  <si>
    <t>44840786.0</t>
  </si>
  <si>
    <t>44412630.0</t>
  </si>
  <si>
    <t>40667910.0</t>
  </si>
  <si>
    <t>128938350.0</t>
  </si>
  <si>
    <t>44840789.0</t>
  </si>
  <si>
    <t>44412632.0</t>
  </si>
  <si>
    <t>40668247.0</t>
  </si>
  <si>
    <t>34609.0</t>
  </si>
  <si>
    <t>128967451.0</t>
  </si>
  <si>
    <t>44841084.0</t>
  </si>
  <si>
    <t>44412986.0</t>
  </si>
  <si>
    <t>40696696.0</t>
  </si>
  <si>
    <t>128995312.0</t>
  </si>
  <si>
    <t>44841379.0</t>
  </si>
  <si>
    <t>44413255.0</t>
  </si>
  <si>
    <t>40723992.0</t>
  </si>
  <si>
    <t>129020102.0</t>
  </si>
  <si>
    <t>44841672.0</t>
  </si>
  <si>
    <t>44413556.0</t>
  </si>
  <si>
    <t>40748188.0</t>
  </si>
  <si>
    <t>129042227.0</t>
  </si>
  <si>
    <t>44841980.0</t>
  </si>
  <si>
    <t>44413863.0</t>
  </si>
  <si>
    <t>40769706.0</t>
  </si>
  <si>
    <t>129079228.0</t>
  </si>
  <si>
    <t>44842590.0</t>
  </si>
  <si>
    <t>44414522.0</t>
  </si>
  <si>
    <t>40805440.0</t>
  </si>
  <si>
    <t>129091619.0</t>
  </si>
  <si>
    <t>44842906.0</t>
  </si>
  <si>
    <t>44414868.0</t>
  </si>
  <si>
    <t>40817171.0</t>
  </si>
  <si>
    <t>249.14</t>
  </si>
  <si>
    <t>129091830.0</t>
  </si>
  <si>
    <t>44842916.0</t>
  </si>
  <si>
    <t>44414876.0</t>
  </si>
  <si>
    <t>40817366.0</t>
  </si>
  <si>
    <t>129109356.0</t>
  </si>
  <si>
    <t>44843182.0</t>
  </si>
  <si>
    <t>44415107.0</t>
  </si>
  <si>
    <t>40834403.0</t>
  </si>
  <si>
    <t>20272.0</t>
  </si>
  <si>
    <t>129124088.0</t>
  </si>
  <si>
    <t>44843432.0</t>
  </si>
  <si>
    <t>44415368.0</t>
  </si>
  <si>
    <t>40848622.0</t>
  </si>
  <si>
    <t>129139511.0</t>
  </si>
  <si>
    <t>44843794.0</t>
  </si>
  <si>
    <t>44415771.0</t>
  </si>
  <si>
    <t>40863290.0</t>
  </si>
  <si>
    <t>249.23</t>
  </si>
  <si>
    <t>129154755.0</t>
  </si>
  <si>
    <t>44844160.0</t>
  </si>
  <si>
    <t>44416149.0</t>
  </si>
  <si>
    <t>40877804.0</t>
  </si>
  <si>
    <t>129155779.0</t>
  </si>
  <si>
    <t>44844216.0</t>
  </si>
  <si>
    <t>44416207.0</t>
  </si>
  <si>
    <t>40878714.0</t>
  </si>
  <si>
    <t>129155844.0</t>
  </si>
  <si>
    <t>44844220.0</t>
  </si>
  <si>
    <t>44416208.0</t>
  </si>
  <si>
    <t>40878775.0</t>
  </si>
  <si>
    <t>129155878.0</t>
  </si>
  <si>
    <t>44844223.0</t>
  </si>
  <si>
    <t>44416209.0</t>
  </si>
  <si>
    <t>40878806.0</t>
  </si>
  <si>
    <t>129156801.0</t>
  </si>
  <si>
    <t>44844279.0</t>
  </si>
  <si>
    <t>44416281.0</t>
  </si>
  <si>
    <t>40879603.0</t>
  </si>
  <si>
    <t>29.759</t>
  </si>
  <si>
    <t>129169117.0</t>
  </si>
  <si>
    <t>44844525.0</t>
  </si>
  <si>
    <t>44416684.0</t>
  </si>
  <si>
    <t>40891272.0</t>
  </si>
  <si>
    <t>249.29</t>
  </si>
  <si>
    <t>129183715.0</t>
  </si>
  <si>
    <t>44844783.0</t>
  </si>
  <si>
    <t>44417172.0</t>
  </si>
  <si>
    <t>40905130.0</t>
  </si>
  <si>
    <t>249.31</t>
  </si>
  <si>
    <t>28.428</t>
  </si>
  <si>
    <t>129198740.0</t>
  </si>
  <si>
    <t>44845056.0</t>
  </si>
  <si>
    <t>44417628.0</t>
  </si>
  <si>
    <t>40919433.0</t>
  </si>
  <si>
    <t>129223392.0</t>
  </si>
  <si>
    <t>44845596.0</t>
  </si>
  <si>
    <t>44418720.0</t>
  </si>
  <si>
    <t>40942455.0</t>
  </si>
  <si>
    <t>129231929.0</t>
  </si>
  <si>
    <t>44845876.0</t>
  </si>
  <si>
    <t>44419299.0</t>
  </si>
  <si>
    <t>40950136.0</t>
  </si>
  <si>
    <t>249.41</t>
  </si>
  <si>
    <t>129232081.0</t>
  </si>
  <si>
    <t>44845878.0</t>
  </si>
  <si>
    <t>44419303.0</t>
  </si>
  <si>
    <t>40950283.0</t>
  </si>
  <si>
    <t>129244518.0</t>
  </si>
  <si>
    <t>44846099.0</t>
  </si>
  <si>
    <t>44419686.0</t>
  </si>
  <si>
    <t>40962129.0</t>
  </si>
  <si>
    <t>129256105.0</t>
  </si>
  <si>
    <t>44846342.0</t>
  </si>
  <si>
    <t>44420029.0</t>
  </si>
  <si>
    <t>40973131.0</t>
  </si>
  <si>
    <t>249.45</t>
  </si>
  <si>
    <t>129266564.0</t>
  </si>
  <si>
    <t>44846546.0</t>
  </si>
  <si>
    <t>44420336.0</t>
  </si>
  <si>
    <t>40983092.0</t>
  </si>
  <si>
    <t>129278463.0</t>
  </si>
  <si>
    <t>44846765.0</t>
  </si>
  <si>
    <t>44420679.0</t>
  </si>
  <si>
    <t>40994432.0</t>
  </si>
  <si>
    <t>129295334.0</t>
  </si>
  <si>
    <t>44847170.0</t>
  </si>
  <si>
    <t>44421414.0</t>
  </si>
  <si>
    <t>41010167.0</t>
  </si>
  <si>
    <t>129300616.0</t>
  </si>
  <si>
    <t>44847346.0</t>
  </si>
  <si>
    <t>44421766.0</t>
  </si>
  <si>
    <t>41014924.0</t>
  </si>
  <si>
    <t>249.54</t>
  </si>
  <si>
    <t>129300704.0</t>
  </si>
  <si>
    <t>44847347.0</t>
  </si>
  <si>
    <t>44421767.0</t>
  </si>
  <si>
    <t>41015010.0</t>
  </si>
  <si>
    <t>129310321.0</t>
  </si>
  <si>
    <t>44847549.0</t>
  </si>
  <si>
    <t>44422099.0</t>
  </si>
  <si>
    <t>41024096.0</t>
  </si>
  <si>
    <t>249.56</t>
  </si>
  <si>
    <t>129318650.0</t>
  </si>
  <si>
    <t>44847735.0</t>
  </si>
  <si>
    <t>44422379.0</t>
  </si>
  <si>
    <t>41031957.0</t>
  </si>
  <si>
    <t>249.57</t>
  </si>
  <si>
    <t>129326882.0</t>
  </si>
  <si>
    <t>44847917.0</t>
  </si>
  <si>
    <t>44422771.0</t>
  </si>
  <si>
    <t>41039624.0</t>
  </si>
  <si>
    <t>129336556.0</t>
  </si>
  <si>
    <t>44848109.0</t>
  </si>
  <si>
    <t>44423150.0</t>
  </si>
  <si>
    <t>41048745.0</t>
  </si>
  <si>
    <t>129350823.0</t>
  </si>
  <si>
    <t>44848493.0</t>
  </si>
  <si>
    <t>44423989.0</t>
  </si>
  <si>
    <t>41061788.0</t>
  </si>
  <si>
    <t>249.64</t>
  </si>
  <si>
    <t>129355315.0</t>
  </si>
  <si>
    <t>44848636.0</t>
  </si>
  <si>
    <t>44424339.0</t>
  </si>
  <si>
    <t>41065788.0</t>
  </si>
  <si>
    <t>129355417.0</t>
  </si>
  <si>
    <t>44424349.0</t>
  </si>
  <si>
    <t>41065880.0</t>
  </si>
  <si>
    <t>129355787.0</t>
  </si>
  <si>
    <t>44848648.0</t>
  </si>
  <si>
    <t>44424383.0</t>
  </si>
  <si>
    <t>41066203.0</t>
  </si>
  <si>
    <t>129362868.0</t>
  </si>
  <si>
    <t>44848806.0</t>
  </si>
  <si>
    <t>44424728.0</t>
  </si>
  <si>
    <t>41072780.0</t>
  </si>
  <si>
    <t>25.456</t>
  </si>
  <si>
    <t>129369673.0</t>
  </si>
  <si>
    <t>44848975.0</t>
  </si>
  <si>
    <t>44425095.0</t>
  </si>
  <si>
    <t>41079060.0</t>
  </si>
  <si>
    <t>249.67</t>
  </si>
  <si>
    <t>129377153.0</t>
  </si>
  <si>
    <t>44849181.0</t>
  </si>
  <si>
    <t>44425474.0</t>
  </si>
  <si>
    <t>41085967.0</t>
  </si>
  <si>
    <t>249.69</t>
  </si>
  <si>
    <t>129388556.0</t>
  </si>
  <si>
    <t>44849530.0</t>
  </si>
  <si>
    <t>44426241.0</t>
  </si>
  <si>
    <t>41096261.0</t>
  </si>
  <si>
    <t>249.71</t>
  </si>
  <si>
    <t>129392586.0</t>
  </si>
  <si>
    <t>44849721.0</t>
  </si>
  <si>
    <t>44426625.0</t>
  </si>
  <si>
    <t>41099717.0</t>
  </si>
  <si>
    <t>129392663.0</t>
  </si>
  <si>
    <t>44849722.0</t>
  </si>
  <si>
    <t>44426632.0</t>
  </si>
  <si>
    <t>41099786.0</t>
  </si>
  <si>
    <t>129393564.0</t>
  </si>
  <si>
    <t>44849763.0</t>
  </si>
  <si>
    <t>44426694.0</t>
  </si>
  <si>
    <t>41100585.0</t>
  </si>
  <si>
    <t>12.448</t>
  </si>
  <si>
    <t>129399779.0</t>
  </si>
  <si>
    <t>44849920.0</t>
  </si>
  <si>
    <t>44427043.0</t>
  </si>
  <si>
    <t>41106295.0</t>
  </si>
  <si>
    <t>44850108.0</t>
  </si>
  <si>
    <t>44427362.0</t>
  </si>
  <si>
    <t>41111538.0</t>
  </si>
  <si>
    <t>129411990.0</t>
  </si>
  <si>
    <t>44850296.0</t>
  </si>
  <si>
    <t>44427707.0</t>
  </si>
  <si>
    <t>41117478.0</t>
  </si>
  <si>
    <t>249.75</t>
  </si>
  <si>
    <t>129421632.0</t>
  </si>
  <si>
    <t>44850682.0</t>
  </si>
  <si>
    <t>44428574.0</t>
  </si>
  <si>
    <t>41125869.0</t>
  </si>
  <si>
    <t>129425156.0</t>
  </si>
  <si>
    <t>44850823.0</t>
  </si>
  <si>
    <t>44428950.0</t>
  </si>
  <si>
    <t>41128873.0</t>
  </si>
  <si>
    <t>21.075</t>
  </si>
  <si>
    <t>129425221.0</t>
  </si>
  <si>
    <t>44850826.0</t>
  </si>
  <si>
    <t>44428962.0</t>
  </si>
  <si>
    <t>41128923.0</t>
  </si>
  <si>
    <t>12.371</t>
  </si>
  <si>
    <t>129431479.0</t>
  </si>
  <si>
    <t>44851008.0</t>
  </si>
  <si>
    <t>44429273.0</t>
  </si>
  <si>
    <t>41134689.0</t>
  </si>
  <si>
    <t>129437215.0</t>
  </si>
  <si>
    <t>44851209.0</t>
  </si>
  <si>
    <t>44429545.0</t>
  </si>
  <si>
    <t>41139951.0</t>
  </si>
  <si>
    <t>249.8</t>
  </si>
  <si>
    <t>129443191.0</t>
  </si>
  <si>
    <t>44851412.0</t>
  </si>
  <si>
    <t>44429879.0</t>
  </si>
  <si>
    <t>41145405.0</t>
  </si>
  <si>
    <t>249.81</t>
  </si>
  <si>
    <t>23.159</t>
  </si>
  <si>
    <t>129450057.0</t>
  </si>
  <si>
    <t>44851595.0</t>
  </si>
  <si>
    <t>44430175.0</t>
  </si>
  <si>
    <t>41151807.0</t>
  </si>
  <si>
    <t>129460416.0</t>
  </si>
  <si>
    <t>44851979.0</t>
  </si>
  <si>
    <t>44430879.0</t>
  </si>
  <si>
    <t>41161078.0</t>
  </si>
  <si>
    <t>249.85</t>
  </si>
  <si>
    <t>129464309.0</t>
  </si>
  <si>
    <t>44852159.0</t>
  </si>
  <si>
    <t>44431251.0</t>
  </si>
  <si>
    <t>41164421.0</t>
  </si>
  <si>
    <t>129464413.0</t>
  </si>
  <si>
    <t>44852160.0</t>
  </si>
  <si>
    <t>44431254.0</t>
  </si>
  <si>
    <t>41164521.0</t>
  </si>
  <si>
    <t>129471303.0</t>
  </si>
  <si>
    <t>44852406.0</t>
  </si>
  <si>
    <t>44431496.0</t>
  </si>
  <si>
    <t>41170933.0</t>
  </si>
  <si>
    <t>249.87</t>
  </si>
  <si>
    <t>129477265.0</t>
  </si>
  <si>
    <t>44852581.0</t>
  </si>
  <si>
    <t>44431721.0</t>
  </si>
  <si>
    <t>41176493.0</t>
  </si>
  <si>
    <t>249.88</t>
  </si>
  <si>
    <t>129483272.0</t>
  </si>
  <si>
    <t>44852780.0</t>
  </si>
  <si>
    <t>44431993.0</t>
  </si>
  <si>
    <t>41182036.0</t>
  </si>
  <si>
    <t>249.89</t>
  </si>
  <si>
    <t>44852965.0</t>
  </si>
  <si>
    <t>44432264.0</t>
  </si>
  <si>
    <t>129500211.0</t>
  </si>
  <si>
    <t>44853361.0</t>
  </si>
  <si>
    <t>44432903.0</t>
  </si>
  <si>
    <t>41197502.0</t>
  </si>
  <si>
    <t>249.92</t>
  </si>
  <si>
    <t>29.624</t>
  </si>
  <si>
    <t>129503908.0</t>
  </si>
  <si>
    <t>44853550.0</t>
  </si>
  <si>
    <t>44433181.0</t>
  </si>
  <si>
    <t>41200733.0</t>
  </si>
  <si>
    <t>129504006.0</t>
  </si>
  <si>
    <t>44853554.0</t>
  </si>
  <si>
    <t>44433188.0</t>
  </si>
  <si>
    <t>41200821.0</t>
  </si>
  <si>
    <t>129509774.0</t>
  </si>
  <si>
    <t>44853740.0</t>
  </si>
  <si>
    <t>44433386.0</t>
  </si>
  <si>
    <t>41206212.0</t>
  </si>
  <si>
    <t>249.94</t>
  </si>
  <si>
    <t>129514774.0</t>
  </si>
  <si>
    <t>44853902.0</t>
  </si>
  <si>
    <t>44433613.0</t>
  </si>
  <si>
    <t>41210824.0</t>
  </si>
  <si>
    <t>129519668.0</t>
  </si>
  <si>
    <t>44854093.0</t>
  </si>
  <si>
    <t>44433825.0</t>
  </si>
  <si>
    <t>41215320.0</t>
  </si>
  <si>
    <t>129525420.0</t>
  </si>
  <si>
    <t>44854286.0</t>
  </si>
  <si>
    <t>44434080.0</t>
  </si>
  <si>
    <t>41220640.0</t>
  </si>
  <si>
    <t>249.97</t>
  </si>
  <si>
    <t>129533514.0</t>
  </si>
  <si>
    <t>44854670.0</t>
  </si>
  <si>
    <t>44434469.0</t>
  </si>
  <si>
    <t>41227971.0</t>
  </si>
  <si>
    <t>129536705.0</t>
  </si>
  <si>
    <t>44854805.0</t>
  </si>
  <si>
    <t>44434645.0</t>
  </si>
  <si>
    <t>41230853.0</t>
  </si>
  <si>
    <t>129536774.0</t>
  </si>
  <si>
    <t>44854807.0</t>
  </si>
  <si>
    <t>41230920.0</t>
  </si>
  <si>
    <t>129541515.0</t>
  </si>
  <si>
    <t>44854986.0</t>
  </si>
  <si>
    <t>44434825.0</t>
  </si>
  <si>
    <t>41235309.0</t>
  </si>
  <si>
    <t>129545542.0</t>
  </si>
  <si>
    <t>44855163.0</t>
  </si>
  <si>
    <t>44435053.0</t>
  </si>
  <si>
    <t>41238931.0</t>
  </si>
  <si>
    <t>250.01</t>
  </si>
  <si>
    <t>129549553.0</t>
  </si>
  <si>
    <t>44855353.0</t>
  </si>
  <si>
    <t>44435300.0</t>
  </si>
  <si>
    <t>41242514.0</t>
  </si>
  <si>
    <t>129554358.0</t>
  </si>
  <si>
    <t>44855556.0</t>
  </si>
  <si>
    <t>44435521.0</t>
  </si>
  <si>
    <t>41246900.0</t>
  </si>
  <si>
    <t>129561421.0</t>
  </si>
  <si>
    <t>44855940.0</t>
  </si>
  <si>
    <t>44436023.0</t>
  </si>
  <si>
    <t>41253081.0</t>
  </si>
  <si>
    <t>250.04</t>
  </si>
  <si>
    <t>129564355.0</t>
  </si>
  <si>
    <t>44856115.0</t>
  </si>
  <si>
    <t>44436228.0</t>
  </si>
  <si>
    <t>41255638.0</t>
  </si>
  <si>
    <t>129564441.0</t>
  </si>
  <si>
    <t>44856117.0</t>
  </si>
  <si>
    <t>44436233.0</t>
  </si>
  <si>
    <t>41255717.0</t>
  </si>
  <si>
    <t>129568893.0</t>
  </si>
  <si>
    <t>44856309.0</t>
  </si>
  <si>
    <t>44436470.0</t>
  </si>
  <si>
    <t>41259741.0</t>
  </si>
  <si>
    <t>129572797.0</t>
  </si>
  <si>
    <t>44856510.0</t>
  </si>
  <si>
    <t>44436658.0</t>
  </si>
  <si>
    <t>41263259.0</t>
  </si>
  <si>
    <t>129576836.0</t>
  </si>
  <si>
    <t>44856725.0</t>
  </si>
  <si>
    <t>44436908.0</t>
  </si>
  <si>
    <t>41266839.0</t>
  </si>
  <si>
    <t>250.07</t>
  </si>
  <si>
    <t>129581457.0</t>
  </si>
  <si>
    <t>44856955.0</t>
  </si>
  <si>
    <t>44437137.0</t>
  </si>
  <si>
    <t>41271010.0</t>
  </si>
  <si>
    <t>129587797.0</t>
  </si>
  <si>
    <t>44857366.0</t>
  </si>
  <si>
    <t>44437604.0</t>
  </si>
  <si>
    <t>41276477.0</t>
  </si>
  <si>
    <t>129590639.0</t>
  </si>
  <si>
    <t>44857544.0</t>
  </si>
  <si>
    <t>44437850.0</t>
  </si>
  <si>
    <t>41278896.0</t>
  </si>
  <si>
    <t>129590739.0</t>
  </si>
  <si>
    <t>44857548.0</t>
  </si>
  <si>
    <t>44437852.0</t>
  </si>
  <si>
    <t>41278990.0</t>
  </si>
  <si>
    <t>129595140.0</t>
  </si>
  <si>
    <t>44857812.0</t>
  </si>
  <si>
    <t>44438103.0</t>
  </si>
  <si>
    <t>41282880.0</t>
  </si>
  <si>
    <t>129599036.0</t>
  </si>
  <si>
    <t>44858081.0</t>
  </si>
  <si>
    <t>44438326.0</t>
  </si>
  <si>
    <t>129602863.0</t>
  </si>
  <si>
    <t>44858361.0</t>
  </si>
  <si>
    <t>44438591.0</t>
  </si>
  <si>
    <t>41289575.0</t>
  </si>
  <si>
    <t>250.12</t>
  </si>
  <si>
    <t>129606973.0</t>
  </si>
  <si>
    <t>44858659.0</t>
  </si>
  <si>
    <t>44438863.0</t>
  </si>
  <si>
    <t>41293122.0</t>
  </si>
  <si>
    <t>129612539.0</t>
  </si>
  <si>
    <t>44859095.0</t>
  </si>
  <si>
    <t>44439310.0</t>
  </si>
  <si>
    <t>41297811.0</t>
  </si>
  <si>
    <t>129615124.0</t>
  </si>
  <si>
    <t>44859290.0</t>
  </si>
  <si>
    <t>44439503.0</t>
  </si>
  <si>
    <t>41300010.0</t>
  </si>
  <si>
    <t>129615235.0</t>
  </si>
  <si>
    <t>44859297.0</t>
  </si>
  <si>
    <t>44439506.0</t>
  </si>
  <si>
    <t>41300111.0</t>
  </si>
  <si>
    <t>129619075.0</t>
  </si>
  <si>
    <t>44859582.0</t>
  </si>
  <si>
    <t>44439745.0</t>
  </si>
  <si>
    <t>41303433.0</t>
  </si>
  <si>
    <t>23.931</t>
  </si>
  <si>
    <t>129622240.0</t>
  </si>
  <si>
    <t>44859828.0</t>
  </si>
  <si>
    <t>44439966.0</t>
  </si>
  <si>
    <t>41306132.0</t>
  </si>
  <si>
    <t>129625158.0</t>
  </si>
  <si>
    <t>44860152.0</t>
  </si>
  <si>
    <t>44440205.0</t>
  </si>
  <si>
    <t>41308499.0</t>
  </si>
  <si>
    <t>129627796.0</t>
  </si>
  <si>
    <t>44860402.0</t>
  </si>
  <si>
    <t>44440450.0</t>
  </si>
  <si>
    <t>41310655.0</t>
  </si>
  <si>
    <t>129631322.0</t>
  </si>
  <si>
    <t>44860802.0</t>
  </si>
  <si>
    <t>44440856.0</t>
  </si>
  <si>
    <t>41313382.0</t>
  </si>
  <si>
    <t>129633354.0</t>
  </si>
  <si>
    <t>44861014.0</t>
  </si>
  <si>
    <t>44441049.0</t>
  </si>
  <si>
    <t>41315008.0</t>
  </si>
  <si>
    <t>129633453.0</t>
  </si>
  <si>
    <t>44861017.0</t>
  </si>
  <si>
    <t>44441052.0</t>
  </si>
  <si>
    <t>41315102.0</t>
  </si>
  <si>
    <t>129636055.0</t>
  </si>
  <si>
    <t>44861264.0</t>
  </si>
  <si>
    <t>44441305.0</t>
  </si>
  <si>
    <t>41317210.0</t>
  </si>
  <si>
    <t>129638070.0</t>
  </si>
  <si>
    <t>44861511.0</t>
  </si>
  <si>
    <t>44441508.0</t>
  </si>
  <si>
    <t>41318785.0</t>
  </si>
  <si>
    <t>129639998.0</t>
  </si>
  <si>
    <t>44861754.0</t>
  </si>
  <si>
    <t>44441765.0</t>
  </si>
  <si>
    <t>41320231.0</t>
  </si>
  <si>
    <t>8.395</t>
  </si>
  <si>
    <t>129642013.0</t>
  </si>
  <si>
    <t>44862017.0</t>
  </si>
  <si>
    <t>44442017.0</t>
  </si>
  <si>
    <t>41321752.0</t>
  </si>
  <si>
    <t>129644643.0</t>
  </si>
  <si>
    <t>44862358.0</t>
  </si>
  <si>
    <t>44442443.0</t>
  </si>
  <si>
    <t>41323622.0</t>
  </si>
  <si>
    <t>129645939.0</t>
  </si>
  <si>
    <t>44862505.0</t>
  </si>
  <si>
    <t>44442620.0</t>
  </si>
  <si>
    <t>41324596.0</t>
  </si>
  <si>
    <t>129646007.0</t>
  </si>
  <si>
    <t>44862509.0</t>
  </si>
  <si>
    <t>44442630.0</t>
  </si>
  <si>
    <t>41324650.0</t>
  </si>
  <si>
    <t>129647782.0</t>
  </si>
  <si>
    <t>44862770.0</t>
  </si>
  <si>
    <t>44442885.0</t>
  </si>
  <si>
    <t>41325954.0</t>
  </si>
  <si>
    <t>44863043.0</t>
  </si>
  <si>
    <t>44443149.0</t>
  </si>
  <si>
    <t>44863319.0</t>
  </si>
  <si>
    <t>44443373.0</t>
  </si>
  <si>
    <t>44863522.0</t>
  </si>
  <si>
    <t>44443652.0</t>
  </si>
  <si>
    <t>26.092</t>
  </si>
  <si>
    <t>44863851.0</t>
  </si>
  <si>
    <t>44444074.0</t>
  </si>
  <si>
    <t>44864015.0</t>
  </si>
  <si>
    <t>44444254.0</t>
  </si>
  <si>
    <t>44864017.0</t>
  </si>
  <si>
    <t>44444258.0</t>
  </si>
  <si>
    <t>44864261.0</t>
  </si>
  <si>
    <t>44444526.0</t>
  </si>
  <si>
    <t>44864520.0</t>
  </si>
  <si>
    <t>44444776.0</t>
  </si>
  <si>
    <t>44864754.0</t>
  </si>
  <si>
    <t>44445027.0</t>
  </si>
  <si>
    <t>44864971.0</t>
  </si>
  <si>
    <t>44445268.0</t>
  </si>
  <si>
    <t>44865252.0</t>
  </si>
  <si>
    <t>44445606.0</t>
  </si>
  <si>
    <t>44865371.0</t>
  </si>
  <si>
    <t>44445736.0</t>
  </si>
  <si>
    <t>44445740.0</t>
  </si>
  <si>
    <t>44865636.0</t>
  </si>
  <si>
    <t>44445977.0</t>
  </si>
  <si>
    <t>44865888.0</t>
  </si>
  <si>
    <t>44446238.0</t>
  </si>
  <si>
    <t>44866149.0</t>
  </si>
  <si>
    <t>44446540.0</t>
  </si>
  <si>
    <t>44866398.0</t>
  </si>
  <si>
    <t>44446824.0</t>
  </si>
  <si>
    <t>44866728.0</t>
  </si>
  <si>
    <t>44447215.0</t>
  </si>
  <si>
    <t>44866844.0</t>
  </si>
  <si>
    <t>44447329.0</t>
  </si>
  <si>
    <t>44447330.0</t>
  </si>
  <si>
    <t>44867054.0</t>
  </si>
  <si>
    <t>44447596.0</t>
  </si>
  <si>
    <t>44867298.0</t>
  </si>
  <si>
    <t>44447845.0</t>
  </si>
  <si>
    <t>44867494.0</t>
  </si>
  <si>
    <t>44448069.0</t>
  </si>
  <si>
    <t>44867730.0</t>
  </si>
  <si>
    <t>44448311.0</t>
  </si>
  <si>
    <t>SSD</t>
  </si>
  <si>
    <t>South Sudan</t>
  </si>
  <si>
    <t>25202.0</t>
  </si>
  <si>
    <t>36740.0</t>
  </si>
  <si>
    <t>37455.0</t>
  </si>
  <si>
    <t>40268.0</t>
  </si>
  <si>
    <t>40450.0</t>
  </si>
  <si>
    <t>47020.0</t>
  </si>
  <si>
    <t>49829.0</t>
  </si>
  <si>
    <t>52361.0</t>
  </si>
  <si>
    <t>54877.0</t>
  </si>
  <si>
    <t>55258.0</t>
  </si>
  <si>
    <t>57500.0</t>
  </si>
  <si>
    <t>58576.0</t>
  </si>
  <si>
    <t>59677.0</t>
  </si>
  <si>
    <t>5.685</t>
  </si>
  <si>
    <t>64687.0</t>
  </si>
  <si>
    <t>6.018</t>
  </si>
  <si>
    <t>65241.0</t>
  </si>
  <si>
    <t>72581.0</t>
  </si>
  <si>
    <t>73265.0</t>
  </si>
  <si>
    <t>761.4</t>
  </si>
  <si>
    <t>74759.0</t>
  </si>
  <si>
    <t>75972.0</t>
  </si>
  <si>
    <t>82727.0</t>
  </si>
  <si>
    <t>7.735</t>
  </si>
  <si>
    <t>83534.0</t>
  </si>
  <si>
    <t>95225.0</t>
  </si>
  <si>
    <t>96084.0</t>
  </si>
  <si>
    <t>99693.0</t>
  </si>
  <si>
    <t>102954.0</t>
  </si>
  <si>
    <t>104468.0</t>
  </si>
  <si>
    <t>105162.0</t>
  </si>
  <si>
    <t>105921.0</t>
  </si>
  <si>
    <t>10.119</t>
  </si>
  <si>
    <t>109705.0</t>
  </si>
  <si>
    <t>110226.0</t>
  </si>
  <si>
    <t>113686.0</t>
  </si>
  <si>
    <t>114568.0</t>
  </si>
  <si>
    <t>121504.0</t>
  </si>
  <si>
    <t>11.305</t>
  </si>
  <si>
    <t>124125.0</t>
  </si>
  <si>
    <t>11.548</t>
  </si>
  <si>
    <t>125721.0</t>
  </si>
  <si>
    <t>11.697</t>
  </si>
  <si>
    <t>127025.0</t>
  </si>
  <si>
    <t>129260.0</t>
  </si>
  <si>
    <t>12.072</t>
  </si>
  <si>
    <t>130153.0</t>
  </si>
  <si>
    <t>12.109</t>
  </si>
  <si>
    <t>132246.0</t>
  </si>
  <si>
    <t>12.304</t>
  </si>
  <si>
    <t>134598.0</t>
  </si>
  <si>
    <t>135545.0</t>
  </si>
  <si>
    <t>136405.0</t>
  </si>
  <si>
    <t>136999.0</t>
  </si>
  <si>
    <t>137942.0</t>
  </si>
  <si>
    <t>138774.0</t>
  </si>
  <si>
    <t>139379.0</t>
  </si>
  <si>
    <t>139846.0</t>
  </si>
  <si>
    <t>13.011</t>
  </si>
  <si>
    <t>140929.0</t>
  </si>
  <si>
    <t>141630.0</t>
  </si>
  <si>
    <t>143571.0</t>
  </si>
  <si>
    <t>144419.0</t>
  </si>
  <si>
    <t>144957.0</t>
  </si>
  <si>
    <t>13.487</t>
  </si>
  <si>
    <t>146233.0</t>
  </si>
  <si>
    <t>13.605</t>
  </si>
  <si>
    <t>147122.0</t>
  </si>
  <si>
    <t>147670.0</t>
  </si>
  <si>
    <t>13.787</t>
  </si>
  <si>
    <t>149288.0</t>
  </si>
  <si>
    <t>13.889</t>
  </si>
  <si>
    <t>149965.0</t>
  </si>
  <si>
    <t>151582.0</t>
  </si>
  <si>
    <t>152551.0</t>
  </si>
  <si>
    <t>153445.0</t>
  </si>
  <si>
    <t>14.276</t>
  </si>
  <si>
    <t>153992.0</t>
  </si>
  <si>
    <t>154716.0</t>
  </si>
  <si>
    <t>156542.0</t>
  </si>
  <si>
    <t>156944.0</t>
  </si>
  <si>
    <t>14.602</t>
  </si>
  <si>
    <t>158170.0</t>
  </si>
  <si>
    <t>158678.0</t>
  </si>
  <si>
    <t>14.763</t>
  </si>
  <si>
    <t>159088.0</t>
  </si>
  <si>
    <t>14.801</t>
  </si>
  <si>
    <t>298.5</t>
  </si>
  <si>
    <t>276.9</t>
  </si>
  <si>
    <t>3069.9</t>
  </si>
  <si>
    <t>164472.0</t>
  </si>
  <si>
    <t>381.3</t>
  </si>
  <si>
    <t>29410.0</t>
  </si>
  <si>
    <t>55915.0</t>
  </si>
  <si>
    <t>51571.0</t>
  </si>
  <si>
    <t>718.8</t>
  </si>
  <si>
    <t>52387.0</t>
  </si>
  <si>
    <t>55182.0</t>
  </si>
  <si>
    <t>26884.0</t>
  </si>
  <si>
    <t>103751.0</t>
  </si>
  <si>
    <t>108602.0</t>
  </si>
  <si>
    <t>77546.0</t>
  </si>
  <si>
    <t>113013.0</t>
  </si>
  <si>
    <t>81061.0</t>
  </si>
  <si>
    <t>115650.0</t>
  </si>
  <si>
    <t>82889.0</t>
  </si>
  <si>
    <t>120467.0</t>
  </si>
  <si>
    <t>122889.0</t>
  </si>
  <si>
    <t>127200.0</t>
  </si>
  <si>
    <t>129751.0</t>
  </si>
  <si>
    <t>134371.0</t>
  </si>
  <si>
    <t>151245.0</t>
  </si>
  <si>
    <t>66406.0</t>
  </si>
  <si>
    <t>218154.0</t>
  </si>
  <si>
    <t>185148.0</t>
  </si>
  <si>
    <t>257941.0</t>
  </si>
  <si>
    <t>219733.0</t>
  </si>
  <si>
    <t>172441.0</t>
  </si>
  <si>
    <t>223920.0</t>
  </si>
  <si>
    <t>177419.0</t>
  </si>
  <si>
    <t>268640.0</t>
  </si>
  <si>
    <t>227262.0</t>
  </si>
  <si>
    <t>181577.0</t>
  </si>
  <si>
    <t>288900.0</t>
  </si>
  <si>
    <t>245004.0</t>
  </si>
  <si>
    <t>199740.0</t>
  </si>
  <si>
    <t>307957.0</t>
  </si>
  <si>
    <t>297108.0</t>
  </si>
  <si>
    <t>253049.0</t>
  </si>
  <si>
    <t>207428.0</t>
  </si>
  <si>
    <t>310727.0</t>
  </si>
  <si>
    <t>28.909</t>
  </si>
  <si>
    <t>312453.0</t>
  </si>
  <si>
    <t>318565.0</t>
  </si>
  <si>
    <t>273500.0</t>
  </si>
  <si>
    <t>225964.0</t>
  </si>
  <si>
    <t>317051.0</t>
  </si>
  <si>
    <t>318930.0</t>
  </si>
  <si>
    <t>29.673</t>
  </si>
  <si>
    <t>320390.0</t>
  </si>
  <si>
    <t>321540.0</t>
  </si>
  <si>
    <t>29.916</t>
  </si>
  <si>
    <t>342153.0</t>
  </si>
  <si>
    <t>296056.0</t>
  </si>
  <si>
    <t>247892.0</t>
  </si>
  <si>
    <t>322049.0</t>
  </si>
  <si>
    <t>324354.0</t>
  </si>
  <si>
    <t>325097.0</t>
  </si>
  <si>
    <t>30.246</t>
  </si>
  <si>
    <t>372634.0</t>
  </si>
  <si>
    <t>325688.0</t>
  </si>
  <si>
    <t>328215.0</t>
  </si>
  <si>
    <t>30.537</t>
  </si>
  <si>
    <t>328844.0</t>
  </si>
  <si>
    <t>30.595</t>
  </si>
  <si>
    <t>330958.0</t>
  </si>
  <si>
    <t>30.792</t>
  </si>
  <si>
    <t>524292.0</t>
  </si>
  <si>
    <t>475558.0</t>
  </si>
  <si>
    <t>432091.0</t>
  </si>
  <si>
    <t>342501.0</t>
  </si>
  <si>
    <t>344338.0</t>
  </si>
  <si>
    <t>32.037</t>
  </si>
  <si>
    <t>346289.0</t>
  </si>
  <si>
    <t>32.218</t>
  </si>
  <si>
    <t>347087.0</t>
  </si>
  <si>
    <t>32.292</t>
  </si>
  <si>
    <t>351224.0</t>
  </si>
  <si>
    <t>575057.0</t>
  </si>
  <si>
    <t>526243.0</t>
  </si>
  <si>
    <t>482816.0</t>
  </si>
  <si>
    <t>354647.0</t>
  </si>
  <si>
    <t>358442.0</t>
  </si>
  <si>
    <t>360619.0</t>
  </si>
  <si>
    <t>33.551</t>
  </si>
  <si>
    <t>364018.0</t>
  </si>
  <si>
    <t>33.868</t>
  </si>
  <si>
    <t>645347.0</t>
  </si>
  <si>
    <t>596605.0</t>
  </si>
  <si>
    <t>553098.0</t>
  </si>
  <si>
    <t>370216.0</t>
  </si>
  <si>
    <t>34.444</t>
  </si>
  <si>
    <t>376391.0</t>
  </si>
  <si>
    <t>668680.0</t>
  </si>
  <si>
    <t>619938.0</t>
  </si>
  <si>
    <t>576431.0</t>
  </si>
  <si>
    <t>379731.0</t>
  </si>
  <si>
    <t>35.329</t>
  </si>
  <si>
    <t>692015.0</t>
  </si>
  <si>
    <t>643273.0</t>
  </si>
  <si>
    <t>599766.0</t>
  </si>
  <si>
    <t>385179.0</t>
  </si>
  <si>
    <t>35.836</t>
  </si>
  <si>
    <t>711247.0</t>
  </si>
  <si>
    <t>663451.0</t>
  </si>
  <si>
    <t>619944.0</t>
  </si>
  <si>
    <t>388449.0</t>
  </si>
  <si>
    <t>36.141</t>
  </si>
  <si>
    <t>389677.0</t>
  </si>
  <si>
    <t>723341.0</t>
  </si>
  <si>
    <t>674599.0</t>
  </si>
  <si>
    <t>631092.0</t>
  </si>
  <si>
    <t>730047.0</t>
  </si>
  <si>
    <t>681305.0</t>
  </si>
  <si>
    <t>395064.0</t>
  </si>
  <si>
    <t>36.756</t>
  </si>
  <si>
    <t>37.223</t>
  </si>
  <si>
    <t>401608.0</t>
  </si>
  <si>
    <t>37.365</t>
  </si>
  <si>
    <t>1059464.0</t>
  </si>
  <si>
    <t>1009259.0</t>
  </si>
  <si>
    <t>967199.0</t>
  </si>
  <si>
    <t>767.5</t>
  </si>
  <si>
    <t>1214353.0</t>
  </si>
  <si>
    <t>1164135.0</t>
  </si>
  <si>
    <t>1122087.0</t>
  </si>
  <si>
    <t>410280.0</t>
  </si>
  <si>
    <t>38.172</t>
  </si>
  <si>
    <t>1226772.0</t>
  </si>
  <si>
    <t>1323626.0</t>
  </si>
  <si>
    <t>1273406.0</t>
  </si>
  <si>
    <t>1231360.0</t>
  </si>
  <si>
    <t>1362308.0</t>
  </si>
  <si>
    <t>1312090.0</t>
  </si>
  <si>
    <t>1270042.0</t>
  </si>
  <si>
    <t>1461516.0</t>
  </si>
  <si>
    <t>1411298.0</t>
  </si>
  <si>
    <t>1369250.0</t>
  </si>
  <si>
    <t>1563496.0</t>
  </si>
  <si>
    <t>1513206.0</t>
  </si>
  <si>
    <t>1471227.0</t>
  </si>
  <si>
    <t>1623564.0</t>
  </si>
  <si>
    <t>1573206.0</t>
  </si>
  <si>
    <t>1531295.0</t>
  </si>
  <si>
    <t>1656130.0</t>
  </si>
  <si>
    <t>1563861.0</t>
  </si>
  <si>
    <t>1734718.0</t>
  </si>
  <si>
    <t>1684428.0</t>
  </si>
  <si>
    <t>1642449.0</t>
  </si>
  <si>
    <t>1899297.0</t>
  </si>
  <si>
    <t>1849007.0</t>
  </si>
  <si>
    <t>1807028.0</t>
  </si>
  <si>
    <t>1991329.0</t>
  </si>
  <si>
    <t>1941039.0</t>
  </si>
  <si>
    <t>1899060.0</t>
  </si>
  <si>
    <t>13190.0</t>
  </si>
  <si>
    <t>2085469.0</t>
  </si>
  <si>
    <t>2035179.0</t>
  </si>
  <si>
    <t>1993200.0</t>
  </si>
  <si>
    <t>2119583.0</t>
  </si>
  <si>
    <t>2069293.0</t>
  </si>
  <si>
    <t>2027314.0</t>
  </si>
  <si>
    <t>2169761.0</t>
  </si>
  <si>
    <t>2119471.0</t>
  </si>
  <si>
    <t>2177752.0</t>
  </si>
  <si>
    <t>2127334.0</t>
  </si>
  <si>
    <t>2085483.0</t>
  </si>
  <si>
    <t>2180708.0</t>
  </si>
  <si>
    <t>2130418.0</t>
  </si>
  <si>
    <t>2088439.0</t>
  </si>
  <si>
    <t>2143114.0</t>
  </si>
  <si>
    <t>2101283.0</t>
  </si>
  <si>
    <t>2193424.0</t>
  </si>
  <si>
    <t>2143134.0</t>
  </si>
  <si>
    <t>2200460.0</t>
  </si>
  <si>
    <t>2150170.0</t>
  </si>
  <si>
    <t>2108191.0</t>
  </si>
  <si>
    <t>2203626.0</t>
  </si>
  <si>
    <t>2153336.0</t>
  </si>
  <si>
    <t>2111357.0</t>
  </si>
  <si>
    <t>2212473.0</t>
  </si>
  <si>
    <t>2162055.0</t>
  </si>
  <si>
    <t>2120204.0</t>
  </si>
  <si>
    <t>2213231.0</t>
  </si>
  <si>
    <t>2162941.0</t>
  </si>
  <si>
    <t>2120962.0</t>
  </si>
  <si>
    <t>2310167.0</t>
  </si>
  <si>
    <t>2252089.0</t>
  </si>
  <si>
    <t>2210238.0</t>
  </si>
  <si>
    <t>ESP</t>
  </si>
  <si>
    <t>Spain</t>
  </si>
  <si>
    <t>-3045.8</t>
  </si>
  <si>
    <t>-64.0430532148191</t>
  </si>
  <si>
    <t>-3624.6</t>
  </si>
  <si>
    <t>-76.2132939399939</t>
  </si>
  <si>
    <t>-4400.8</t>
  </si>
  <si>
    <t>-92.5342007314256</t>
  </si>
  <si>
    <t>-5397.2</t>
  </si>
  <si>
    <t>-10.59</t>
  </si>
  <si>
    <t>-113.48518182777</t>
  </si>
  <si>
    <t>-6187.8</t>
  </si>
  <si>
    <t>-130.108872769932</t>
  </si>
  <si>
    <t>-6590.8</t>
  </si>
  <si>
    <t>-138.582623654944</t>
  </si>
  <si>
    <t>-5674.6</t>
  </si>
  <si>
    <t>-119.317982064749</t>
  </si>
  <si>
    <t>27046.0</t>
  </si>
  <si>
    <t>85151.0</t>
  </si>
  <si>
    <t>97413.0</t>
  </si>
  <si>
    <t>-1120.2</t>
  </si>
  <si>
    <t>-23.5540837255369</t>
  </si>
  <si>
    <t>115250.0</t>
  </si>
  <si>
    <t>137256.0</t>
  </si>
  <si>
    <t>186706.0</t>
  </si>
  <si>
    <t>212625.0</t>
  </si>
  <si>
    <t>25919.0</t>
  </si>
  <si>
    <t>248741.0</t>
  </si>
  <si>
    <t>10383.4</t>
  </si>
  <si>
    <t>218.328399353455</t>
  </si>
  <si>
    <t>271586.0</t>
  </si>
  <si>
    <t>297189.0</t>
  </si>
  <si>
    <t>22848.0</t>
  </si>
  <si>
    <t>322912.0</t>
  </si>
  <si>
    <t>350146.0</t>
  </si>
  <si>
    <t>377801.0</t>
  </si>
  <si>
    <t>23597.0</t>
  </si>
  <si>
    <t>397775.0</t>
  </si>
  <si>
    <t>412064.0</t>
  </si>
  <si>
    <t>23180.4</t>
  </si>
  <si>
    <t>487.406786637597</t>
  </si>
  <si>
    <t>434464.0</t>
  </si>
  <si>
    <t>460467.0</t>
  </si>
  <si>
    <t>488704.0</t>
  </si>
  <si>
    <t>517201.0</t>
  </si>
  <si>
    <t>540119.0</t>
  </si>
  <si>
    <t>557416.0</t>
  </si>
  <si>
    <t>573309.0</t>
  </si>
  <si>
    <t>32465.8</t>
  </si>
  <si>
    <t>682.64789449789</t>
  </si>
  <si>
    <t>594242.0</t>
  </si>
  <si>
    <t>20933.0</t>
  </si>
  <si>
    <t>623203.0</t>
  </si>
  <si>
    <t>655243.0</t>
  </si>
  <si>
    <t>687117.0</t>
  </si>
  <si>
    <t>721252.0</t>
  </si>
  <si>
    <t>25876.0</t>
  </si>
  <si>
    <t>749477.0</t>
  </si>
  <si>
    <t>28225.0</t>
  </si>
  <si>
    <t>15.783</t>
  </si>
  <si>
    <t>27437.0</t>
  </si>
  <si>
    <t>770641.0</t>
  </si>
  <si>
    <t>37872.6</t>
  </si>
  <si>
    <t>796.334932426147</t>
  </si>
  <si>
    <t>799846.0</t>
  </si>
  <si>
    <t>16.843</t>
  </si>
  <si>
    <t>840970.0</t>
  </si>
  <si>
    <t>881969.0</t>
  </si>
  <si>
    <t>923013.0</t>
  </si>
  <si>
    <t>41044.0</t>
  </si>
  <si>
    <t>19.437</t>
  </si>
  <si>
    <t>970407.0</t>
  </si>
  <si>
    <t>20.435</t>
  </si>
  <si>
    <t>1002334.0</t>
  </si>
  <si>
    <t>1025139.0</t>
  </si>
  <si>
    <t>21.588</t>
  </si>
  <si>
    <t>40589.8</t>
  </si>
  <si>
    <t>853.468619534725</t>
  </si>
  <si>
    <t>1059588.0</t>
  </si>
  <si>
    <t>22.313</t>
  </si>
  <si>
    <t>1107456.0</t>
  </si>
  <si>
    <t>47868.0</t>
  </si>
  <si>
    <t>1152241.0</t>
  </si>
  <si>
    <t>44785.0</t>
  </si>
  <si>
    <t>1195979.0</t>
  </si>
  <si>
    <t>38995.0</t>
  </si>
  <si>
    <t>1226257.0</t>
  </si>
  <si>
    <t>30278.0</t>
  </si>
  <si>
    <t>36550.0</t>
  </si>
  <si>
    <t>1247216.0</t>
  </si>
  <si>
    <t>26.264</t>
  </si>
  <si>
    <t>1263201.0</t>
  </si>
  <si>
    <t>26.601</t>
  </si>
  <si>
    <t>34009.0</t>
  </si>
  <si>
    <t>883.709186588883</t>
  </si>
  <si>
    <t>1293898.0</t>
  </si>
  <si>
    <t>30697.0</t>
  </si>
  <si>
    <t>1337287.0</t>
  </si>
  <si>
    <t>28.161</t>
  </si>
  <si>
    <t>1380316.0</t>
  </si>
  <si>
    <t>29.067</t>
  </si>
  <si>
    <t>1423803.0</t>
  </si>
  <si>
    <t>29.983</t>
  </si>
  <si>
    <t>1466663.0</t>
  </si>
  <si>
    <t>1496860.0</t>
  </si>
  <si>
    <t>30197.0</t>
  </si>
  <si>
    <t>1512415.0</t>
  </si>
  <si>
    <t>31.849</t>
  </si>
  <si>
    <t>42877.8</t>
  </si>
  <si>
    <t>901.577656817379</t>
  </si>
  <si>
    <t>1545176.0</t>
  </si>
  <si>
    <t>1588320.0</t>
  </si>
  <si>
    <t>1634488.0</t>
  </si>
  <si>
    <t>46168.0</t>
  </si>
  <si>
    <t>1679744.0</t>
  </si>
  <si>
    <t>45256.0</t>
  </si>
  <si>
    <t>35.373</t>
  </si>
  <si>
    <t>1725133.0</t>
  </si>
  <si>
    <t>36.329</t>
  </si>
  <si>
    <t>1753723.0</t>
  </si>
  <si>
    <t>36.931</t>
  </si>
  <si>
    <t>1768823.0</t>
  </si>
  <si>
    <t>37.249</t>
  </si>
  <si>
    <t>36630.0</t>
  </si>
  <si>
    <t>42839.4</t>
  </si>
  <si>
    <t>900.770232415432</t>
  </si>
  <si>
    <t>1801182.0</t>
  </si>
  <si>
    <t>36572.0</t>
  </si>
  <si>
    <t>1846592.0</t>
  </si>
  <si>
    <t>45410.0</t>
  </si>
  <si>
    <t>1892164.0</t>
  </si>
  <si>
    <t>39.846</t>
  </si>
  <si>
    <t>36811.0</t>
  </si>
  <si>
    <t>1935843.0</t>
  </si>
  <si>
    <t>40.766</t>
  </si>
  <si>
    <t>1980321.0</t>
  </si>
  <si>
    <t>2008276.0</t>
  </si>
  <si>
    <t>42.291</t>
  </si>
  <si>
    <t>2024198.0</t>
  </si>
  <si>
    <t>904.105063408889</t>
  </si>
  <si>
    <t>2056925.0</t>
  </si>
  <si>
    <t>43.316</t>
  </si>
  <si>
    <t>2102544.0</t>
  </si>
  <si>
    <t>44.276</t>
  </si>
  <si>
    <t>36565.0</t>
  </si>
  <si>
    <t>2147470.0</t>
  </si>
  <si>
    <t>44926.0</t>
  </si>
  <si>
    <t>45.222</t>
  </si>
  <si>
    <t>36472.0</t>
  </si>
  <si>
    <t>2187973.0</t>
  </si>
  <si>
    <t>46.075</t>
  </si>
  <si>
    <t>2232405.0</t>
  </si>
  <si>
    <t>47.011</t>
  </si>
  <si>
    <t>36012.0</t>
  </si>
  <si>
    <t>2259561.0</t>
  </si>
  <si>
    <t>2274441.0</t>
  </si>
  <si>
    <t>47.896</t>
  </si>
  <si>
    <t>35749.0</t>
  </si>
  <si>
    <t>43293.6</t>
  </si>
  <si>
    <t>910.320549169707</t>
  </si>
  <si>
    <t>2304750.0</t>
  </si>
  <si>
    <t>30309.0</t>
  </si>
  <si>
    <t>48.534</t>
  </si>
  <si>
    <t>2349526.0</t>
  </si>
  <si>
    <t>2393276.0</t>
  </si>
  <si>
    <t>2432513.0</t>
  </si>
  <si>
    <t>51.225</t>
  </si>
  <si>
    <t>2474372.0</t>
  </si>
  <si>
    <t>52.106</t>
  </si>
  <si>
    <t>2500037.0</t>
  </si>
  <si>
    <t>2513559.0</t>
  </si>
  <si>
    <t>43061.8</t>
  </si>
  <si>
    <t>905.446565410039</t>
  </si>
  <si>
    <t>2545749.0</t>
  </si>
  <si>
    <t>53.609</t>
  </si>
  <si>
    <t>2588199.0</t>
  </si>
  <si>
    <t>2628881.0</t>
  </si>
  <si>
    <t>2664561.0</t>
  </si>
  <si>
    <t>56.111</t>
  </si>
  <si>
    <t>33150.0</t>
  </si>
  <si>
    <t>2707128.0</t>
  </si>
  <si>
    <t>42567.0</t>
  </si>
  <si>
    <t>57.008</t>
  </si>
  <si>
    <t>33251.0</t>
  </si>
  <si>
    <t>2731507.0</t>
  </si>
  <si>
    <t>57.521</t>
  </si>
  <si>
    <t>2746267.0</t>
  </si>
  <si>
    <t>33244.0</t>
  </si>
  <si>
    <t>42603.6</t>
  </si>
  <si>
    <t>895.812141947228</t>
  </si>
  <si>
    <t>2778912.0</t>
  </si>
  <si>
    <t>2820018.0</t>
  </si>
  <si>
    <t>59.385</t>
  </si>
  <si>
    <t>2859578.0</t>
  </si>
  <si>
    <t>32957.0</t>
  </si>
  <si>
    <t>2893678.0</t>
  </si>
  <si>
    <t>60.936</t>
  </si>
  <si>
    <t>2932596.0</t>
  </si>
  <si>
    <t>61.756</t>
  </si>
  <si>
    <t>2957200.0</t>
  </si>
  <si>
    <t>62.274</t>
  </si>
  <si>
    <t>2970236.0</t>
  </si>
  <si>
    <t>62.548</t>
  </si>
  <si>
    <t>42137.2</t>
  </si>
  <si>
    <t>-6.22</t>
  </si>
  <si>
    <t>886.005299731918</t>
  </si>
  <si>
    <t>3000653.0</t>
  </si>
  <si>
    <t>30417.0</t>
  </si>
  <si>
    <t>63.189</t>
  </si>
  <si>
    <t>3042563.0</t>
  </si>
  <si>
    <t>64.072</t>
  </si>
  <si>
    <t>3076401.0</t>
  </si>
  <si>
    <t>30975.0</t>
  </si>
  <si>
    <t>3109753.0</t>
  </si>
  <si>
    <t>65.486</t>
  </si>
  <si>
    <t>3152817.0</t>
  </si>
  <si>
    <t>43064.0</t>
  </si>
  <si>
    <t>66.393</t>
  </si>
  <si>
    <t>3177169.0</t>
  </si>
  <si>
    <t>66.906</t>
  </si>
  <si>
    <t>3193164.0</t>
  </si>
  <si>
    <t>67.243</t>
  </si>
  <si>
    <t>887.87246866142</t>
  </si>
  <si>
    <t>3225287.0</t>
  </si>
  <si>
    <t>32123.0</t>
  </si>
  <si>
    <t>67.919</t>
  </si>
  <si>
    <t>3267398.0</t>
  </si>
  <si>
    <t>68.806</t>
  </si>
  <si>
    <t>3306594.0</t>
  </si>
  <si>
    <t>69.632</t>
  </si>
  <si>
    <t>3340749.0</t>
  </si>
  <si>
    <t>70.351</t>
  </si>
  <si>
    <t>32308.0</t>
  </si>
  <si>
    <t>3402374.0</t>
  </si>
  <si>
    <t>23401.0</t>
  </si>
  <si>
    <t>71.649</t>
  </si>
  <si>
    <t>42177.6</t>
  </si>
  <si>
    <t>886.854777488133</t>
  </si>
  <si>
    <t>3447325.0</t>
  </si>
  <si>
    <t>3488931.0</t>
  </si>
  <si>
    <t>73.471</t>
  </si>
  <si>
    <t>3528618.0</t>
  </si>
  <si>
    <t>74.307</t>
  </si>
  <si>
    <t>31718.0</t>
  </si>
  <si>
    <t>3565156.0</t>
  </si>
  <si>
    <t>3605592.0</t>
  </si>
  <si>
    <t>75.928</t>
  </si>
  <si>
    <t>3633034.0</t>
  </si>
  <si>
    <t>76.506</t>
  </si>
  <si>
    <t>32951.0</t>
  </si>
  <si>
    <t>3649338.0</t>
  </si>
  <si>
    <t>42295.2</t>
  </si>
  <si>
    <t>889.327514719094</t>
  </si>
  <si>
    <t>3683352.0</t>
  </si>
  <si>
    <t>3726713.0</t>
  </si>
  <si>
    <t>43361.0</t>
  </si>
  <si>
    <t>33969.0</t>
  </si>
  <si>
    <t>3772272.0</t>
  </si>
  <si>
    <t>45559.0</t>
  </si>
  <si>
    <t>3815496.0</t>
  </si>
  <si>
    <t>43224.0</t>
  </si>
  <si>
    <t>80.348</t>
  </si>
  <si>
    <t>35763.0</t>
  </si>
  <si>
    <t>3862807.0</t>
  </si>
  <si>
    <t>81.345</t>
  </si>
  <si>
    <t>3896495.0</t>
  </si>
  <si>
    <t>82.054</t>
  </si>
  <si>
    <t>3917513.0</t>
  </si>
  <si>
    <t>82.497</t>
  </si>
  <si>
    <t>42348.8</t>
  </si>
  <si>
    <t>890.454544613478</t>
  </si>
  <si>
    <t>3958133.0</t>
  </si>
  <si>
    <t>4010153.0</t>
  </si>
  <si>
    <t>40491.0</t>
  </si>
  <si>
    <t>4062920.0</t>
  </si>
  <si>
    <t>4114514.0</t>
  </si>
  <si>
    <t>86.645</t>
  </si>
  <si>
    <t>42717.0</t>
  </si>
  <si>
    <t>4169254.0</t>
  </si>
  <si>
    <t>54740.0</t>
  </si>
  <si>
    <t>87.798</t>
  </si>
  <si>
    <t>43778.0</t>
  </si>
  <si>
    <t>4206121.0</t>
  </si>
  <si>
    <t>88.574</t>
  </si>
  <si>
    <t>44232.0</t>
  </si>
  <si>
    <t>4230313.0</t>
  </si>
  <si>
    <t>89.084</t>
  </si>
  <si>
    <t>42760.4</t>
  </si>
  <si>
    <t>899.109124921844</t>
  </si>
  <si>
    <t>4275487.0</t>
  </si>
  <si>
    <t>45336.0</t>
  </si>
  <si>
    <t>4332673.0</t>
  </si>
  <si>
    <t>57186.0</t>
  </si>
  <si>
    <t>91.239</t>
  </si>
  <si>
    <t>4393699.0</t>
  </si>
  <si>
    <t>61026.0</t>
  </si>
  <si>
    <t>92.524</t>
  </si>
  <si>
    <t>4451493.0</t>
  </si>
  <si>
    <t>57794.0</t>
  </si>
  <si>
    <t>93.741</t>
  </si>
  <si>
    <t>4512833.0</t>
  </si>
  <si>
    <t>95.033</t>
  </si>
  <si>
    <t>4579481.0</t>
  </si>
  <si>
    <t>96.437</t>
  </si>
  <si>
    <t>922.040819004213</t>
  </si>
  <si>
    <t>4629220.0</t>
  </si>
  <si>
    <t>49739.0</t>
  </si>
  <si>
    <t>4693321.0</t>
  </si>
  <si>
    <t>64101.0</t>
  </si>
  <si>
    <t>4759173.0</t>
  </si>
  <si>
    <t>100.221</t>
  </si>
  <si>
    <t>4823897.0</t>
  </si>
  <si>
    <t>4894709.0</t>
  </si>
  <si>
    <t>54554.0</t>
  </si>
  <si>
    <t>4947446.0</t>
  </si>
  <si>
    <t>104.185</t>
  </si>
  <si>
    <t>4980392.0</t>
  </si>
  <si>
    <t>32946.0</t>
  </si>
  <si>
    <t>44802.4</t>
  </si>
  <si>
    <t>942.045599629527</t>
  </si>
  <si>
    <t>5037934.0</t>
  </si>
  <si>
    <t>57542.0</t>
  </si>
  <si>
    <t>106.091</t>
  </si>
  <si>
    <t>5114799.0</t>
  </si>
  <si>
    <t>5190286.0</t>
  </si>
  <si>
    <t>5268935.0</t>
  </si>
  <si>
    <t>5355408.0</t>
  </si>
  <si>
    <t>86473.0</t>
  </si>
  <si>
    <t>5417172.0</t>
  </si>
  <si>
    <t>61764.0</t>
  </si>
  <si>
    <t>5456813.0</t>
  </si>
  <si>
    <t>114.912</t>
  </si>
  <si>
    <t>45798.0</t>
  </si>
  <si>
    <t>962.979759384164</t>
  </si>
  <si>
    <t>5520855.0</t>
  </si>
  <si>
    <t>64042.0</t>
  </si>
  <si>
    <t>116.261</t>
  </si>
  <si>
    <t>5607255.0</t>
  </si>
  <si>
    <t>86400.0</t>
  </si>
  <si>
    <t>70351.0</t>
  </si>
  <si>
    <t>5697592.0</t>
  </si>
  <si>
    <t>90337.0</t>
  </si>
  <si>
    <t>119.982</t>
  </si>
  <si>
    <t>5789437.0</t>
  </si>
  <si>
    <t>121.916</t>
  </si>
  <si>
    <t>74357.0</t>
  </si>
  <si>
    <t>5892453.0</t>
  </si>
  <si>
    <t>124.086</t>
  </si>
  <si>
    <t>5964748.0</t>
  </si>
  <si>
    <t>72295.0</t>
  </si>
  <si>
    <t>10.177</t>
  </si>
  <si>
    <t>6013352.0</t>
  </si>
  <si>
    <t>126.632</t>
  </si>
  <si>
    <t>79506.0</t>
  </si>
  <si>
    <t>46605.2</t>
  </si>
  <si>
    <t>979.95249316675</t>
  </si>
  <si>
    <t>6091665.0</t>
  </si>
  <si>
    <t>128.281</t>
  </si>
  <si>
    <t>6191405.0</t>
  </si>
  <si>
    <t>6301359.0</t>
  </si>
  <si>
    <t>109954.0</t>
  </si>
  <si>
    <t>132.697</t>
  </si>
  <si>
    <t>86252.0</t>
  </si>
  <si>
    <t>6406255.0</t>
  </si>
  <si>
    <t>134.906</t>
  </si>
  <si>
    <t>88117.0</t>
  </si>
  <si>
    <t>6518533.0</t>
  </si>
  <si>
    <t>89440.0</t>
  </si>
  <si>
    <t>6596758.0</t>
  </si>
  <si>
    <t>90287.0</t>
  </si>
  <si>
    <t>6656237.0</t>
  </si>
  <si>
    <t>91841.0</t>
  </si>
  <si>
    <t>47529.8</t>
  </si>
  <si>
    <t>999.393758844871</t>
  </si>
  <si>
    <t>6744307.0</t>
  </si>
  <si>
    <t>142.024</t>
  </si>
  <si>
    <t>93235.0</t>
  </si>
  <si>
    <t>6855370.0</t>
  </si>
  <si>
    <t>6967870.0</t>
  </si>
  <si>
    <t>112500.0</t>
  </si>
  <si>
    <t>146.732</t>
  </si>
  <si>
    <t>20.585</t>
  </si>
  <si>
    <t>7082107.0</t>
  </si>
  <si>
    <t>114237.0</t>
  </si>
  <si>
    <t>149.138</t>
  </si>
  <si>
    <t>96550.0</t>
  </si>
  <si>
    <t>7203117.0</t>
  </si>
  <si>
    <t>121010.0</t>
  </si>
  <si>
    <t>151.686</t>
  </si>
  <si>
    <t>7285501.0</t>
  </si>
  <si>
    <t>82384.0</t>
  </si>
  <si>
    <t>98392.0</t>
  </si>
  <si>
    <t>7344320.0</t>
  </si>
  <si>
    <t>58819.0</t>
  </si>
  <si>
    <t>98298.0</t>
  </si>
  <si>
    <t>48396.6</t>
  </si>
  <si>
    <t>1017.61968258465</t>
  </si>
  <si>
    <t>7430196.0</t>
  </si>
  <si>
    <t>85876.0</t>
  </si>
  <si>
    <t>156.468</t>
  </si>
  <si>
    <t>97984.0</t>
  </si>
  <si>
    <t>7535650.0</t>
  </si>
  <si>
    <t>158.689</t>
  </si>
  <si>
    <t>97183.0</t>
  </si>
  <si>
    <t>7644250.0</t>
  </si>
  <si>
    <t>160.976</t>
  </si>
  <si>
    <t>96626.0</t>
  </si>
  <si>
    <t>7760858.0</t>
  </si>
  <si>
    <t>116608.0</t>
  </si>
  <si>
    <t>163.431</t>
  </si>
  <si>
    <t>96964.0</t>
  </si>
  <si>
    <t>7867897.0</t>
  </si>
  <si>
    <t>165.686</t>
  </si>
  <si>
    <t>94969.0</t>
  </si>
  <si>
    <t>7955688.0</t>
  </si>
  <si>
    <t>8013650.0</t>
  </si>
  <si>
    <t>95619.0</t>
  </si>
  <si>
    <t>49582.8</t>
  </si>
  <si>
    <t>1042.56152700103</t>
  </si>
  <si>
    <t>8103981.0</t>
  </si>
  <si>
    <t>170.657</t>
  </si>
  <si>
    <t>8220187.0</t>
  </si>
  <si>
    <t>116206.0</t>
  </si>
  <si>
    <t>173.104</t>
  </si>
  <si>
    <t>8344266.0</t>
  </si>
  <si>
    <t>124079.0</t>
  </si>
  <si>
    <t>175.717</t>
  </si>
  <si>
    <t>100002.0</t>
  </si>
  <si>
    <t>8472291.0</t>
  </si>
  <si>
    <t>128025.0</t>
  </si>
  <si>
    <t>178.413</t>
  </si>
  <si>
    <t>101633.0</t>
  </si>
  <si>
    <t>8606633.0</t>
  </si>
  <si>
    <t>181.242</t>
  </si>
  <si>
    <t>14.845</t>
  </si>
  <si>
    <t>8708666.0</t>
  </si>
  <si>
    <t>102033.0</t>
  </si>
  <si>
    <t>183.391</t>
  </si>
  <si>
    <t>8777795.0</t>
  </si>
  <si>
    <t>109164.0</t>
  </si>
  <si>
    <t>50737.2</t>
  </si>
  <si>
    <t>1066.83472308455</t>
  </si>
  <si>
    <t>8880718.0</t>
  </si>
  <si>
    <t>102923.0</t>
  </si>
  <si>
    <t>187.014</t>
  </si>
  <si>
    <t>9015592.0</t>
  </si>
  <si>
    <t>189.854</t>
  </si>
  <si>
    <t>113629.0</t>
  </si>
  <si>
    <t>9150568.0</t>
  </si>
  <si>
    <t>134976.0</t>
  </si>
  <si>
    <t>192.697</t>
  </si>
  <si>
    <t>115186.0</t>
  </si>
  <si>
    <t>9279350.0</t>
  </si>
  <si>
    <t>128782.0</t>
  </si>
  <si>
    <t>195.408</t>
  </si>
  <si>
    <t>115294.0</t>
  </si>
  <si>
    <t>9423251.0</t>
  </si>
  <si>
    <t>198.439</t>
  </si>
  <si>
    <t>116660.0</t>
  </si>
  <si>
    <t>9526688.0</t>
  </si>
  <si>
    <t>200.617</t>
  </si>
  <si>
    <t>9595291.0</t>
  </si>
  <si>
    <t>68603.0</t>
  </si>
  <si>
    <t>202.062</t>
  </si>
  <si>
    <t>51638.6</t>
  </si>
  <si>
    <t>1085.78816985316</t>
  </si>
  <si>
    <t>9697088.0</t>
  </si>
  <si>
    <t>101797.0</t>
  </si>
  <si>
    <t>204.205</t>
  </si>
  <si>
    <t>116624.0</t>
  </si>
  <si>
    <t>16.127</t>
  </si>
  <si>
    <t>9833425.0</t>
  </si>
  <si>
    <t>136337.0</t>
  </si>
  <si>
    <t>207.076</t>
  </si>
  <si>
    <t>32.823</t>
  </si>
  <si>
    <t>9972517.0</t>
  </si>
  <si>
    <t>210.005</t>
  </si>
  <si>
    <t>117421.0</t>
  </si>
  <si>
    <t>10103525.0</t>
  </si>
  <si>
    <t>131008.0</t>
  </si>
  <si>
    <t>212.764</t>
  </si>
  <si>
    <t>117739.0</t>
  </si>
  <si>
    <t>10246146.0</t>
  </si>
  <si>
    <t>142621.0</t>
  </si>
  <si>
    <t>215.768</t>
  </si>
  <si>
    <t>117556.0</t>
  </si>
  <si>
    <t>10337756.0</t>
  </si>
  <si>
    <t>217.697</t>
  </si>
  <si>
    <t>10394845.0</t>
  </si>
  <si>
    <t>218.899</t>
  </si>
  <si>
    <t>52683.4</t>
  </si>
  <si>
    <t>1107.75684212279</t>
  </si>
  <si>
    <t>10500580.0</t>
  </si>
  <si>
    <t>221.126</t>
  </si>
  <si>
    <t>114785.0</t>
  </si>
  <si>
    <t>10646392.0</t>
  </si>
  <si>
    <t>145812.0</t>
  </si>
  <si>
    <t>224.196</t>
  </si>
  <si>
    <t>116138.0</t>
  </si>
  <si>
    <t>10786834.0</t>
  </si>
  <si>
    <t>140442.0</t>
  </si>
  <si>
    <t>227.154</t>
  </si>
  <si>
    <t>10926494.0</t>
  </si>
  <si>
    <t>139660.0</t>
  </si>
  <si>
    <t>230.095</t>
  </si>
  <si>
    <t>33.243</t>
  </si>
  <si>
    <t>11064129.0</t>
  </si>
  <si>
    <t>137635.0</t>
  </si>
  <si>
    <t>232.993</t>
  </si>
  <si>
    <t>11155029.0</t>
  </si>
  <si>
    <t>90900.0</t>
  </si>
  <si>
    <t>172.272</t>
  </si>
  <si>
    <t>11213760.0</t>
  </si>
  <si>
    <t>236.144</t>
  </si>
  <si>
    <t>116988.0</t>
  </si>
  <si>
    <t>54010.6</t>
  </si>
  <si>
    <t>1135.66344801507</t>
  </si>
  <si>
    <t>11268242.0</t>
  </si>
  <si>
    <t>237.291</t>
  </si>
  <si>
    <t>109666.0</t>
  </si>
  <si>
    <t>11390463.0</t>
  </si>
  <si>
    <t>122221.0</t>
  </si>
  <si>
    <t>239.865</t>
  </si>
  <si>
    <t>106296.0</t>
  </si>
  <si>
    <t>15.518</t>
  </si>
  <si>
    <t>11546249.0</t>
  </si>
  <si>
    <t>155786.0</t>
  </si>
  <si>
    <t>243.146</t>
  </si>
  <si>
    <t>11707932.0</t>
  </si>
  <si>
    <t>246.551</t>
  </si>
  <si>
    <t>111634.0</t>
  </si>
  <si>
    <t>11875956.0</t>
  </si>
  <si>
    <t>168024.0</t>
  </si>
  <si>
    <t>250.089</t>
  </si>
  <si>
    <t>115975.0</t>
  </si>
  <si>
    <t>11989230.0</t>
  </si>
  <si>
    <t>252.474</t>
  </si>
  <si>
    <t>119172.0</t>
  </si>
  <si>
    <t>12063430.0</t>
  </si>
  <si>
    <t>254.037</t>
  </si>
  <si>
    <t>121381.0</t>
  </si>
  <si>
    <t>55281.6</t>
  </si>
  <si>
    <t>1162.38835465242</t>
  </si>
  <si>
    <t>12206257.0</t>
  </si>
  <si>
    <t>142827.0</t>
  </si>
  <si>
    <t>257.045</t>
  </si>
  <si>
    <t>134002.0</t>
  </si>
  <si>
    <t>12389494.0</t>
  </si>
  <si>
    <t>183237.0</t>
  </si>
  <si>
    <t>260.903</t>
  </si>
  <si>
    <t>142719.0</t>
  </si>
  <si>
    <t>21.952</t>
  </si>
  <si>
    <t>12575914.0</t>
  </si>
  <si>
    <t>186420.0</t>
  </si>
  <si>
    <t>264.829</t>
  </si>
  <si>
    <t>147095.0</t>
  </si>
  <si>
    <t>12759901.0</t>
  </si>
  <si>
    <t>268.703</t>
  </si>
  <si>
    <t>150281.0</t>
  </si>
  <si>
    <t>12959478.0</t>
  </si>
  <si>
    <t>272.906</t>
  </si>
  <si>
    <t>13084579.0</t>
  </si>
  <si>
    <t>275.541</t>
  </si>
  <si>
    <t>13171570.0</t>
  </si>
  <si>
    <t>86991.0</t>
  </si>
  <si>
    <t>277.373</t>
  </si>
  <si>
    <t>57309.2</t>
  </si>
  <si>
    <t>1205.02204520937</t>
  </si>
  <si>
    <t>13337828.0</t>
  </si>
  <si>
    <t>166258.0</t>
  </si>
  <si>
    <t>280.874</t>
  </si>
  <si>
    <t>161653.0</t>
  </si>
  <si>
    <t>13550867.0</t>
  </si>
  <si>
    <t>213039.0</t>
  </si>
  <si>
    <t>285.36</t>
  </si>
  <si>
    <t>165910.0</t>
  </si>
  <si>
    <t>13762604.0</t>
  </si>
  <si>
    <t>211737.0</t>
  </si>
  <si>
    <t>289.819</t>
  </si>
  <si>
    <t>169527.0</t>
  </si>
  <si>
    <t>13968267.0</t>
  </si>
  <si>
    <t>205663.0</t>
  </si>
  <si>
    <t>294.15</t>
  </si>
  <si>
    <t>14182061.0</t>
  </si>
  <si>
    <t>213794.0</t>
  </si>
  <si>
    <t>298.652</t>
  </si>
  <si>
    <t>174655.0</t>
  </si>
  <si>
    <t>14319804.0</t>
  </si>
  <si>
    <t>137743.0</t>
  </si>
  <si>
    <t>301.553</t>
  </si>
  <si>
    <t>176461.0</t>
  </si>
  <si>
    <t>55.721</t>
  </si>
  <si>
    <t>14412545.0</t>
  </si>
  <si>
    <t>303.505</t>
  </si>
  <si>
    <t>177282.0</t>
  </si>
  <si>
    <t>59326.4</t>
  </si>
  <si>
    <t>1247.43705832413</t>
  </si>
  <si>
    <t>14548011.0</t>
  </si>
  <si>
    <t>306.358</t>
  </si>
  <si>
    <t>14743141.0</t>
  </si>
  <si>
    <t>195130.0</t>
  </si>
  <si>
    <t>310.467</t>
  </si>
  <si>
    <t>170325.0</t>
  </si>
  <si>
    <t>14949501.0</t>
  </si>
  <si>
    <t>314.813</t>
  </si>
  <si>
    <t>169557.0</t>
  </si>
  <si>
    <t>15150077.0</t>
  </si>
  <si>
    <t>200576.0</t>
  </si>
  <si>
    <t>319.037</t>
  </si>
  <si>
    <t>168830.0</t>
  </si>
  <si>
    <t>15356440.0</t>
  </si>
  <si>
    <t>206363.0</t>
  </si>
  <si>
    <t>167768.0</t>
  </si>
  <si>
    <t>32.423</t>
  </si>
  <si>
    <t>15487055.0</t>
  </si>
  <si>
    <t>130615.0</t>
  </si>
  <si>
    <t>326.133</t>
  </si>
  <si>
    <t>166750.0</t>
  </si>
  <si>
    <t>15584449.0</t>
  </si>
  <si>
    <t>97394.0</t>
  </si>
  <si>
    <t>328.184</t>
  </si>
  <si>
    <t>167415.0</t>
  </si>
  <si>
    <t>61889.8</t>
  </si>
  <si>
    <t>1301.3368424895</t>
  </si>
  <si>
    <t>15748306.0</t>
  </si>
  <si>
    <t>163857.0</t>
  </si>
  <si>
    <t>331.635</t>
  </si>
  <si>
    <t>171471.0</t>
  </si>
  <si>
    <t>15952740.0</t>
  </si>
  <si>
    <t>204434.0</t>
  </si>
  <si>
    <t>335.94</t>
  </si>
  <si>
    <t>172800.0</t>
  </si>
  <si>
    <t>16148714.0</t>
  </si>
  <si>
    <t>195974.0</t>
  </si>
  <si>
    <t>340.066</t>
  </si>
  <si>
    <t>171316.0</t>
  </si>
  <si>
    <t>16336914.0</t>
  </si>
  <si>
    <t>188200.0</t>
  </si>
  <si>
    <t>344.03</t>
  </si>
  <si>
    <t>169548.0</t>
  </si>
  <si>
    <t>16527695.0</t>
  </si>
  <si>
    <t>190781.0</t>
  </si>
  <si>
    <t>348.047</t>
  </si>
  <si>
    <t>167322.0</t>
  </si>
  <si>
    <t>65.393</t>
  </si>
  <si>
    <t>16643134.0</t>
  </si>
  <si>
    <t>115439.0</t>
  </si>
  <si>
    <t>350.478</t>
  </si>
  <si>
    <t>165154.0</t>
  </si>
  <si>
    <t>16733556.0</t>
  </si>
  <si>
    <t>90422.0</t>
  </si>
  <si>
    <t>352.382</t>
  </si>
  <si>
    <t>1345.05550958657</t>
  </si>
  <si>
    <t>16894159.0</t>
  </si>
  <si>
    <t>160603.0</t>
  </si>
  <si>
    <t>355.764</t>
  </si>
  <si>
    <t>17081066.0</t>
  </si>
  <si>
    <t>186907.0</t>
  </si>
  <si>
    <t>359.7</t>
  </si>
  <si>
    <t>161189.0</t>
  </si>
  <si>
    <t>17250264.0</t>
  </si>
  <si>
    <t>169198.0</t>
  </si>
  <si>
    <t>363.263</t>
  </si>
  <si>
    <t>157364.0</t>
  </si>
  <si>
    <t>17411779.0</t>
  </si>
  <si>
    <t>161515.0</t>
  </si>
  <si>
    <t>366.665</t>
  </si>
  <si>
    <t>153552.0</t>
  </si>
  <si>
    <t>17573046.0</t>
  </si>
  <si>
    <t>161267.0</t>
  </si>
  <si>
    <t>370.061</t>
  </si>
  <si>
    <t>17665274.0</t>
  </si>
  <si>
    <t>92228.0</t>
  </si>
  <si>
    <t>372.003</t>
  </si>
  <si>
    <t>146020.0</t>
  </si>
  <si>
    <t>17735124.0</t>
  </si>
  <si>
    <t>373.474</t>
  </si>
  <si>
    <t>1380.44340720313</t>
  </si>
  <si>
    <t>17874707.0</t>
  </si>
  <si>
    <t>139583.0</t>
  </si>
  <si>
    <t>376.413</t>
  </si>
  <si>
    <t>18036633.0</t>
  </si>
  <si>
    <t>379.823</t>
  </si>
  <si>
    <t>136510.0</t>
  </si>
  <si>
    <t>18191384.0</t>
  </si>
  <si>
    <t>154751.0</t>
  </si>
  <si>
    <t>383.082</t>
  </si>
  <si>
    <t>134446.0</t>
  </si>
  <si>
    <t>18338815.0</t>
  </si>
  <si>
    <t>386.187</t>
  </si>
  <si>
    <t>18509468.0</t>
  </si>
  <si>
    <t>170653.0</t>
  </si>
  <si>
    <t>389.78</t>
  </si>
  <si>
    <t>133775.0</t>
  </si>
  <si>
    <t>18600464.0</t>
  </si>
  <si>
    <t>391.696</t>
  </si>
  <si>
    <t>18657505.0</t>
  </si>
  <si>
    <t>392.898</t>
  </si>
  <si>
    <t>131769.0</t>
  </si>
  <si>
    <t>66998.2</t>
  </si>
  <si>
    <t>1408.74951996096</t>
  </si>
  <si>
    <t>18790949.0</t>
  </si>
  <si>
    <t>133444.0</t>
  </si>
  <si>
    <t>395.708</t>
  </si>
  <si>
    <t>130892.0</t>
  </si>
  <si>
    <t>18955582.0</t>
  </si>
  <si>
    <t>164633.0</t>
  </si>
  <si>
    <t>399.175</t>
  </si>
  <si>
    <t>131278.0</t>
  </si>
  <si>
    <t>19114365.0</t>
  </si>
  <si>
    <t>158783.0</t>
  </si>
  <si>
    <t>402.518</t>
  </si>
  <si>
    <t>131854.0</t>
  </si>
  <si>
    <t>19263543.0</t>
  </si>
  <si>
    <t>149178.0</t>
  </si>
  <si>
    <t>405.66</t>
  </si>
  <si>
    <t>132104.0</t>
  </si>
  <si>
    <t>19411023.0</t>
  </si>
  <si>
    <t>147480.0</t>
  </si>
  <si>
    <t>408.766</t>
  </si>
  <si>
    <t>128794.0</t>
  </si>
  <si>
    <t>19494318.0</t>
  </si>
  <si>
    <t>83295.0</t>
  </si>
  <si>
    <t>410.52</t>
  </si>
  <si>
    <t>127693.0</t>
  </si>
  <si>
    <t>19546947.0</t>
  </si>
  <si>
    <t>127063.0</t>
  </si>
  <si>
    <t>1436.31128834824</t>
  </si>
  <si>
    <t>19644040.0</t>
  </si>
  <si>
    <t>413.673</t>
  </si>
  <si>
    <t>121870.0</t>
  </si>
  <si>
    <t>19710609.0</t>
  </si>
  <si>
    <t>415.074</t>
  </si>
  <si>
    <t>107861.0</t>
  </si>
  <si>
    <t>19855159.0</t>
  </si>
  <si>
    <t>418.118</t>
  </si>
  <si>
    <t>105828.0</t>
  </si>
  <si>
    <t>134.36</t>
  </si>
  <si>
    <t>20019637.0</t>
  </si>
  <si>
    <t>164478.0</t>
  </si>
  <si>
    <t>421.582</t>
  </si>
  <si>
    <t>20187140.0</t>
  </si>
  <si>
    <t>425.109</t>
  </si>
  <si>
    <t>110874.0</t>
  </si>
  <si>
    <t>20285360.0</t>
  </si>
  <si>
    <t>98220.0</t>
  </si>
  <si>
    <t>427.178</t>
  </si>
  <si>
    <t>113006.0</t>
  </si>
  <si>
    <t>20344871.0</t>
  </si>
  <si>
    <t>428.431</t>
  </si>
  <si>
    <t>113989.0</t>
  </si>
  <si>
    <t>69280.4</t>
  </si>
  <si>
    <t>1456.73660251624</t>
  </si>
  <si>
    <t>20492182.0</t>
  </si>
  <si>
    <t>147311.0</t>
  </si>
  <si>
    <t>431.533</t>
  </si>
  <si>
    <t>20664885.0</t>
  </si>
  <si>
    <t>172703.0</t>
  </si>
  <si>
    <t>435.17</t>
  </si>
  <si>
    <t>136325.0</t>
  </si>
  <si>
    <t>20835213.0</t>
  </si>
  <si>
    <t>170328.0</t>
  </si>
  <si>
    <t>438.757</t>
  </si>
  <si>
    <t>140008.0</t>
  </si>
  <si>
    <t>21003829.0</t>
  </si>
  <si>
    <t>168616.0</t>
  </si>
  <si>
    <t>442.308</t>
  </si>
  <si>
    <t>21178289.0</t>
  </si>
  <si>
    <t>174460.0</t>
  </si>
  <si>
    <t>445.981</t>
  </si>
  <si>
    <t>141593.0</t>
  </si>
  <si>
    <t>21279846.0</t>
  </si>
  <si>
    <t>101557.0</t>
  </si>
  <si>
    <t>448.12</t>
  </si>
  <si>
    <t>21342066.0</t>
  </si>
  <si>
    <t>449.43</t>
  </si>
  <si>
    <t>69762.4</t>
  </si>
  <si>
    <t>1466.87146089484</t>
  </si>
  <si>
    <t>21504929.0</t>
  </si>
  <si>
    <t>162863.0</t>
  </si>
  <si>
    <t>452.86</t>
  </si>
  <si>
    <t>144678.0</t>
  </si>
  <si>
    <t>21697431.0</t>
  </si>
  <si>
    <t>192502.0</t>
  </si>
  <si>
    <t>456.914</t>
  </si>
  <si>
    <t>147507.0</t>
  </si>
  <si>
    <t>21897852.0</t>
  </si>
  <si>
    <t>200421.0</t>
  </si>
  <si>
    <t>461.134</t>
  </si>
  <si>
    <t>151806.0</t>
  </si>
  <si>
    <t>22039310.0</t>
  </si>
  <si>
    <t>141458.0</t>
  </si>
  <si>
    <t>464.113</t>
  </si>
  <si>
    <t>147926.0</t>
  </si>
  <si>
    <t>22089004.0</t>
  </si>
  <si>
    <t>465.16</t>
  </si>
  <si>
    <t>22160682.0</t>
  </si>
  <si>
    <t>466.669</t>
  </si>
  <si>
    <t>125834.0</t>
  </si>
  <si>
    <t>22223366.0</t>
  </si>
  <si>
    <t>62684.0</t>
  </si>
  <si>
    <t>467.989</t>
  </si>
  <si>
    <t>69670.2</t>
  </si>
  <si>
    <t>1464.93280126308</t>
  </si>
  <si>
    <t>22372880.0</t>
  </si>
  <si>
    <t>149514.0</t>
  </si>
  <si>
    <t>471.138</t>
  </si>
  <si>
    <t>123993.0</t>
  </si>
  <si>
    <t>22545415.0</t>
  </si>
  <si>
    <t>474.771</t>
  </si>
  <si>
    <t>22728121.0</t>
  </si>
  <si>
    <t>182706.0</t>
  </si>
  <si>
    <t>478.618</t>
  </si>
  <si>
    <t>118610.0</t>
  </si>
  <si>
    <t>22859368.0</t>
  </si>
  <si>
    <t>131247.0</t>
  </si>
  <si>
    <t>481.382</t>
  </si>
  <si>
    <t>22912700.0</t>
  </si>
  <si>
    <t>482.505</t>
  </si>
  <si>
    <t>22992376.0</t>
  </si>
  <si>
    <t>484.183</t>
  </si>
  <si>
    <t>118813.0</t>
  </si>
  <si>
    <t>23059915.0</t>
  </si>
  <si>
    <t>67539.0</t>
  </si>
  <si>
    <t>485.605</t>
  </si>
  <si>
    <t>1473.69672029254</t>
  </si>
  <si>
    <t>23225354.0</t>
  </si>
  <si>
    <t>165439.0</t>
  </si>
  <si>
    <t>489.089</t>
  </si>
  <si>
    <t>121782.0</t>
  </si>
  <si>
    <t>82834.0</t>
  </si>
  <si>
    <t>23431097.0</t>
  </si>
  <si>
    <t>205743.0</t>
  </si>
  <si>
    <t>493.422</t>
  </si>
  <si>
    <t>126526.0</t>
  </si>
  <si>
    <t>139339.0</t>
  </si>
  <si>
    <t>23529892.0</t>
  </si>
  <si>
    <t>98795.0</t>
  </si>
  <si>
    <t>495.502</t>
  </si>
  <si>
    <t>114539.0</t>
  </si>
  <si>
    <t>23710621.0</t>
  </si>
  <si>
    <t>180729.0</t>
  </si>
  <si>
    <t>499.308</t>
  </si>
  <si>
    <t>23921817.0</t>
  </si>
  <si>
    <t>211196.0</t>
  </si>
  <si>
    <t>503.756</t>
  </si>
  <si>
    <t>144160.0</t>
  </si>
  <si>
    <t>277976.0</t>
  </si>
  <si>
    <t>24045150.0</t>
  </si>
  <si>
    <t>123333.0</t>
  </si>
  <si>
    <t>506.353</t>
  </si>
  <si>
    <t>150396.0</t>
  </si>
  <si>
    <t>24134945.0</t>
  </si>
  <si>
    <t>89795.0</t>
  </si>
  <si>
    <t>508.244</t>
  </si>
  <si>
    <t>70625.0</t>
  </si>
  <si>
    <t>1485.00907259065</t>
  </si>
  <si>
    <t>24334834.0</t>
  </si>
  <si>
    <t>199889.0</t>
  </si>
  <si>
    <t>512.453</t>
  </si>
  <si>
    <t>158497.0</t>
  </si>
  <si>
    <t>406091.0</t>
  </si>
  <si>
    <t>24571091.0</t>
  </si>
  <si>
    <t>236257.0</t>
  </si>
  <si>
    <t>517.428</t>
  </si>
  <si>
    <t>162856.0</t>
  </si>
  <si>
    <t>488122.0</t>
  </si>
  <si>
    <t>82031.0</t>
  </si>
  <si>
    <t>49826.0</t>
  </si>
  <si>
    <t>24823655.0</t>
  </si>
  <si>
    <t>252564.0</t>
  </si>
  <si>
    <t>522.747</t>
  </si>
  <si>
    <t>184823.0</t>
  </si>
  <si>
    <t>581638.0</t>
  </si>
  <si>
    <t>58330.0</t>
  </si>
  <si>
    <t>25066572.0</t>
  </si>
  <si>
    <t>242917.0</t>
  </si>
  <si>
    <t>527.862</t>
  </si>
  <si>
    <t>193707.0</t>
  </si>
  <si>
    <t>676186.0</t>
  </si>
  <si>
    <t>94548.0</t>
  </si>
  <si>
    <t>25325551.0</t>
  </si>
  <si>
    <t>258979.0</t>
  </si>
  <si>
    <t>533.316</t>
  </si>
  <si>
    <t>200533.0</t>
  </si>
  <si>
    <t>768950.0</t>
  </si>
  <si>
    <t>92764.0</t>
  </si>
  <si>
    <t>70139.0</t>
  </si>
  <si>
    <t>25493556.0</t>
  </si>
  <si>
    <t>168005.0</t>
  </si>
  <si>
    <t>536.854</t>
  </si>
  <si>
    <t>206915.0</t>
  </si>
  <si>
    <t>70181.0</t>
  </si>
  <si>
    <t>70071.0</t>
  </si>
  <si>
    <t>25607776.0</t>
  </si>
  <si>
    <t>114220.0</t>
  </si>
  <si>
    <t>539.259</t>
  </si>
  <si>
    <t>210404.0</t>
  </si>
  <si>
    <t>72129.0</t>
  </si>
  <si>
    <t>1516.63319500023</t>
  </si>
  <si>
    <t>25853625.0</t>
  </si>
  <si>
    <t>245849.0</t>
  </si>
  <si>
    <t>544.437</t>
  </si>
  <si>
    <t>216970.0</t>
  </si>
  <si>
    <t>897942.0</t>
  </si>
  <si>
    <t>895627.0</t>
  </si>
  <si>
    <t>70264.0</t>
  </si>
  <si>
    <t>75.297</t>
  </si>
  <si>
    <t>26146697.0</t>
  </si>
  <si>
    <t>293072.0</t>
  </si>
  <si>
    <t>550.608</t>
  </si>
  <si>
    <t>966097.0</t>
  </si>
  <si>
    <t>956756.0</t>
  </si>
  <si>
    <t>68155.0</t>
  </si>
  <si>
    <t>68282.0</t>
  </si>
  <si>
    <t>66948.0</t>
  </si>
  <si>
    <t>22823.0</t>
  </si>
  <si>
    <t>26446426.0</t>
  </si>
  <si>
    <t>299729.0</t>
  </si>
  <si>
    <t>556.92</t>
  </si>
  <si>
    <t>1025937.0</t>
  </si>
  <si>
    <t>1010295.0</t>
  </si>
  <si>
    <t>59840.0</t>
  </si>
  <si>
    <t>63471.0</t>
  </si>
  <si>
    <t>61237.0</t>
  </si>
  <si>
    <t>26749151.0</t>
  </si>
  <si>
    <t>302725.0</t>
  </si>
  <si>
    <t>563.295</t>
  </si>
  <si>
    <t>240368.0</t>
  </si>
  <si>
    <t>1103301.0</t>
  </si>
  <si>
    <t>1054245.0</t>
  </si>
  <si>
    <t>49056.0</t>
  </si>
  <si>
    <t>77364.0</t>
  </si>
  <si>
    <t>61016.0</t>
  </si>
  <si>
    <t>27052902.0</t>
  </si>
  <si>
    <t>303751.0</t>
  </si>
  <si>
    <t>569.691</t>
  </si>
  <si>
    <t>1165825.0</t>
  </si>
  <si>
    <t>1097369.0</t>
  </si>
  <si>
    <t>62524.0</t>
  </si>
  <si>
    <t>27244240.0</t>
  </si>
  <si>
    <t>191338.0</t>
  </si>
  <si>
    <t>573.721</t>
  </si>
  <si>
    <t>250098.0</t>
  </si>
  <si>
    <t>55680.0</t>
  </si>
  <si>
    <t>27378029.0</t>
  </si>
  <si>
    <t>133789.0</t>
  </si>
  <si>
    <t>576.538</t>
  </si>
  <si>
    <t>252893.0</t>
  </si>
  <si>
    <t>1237593.0</t>
  </si>
  <si>
    <t>1148895.0</t>
  </si>
  <si>
    <t>88698.0</t>
  </si>
  <si>
    <t>74547.0</t>
  </si>
  <si>
    <t>1567.4757003103</t>
  </si>
  <si>
    <t>27652007.0</t>
  </si>
  <si>
    <t>582.308</t>
  </si>
  <si>
    <t>256912.0</t>
  </si>
  <si>
    <t>1291216.0</t>
  </si>
  <si>
    <t>1167519.0</t>
  </si>
  <si>
    <t>123697.0</t>
  </si>
  <si>
    <t>27962236.0</t>
  </si>
  <si>
    <t>310229.0</t>
  </si>
  <si>
    <t>588.841</t>
  </si>
  <si>
    <t>1356461.0</t>
  </si>
  <si>
    <t>1183395.0</t>
  </si>
  <si>
    <t>173066.0</t>
  </si>
  <si>
    <t>65245.0</t>
  </si>
  <si>
    <t>28280937.0</t>
  </si>
  <si>
    <t>318701.0</t>
  </si>
  <si>
    <t>595.552</t>
  </si>
  <si>
    <t>262073.0</t>
  </si>
  <si>
    <t>1395618.0</t>
  </si>
  <si>
    <t>1202859.0</t>
  </si>
  <si>
    <t>192759.0</t>
  </si>
  <si>
    <t>52812.0</t>
  </si>
  <si>
    <t>28580251.0</t>
  </si>
  <si>
    <t>299314.0</t>
  </si>
  <si>
    <t>601.855</t>
  </si>
  <si>
    <t>261586.0</t>
  </si>
  <si>
    <t>1474189.0</t>
  </si>
  <si>
    <t>1222323.0</t>
  </si>
  <si>
    <t>251866.0</t>
  </si>
  <si>
    <t>28879061.0</t>
  </si>
  <si>
    <t>298810.0</t>
  </si>
  <si>
    <t>608.148</t>
  </si>
  <si>
    <t>260880.0</t>
  </si>
  <si>
    <t>29080907.0</t>
  </si>
  <si>
    <t>201846.0</t>
  </si>
  <si>
    <t>612.398</t>
  </si>
  <si>
    <t>262381.0</t>
  </si>
  <si>
    <t>29214373.0</t>
  </si>
  <si>
    <t>133466.0</t>
  </si>
  <si>
    <t>615.209</t>
  </si>
  <si>
    <t>262335.0</t>
  </si>
  <si>
    <t>1609261.0</t>
  </si>
  <si>
    <t>1251369.0</t>
  </si>
  <si>
    <t>357892.0</t>
  </si>
  <si>
    <t>53095.0</t>
  </si>
  <si>
    <t>77050.2</t>
  </si>
  <si>
    <t>1620.1096785122</t>
  </si>
  <si>
    <t>29465473.0</t>
  </si>
  <si>
    <t>251100.0</t>
  </si>
  <si>
    <t>620.496</t>
  </si>
  <si>
    <t>259067.0</t>
  </si>
  <si>
    <t>1673054.0</t>
  </si>
  <si>
    <t>1254535.0</t>
  </si>
  <si>
    <t>418519.0</t>
  </si>
  <si>
    <t>63793.0</t>
  </si>
  <si>
    <t>29744524.0</t>
  </si>
  <si>
    <t>279051.0</t>
  </si>
  <si>
    <t>626.373</t>
  </si>
  <si>
    <t>254613.0</t>
  </si>
  <si>
    <t>1764778.0</t>
  </si>
  <si>
    <t>1265800.0</t>
  </si>
  <si>
    <t>498978.0</t>
  </si>
  <si>
    <t>91724.0</t>
  </si>
  <si>
    <t>58331.0</t>
  </si>
  <si>
    <t>30030132.0</t>
  </si>
  <si>
    <t>632.387</t>
  </si>
  <si>
    <t>249885.0</t>
  </si>
  <si>
    <t>1865342.0</t>
  </si>
  <si>
    <t>1279220.0</t>
  </si>
  <si>
    <t>586122.0</t>
  </si>
  <si>
    <t>67103.0</t>
  </si>
  <si>
    <t>30299717.0</t>
  </si>
  <si>
    <t>269585.0</t>
  </si>
  <si>
    <t>638.064</t>
  </si>
  <si>
    <t>245638.0</t>
  </si>
  <si>
    <t>1988160.0</t>
  </si>
  <si>
    <t>1305251.0</t>
  </si>
  <si>
    <t>682909.0</t>
  </si>
  <si>
    <t>122818.0</t>
  </si>
  <si>
    <t>30566117.0</t>
  </si>
  <si>
    <t>266400.0</t>
  </si>
  <si>
    <t>643.674</t>
  </si>
  <si>
    <t>241008.0</t>
  </si>
  <si>
    <t>72558.0</t>
  </si>
  <si>
    <t>30731015.0</t>
  </si>
  <si>
    <t>164898.0</t>
  </si>
  <si>
    <t>647.147</t>
  </si>
  <si>
    <t>235730.0</t>
  </si>
  <si>
    <t>30837879.0</t>
  </si>
  <si>
    <t>649.397</t>
  </si>
  <si>
    <t>231929.0</t>
  </si>
  <si>
    <t>2105033.0</t>
  </si>
  <si>
    <t>1318626.0</t>
  </si>
  <si>
    <t>786407.0</t>
  </si>
  <si>
    <t>78553.2</t>
  </si>
  <si>
    <t>1651.71277424464</t>
  </si>
  <si>
    <t>31059580.0</t>
  </si>
  <si>
    <t>221701.0</t>
  </si>
  <si>
    <t>654.066</t>
  </si>
  <si>
    <t>227730.0</t>
  </si>
  <si>
    <t>2167241.0</t>
  </si>
  <si>
    <t>1328459.0</t>
  </si>
  <si>
    <t>838782.0</t>
  </si>
  <si>
    <t>62208.0</t>
  </si>
  <si>
    <t>70598.0</t>
  </si>
  <si>
    <t>95.84</t>
  </si>
  <si>
    <t>31300064.0</t>
  </si>
  <si>
    <t>240484.0</t>
  </si>
  <si>
    <t>659.13</t>
  </si>
  <si>
    <t>222220.0</t>
  </si>
  <si>
    <t>2233249.0</t>
  </si>
  <si>
    <t>1343566.0</t>
  </si>
  <si>
    <t>889683.0</t>
  </si>
  <si>
    <t>13803.0</t>
  </si>
  <si>
    <t>31523397.0</t>
  </si>
  <si>
    <t>223333.0</t>
  </si>
  <si>
    <t>663.833</t>
  </si>
  <si>
    <t>2320507.0</t>
  </si>
  <si>
    <t>1377229.0</t>
  </si>
  <si>
    <t>943278.0</t>
  </si>
  <si>
    <t>87258.0</t>
  </si>
  <si>
    <t>31737881.0</t>
  </si>
  <si>
    <t>214484.0</t>
  </si>
  <si>
    <t>668.35</t>
  </si>
  <si>
    <t>2423045.0</t>
  </si>
  <si>
    <t>1422560.0</t>
  </si>
  <si>
    <t>1000485.0</t>
  </si>
  <si>
    <t>102538.0</t>
  </si>
  <si>
    <t>31937853.0</t>
  </si>
  <si>
    <t>199972.0</t>
  </si>
  <si>
    <t>672.561</t>
  </si>
  <si>
    <t>195962.0</t>
  </si>
  <si>
    <t>346.12</t>
  </si>
  <si>
    <t>32042518.0</t>
  </si>
  <si>
    <t>104665.0</t>
  </si>
  <si>
    <t>674.765</t>
  </si>
  <si>
    <t>187358.0</t>
  </si>
  <si>
    <t>32107195.0</t>
  </si>
  <si>
    <t>64677.0</t>
  </si>
  <si>
    <t>676.127</t>
  </si>
  <si>
    <t>2561608.0</t>
  </si>
  <si>
    <t>1491517.0</t>
  </si>
  <si>
    <t>1070091.0</t>
  </si>
  <si>
    <t>65225.0</t>
  </si>
  <si>
    <t>79133.4</t>
  </si>
  <si>
    <t>1663.9124523178</t>
  </si>
  <si>
    <t>32269176.0</t>
  </si>
  <si>
    <t>161981.0</t>
  </si>
  <si>
    <t>679.538</t>
  </si>
  <si>
    <t>2624512.0</t>
  </si>
  <si>
    <t>1527590.0</t>
  </si>
  <si>
    <t>1096922.0</t>
  </si>
  <si>
    <t>62904.0</t>
  </si>
  <si>
    <t>32450390.0</t>
  </si>
  <si>
    <t>683.354</t>
  </si>
  <si>
    <t>164332.0</t>
  </si>
  <si>
    <t>2690457.0</t>
  </si>
  <si>
    <t>1571277.0</t>
  </si>
  <si>
    <t>1119180.0</t>
  </si>
  <si>
    <t>65945.0</t>
  </si>
  <si>
    <t>65315.0</t>
  </si>
  <si>
    <t>32615156.0</t>
  </si>
  <si>
    <t>164766.0</t>
  </si>
  <si>
    <t>686.824</t>
  </si>
  <si>
    <t>155966.0</t>
  </si>
  <si>
    <t>2782751.0</t>
  </si>
  <si>
    <t>1638195.0</t>
  </si>
  <si>
    <t>1144556.0</t>
  </si>
  <si>
    <t>92294.0</t>
  </si>
  <si>
    <t>32771516.0</t>
  </si>
  <si>
    <t>156360.0</t>
  </si>
  <si>
    <t>690.116</t>
  </si>
  <si>
    <t>147662.0</t>
  </si>
  <si>
    <t>2936011.0</t>
  </si>
  <si>
    <t>1764985.0</t>
  </si>
  <si>
    <t>1171026.0</t>
  </si>
  <si>
    <t>153260.0</t>
  </si>
  <si>
    <t>32921699.0</t>
  </si>
  <si>
    <t>150183.0</t>
  </si>
  <si>
    <t>693.279</t>
  </si>
  <si>
    <t>140549.0</t>
  </si>
  <si>
    <t>51744.0</t>
  </si>
  <si>
    <t>33004779.0</t>
  </si>
  <si>
    <t>83080.0</t>
  </si>
  <si>
    <t>695.029</t>
  </si>
  <si>
    <t>137466.0</t>
  </si>
  <si>
    <t>33062156.0</t>
  </si>
  <si>
    <t>696.237</t>
  </si>
  <si>
    <t>3090351.0</t>
  </si>
  <si>
    <t>1893290.0</t>
  </si>
  <si>
    <t>1197061.0</t>
  </si>
  <si>
    <t>57396.0</t>
  </si>
  <si>
    <t>78989.2</t>
  </si>
  <si>
    <t>1660.88040547508</t>
  </si>
  <si>
    <t>33208411.0</t>
  </si>
  <si>
    <t>146255.0</t>
  </si>
  <si>
    <t>699.317</t>
  </si>
  <si>
    <t>3165191.0</t>
  </si>
  <si>
    <t>1956886.0</t>
  </si>
  <si>
    <t>1208305.0</t>
  </si>
  <si>
    <t>77240.0</t>
  </si>
  <si>
    <t>61328.0</t>
  </si>
  <si>
    <t>33362619.0</t>
  </si>
  <si>
    <t>3284678.0</t>
  </si>
  <si>
    <t>2063495.0</t>
  </si>
  <si>
    <t>1221183.0</t>
  </si>
  <si>
    <t>119487.0</t>
  </si>
  <si>
    <t>84889.0</t>
  </si>
  <si>
    <t>70317.0</t>
  </si>
  <si>
    <t>33509460.0</t>
  </si>
  <si>
    <t>146841.0</t>
  </si>
  <si>
    <t>705.656</t>
  </si>
  <si>
    <t>127758.0</t>
  </si>
  <si>
    <t>3436158.0</t>
  </si>
  <si>
    <t>2204376.0</t>
  </si>
  <si>
    <t>1231782.0</t>
  </si>
  <si>
    <t>151480.0</t>
  </si>
  <si>
    <t>93344.0</t>
  </si>
  <si>
    <t>139.197</t>
  </si>
  <si>
    <t>33632723.0</t>
  </si>
  <si>
    <t>123263.0</t>
  </si>
  <si>
    <t>708.252</t>
  </si>
  <si>
    <t>123030.0</t>
  </si>
  <si>
    <t>3605635.0</t>
  </si>
  <si>
    <t>2361852.0</t>
  </si>
  <si>
    <t>1243783.0</t>
  </si>
  <si>
    <t>169477.0</t>
  </si>
  <si>
    <t>33765741.0</t>
  </si>
  <si>
    <t>133018.0</t>
  </si>
  <si>
    <t>711.053</t>
  </si>
  <si>
    <t>120577.0</t>
  </si>
  <si>
    <t>33840907.0</t>
  </si>
  <si>
    <t>712.636</t>
  </si>
  <si>
    <t>119447.0</t>
  </si>
  <si>
    <t>102279.0</t>
  </si>
  <si>
    <t>92644.0</t>
  </si>
  <si>
    <t>33890881.0</t>
  </si>
  <si>
    <t>49974.0</t>
  </si>
  <si>
    <t>713.689</t>
  </si>
  <si>
    <t>118389.0</t>
  </si>
  <si>
    <t>3829465.0</t>
  </si>
  <si>
    <t>2567617.0</t>
  </si>
  <si>
    <t>1261848.0</t>
  </si>
  <si>
    <t>96332.0</t>
  </si>
  <si>
    <t>78594.8</t>
  </si>
  <si>
    <t>1652.58748401342</t>
  </si>
  <si>
    <t>34023378.0</t>
  </si>
  <si>
    <t>132497.0</t>
  </si>
  <si>
    <t>716.479</t>
  </si>
  <si>
    <t>116424.0</t>
  </si>
  <si>
    <t>3908734.0</t>
  </si>
  <si>
    <t>2642034.0</t>
  </si>
  <si>
    <t>1266700.0</t>
  </si>
  <si>
    <t>106220.0</t>
  </si>
  <si>
    <t>34179326.0</t>
  </si>
  <si>
    <t>155948.0</t>
  </si>
  <si>
    <t>719.763</t>
  </si>
  <si>
    <t>116672.0</t>
  </si>
  <si>
    <t>4059320.0</t>
  </si>
  <si>
    <t>2772318.0</t>
  </si>
  <si>
    <t>1287002.0</t>
  </si>
  <si>
    <t>150586.0</t>
  </si>
  <si>
    <t>110663.0</t>
  </si>
  <si>
    <t>34323604.0</t>
  </si>
  <si>
    <t>144278.0</t>
  </si>
  <si>
    <t>722.801</t>
  </si>
  <si>
    <t>4229092.0</t>
  </si>
  <si>
    <t>2920179.0</t>
  </si>
  <si>
    <t>1308913.0</t>
  </si>
  <si>
    <t>169772.0</t>
  </si>
  <si>
    <t>113276.0</t>
  </si>
  <si>
    <t>102258.0</t>
  </si>
  <si>
    <t>34451804.0</t>
  </si>
  <si>
    <t>128200.0</t>
  </si>
  <si>
    <t>725.501</t>
  </si>
  <si>
    <t>117012.0</t>
  </si>
  <si>
    <t>4471577.0</t>
  </si>
  <si>
    <t>3129092.0</t>
  </si>
  <si>
    <t>1342485.0</t>
  </si>
  <si>
    <t>242485.0</t>
  </si>
  <si>
    <t>109606.0</t>
  </si>
  <si>
    <t>34579304.0</t>
  </si>
  <si>
    <t>127500.0</t>
  </si>
  <si>
    <t>728.186</t>
  </si>
  <si>
    <t>116223.0</t>
  </si>
  <si>
    <t>109313.0</t>
  </si>
  <si>
    <t>34653011.0</t>
  </si>
  <si>
    <t>729.738</t>
  </si>
  <si>
    <t>109020.0</t>
  </si>
  <si>
    <t>34702910.0</t>
  </si>
  <si>
    <t>49899.0</t>
  </si>
  <si>
    <t>730.789</t>
  </si>
  <si>
    <t>116004.0</t>
  </si>
  <si>
    <t>4712191.0</t>
  </si>
  <si>
    <t>3328703.0</t>
  </si>
  <si>
    <t>126104.0</t>
  </si>
  <si>
    <t>108727.0</t>
  </si>
  <si>
    <t>77950.2</t>
  </si>
  <si>
    <t>1639.03368793282</t>
  </si>
  <si>
    <t>34835180.0</t>
  </si>
  <si>
    <t>132270.0</t>
  </si>
  <si>
    <t>733.574</t>
  </si>
  <si>
    <t>115972.0</t>
  </si>
  <si>
    <t>4848648.0</t>
  </si>
  <si>
    <t>3436412.0</t>
  </si>
  <si>
    <t>136457.0</t>
  </si>
  <si>
    <t>134273.0</t>
  </si>
  <si>
    <t>113483.0</t>
  </si>
  <si>
    <t>34977791.0</t>
  </si>
  <si>
    <t>142611.0</t>
  </si>
  <si>
    <t>736.577</t>
  </si>
  <si>
    <t>4989505.0</t>
  </si>
  <si>
    <t>3541667.0</t>
  </si>
  <si>
    <t>1447838.0</t>
  </si>
  <si>
    <t>140857.0</t>
  </si>
  <si>
    <t>132884.0</t>
  </si>
  <si>
    <t>109907.0</t>
  </si>
  <si>
    <t>35106726.0</t>
  </si>
  <si>
    <t>739.292</t>
  </si>
  <si>
    <t>111875.0</t>
  </si>
  <si>
    <t>5172106.0</t>
  </si>
  <si>
    <t>3668848.0</t>
  </si>
  <si>
    <t>1503258.0</t>
  </si>
  <si>
    <t>182601.0</t>
  </si>
  <si>
    <t>35220779.0</t>
  </si>
  <si>
    <t>114053.0</t>
  </si>
  <si>
    <t>741.694</t>
  </si>
  <si>
    <t>5352767.0</t>
  </si>
  <si>
    <t>3769523.0</t>
  </si>
  <si>
    <t>1583244.0</t>
  </si>
  <si>
    <t>180661.0</t>
  </si>
  <si>
    <t>125884.0</t>
  </si>
  <si>
    <t>91490.0</t>
  </si>
  <si>
    <t>35347008.0</t>
  </si>
  <si>
    <t>126229.0</t>
  </si>
  <si>
    <t>744.352</t>
  </si>
  <si>
    <t>124860.0</t>
  </si>
  <si>
    <t>88474.0</t>
  </si>
  <si>
    <t>35418912.0</t>
  </si>
  <si>
    <t>745.866</t>
  </si>
  <si>
    <t>123835.0</t>
  </si>
  <si>
    <t>85458.0</t>
  </si>
  <si>
    <t>35466588.0</t>
  </si>
  <si>
    <t>47676.0</t>
  </si>
  <si>
    <t>746.87</t>
  </si>
  <si>
    <t>109097.0</t>
  </si>
  <si>
    <t>82442.0</t>
  </si>
  <si>
    <t>77383.2</t>
  </si>
  <si>
    <t>1627.11156199783</t>
  </si>
  <si>
    <t>35596748.0</t>
  </si>
  <si>
    <t>130160.0</t>
  </si>
  <si>
    <t>749.611</t>
  </si>
  <si>
    <t>108795.0</t>
  </si>
  <si>
    <t>5644895.0</t>
  </si>
  <si>
    <t>3951221.0</t>
  </si>
  <si>
    <t>1693674.0</t>
  </si>
  <si>
    <t>113750.0</t>
  </si>
  <si>
    <t>35735201.0</t>
  </si>
  <si>
    <t>138453.0</t>
  </si>
  <si>
    <t>752.527</t>
  </si>
  <si>
    <t>5742218.0</t>
  </si>
  <si>
    <t>4013681.0</t>
  </si>
  <si>
    <t>1728537.0</t>
  </si>
  <si>
    <t>97323.0</t>
  </si>
  <si>
    <t>35864193.0</t>
  </si>
  <si>
    <t>128992.0</t>
  </si>
  <si>
    <t>755.243</t>
  </si>
  <si>
    <t>5857085.0</t>
  </si>
  <si>
    <t>4052470.0</t>
  </si>
  <si>
    <t>1804615.0</t>
  </si>
  <si>
    <t>114867.0</t>
  </si>
  <si>
    <t>97854.0</t>
  </si>
  <si>
    <t>54803.0</t>
  </si>
  <si>
    <t>35983563.0</t>
  </si>
  <si>
    <t>119370.0</t>
  </si>
  <si>
    <t>757.757</t>
  </si>
  <si>
    <t>108969.0</t>
  </si>
  <si>
    <t>5993363.0</t>
  </si>
  <si>
    <t>4106550.0</t>
  </si>
  <si>
    <t>1886813.0</t>
  </si>
  <si>
    <t>136278.0</t>
  </si>
  <si>
    <t>91514.0</t>
  </si>
  <si>
    <t>48147.0</t>
  </si>
  <si>
    <t>36086977.0</t>
  </si>
  <si>
    <t>759.935</t>
  </si>
  <si>
    <t>92814.0</t>
  </si>
  <si>
    <t>36153410.0</t>
  </si>
  <si>
    <t>761.334</t>
  </si>
  <si>
    <t>104928.0</t>
  </si>
  <si>
    <t>94115.0</t>
  </si>
  <si>
    <t>36202597.0</t>
  </si>
  <si>
    <t>762.37</t>
  </si>
  <si>
    <t>105144.0</t>
  </si>
  <si>
    <t>39874.0</t>
  </si>
  <si>
    <t>76878.4</t>
  </si>
  <si>
    <t>1616.49729538057</t>
  </si>
  <si>
    <t>36335458.0</t>
  </si>
  <si>
    <t>765.167</t>
  </si>
  <si>
    <t>6321908.0</t>
  </si>
  <si>
    <t>4211040.0</t>
  </si>
  <si>
    <t>2110868.0</t>
  </si>
  <si>
    <t>96716.0</t>
  </si>
  <si>
    <t>36486569.0</t>
  </si>
  <si>
    <t>768.35</t>
  </si>
  <si>
    <t>107338.0</t>
  </si>
  <si>
    <t>4252598.0</t>
  </si>
  <si>
    <t>2156598.0</t>
  </si>
  <si>
    <t>95283.0</t>
  </si>
  <si>
    <t>36626112.0</t>
  </si>
  <si>
    <t>139543.0</t>
  </si>
  <si>
    <t>771.288</t>
  </si>
  <si>
    <t>108846.0</t>
  </si>
  <si>
    <t>6620093.0</t>
  </si>
  <si>
    <t>4343860.0</t>
  </si>
  <si>
    <t>2276233.0</t>
  </si>
  <si>
    <t>210897.0</t>
  </si>
  <si>
    <t>109001.0</t>
  </si>
  <si>
    <t>36756551.0</t>
  </si>
  <si>
    <t>130439.0</t>
  </si>
  <si>
    <t>774.035</t>
  </si>
  <si>
    <t>6839736.0</t>
  </si>
  <si>
    <t>4447534.0</t>
  </si>
  <si>
    <t>2392202.0</t>
  </si>
  <si>
    <t>219643.0</t>
  </si>
  <si>
    <t>120910.0</t>
  </si>
  <si>
    <t>15.539</t>
  </si>
  <si>
    <t>36893223.0</t>
  </si>
  <si>
    <t>136672.0</t>
  </si>
  <si>
    <t>776.913</t>
  </si>
  <si>
    <t>115178.0</t>
  </si>
  <si>
    <t>7067371.0</t>
  </si>
  <si>
    <t>4561529.0</t>
  </si>
  <si>
    <t>2505842.0</t>
  </si>
  <si>
    <t>227635.0</t>
  </si>
  <si>
    <t>61265.0</t>
  </si>
  <si>
    <t>36977846.0</t>
  </si>
  <si>
    <t>84623.0</t>
  </si>
  <si>
    <t>778.695</t>
  </si>
  <si>
    <t>153965.0</t>
  </si>
  <si>
    <t>76853.0</t>
  </si>
  <si>
    <t>37030929.0</t>
  </si>
  <si>
    <t>779.813</t>
  </si>
  <si>
    <t>118333.0</t>
  </si>
  <si>
    <t>76761.8</t>
  </si>
  <si>
    <t>1614.04558482675</t>
  </si>
  <si>
    <t>37160539.0</t>
  </si>
  <si>
    <t>129610.0</t>
  </si>
  <si>
    <t>782.542</t>
  </si>
  <si>
    <t>7571439.0</t>
  </si>
  <si>
    <t>4967230.0</t>
  </si>
  <si>
    <t>2604209.0</t>
  </si>
  <si>
    <t>178504.0</t>
  </si>
  <si>
    <t>37290365.0</t>
  </si>
  <si>
    <t>129826.0</t>
  </si>
  <si>
    <t>785.276</t>
  </si>
  <si>
    <t>114828.0</t>
  </si>
  <si>
    <t>7736611.0</t>
  </si>
  <si>
    <t>5092535.0</t>
  </si>
  <si>
    <t>2644076.0</t>
  </si>
  <si>
    <t>165172.0</t>
  </si>
  <si>
    <t>189631.0</t>
  </si>
  <si>
    <t>37416915.0</t>
  </si>
  <si>
    <t>787.941</t>
  </si>
  <si>
    <t>112972.0</t>
  </si>
  <si>
    <t>8035160.0</t>
  </si>
  <si>
    <t>5314076.0</t>
  </si>
  <si>
    <t>2721084.0</t>
  </si>
  <si>
    <t>298549.0</t>
  </si>
  <si>
    <t>202152.0</t>
  </si>
  <si>
    <t>138602.0</t>
  </si>
  <si>
    <t>37500035.0</t>
  </si>
  <si>
    <t>83120.0</t>
  </si>
  <si>
    <t>789.692</t>
  </si>
  <si>
    <t>106212.0</t>
  </si>
  <si>
    <t>8342155.0</t>
  </si>
  <si>
    <t>5545140.0</t>
  </si>
  <si>
    <t>2797015.0</t>
  </si>
  <si>
    <t>306995.0</t>
  </si>
  <si>
    <t>214631.0</t>
  </si>
  <si>
    <t>37553485.0</t>
  </si>
  <si>
    <t>790.817</t>
  </si>
  <si>
    <t>196858.0</t>
  </si>
  <si>
    <t>152109.0</t>
  </si>
  <si>
    <t>37627725.0</t>
  </si>
  <si>
    <t>74240.0</t>
  </si>
  <si>
    <t>792.381</t>
  </si>
  <si>
    <t>92840.0</t>
  </si>
  <si>
    <t>8548598.0</t>
  </si>
  <si>
    <t>5707450.0</t>
  </si>
  <si>
    <t>2841148.0</t>
  </si>
  <si>
    <t>187601.0</t>
  </si>
  <si>
    <t>144384.0</t>
  </si>
  <si>
    <t>37689501.0</t>
  </si>
  <si>
    <t>61776.0</t>
  </si>
  <si>
    <t>793.681</t>
  </si>
  <si>
    <t>177533.0</t>
  </si>
  <si>
    <t>138168.0</t>
  </si>
  <si>
    <t>76615.4</t>
  </si>
  <si>
    <t>1610.96727929432</t>
  </si>
  <si>
    <t>37799708.0</t>
  </si>
  <si>
    <t>110207.0</t>
  </si>
  <si>
    <t>796.002</t>
  </si>
  <si>
    <t>91310.0</t>
  </si>
  <si>
    <t>8743694.0</t>
  </si>
  <si>
    <t>5890888.0</t>
  </si>
  <si>
    <t>2852806.0</t>
  </si>
  <si>
    <t>167465.0</t>
  </si>
  <si>
    <t>131951.0</t>
  </si>
  <si>
    <t>37950049.0</t>
  </si>
  <si>
    <t>150341.0</t>
  </si>
  <si>
    <t>799.168</t>
  </si>
  <si>
    <t>94241.0</t>
  </si>
  <si>
    <t>9021001.0</t>
  </si>
  <si>
    <t>6118710.0</t>
  </si>
  <si>
    <t>2902291.0</t>
  </si>
  <si>
    <t>277307.0</t>
  </si>
  <si>
    <t>183484.0</t>
  </si>
  <si>
    <t>146596.0</t>
  </si>
  <si>
    <t>18.356</t>
  </si>
  <si>
    <t>38099167.0</t>
  </si>
  <si>
    <t>149118.0</t>
  </si>
  <si>
    <t>802.308</t>
  </si>
  <si>
    <t>9357847.0</t>
  </si>
  <si>
    <t>6416016.0</t>
  </si>
  <si>
    <t>2941831.0</t>
  </si>
  <si>
    <t>336846.0</t>
  </si>
  <si>
    <t>188955.0</t>
  </si>
  <si>
    <t>157420.0</t>
  </si>
  <si>
    <t>18.693</t>
  </si>
  <si>
    <t>38242711.0</t>
  </si>
  <si>
    <t>143544.0</t>
  </si>
  <si>
    <t>805.331</t>
  </si>
  <si>
    <t>9811529.0</t>
  </si>
  <si>
    <t>6791079.0</t>
  </si>
  <si>
    <t>3020450.0</t>
  </si>
  <si>
    <t>453682.0</t>
  </si>
  <si>
    <t>209911.0</t>
  </si>
  <si>
    <t>177991.0</t>
  </si>
  <si>
    <t>38391868.0</t>
  </si>
  <si>
    <t>149157.0</t>
  </si>
  <si>
    <t>808.472</t>
  </si>
  <si>
    <t>10231825.0</t>
  </si>
  <si>
    <t>7159716.0</t>
  </si>
  <si>
    <t>3072109.0</t>
  </si>
  <si>
    <t>420296.0</t>
  </si>
  <si>
    <t>255207.0</t>
  </si>
  <si>
    <t>219060.0</t>
  </si>
  <si>
    <t>38484752.0</t>
  </si>
  <si>
    <t>810.428</t>
  </si>
  <si>
    <t>122432.0</t>
  </si>
  <si>
    <t>266803.0</t>
  </si>
  <si>
    <t>232078.0</t>
  </si>
  <si>
    <t>38544034.0</t>
  </si>
  <si>
    <t>59282.0</t>
  </si>
  <si>
    <t>811.677</t>
  </si>
  <si>
    <t>122076.0</t>
  </si>
  <si>
    <t>279209.0</t>
  </si>
  <si>
    <t>243587.0</t>
  </si>
  <si>
    <t>76508.4</t>
  </si>
  <si>
    <t>1608.71742484098</t>
  </si>
  <si>
    <t>38681742.0</t>
  </si>
  <si>
    <t>814.577</t>
  </si>
  <si>
    <t>10784997.0</t>
  </si>
  <si>
    <t>7676560.0</t>
  </si>
  <si>
    <t>3108437.0</t>
  </si>
  <si>
    <t>291615.0</t>
  </si>
  <si>
    <t>255096.0</t>
  </si>
  <si>
    <t>38841043.0</t>
  </si>
  <si>
    <t>127285.0</t>
  </si>
  <si>
    <t>11073657.0</t>
  </si>
  <si>
    <t>7937566.0</t>
  </si>
  <si>
    <t>3136091.0</t>
  </si>
  <si>
    <t>288660.0</t>
  </si>
  <si>
    <t>293237.0</t>
  </si>
  <si>
    <t>259837.0</t>
  </si>
  <si>
    <t>38999941.0</t>
  </si>
  <si>
    <t>821.277</t>
  </si>
  <si>
    <t>128682.0</t>
  </si>
  <si>
    <t>11436073.0</t>
  </si>
  <si>
    <t>8250887.0</t>
  </si>
  <si>
    <t>3185186.0</t>
  </si>
  <si>
    <t>362416.0</t>
  </si>
  <si>
    <t>296889.0</t>
  </si>
  <si>
    <t>262124.0</t>
  </si>
  <si>
    <t>39139511.0</t>
  </si>
  <si>
    <t>139570.0</t>
  </si>
  <si>
    <t>824.216</t>
  </si>
  <si>
    <t>11885085.0</t>
  </si>
  <si>
    <t>8631548.0</t>
  </si>
  <si>
    <t>3253537.0</t>
  </si>
  <si>
    <t>449012.0</t>
  </si>
  <si>
    <t>296222.0</t>
  </si>
  <si>
    <t>39286046.0</t>
  </si>
  <si>
    <t>146535.0</t>
  </si>
  <si>
    <t>827.302</t>
  </si>
  <si>
    <t>127740.0</t>
  </si>
  <si>
    <t>12330755.0</t>
  </si>
  <si>
    <t>9002054.0</t>
  </si>
  <si>
    <t>3328701.0</t>
  </si>
  <si>
    <t>445670.0</t>
  </si>
  <si>
    <t>299847.0</t>
  </si>
  <si>
    <t>263191.0</t>
  </si>
  <si>
    <t>39374533.0</t>
  </si>
  <si>
    <t>88487.0</t>
  </si>
  <si>
    <t>829.166</t>
  </si>
  <si>
    <t>298403.0</t>
  </si>
  <si>
    <t>259514.0</t>
  </si>
  <si>
    <t>39434176.0</t>
  </si>
  <si>
    <t>830.422</t>
  </si>
  <si>
    <t>127163.0</t>
  </si>
  <si>
    <t>296959.0</t>
  </si>
  <si>
    <t>255838.0</t>
  </si>
  <si>
    <t>76398.8</t>
  </si>
  <si>
    <t>1606.41290102709</t>
  </si>
  <si>
    <t>39582148.0</t>
  </si>
  <si>
    <t>147972.0</t>
  </si>
  <si>
    <t>833.538</t>
  </si>
  <si>
    <t>128629.0</t>
  </si>
  <si>
    <t>12853599.0</t>
  </si>
  <si>
    <t>9441685.0</t>
  </si>
  <si>
    <t>3411914.0</t>
  </si>
  <si>
    <t>295515.0</t>
  </si>
  <si>
    <t>39741521.0</t>
  </si>
  <si>
    <t>159373.0</t>
  </si>
  <si>
    <t>836.894</t>
  </si>
  <si>
    <t>128640.0</t>
  </si>
  <si>
    <t>13041032.0</t>
  </si>
  <si>
    <t>9588913.0</t>
  </si>
  <si>
    <t>3452119.0</t>
  </si>
  <si>
    <t>187433.0</t>
  </si>
  <si>
    <t>235907.0</t>
  </si>
  <si>
    <t>39890686.0</t>
  </si>
  <si>
    <t>149165.0</t>
  </si>
  <si>
    <t>127249.0</t>
  </si>
  <si>
    <t>13497809.0</t>
  </si>
  <si>
    <t>9886203.0</t>
  </si>
  <si>
    <t>3611606.0</t>
  </si>
  <si>
    <t>456777.0</t>
  </si>
  <si>
    <t>294534.0</t>
  </si>
  <si>
    <t>233617.0</t>
  </si>
  <si>
    <t>40035795.0</t>
  </si>
  <si>
    <t>145109.0</t>
  </si>
  <si>
    <t>843.091</t>
  </si>
  <si>
    <t>13909964.0</t>
  </si>
  <si>
    <t>10141949.0</t>
  </si>
  <si>
    <t>3768015.0</t>
  </si>
  <si>
    <t>412155.0</t>
  </si>
  <si>
    <t>289268.0</t>
  </si>
  <si>
    <t>215772.0</t>
  </si>
  <si>
    <t>40177418.0</t>
  </si>
  <si>
    <t>141623.0</t>
  </si>
  <si>
    <t>846.073</t>
  </si>
  <si>
    <t>127339.0</t>
  </si>
  <si>
    <t>14266251.0</t>
  </si>
  <si>
    <t>10405863.0</t>
  </si>
  <si>
    <t>3862789.0</t>
  </si>
  <si>
    <t>356287.0</t>
  </si>
  <si>
    <t>276499.0</t>
  </si>
  <si>
    <t>200544.0</t>
  </si>
  <si>
    <t>40270311.0</t>
  </si>
  <si>
    <t>848.029</t>
  </si>
  <si>
    <t>127968.0</t>
  </si>
  <si>
    <t>283722.0</t>
  </si>
  <si>
    <t>207510.0</t>
  </si>
  <si>
    <t>49.539</t>
  </si>
  <si>
    <t>40331126.0</t>
  </si>
  <si>
    <t>849.31</t>
  </si>
  <si>
    <t>128136.0</t>
  </si>
  <si>
    <t>14715931.0</t>
  </si>
  <si>
    <t>10796466.0</t>
  </si>
  <si>
    <t>3947465.0</t>
  </si>
  <si>
    <t>214475.0</t>
  </si>
  <si>
    <t>76628.6</t>
  </si>
  <si>
    <t>1611.24483143249</t>
  </si>
  <si>
    <t>40481512.0</t>
  </si>
  <si>
    <t>150386.0</t>
  </si>
  <si>
    <t>852.477</t>
  </si>
  <si>
    <t>14994667.0</t>
  </si>
  <si>
    <t>11013911.0</t>
  </si>
  <si>
    <t>4020945.0</t>
  </si>
  <si>
    <t>278736.0</t>
  </si>
  <si>
    <t>305867.0</t>
  </si>
  <si>
    <t>224604.0</t>
  </si>
  <si>
    <t>40644784.0</t>
  </si>
  <si>
    <t>163272.0</t>
  </si>
  <si>
    <t>855.915</t>
  </si>
  <si>
    <t>129038.0</t>
  </si>
  <si>
    <t>15377862.0</t>
  </si>
  <si>
    <t>11261171.0</t>
  </si>
  <si>
    <t>4166758.0</t>
  </si>
  <si>
    <t>333833.0</t>
  </si>
  <si>
    <t>238894.0</t>
  </si>
  <si>
    <t>40794750.0</t>
  </si>
  <si>
    <t>149966.0</t>
  </si>
  <si>
    <t>859.073</t>
  </si>
  <si>
    <t>129152.0</t>
  </si>
  <si>
    <t>15859772.0</t>
  </si>
  <si>
    <t>11520146.0</t>
  </si>
  <si>
    <t>4413784.0</t>
  </si>
  <si>
    <t>481910.0</t>
  </si>
  <si>
    <t>337423.0</t>
  </si>
  <si>
    <t>233420.0</t>
  </si>
  <si>
    <t>40937832.0</t>
  </si>
  <si>
    <t>143082.0</t>
  </si>
  <si>
    <t>862.086</t>
  </si>
  <si>
    <t>128862.0</t>
  </si>
  <si>
    <t>16364595.0</t>
  </si>
  <si>
    <t>11763360.0</t>
  </si>
  <si>
    <t>4689766.0</t>
  </si>
  <si>
    <t>504823.0</t>
  </si>
  <si>
    <t>350662.0</t>
  </si>
  <si>
    <t>41089821.0</t>
  </si>
  <si>
    <t>151989.0</t>
  </si>
  <si>
    <t>865.287</t>
  </si>
  <si>
    <t>338524.0</t>
  </si>
  <si>
    <t>214534.0</t>
  </si>
  <si>
    <t>41168962.0</t>
  </si>
  <si>
    <t>866.953</t>
  </si>
  <si>
    <t>207239.0</t>
  </si>
  <si>
    <t>41227181.0</t>
  </si>
  <si>
    <t>58219.0</t>
  </si>
  <si>
    <t>868.179</t>
  </si>
  <si>
    <t>17178566.0</t>
  </si>
  <si>
    <t>12196079.0</t>
  </si>
  <si>
    <t>5113598.0</t>
  </si>
  <si>
    <t>351805.0</t>
  </si>
  <si>
    <t>199945.0</t>
  </si>
  <si>
    <t>76743.8</t>
  </si>
  <si>
    <t>1613.66710463833</t>
  </si>
  <si>
    <t>41353828.0</t>
  </si>
  <si>
    <t>126647.0</t>
  </si>
  <si>
    <t>870.846</t>
  </si>
  <si>
    <t>124617.0</t>
  </si>
  <si>
    <t>17430810.0</t>
  </si>
  <si>
    <t>12381213.0</t>
  </si>
  <si>
    <t>5202297.0</t>
  </si>
  <si>
    <t>252244.0</t>
  </si>
  <si>
    <t>348020.0</t>
  </si>
  <si>
    <t>195329.0</t>
  </si>
  <si>
    <t>41503889.0</t>
  </si>
  <si>
    <t>874.006</t>
  </si>
  <si>
    <t>122729.0</t>
  </si>
  <si>
    <t>17916566.0</t>
  </si>
  <si>
    <t>12686341.0</t>
  </si>
  <si>
    <t>5394315.0</t>
  </si>
  <si>
    <t>485756.0</t>
  </si>
  <si>
    <t>362672.0</t>
  </si>
  <si>
    <t>203596.0</t>
  </si>
  <si>
    <t>41648606.0</t>
  </si>
  <si>
    <t>144717.0</t>
  </si>
  <si>
    <t>877.054</t>
  </si>
  <si>
    <t>121979.0</t>
  </si>
  <si>
    <t>18489580.0</t>
  </si>
  <si>
    <t>12966552.0</t>
  </si>
  <si>
    <t>5696827.0</t>
  </si>
  <si>
    <t>573014.0</t>
  </si>
  <si>
    <t>375687.0</t>
  </si>
  <si>
    <t>206629.0</t>
  </si>
  <si>
    <t>41782975.0</t>
  </si>
  <si>
    <t>134369.0</t>
  </si>
  <si>
    <t>879.884</t>
  </si>
  <si>
    <t>120735.0</t>
  </si>
  <si>
    <t>19048132.0</t>
  </si>
  <si>
    <t>13271511.0</t>
  </si>
  <si>
    <t>5956451.0</t>
  </si>
  <si>
    <t>558552.0</t>
  </si>
  <si>
    <t>215450.0</t>
  </si>
  <si>
    <t>41923459.0</t>
  </si>
  <si>
    <t>140484.0</t>
  </si>
  <si>
    <t>882.842</t>
  </si>
  <si>
    <t>119091.0</t>
  </si>
  <si>
    <t>381863.0</t>
  </si>
  <si>
    <t>219888.0</t>
  </si>
  <si>
    <t>111.715</t>
  </si>
  <si>
    <t>42006929.0</t>
  </si>
  <si>
    <t>884.6</t>
  </si>
  <si>
    <t>119710.0</t>
  </si>
  <si>
    <t>380364.0</t>
  </si>
  <si>
    <t>224326.0</t>
  </si>
  <si>
    <t>42065760.0</t>
  </si>
  <si>
    <t>58831.0</t>
  </si>
  <si>
    <t>885.839</t>
  </si>
  <si>
    <t>119797.0</t>
  </si>
  <si>
    <t>19830624.0</t>
  </si>
  <si>
    <t>6221476.0</t>
  </si>
  <si>
    <t>378865.0</t>
  </si>
  <si>
    <t>228765.0</t>
  </si>
  <si>
    <t>77219.0</t>
  </si>
  <si>
    <t>1623.65898161242</t>
  </si>
  <si>
    <t>42198628.0</t>
  </si>
  <si>
    <t>888.637</t>
  </si>
  <si>
    <t>120686.0</t>
  </si>
  <si>
    <t>20162661.0</t>
  </si>
  <si>
    <t>14028954.0</t>
  </si>
  <si>
    <t>6327447.0</t>
  </si>
  <si>
    <t>332037.0</t>
  </si>
  <si>
    <t>235392.0</t>
  </si>
  <si>
    <t>42339062.0</t>
  </si>
  <si>
    <t>891.594</t>
  </si>
  <si>
    <t>119310.0</t>
  </si>
  <si>
    <t>20623815.0</t>
  </si>
  <si>
    <t>14318348.0</t>
  </si>
  <si>
    <t>6502978.0</t>
  </si>
  <si>
    <t>461154.0</t>
  </si>
  <si>
    <t>386750.0</t>
  </si>
  <si>
    <t>42470936.0</t>
  </si>
  <si>
    <t>894.371</t>
  </si>
  <si>
    <t>117476.0</t>
  </si>
  <si>
    <t>21071940.0</t>
  </si>
  <si>
    <t>14555552.0</t>
  </si>
  <si>
    <t>6716156.0</t>
  </si>
  <si>
    <t>448125.0</t>
  </si>
  <si>
    <t>368909.0</t>
  </si>
  <si>
    <t>42593704.0</t>
  </si>
  <si>
    <t>122768.0</t>
  </si>
  <si>
    <t>896.956</t>
  </si>
  <si>
    <t>115818.0</t>
  </si>
  <si>
    <t>21683707.0</t>
  </si>
  <si>
    <t>14911306.0</t>
  </si>
  <si>
    <t>6976683.0</t>
  </si>
  <si>
    <t>611767.0</t>
  </si>
  <si>
    <t>376511.0</t>
  </si>
  <si>
    <t>234256.0</t>
  </si>
  <si>
    <t>42725320.0</t>
  </si>
  <si>
    <t>131616.0</t>
  </si>
  <si>
    <t>899.728</t>
  </si>
  <si>
    <t>114552.0</t>
  </si>
  <si>
    <t>369220.0</t>
  </si>
  <si>
    <t>42806226.0</t>
  </si>
  <si>
    <t>80906.0</t>
  </si>
  <si>
    <t>901.432</t>
  </si>
  <si>
    <t>114185.0</t>
  </si>
  <si>
    <t>361929.0</t>
  </si>
  <si>
    <t>223173.0</t>
  </si>
  <si>
    <t>42861909.0</t>
  </si>
  <si>
    <t>902.604</t>
  </si>
  <si>
    <t>113736.0</t>
  </si>
  <si>
    <t>22313088.0</t>
  </si>
  <si>
    <t>15320846.0</t>
  </si>
  <si>
    <t>7213716.0</t>
  </si>
  <si>
    <t>217631.0</t>
  </si>
  <si>
    <t>77331.8</t>
  </si>
  <si>
    <t>1626.03079079314</t>
  </si>
  <si>
    <t>42990258.0</t>
  </si>
  <si>
    <t>128349.0</t>
  </si>
  <si>
    <t>905.307</t>
  </si>
  <si>
    <t>113090.0</t>
  </si>
  <si>
    <t>22587343.0</t>
  </si>
  <si>
    <t>15495889.0</t>
  </si>
  <si>
    <t>7323426.0</t>
  </si>
  <si>
    <t>274255.0</t>
  </si>
  <si>
    <t>346383.0</t>
  </si>
  <si>
    <t>209562.0</t>
  </si>
  <si>
    <t>43127551.0</t>
  </si>
  <si>
    <t>908.198</t>
  </si>
  <si>
    <t>112641.0</t>
  </si>
  <si>
    <t>22973955.0</t>
  </si>
  <si>
    <t>15741247.0</t>
  </si>
  <si>
    <t>7469173.0</t>
  </si>
  <si>
    <t>386612.0</t>
  </si>
  <si>
    <t>335734.0</t>
  </si>
  <si>
    <t>203271.0</t>
  </si>
  <si>
    <t>43252892.0</t>
  </si>
  <si>
    <t>125341.0</t>
  </si>
  <si>
    <t>910.838</t>
  </si>
  <si>
    <t>23503085.0</t>
  </si>
  <si>
    <t>16049843.0</t>
  </si>
  <si>
    <t>7697288.0</t>
  </si>
  <si>
    <t>347306.0</t>
  </si>
  <si>
    <t>213470.0</t>
  </si>
  <si>
    <t>43368130.0</t>
  </si>
  <si>
    <t>115238.0</t>
  </si>
  <si>
    <t>913.264</t>
  </si>
  <si>
    <t>110632.0</t>
  </si>
  <si>
    <t>23962365.0</t>
  </si>
  <si>
    <t>16347683.0</t>
  </si>
  <si>
    <t>7865313.0</t>
  </si>
  <si>
    <t>459280.0</t>
  </si>
  <si>
    <t>325523.0</t>
  </si>
  <si>
    <t>205197.0</t>
  </si>
  <si>
    <t>74.582</t>
  </si>
  <si>
    <t>43490529.0</t>
  </si>
  <si>
    <t>122399.0</t>
  </si>
  <si>
    <t>915.842</t>
  </si>
  <si>
    <t>322775.0</t>
  </si>
  <si>
    <t>202945.0</t>
  </si>
  <si>
    <t>43563247.0</t>
  </si>
  <si>
    <t>917.373</t>
  </si>
  <si>
    <t>108146.0</t>
  </si>
  <si>
    <t>320028.0</t>
  </si>
  <si>
    <t>200693.0</t>
  </si>
  <si>
    <t>43616298.0</t>
  </si>
  <si>
    <t>918.49</t>
  </si>
  <si>
    <t>107770.0</t>
  </si>
  <si>
    <t>24534056.0</t>
  </si>
  <si>
    <t>16709939.0</t>
  </si>
  <si>
    <t>8130648.0</t>
  </si>
  <si>
    <t>317281.0</t>
  </si>
  <si>
    <t>198442.0</t>
  </si>
  <si>
    <t>77346.4</t>
  </si>
  <si>
    <t>1626.3377802793</t>
  </si>
  <si>
    <t>43730128.0</t>
  </si>
  <si>
    <t>113830.0</t>
  </si>
  <si>
    <t>920.888</t>
  </si>
  <si>
    <t>24876302.0</t>
  </si>
  <si>
    <t>16953205.0</t>
  </si>
  <si>
    <t>8250814.0</t>
  </si>
  <si>
    <t>342246.0</t>
  </si>
  <si>
    <t>326994.0</t>
  </si>
  <si>
    <t>208188.0</t>
  </si>
  <si>
    <t>43861751.0</t>
  </si>
  <si>
    <t>131623.0</t>
  </si>
  <si>
    <t>923.659</t>
  </si>
  <si>
    <t>104886.0</t>
  </si>
  <si>
    <t>25280864.0</t>
  </si>
  <si>
    <t>17187731.0</t>
  </si>
  <si>
    <t>8434233.0</t>
  </si>
  <si>
    <t>404562.0</t>
  </si>
  <si>
    <t>329558.0</t>
  </si>
  <si>
    <t>206641.0</t>
  </si>
  <si>
    <t>43982763.0</t>
  </si>
  <si>
    <t>926.208</t>
  </si>
  <si>
    <t>104267.0</t>
  </si>
  <si>
    <t>25745178.0</t>
  </si>
  <si>
    <t>17487591.0</t>
  </si>
  <si>
    <t>8614678.0</t>
  </si>
  <si>
    <t>464314.0</t>
  </si>
  <si>
    <t>320299.0</t>
  </si>
  <si>
    <t>205393.0</t>
  </si>
  <si>
    <t>44096666.0</t>
  </si>
  <si>
    <t>113903.0</t>
  </si>
  <si>
    <t>928.606</t>
  </si>
  <si>
    <t>104077.0</t>
  </si>
  <si>
    <t>26133689.0</t>
  </si>
  <si>
    <t>17707320.0</t>
  </si>
  <si>
    <t>8804363.0</t>
  </si>
  <si>
    <t>388511.0</t>
  </si>
  <si>
    <t>310189.0</t>
  </si>
  <si>
    <t>44216244.0</t>
  </si>
  <si>
    <t>931.124</t>
  </si>
  <si>
    <t>103674.0</t>
  </si>
  <si>
    <t>192464.0</t>
  </si>
  <si>
    <t>44289745.0</t>
  </si>
  <si>
    <t>932.672</t>
  </si>
  <si>
    <t>321833.0</t>
  </si>
  <si>
    <t>190695.0</t>
  </si>
  <si>
    <t>8.158</t>
  </si>
  <si>
    <t>44339958.0</t>
  </si>
  <si>
    <t>50213.0</t>
  </si>
  <si>
    <t>933.73</t>
  </si>
  <si>
    <t>26827637.0</t>
  </si>
  <si>
    <t>18032417.0</t>
  </si>
  <si>
    <t>9221285.0</t>
  </si>
  <si>
    <t>188925.0</t>
  </si>
  <si>
    <t>77282.0</t>
  </si>
  <si>
    <t>1624.98366227187</t>
  </si>
  <si>
    <t>44462749.0</t>
  </si>
  <si>
    <t>122791.0</t>
  </si>
  <si>
    <t>936.315</t>
  </si>
  <si>
    <t>104660.0</t>
  </si>
  <si>
    <t>27119733.0</t>
  </si>
  <si>
    <t>18178604.0</t>
  </si>
  <si>
    <t>9405245.0</t>
  </si>
  <si>
    <t>292096.0</t>
  </si>
  <si>
    <t>320490.0</t>
  </si>
  <si>
    <t>44587680.0</t>
  </si>
  <si>
    <t>124931.0</t>
  </si>
  <si>
    <t>938.946</t>
  </si>
  <si>
    <t>103704.0</t>
  </si>
  <si>
    <t>27607247.0</t>
  </si>
  <si>
    <t>18426204.0</t>
  </si>
  <si>
    <t>9679187.0</t>
  </si>
  <si>
    <t>487514.0</t>
  </si>
  <si>
    <t>176925.0</t>
  </si>
  <si>
    <t>44705597.0</t>
  </si>
  <si>
    <t>117917.0</t>
  </si>
  <si>
    <t>941.429</t>
  </si>
  <si>
    <t>103262.0</t>
  </si>
  <si>
    <t>28182345.0</t>
  </si>
  <si>
    <t>18720164.0</t>
  </si>
  <si>
    <t>9979204.0</t>
  </si>
  <si>
    <t>575098.0</t>
  </si>
  <si>
    <t>348167.0</t>
  </si>
  <si>
    <t>44810226.0</t>
  </si>
  <si>
    <t>104629.0</t>
  </si>
  <si>
    <t>943.633</t>
  </si>
  <si>
    <t>101937.0</t>
  </si>
  <si>
    <t>28752570.0</t>
  </si>
  <si>
    <t>19038135.0</t>
  </si>
  <si>
    <t>10257209.0</t>
  </si>
  <si>
    <t>570225.0</t>
  </si>
  <si>
    <t>374126.0</t>
  </si>
  <si>
    <t>44926047.0</t>
  </si>
  <si>
    <t>115821.0</t>
  </si>
  <si>
    <t>946.072</t>
  </si>
  <si>
    <t>400854.0</t>
  </si>
  <si>
    <t>210276.0</t>
  </si>
  <si>
    <t>44998260.0</t>
  </si>
  <si>
    <t>72213.0</t>
  </si>
  <si>
    <t>947.592</t>
  </si>
  <si>
    <t>427582.0</t>
  </si>
  <si>
    <t>230435.0</t>
  </si>
  <si>
    <t>23.634</t>
  </si>
  <si>
    <t>45047052.0</t>
  </si>
  <si>
    <t>948.62</t>
  </si>
  <si>
    <t>101013.0</t>
  </si>
  <si>
    <t>30007806.0</t>
  </si>
  <si>
    <t>19786574.0</t>
  </si>
  <si>
    <t>11002869.0</t>
  </si>
  <si>
    <t>454310.0</t>
  </si>
  <si>
    <t>77293.6</t>
  </si>
  <si>
    <t>1625.22757172662</t>
  </si>
  <si>
    <t>45162522.0</t>
  </si>
  <si>
    <t>951.052</t>
  </si>
  <si>
    <t>99968.0</t>
  </si>
  <si>
    <t>30472862.0</t>
  </si>
  <si>
    <t>20048174.0</t>
  </si>
  <si>
    <t>11260175.0</t>
  </si>
  <si>
    <t>465056.0</t>
  </si>
  <si>
    <t>479018.0</t>
  </si>
  <si>
    <t>267081.0</t>
  </si>
  <si>
    <t>45279875.0</t>
  </si>
  <si>
    <t>953.523</t>
  </si>
  <si>
    <t>98885.0</t>
  </si>
  <si>
    <t>31004060.0</t>
  </si>
  <si>
    <t>20305788.0</t>
  </si>
  <si>
    <t>11552393.0</t>
  </si>
  <si>
    <t>531198.0</t>
  </si>
  <si>
    <t>485259.0</t>
  </si>
  <si>
    <t>268512.0</t>
  </si>
  <si>
    <t>45387001.0</t>
  </si>
  <si>
    <t>955.779</t>
  </si>
  <si>
    <t>31628321.0</t>
  </si>
  <si>
    <t>20628061.0</t>
  </si>
  <si>
    <t>11893951.0</t>
  </si>
  <si>
    <t>492282.0</t>
  </si>
  <si>
    <t>272557.0</t>
  </si>
  <si>
    <t>20.312</t>
  </si>
  <si>
    <t>45488053.0</t>
  </si>
  <si>
    <t>101052.0</t>
  </si>
  <si>
    <t>957.907</t>
  </si>
  <si>
    <t>32282553.0</t>
  </si>
  <si>
    <t>20963619.0</t>
  </si>
  <si>
    <t>12250002.0</t>
  </si>
  <si>
    <t>654232.0</t>
  </si>
  <si>
    <t>504283.0</t>
  </si>
  <si>
    <t>275069.0</t>
  </si>
  <si>
    <t>45593843.0</t>
  </si>
  <si>
    <t>105790.0</t>
  </si>
  <si>
    <t>960.134</t>
  </si>
  <si>
    <t>490235.0</t>
  </si>
  <si>
    <t>263771.0</t>
  </si>
  <si>
    <t>45661481.0</t>
  </si>
  <si>
    <t>961.559</t>
  </si>
  <si>
    <t>94746.0</t>
  </si>
  <si>
    <t>476186.0</t>
  </si>
  <si>
    <t>252472.0</t>
  </si>
  <si>
    <t>45708904.0</t>
  </si>
  <si>
    <t>47423.0</t>
  </si>
  <si>
    <t>962.557</t>
  </si>
  <si>
    <t>94550.0</t>
  </si>
  <si>
    <t>33242768.0</t>
  </si>
  <si>
    <t>21474788.0</t>
  </si>
  <si>
    <t>12813055.0</t>
  </si>
  <si>
    <t>462137.0</t>
  </si>
  <si>
    <t>241173.0</t>
  </si>
  <si>
    <t>77610.8</t>
  </si>
  <si>
    <t>1631.89723371353</t>
  </si>
  <si>
    <t>45821051.0</t>
  </si>
  <si>
    <t>964.919</t>
  </si>
  <si>
    <t>33632590.0</t>
  </si>
  <si>
    <t>21713840.0</t>
  </si>
  <si>
    <t>13007371.0</t>
  </si>
  <si>
    <t>389822.0</t>
  </si>
  <si>
    <t>451390.0</t>
  </si>
  <si>
    <t>237952.0</t>
  </si>
  <si>
    <t>45937045.0</t>
  </si>
  <si>
    <t>115994.0</t>
  </si>
  <si>
    <t>967.362</t>
  </si>
  <si>
    <t>93881.0</t>
  </si>
  <si>
    <t>34224523.0</t>
  </si>
  <si>
    <t>22048919.0</t>
  </si>
  <si>
    <t>13301010.0</t>
  </si>
  <si>
    <t>591933.0</t>
  </si>
  <si>
    <t>460066.0</t>
  </si>
  <si>
    <t>249019.0</t>
  </si>
  <si>
    <t>46040828.0</t>
  </si>
  <si>
    <t>103783.0</t>
  </si>
  <si>
    <t>969.547</t>
  </si>
  <si>
    <t>93404.0</t>
  </si>
  <si>
    <t>34845346.0</t>
  </si>
  <si>
    <t>22365104.0</t>
  </si>
  <si>
    <t>13641091.0</t>
  </si>
  <si>
    <t>620823.0</t>
  </si>
  <si>
    <t>459575.0</t>
  </si>
  <si>
    <t>46135696.0</t>
  </si>
  <si>
    <t>94868.0</t>
  </si>
  <si>
    <t>971.545</t>
  </si>
  <si>
    <t>92520.0</t>
  </si>
  <si>
    <t>35412140.0</t>
  </si>
  <si>
    <t>22684911.0</t>
  </si>
  <si>
    <t>13939564.0</t>
  </si>
  <si>
    <t>566794.0</t>
  </si>
  <si>
    <t>447084.0</t>
  </si>
  <si>
    <t>245899.0</t>
  </si>
  <si>
    <t>46237253.0</t>
  </si>
  <si>
    <t>973.684</t>
  </si>
  <si>
    <t>446388.0</t>
  </si>
  <si>
    <t>246112.0</t>
  </si>
  <si>
    <t>46303638.0</t>
  </si>
  <si>
    <t>66385.0</t>
  </si>
  <si>
    <t>975.082</t>
  </si>
  <si>
    <t>445692.0</t>
  </si>
  <si>
    <t>246326.0</t>
  </si>
  <si>
    <t>46349339.0</t>
  </si>
  <si>
    <t>45701.0</t>
  </si>
  <si>
    <t>976.044</t>
  </si>
  <si>
    <t>36357745.0</t>
  </si>
  <si>
    <t>23200566.0</t>
  </si>
  <si>
    <t>14431683.0</t>
  </si>
  <si>
    <t>444997.0</t>
  </si>
  <si>
    <t>246540.0</t>
  </si>
  <si>
    <t>78085.6</t>
  </si>
  <si>
    <t>1641.88070001677</t>
  </si>
  <si>
    <t>46458021.0</t>
  </si>
  <si>
    <t>108682.0</t>
  </si>
  <si>
    <t>978.333</t>
  </si>
  <si>
    <t>36880086.0</t>
  </si>
  <si>
    <t>23443444.0</t>
  </si>
  <si>
    <t>14745736.0</t>
  </si>
  <si>
    <t>522341.0</t>
  </si>
  <si>
    <t>463928.0</t>
  </si>
  <si>
    <t>46565735.0</t>
  </si>
  <si>
    <t>980.601</t>
  </si>
  <si>
    <t>89813.0</t>
  </si>
  <si>
    <t>37560626.0</t>
  </si>
  <si>
    <t>23772029.0</t>
  </si>
  <si>
    <t>15138439.0</t>
  </si>
  <si>
    <t>680540.0</t>
  </si>
  <si>
    <t>476586.0</t>
  </si>
  <si>
    <t>246159.0</t>
  </si>
  <si>
    <t>46670120.0</t>
  </si>
  <si>
    <t>104385.0</t>
  </si>
  <si>
    <t>982.799</t>
  </si>
  <si>
    <t>89899.0</t>
  </si>
  <si>
    <t>38293871.0</t>
  </si>
  <si>
    <t>24079429.0</t>
  </si>
  <si>
    <t>15602526.0</t>
  </si>
  <si>
    <t>733245.0</t>
  </si>
  <si>
    <t>492646.0</t>
  </si>
  <si>
    <t>244904.0</t>
  </si>
  <si>
    <t>46750964.0</t>
  </si>
  <si>
    <t>984.502</t>
  </si>
  <si>
    <t>38808490.0</t>
  </si>
  <si>
    <t>24325902.0</t>
  </si>
  <si>
    <t>15894800.0</t>
  </si>
  <si>
    <t>514619.0</t>
  </si>
  <si>
    <t>485193.0</t>
  </si>
  <si>
    <t>234427.0</t>
  </si>
  <si>
    <t>46861349.0</t>
  </si>
  <si>
    <t>110385.0</t>
  </si>
  <si>
    <t>986.826</t>
  </si>
  <si>
    <t>492817.0</t>
  </si>
  <si>
    <t>232105.0</t>
  </si>
  <si>
    <t>46935626.0</t>
  </si>
  <si>
    <t>988.39</t>
  </si>
  <si>
    <t>90284.0</t>
  </si>
  <si>
    <t>500441.0</t>
  </si>
  <si>
    <t>229782.0</t>
  </si>
  <si>
    <t>46987681.0</t>
  </si>
  <si>
    <t>52055.0</t>
  </si>
  <si>
    <t>989.486</t>
  </si>
  <si>
    <t>91192.0</t>
  </si>
  <si>
    <t>39914204.0</t>
  </si>
  <si>
    <t>24792784.0</t>
  </si>
  <si>
    <t>16609913.0</t>
  </si>
  <si>
    <t>508066.0</t>
  </si>
  <si>
    <t>77855.2</t>
  </si>
  <si>
    <t>1637.03615360509</t>
  </si>
  <si>
    <t>47111481.0</t>
  </si>
  <si>
    <t>992.094</t>
  </si>
  <si>
    <t>40565038.0</t>
  </si>
  <si>
    <t>25007416.0</t>
  </si>
  <si>
    <t>17088342.0</t>
  </si>
  <si>
    <t>650834.0</t>
  </si>
  <si>
    <t>526422.0</t>
  </si>
  <si>
    <t>223425.0</t>
  </si>
  <si>
    <t>47247580.0</t>
  </si>
  <si>
    <t>136099.0</t>
  </si>
  <si>
    <t>994.96</t>
  </si>
  <si>
    <t>41279995.0</t>
  </si>
  <si>
    <t>25320606.0</t>
  </si>
  <si>
    <t>17519587.0</t>
  </si>
  <si>
    <t>714957.0</t>
  </si>
  <si>
    <t>531338.0</t>
  </si>
  <si>
    <t>221225.0</t>
  </si>
  <si>
    <t>47387837.0</t>
  </si>
  <si>
    <t>140257.0</t>
  </si>
  <si>
    <t>997.913</t>
  </si>
  <si>
    <t>102531.0</t>
  </si>
  <si>
    <t>42027584.0</t>
  </si>
  <si>
    <t>25627278.0</t>
  </si>
  <si>
    <t>17990526.0</t>
  </si>
  <si>
    <t>747589.0</t>
  </si>
  <si>
    <t>533388.0</t>
  </si>
  <si>
    <t>221121.0</t>
  </si>
  <si>
    <t>47527002.0</t>
  </si>
  <si>
    <t>139165.0</t>
  </si>
  <si>
    <t>1000.844</t>
  </si>
  <si>
    <t>110863.0</t>
  </si>
  <si>
    <t>42792983.0</t>
  </si>
  <si>
    <t>25948237.0</t>
  </si>
  <si>
    <t>18466362.0</t>
  </si>
  <si>
    <t>765399.0</t>
  </si>
  <si>
    <t>569213.0</t>
  </si>
  <si>
    <t>231762.0</t>
  </si>
  <si>
    <t>47681683.0</t>
  </si>
  <si>
    <t>154681.0</t>
  </si>
  <si>
    <t>1004.101</t>
  </si>
  <si>
    <t>117191.0</t>
  </si>
  <si>
    <t>572114.0</t>
  </si>
  <si>
    <t>236074.0</t>
  </si>
  <si>
    <t>47787236.0</t>
  </si>
  <si>
    <t>1006.324</t>
  </si>
  <si>
    <t>121659.0</t>
  </si>
  <si>
    <t>575016.0</t>
  </si>
  <si>
    <t>47858510.0</t>
  </si>
  <si>
    <t>1007.825</t>
  </si>
  <si>
    <t>124404.0</t>
  </si>
  <si>
    <t>43959621.0</t>
  </si>
  <si>
    <t>26505676.0</t>
  </si>
  <si>
    <t>19135448.0</t>
  </si>
  <si>
    <t>577917.0</t>
  </si>
  <si>
    <t>244699.0</t>
  </si>
  <si>
    <t>1639.49206949435</t>
  </si>
  <si>
    <t>48011751.0</t>
  </si>
  <si>
    <t>153241.0</t>
  </si>
  <si>
    <t>1011.052</t>
  </si>
  <si>
    <t>44544324.0</t>
  </si>
  <si>
    <t>26727529.0</t>
  </si>
  <si>
    <t>19530228.0</t>
  </si>
  <si>
    <t>584703.0</t>
  </si>
  <si>
    <t>568469.0</t>
  </si>
  <si>
    <t>245730.0</t>
  </si>
  <si>
    <t>48183015.0</t>
  </si>
  <si>
    <t>171264.0</t>
  </si>
  <si>
    <t>1014.658</t>
  </si>
  <si>
    <t>133634.0</t>
  </si>
  <si>
    <t>45233735.0</t>
  </si>
  <si>
    <t>26996373.0</t>
  </si>
  <si>
    <t>19982080.0</t>
  </si>
  <si>
    <t>689411.0</t>
  </si>
  <si>
    <t>564820.0</t>
  </si>
  <si>
    <t>53.029</t>
  </si>
  <si>
    <t>48358690.0</t>
  </si>
  <si>
    <t>1018.358</t>
  </si>
  <si>
    <t>138693.0</t>
  </si>
  <si>
    <t>45924484.0</t>
  </si>
  <si>
    <t>27277127.0</t>
  </si>
  <si>
    <t>20528505.0</t>
  </si>
  <si>
    <t>690749.0</t>
  </si>
  <si>
    <t>556700.0</t>
  </si>
  <si>
    <t>235693.0</t>
  </si>
  <si>
    <t>48535057.0</t>
  </si>
  <si>
    <t>176367.0</t>
  </si>
  <si>
    <t>1022.072</t>
  </si>
  <si>
    <t>144008.0</t>
  </si>
  <si>
    <t>46612489.0</t>
  </si>
  <si>
    <t>27534723.0</t>
  </si>
  <si>
    <t>20999346.0</t>
  </si>
  <si>
    <t>688005.0</t>
  </si>
  <si>
    <t>545644.0</t>
  </si>
  <si>
    <t>48733092.0</t>
  </si>
  <si>
    <t>1026.242</t>
  </si>
  <si>
    <t>545557.0</t>
  </si>
  <si>
    <t>221982.0</t>
  </si>
  <si>
    <t>48858041.0</t>
  </si>
  <si>
    <t>124949.0</t>
  </si>
  <si>
    <t>1028.873</t>
  </si>
  <si>
    <t>152972.0</t>
  </si>
  <si>
    <t>545471.0</t>
  </si>
  <si>
    <t>217324.0</t>
  </si>
  <si>
    <t>48949862.0</t>
  </si>
  <si>
    <t>91821.0</t>
  </si>
  <si>
    <t>1030.807</t>
  </si>
  <si>
    <t>47777316.0</t>
  </si>
  <si>
    <t>27994332.0</t>
  </si>
  <si>
    <t>21789996.0</t>
  </si>
  <si>
    <t>545385.0</t>
  </si>
  <si>
    <t>212665.0</t>
  </si>
  <si>
    <t>77815.6</t>
  </si>
  <si>
    <t>1636.20349719058</t>
  </si>
  <si>
    <t>15.728</t>
  </si>
  <si>
    <t>49133769.0</t>
  </si>
  <si>
    <t>183907.0</t>
  </si>
  <si>
    <t>1034.68</t>
  </si>
  <si>
    <t>48315430.0</t>
  </si>
  <si>
    <t>28216249.0</t>
  </si>
  <si>
    <t>22139864.0</t>
  </si>
  <si>
    <t>538114.0</t>
  </si>
  <si>
    <t>538729.0</t>
  </si>
  <si>
    <t>212674.0</t>
  </si>
  <si>
    <t>49340655.0</t>
  </si>
  <si>
    <t>1039.036</t>
  </si>
  <si>
    <t>165377.0</t>
  </si>
  <si>
    <t>48911460.0</t>
  </si>
  <si>
    <t>28475900.0</t>
  </si>
  <si>
    <t>22511734.0</t>
  </si>
  <si>
    <t>596030.0</t>
  </si>
  <si>
    <t>525389.0</t>
  </si>
  <si>
    <t>211361.0</t>
  </si>
  <si>
    <t>49551208.0</t>
  </si>
  <si>
    <t>210553.0</t>
  </si>
  <si>
    <t>1043.47</t>
  </si>
  <si>
    <t>170360.0</t>
  </si>
  <si>
    <t>49585197.0</t>
  </si>
  <si>
    <t>28759879.0</t>
  </si>
  <si>
    <t>22949155.0</t>
  </si>
  <si>
    <t>673737.0</t>
  </si>
  <si>
    <t>104.26</t>
  </si>
  <si>
    <t>211822.0</t>
  </si>
  <si>
    <t>49764909.0</t>
  </si>
  <si>
    <t>213701.0</t>
  </si>
  <si>
    <t>1047.971</t>
  </si>
  <si>
    <t>175693.0</t>
  </si>
  <si>
    <t>50239048.0</t>
  </si>
  <si>
    <t>29033376.0</t>
  </si>
  <si>
    <t>23372796.0</t>
  </si>
  <si>
    <t>653851.0</t>
  </si>
  <si>
    <t>518080.0</t>
  </si>
  <si>
    <t>214093.0</t>
  </si>
  <si>
    <t>49982155.0</t>
  </si>
  <si>
    <t>217246.0</t>
  </si>
  <si>
    <t>1052.545</t>
  </si>
  <si>
    <t>178438.0</t>
  </si>
  <si>
    <t>509800.0</t>
  </si>
  <si>
    <t>213703.0</t>
  </si>
  <si>
    <t>50118103.0</t>
  </si>
  <si>
    <t>135948.0</t>
  </si>
  <si>
    <t>1055.408</t>
  </si>
  <si>
    <t>180009.0</t>
  </si>
  <si>
    <t>501519.0</t>
  </si>
  <si>
    <t>213313.0</t>
  </si>
  <si>
    <t>50210465.0</t>
  </si>
  <si>
    <t>1057.353</t>
  </si>
  <si>
    <t>180086.0</t>
  </si>
  <si>
    <t>51229989.0</t>
  </si>
  <si>
    <t>29484796.0</t>
  </si>
  <si>
    <t>24041017.0</t>
  </si>
  <si>
    <t>493239.0</t>
  </si>
  <si>
    <t>212923.0</t>
  </si>
  <si>
    <t>77747.2</t>
  </si>
  <si>
    <t>1634.76527247462</t>
  </si>
  <si>
    <t>50413718.0</t>
  </si>
  <si>
    <t>203253.0</t>
  </si>
  <si>
    <t>1061.633</t>
  </si>
  <si>
    <t>51710022.0</t>
  </si>
  <si>
    <t>29697691.0</t>
  </si>
  <si>
    <t>24344008.0</t>
  </si>
  <si>
    <t>480033.0</t>
  </si>
  <si>
    <t>484942.0</t>
  </si>
  <si>
    <t>211635.0</t>
  </si>
  <si>
    <t>50633741.0</t>
  </si>
  <si>
    <t>220023.0</t>
  </si>
  <si>
    <t>1066.267</t>
  </si>
  <si>
    <t>184727.0</t>
  </si>
  <si>
    <t>52293044.0</t>
  </si>
  <si>
    <t>29956479.0</t>
  </si>
  <si>
    <t>24700450.0</t>
  </si>
  <si>
    <t>583022.0</t>
  </si>
  <si>
    <t>483083.0</t>
  </si>
  <si>
    <t>211511.0</t>
  </si>
  <si>
    <t>50852021.0</t>
  </si>
  <si>
    <t>1070.863</t>
  </si>
  <si>
    <t>185830.0</t>
  </si>
  <si>
    <t>52879267.0</t>
  </si>
  <si>
    <t>30217311.0</t>
  </si>
  <si>
    <t>25060958.0</t>
  </si>
  <si>
    <t>586223.0</t>
  </si>
  <si>
    <t>470581.0</t>
  </si>
  <si>
    <t>208205.0</t>
  </si>
  <si>
    <t>27.166</t>
  </si>
  <si>
    <t>51067845.0</t>
  </si>
  <si>
    <t>215824.0</t>
  </si>
  <si>
    <t>1075.408</t>
  </si>
  <si>
    <t>186134.0</t>
  </si>
  <si>
    <t>53449255.0</t>
  </si>
  <si>
    <t>30500003.0</t>
  </si>
  <si>
    <t>25398978.0</t>
  </si>
  <si>
    <t>458601.0</t>
  </si>
  <si>
    <t>209518.0</t>
  </si>
  <si>
    <t>51290950.0</t>
  </si>
  <si>
    <t>223105.0</t>
  </si>
  <si>
    <t>1080.107</t>
  </si>
  <si>
    <t>186971.0</t>
  </si>
  <si>
    <t>449988.0</t>
  </si>
  <si>
    <t>203638.0</t>
  </si>
  <si>
    <t>51432857.0</t>
  </si>
  <si>
    <t>141907.0</t>
  </si>
  <si>
    <t>1083.095</t>
  </si>
  <si>
    <t>187822.0</t>
  </si>
  <si>
    <t>441375.0</t>
  </si>
  <si>
    <t>197757.0</t>
  </si>
  <si>
    <t>51522608.0</t>
  </si>
  <si>
    <t>1084.985</t>
  </si>
  <si>
    <t>187449.0</t>
  </si>
  <si>
    <t>54259325.0</t>
  </si>
  <si>
    <t>30827932.0</t>
  </si>
  <si>
    <t>25944318.0</t>
  </si>
  <si>
    <t>432762.0</t>
  </si>
  <si>
    <t>191877.0</t>
  </si>
  <si>
    <t>78702.8</t>
  </si>
  <si>
    <t>1654.85836514389</t>
  </si>
  <si>
    <t>51716352.0</t>
  </si>
  <si>
    <t>193744.0</t>
  </si>
  <si>
    <t>1089.065</t>
  </si>
  <si>
    <t>186091.0</t>
  </si>
  <si>
    <t>54617577.0</t>
  </si>
  <si>
    <t>30996228.0</t>
  </si>
  <si>
    <t>26151164.0</t>
  </si>
  <si>
    <t>358252.0</t>
  </si>
  <si>
    <t>415365.0</t>
  </si>
  <si>
    <t>185505.0</t>
  </si>
  <si>
    <t>51932527.0</t>
  </si>
  <si>
    <t>216175.0</t>
  </si>
  <si>
    <t>1093.617</t>
  </si>
  <si>
    <t>185541.0</t>
  </si>
  <si>
    <t>55185352.0</t>
  </si>
  <si>
    <t>31315140.0</t>
  </si>
  <si>
    <t>26420097.0</t>
  </si>
  <si>
    <t>567775.0</t>
  </si>
  <si>
    <t>194094.0</t>
  </si>
  <si>
    <t>52146706.0</t>
  </si>
  <si>
    <t>214179.0</t>
  </si>
  <si>
    <t>1098.127</t>
  </si>
  <si>
    <t>184955.0</t>
  </si>
  <si>
    <t>55713142.0</t>
  </si>
  <si>
    <t>31592444.0</t>
  </si>
  <si>
    <t>26694887.0</t>
  </si>
  <si>
    <t>527790.0</t>
  </si>
  <si>
    <t>404839.0</t>
  </si>
  <si>
    <t>52357397.0</t>
  </si>
  <si>
    <t>210691.0</t>
  </si>
  <si>
    <t>1102.564</t>
  </si>
  <si>
    <t>184222.0</t>
  </si>
  <si>
    <t>56186601.0</t>
  </si>
  <si>
    <t>31851618.0</t>
  </si>
  <si>
    <t>26933847.0</t>
  </si>
  <si>
    <t>473459.0</t>
  </si>
  <si>
    <t>391049.0</t>
  </si>
  <si>
    <t>193088.0</t>
  </si>
  <si>
    <t>52578846.0</t>
  </si>
  <si>
    <t>1107.228</t>
  </si>
  <si>
    <t>381487.0</t>
  </si>
  <si>
    <t>192608.0</t>
  </si>
  <si>
    <t>52716040.0</t>
  </si>
  <si>
    <t>137194.0</t>
  </si>
  <si>
    <t>1110.117</t>
  </si>
  <si>
    <t>183312.0</t>
  </si>
  <si>
    <t>371925.0</t>
  </si>
  <si>
    <t>192128.0</t>
  </si>
  <si>
    <t>52800857.0</t>
  </si>
  <si>
    <t>84817.0</t>
  </si>
  <si>
    <t>1111.903</t>
  </si>
  <si>
    <t>182607.0</t>
  </si>
  <si>
    <t>56795869.0</t>
  </si>
  <si>
    <t>32169472.0</t>
  </si>
  <si>
    <t>27262062.0</t>
  </si>
  <si>
    <t>362363.0</t>
  </si>
  <si>
    <t>79632.4</t>
  </si>
  <si>
    <t>1674.40476420768</t>
  </si>
  <si>
    <t>52979358.0</t>
  </si>
  <si>
    <t>178501.0</t>
  </si>
  <si>
    <t>1115.662</t>
  </si>
  <si>
    <t>180429.0</t>
  </si>
  <si>
    <t>57141754.0</t>
  </si>
  <si>
    <t>32352818.0</t>
  </si>
  <si>
    <t>27437503.0</t>
  </si>
  <si>
    <t>345885.0</t>
  </si>
  <si>
    <t>360597.0</t>
  </si>
  <si>
    <t>193799.0</t>
  </si>
  <si>
    <t>53172600.0</t>
  </si>
  <si>
    <t>193242.0</t>
  </si>
  <si>
    <t>1119.731</t>
  </si>
  <si>
    <t>177153.0</t>
  </si>
  <si>
    <t>57653031.0</t>
  </si>
  <si>
    <t>32650750.0</t>
  </si>
  <si>
    <t>27811786.0</t>
  </si>
  <si>
    <t>511277.0</t>
  </si>
  <si>
    <t>352526.0</t>
  </si>
  <si>
    <t>190801.0</t>
  </si>
  <si>
    <t>53361938.0</t>
  </si>
  <si>
    <t>189338.0</t>
  </si>
  <si>
    <t>1123.718</t>
  </si>
  <si>
    <t>173605.0</t>
  </si>
  <si>
    <t>58102441.0</t>
  </si>
  <si>
    <t>32892680.0</t>
  </si>
  <si>
    <t>28034427.0</t>
  </si>
  <si>
    <t>449410.0</t>
  </si>
  <si>
    <t>122.17</t>
  </si>
  <si>
    <t>185748.0</t>
  </si>
  <si>
    <t>53538078.0</t>
  </si>
  <si>
    <t>1127.428</t>
  </si>
  <si>
    <t>58542495.0</t>
  </si>
  <si>
    <t>33141450.0</t>
  </si>
  <si>
    <t>28255949.0</t>
  </si>
  <si>
    <t>440054.0</t>
  </si>
  <si>
    <t>336556.0</t>
  </si>
  <si>
    <t>184262.0</t>
  </si>
  <si>
    <t>53716418.0</t>
  </si>
  <si>
    <t>178340.0</t>
  </si>
  <si>
    <t>1131.183</t>
  </si>
  <si>
    <t>162510.0</t>
  </si>
  <si>
    <t>334505.0</t>
  </si>
  <si>
    <t>182606.0</t>
  </si>
  <si>
    <t>53826833.0</t>
  </si>
  <si>
    <t>110415.0</t>
  </si>
  <si>
    <t>1133.508</t>
  </si>
  <si>
    <t>158685.0</t>
  </si>
  <si>
    <t>332453.0</t>
  </si>
  <si>
    <t>180950.0</t>
  </si>
  <si>
    <t>53895582.0</t>
  </si>
  <si>
    <t>1134.956</t>
  </si>
  <si>
    <t>59108679.0</t>
  </si>
  <si>
    <t>33424529.0</t>
  </si>
  <si>
    <t>28587458.0</t>
  </si>
  <si>
    <t>330401.0</t>
  </si>
  <si>
    <t>179294.0</t>
  </si>
  <si>
    <t>1698.09341866688</t>
  </si>
  <si>
    <t>54049593.0</t>
  </si>
  <si>
    <t>154011.0</t>
  </si>
  <si>
    <t>1138.199</t>
  </si>
  <si>
    <t>152891.0</t>
  </si>
  <si>
    <t>59429601.0</t>
  </si>
  <si>
    <t>33575961.0</t>
  </si>
  <si>
    <t>28768777.0</t>
  </si>
  <si>
    <t>326835.0</t>
  </si>
  <si>
    <t>174735.0</t>
  </si>
  <si>
    <t>54220397.0</t>
  </si>
  <si>
    <t>170804.0</t>
  </si>
  <si>
    <t>1141.796</t>
  </si>
  <si>
    <t>149685.0</t>
  </si>
  <si>
    <t>59927147.0</t>
  </si>
  <si>
    <t>33871458.0</t>
  </si>
  <si>
    <t>28993301.0</t>
  </si>
  <si>
    <t>497546.0</t>
  </si>
  <si>
    <t>324874.0</t>
  </si>
  <si>
    <t>174387.0</t>
  </si>
  <si>
    <t>54381992.0</t>
  </si>
  <si>
    <t>161595.0</t>
  </si>
  <si>
    <t>1145.199</t>
  </si>
  <si>
    <t>145722.0</t>
  </si>
  <si>
    <t>60449774.0</t>
  </si>
  <si>
    <t>34196761.0</t>
  </si>
  <si>
    <t>29221276.0</t>
  </si>
  <si>
    <t>522627.0</t>
  </si>
  <si>
    <t>335333.0</t>
  </si>
  <si>
    <t>186297.0</t>
  </si>
  <si>
    <t>54540517.0</t>
  </si>
  <si>
    <t>158525.0</t>
  </si>
  <si>
    <t>1148.537</t>
  </si>
  <si>
    <t>143206.0</t>
  </si>
  <si>
    <t>60919867.0</t>
  </si>
  <si>
    <t>34455543.0</t>
  </si>
  <si>
    <t>29526380.0</t>
  </si>
  <si>
    <t>470093.0</t>
  </si>
  <si>
    <t>339625.0</t>
  </si>
  <si>
    <t>54694898.0</t>
  </si>
  <si>
    <t>154381.0</t>
  </si>
  <si>
    <t>1151.788</t>
  </si>
  <si>
    <t>139783.0</t>
  </si>
  <si>
    <t>336398.0</t>
  </si>
  <si>
    <t>54791457.0</t>
  </si>
  <si>
    <t>96559.0</t>
  </si>
  <si>
    <t>1153.822</t>
  </si>
  <si>
    <t>137803.0</t>
  </si>
  <si>
    <t>333172.0</t>
  </si>
  <si>
    <t>185595.0</t>
  </si>
  <si>
    <t>54856152.0</t>
  </si>
  <si>
    <t>1155.184</t>
  </si>
  <si>
    <t>61418303.0</t>
  </si>
  <si>
    <t>34716227.0</t>
  </si>
  <si>
    <t>29794008.0</t>
  </si>
  <si>
    <t>329946.0</t>
  </si>
  <si>
    <t>184528.0</t>
  </si>
  <si>
    <t>82159.4</t>
  </si>
  <si>
    <t>1727.53917732537</t>
  </si>
  <si>
    <t>54979828.0</t>
  </si>
  <si>
    <t>123676.0</t>
  </si>
  <si>
    <t>1157.789</t>
  </si>
  <si>
    <t>132891.0</t>
  </si>
  <si>
    <t>61723171.0</t>
  </si>
  <si>
    <t>34867478.0</t>
  </si>
  <si>
    <t>29968303.0</t>
  </si>
  <si>
    <t>304868.0</t>
  </si>
  <si>
    <t>327653.0</t>
  </si>
  <si>
    <t>184502.0</t>
  </si>
  <si>
    <t>55128357.0</t>
  </si>
  <si>
    <t>62193144.0</t>
  </si>
  <si>
    <t>35072910.0</t>
  </si>
  <si>
    <t>30261332.0</t>
  </si>
  <si>
    <t>469973.0</t>
  </si>
  <si>
    <t>323714.0</t>
  </si>
  <si>
    <t>171636.0</t>
  </si>
  <si>
    <t>55279359.0</t>
  </si>
  <si>
    <t>1164.096</t>
  </si>
  <si>
    <t>62665513.0</t>
  </si>
  <si>
    <t>35269276.0</t>
  </si>
  <si>
    <t>30565129.0</t>
  </si>
  <si>
    <t>55422286.0</t>
  </si>
  <si>
    <t>142927.0</t>
  </si>
  <si>
    <t>1167.106</t>
  </si>
  <si>
    <t>125967.0</t>
  </si>
  <si>
    <t>63090941.0</t>
  </si>
  <si>
    <t>35442173.0</t>
  </si>
  <si>
    <t>31096470.0</t>
  </si>
  <si>
    <t>425428.0</t>
  </si>
  <si>
    <t>310153.0</t>
  </si>
  <si>
    <t>140947.0</t>
  </si>
  <si>
    <t>55562488.0</t>
  </si>
  <si>
    <t>140202.0</t>
  </si>
  <si>
    <t>1170.058</t>
  </si>
  <si>
    <t>123941.0</t>
  </si>
  <si>
    <t>310230.0</t>
  </si>
  <si>
    <t>139258.0</t>
  </si>
  <si>
    <t>55647891.0</t>
  </si>
  <si>
    <t>85403.0</t>
  </si>
  <si>
    <t>1171.857</t>
  </si>
  <si>
    <t>310307.0</t>
  </si>
  <si>
    <t>55703840.0</t>
  </si>
  <si>
    <t>1173.035</t>
  </si>
  <si>
    <t>121098.0</t>
  </si>
  <si>
    <t>63590985.0</t>
  </si>
  <si>
    <t>35667383.0</t>
  </si>
  <si>
    <t>31447188.0</t>
  </si>
  <si>
    <t>310383.0</t>
  </si>
  <si>
    <t>135879.0</t>
  </si>
  <si>
    <t>1760.64778314061</t>
  </si>
  <si>
    <t>55839343.0</t>
  </si>
  <si>
    <t>135503.0</t>
  </si>
  <si>
    <t>1175.889</t>
  </si>
  <si>
    <t>122788.0</t>
  </si>
  <si>
    <t>63938402.0</t>
  </si>
  <si>
    <t>35831729.0</t>
  </si>
  <si>
    <t>31653643.0</t>
  </si>
  <si>
    <t>347417.0</t>
  </si>
  <si>
    <t>55977070.0</t>
  </si>
  <si>
    <t>137727.0</t>
  </si>
  <si>
    <t>1178.789</t>
  </si>
  <si>
    <t>121245.0</t>
  </si>
  <si>
    <t>64312970.0</t>
  </si>
  <si>
    <t>35950365.0</t>
  </si>
  <si>
    <t>31930874.0</t>
  </si>
  <si>
    <t>374568.0</t>
  </si>
  <si>
    <t>302832.0</t>
  </si>
  <si>
    <t>125351.0</t>
  </si>
  <si>
    <t>56114971.0</t>
  </si>
  <si>
    <t>137901.0</t>
  </si>
  <si>
    <t>1181.693</t>
  </si>
  <si>
    <t>119373.0</t>
  </si>
  <si>
    <t>64714501.0</t>
  </si>
  <si>
    <t>36111205.0</t>
  </si>
  <si>
    <t>32239782.0</t>
  </si>
  <si>
    <t>401531.0</t>
  </si>
  <si>
    <t>120276.0</t>
  </si>
  <si>
    <t>56240831.0</t>
  </si>
  <si>
    <t>1184.343</t>
  </si>
  <si>
    <t>116935.0</t>
  </si>
  <si>
    <t>65035990.0</t>
  </si>
  <si>
    <t>36237517.0</t>
  </si>
  <si>
    <t>32459380.0</t>
  </si>
  <si>
    <t>321489.0</t>
  </si>
  <si>
    <t>277864.0</t>
  </si>
  <si>
    <t>13.058</t>
  </si>
  <si>
    <t>56366453.0</t>
  </si>
  <si>
    <t>125622.0</t>
  </si>
  <si>
    <t>1186.989</t>
  </si>
  <si>
    <t>114852.0</t>
  </si>
  <si>
    <t>273524.0</t>
  </si>
  <si>
    <t>108089.0</t>
  </si>
  <si>
    <t>56443085.0</t>
  </si>
  <si>
    <t>76632.0</t>
  </si>
  <si>
    <t>1188.602</t>
  </si>
  <si>
    <t>269184.0</t>
  </si>
  <si>
    <t>102557.0</t>
  </si>
  <si>
    <t>56497329.0</t>
  </si>
  <si>
    <t>1189.745</t>
  </si>
  <si>
    <t>65444891.0</t>
  </si>
  <si>
    <t>36346563.0</t>
  </si>
  <si>
    <t>32811664.0</t>
  </si>
  <si>
    <t>264844.0</t>
  </si>
  <si>
    <t>84852.2</t>
  </si>
  <si>
    <t>1784.15981351188</t>
  </si>
  <si>
    <t>56627271.0</t>
  </si>
  <si>
    <t>129942.0</t>
  </si>
  <si>
    <t>1192.481</t>
  </si>
  <si>
    <t>112561.0</t>
  </si>
  <si>
    <t>65673013.0</t>
  </si>
  <si>
    <t>36431416.0</t>
  </si>
  <si>
    <t>32996436.0</t>
  </si>
  <si>
    <t>228122.0</t>
  </si>
  <si>
    <t>247802.0</t>
  </si>
  <si>
    <t>85670.0</t>
  </si>
  <si>
    <t>56763605.0</t>
  </si>
  <si>
    <t>136334.0</t>
  </si>
  <si>
    <t>1195.352</t>
  </si>
  <si>
    <t>112362.0</t>
  </si>
  <si>
    <t>66130220.0</t>
  </si>
  <si>
    <t>36533328.0</t>
  </si>
  <si>
    <t>33376693.0</t>
  </si>
  <si>
    <t>457207.0</t>
  </si>
  <si>
    <t>259607.0</t>
  </si>
  <si>
    <t>83280.0</t>
  </si>
  <si>
    <t>56894663.0</t>
  </si>
  <si>
    <t>131058.0</t>
  </si>
  <si>
    <t>1198.112</t>
  </si>
  <si>
    <t>111385.0</t>
  </si>
  <si>
    <t>66464730.0</t>
  </si>
  <si>
    <t>36613696.0</t>
  </si>
  <si>
    <t>33657941.0</t>
  </si>
  <si>
    <t>334510.0</t>
  </si>
  <si>
    <t>71784.0</t>
  </si>
  <si>
    <t>57009382.0</t>
  </si>
  <si>
    <t>114719.0</t>
  </si>
  <si>
    <t>1200.528</t>
  </si>
  <si>
    <t>66788317.0</t>
  </si>
  <si>
    <t>36696877.0</t>
  </si>
  <si>
    <t>33940053.0</t>
  </si>
  <si>
    <t>323587.0</t>
  </si>
  <si>
    <t>250332.0</t>
  </si>
  <si>
    <t>57120631.0</t>
  </si>
  <si>
    <t>111249.0</t>
  </si>
  <si>
    <t>1202.87</t>
  </si>
  <si>
    <t>250022.0</t>
  </si>
  <si>
    <t>57190068.0</t>
  </si>
  <si>
    <t>69437.0</t>
  </si>
  <si>
    <t>1204.333</t>
  </si>
  <si>
    <t>249712.0</t>
  </si>
  <si>
    <t>67019.0</t>
  </si>
  <si>
    <t>57237257.0</t>
  </si>
  <si>
    <t>1205.326</t>
  </si>
  <si>
    <t>105704.0</t>
  </si>
  <si>
    <t>67190707.0</t>
  </si>
  <si>
    <t>36820586.0</t>
  </si>
  <si>
    <t>34270593.0</t>
  </si>
  <si>
    <t>249402.0</t>
  </si>
  <si>
    <t>85741.8</t>
  </si>
  <si>
    <t>1802.86514549031</t>
  </si>
  <si>
    <t>57347545.0</t>
  </si>
  <si>
    <t>1207.649</t>
  </si>
  <si>
    <t>102896.0</t>
  </si>
  <si>
    <t>67385522.0</t>
  </si>
  <si>
    <t>36889887.0</t>
  </si>
  <si>
    <t>34418544.0</t>
  </si>
  <si>
    <t>194815.0</t>
  </si>
  <si>
    <t>244644.0</t>
  </si>
  <si>
    <t>65496.0</t>
  </si>
  <si>
    <t>57462992.0</t>
  </si>
  <si>
    <t>1210.08</t>
  </si>
  <si>
    <t>67798496.0</t>
  </si>
  <si>
    <t>37008271.0</t>
  </si>
  <si>
    <t>34739745.0</t>
  </si>
  <si>
    <t>412974.0</t>
  </si>
  <si>
    <t>238325.0</t>
  </si>
  <si>
    <t>57567351.0</t>
  </si>
  <si>
    <t>104359.0</t>
  </si>
  <si>
    <t>1212.278</t>
  </si>
  <si>
    <t>96098.0</t>
  </si>
  <si>
    <t>68002439.0</t>
  </si>
  <si>
    <t>37067635.0</t>
  </si>
  <si>
    <t>34903802.0</t>
  </si>
  <si>
    <t>203943.0</t>
  </si>
  <si>
    <t>219673.0</t>
  </si>
  <si>
    <t>142.99</t>
  </si>
  <si>
    <t>64848.0</t>
  </si>
  <si>
    <t>57668051.0</t>
  </si>
  <si>
    <t>100700.0</t>
  </si>
  <si>
    <t>1214.398</t>
  </si>
  <si>
    <t>94096.0</t>
  </si>
  <si>
    <t>68205694.0</t>
  </si>
  <si>
    <t>37126744.0</t>
  </si>
  <si>
    <t>35070311.0</t>
  </si>
  <si>
    <t>203255.0</t>
  </si>
  <si>
    <t>202482.0</t>
  </si>
  <si>
    <t>57767989.0</t>
  </si>
  <si>
    <t>99938.0</t>
  </si>
  <si>
    <t>1216.503</t>
  </si>
  <si>
    <t>92480.0</t>
  </si>
  <si>
    <t>196701.0</t>
  </si>
  <si>
    <t>57830708.0</t>
  </si>
  <si>
    <t>1217.824</t>
  </si>
  <si>
    <t>91520.0</t>
  </si>
  <si>
    <t>190920.0</t>
  </si>
  <si>
    <t>57875971.0</t>
  </si>
  <si>
    <t>1218.777</t>
  </si>
  <si>
    <t>91245.0</t>
  </si>
  <si>
    <t>68486683.0</t>
  </si>
  <si>
    <t>37216507.0</t>
  </si>
  <si>
    <t>35300384.0</t>
  </si>
  <si>
    <t>86709.6</t>
  </si>
  <si>
    <t>1823.21476362062</t>
  </si>
  <si>
    <t>57986209.0</t>
  </si>
  <si>
    <t>110238.0</t>
  </si>
  <si>
    <t>1221.098</t>
  </si>
  <si>
    <t>91238.0</t>
  </si>
  <si>
    <t>68619581.0</t>
  </si>
  <si>
    <t>37243220.0</t>
  </si>
  <si>
    <t>35413078.0</t>
  </si>
  <si>
    <t>132898.0</t>
  </si>
  <si>
    <t>58099508.0</t>
  </si>
  <si>
    <t>1223.484</t>
  </si>
  <si>
    <t>90931.0</t>
  </si>
  <si>
    <t>68820573.0</t>
  </si>
  <si>
    <t>37303202.0</t>
  </si>
  <si>
    <t>35571661.0</t>
  </si>
  <si>
    <t>200992.0</t>
  </si>
  <si>
    <t>146011.0</t>
  </si>
  <si>
    <t>42133.0</t>
  </si>
  <si>
    <t>58210989.0</t>
  </si>
  <si>
    <t>111481.0</t>
  </si>
  <si>
    <t>1225.832</t>
  </si>
  <si>
    <t>91948.0</t>
  </si>
  <si>
    <t>68955191.0</t>
  </si>
  <si>
    <t>37341455.0</t>
  </si>
  <si>
    <t>35688441.0</t>
  </si>
  <si>
    <t>134618.0</t>
  </si>
  <si>
    <t>136107.0</t>
  </si>
  <si>
    <t>58309341.0</t>
  </si>
  <si>
    <t>98352.0</t>
  </si>
  <si>
    <t>1227.903</t>
  </si>
  <si>
    <t>69094664.0</t>
  </si>
  <si>
    <t>37385758.0</t>
  </si>
  <si>
    <t>35784743.0</t>
  </si>
  <si>
    <t>139473.0</t>
  </si>
  <si>
    <t>58413936.0</t>
  </si>
  <si>
    <t>104595.0</t>
  </si>
  <si>
    <t>1230.105</t>
  </si>
  <si>
    <t>129443.0</t>
  </si>
  <si>
    <t>58474576.0</t>
  </si>
  <si>
    <t>1231.382</t>
  </si>
  <si>
    <t>91981.0</t>
  </si>
  <si>
    <t>131890.0</t>
  </si>
  <si>
    <t>58520732.0</t>
  </si>
  <si>
    <t>1232.354</t>
  </si>
  <si>
    <t>92109.0</t>
  </si>
  <si>
    <t>69427047.0</t>
  </si>
  <si>
    <t>37472155.0</t>
  </si>
  <si>
    <t>36086354.0</t>
  </si>
  <si>
    <t>134338.0</t>
  </si>
  <si>
    <t>87384.8</t>
  </si>
  <si>
    <t>1837.41197602151</t>
  </si>
  <si>
    <t>58636159.0</t>
  </si>
  <si>
    <t>115427.0</t>
  </si>
  <si>
    <t>1234.785</t>
  </si>
  <si>
    <t>92850.0</t>
  </si>
  <si>
    <t>124069.0</t>
  </si>
  <si>
    <t>35312.0</t>
  </si>
  <si>
    <t>58754124.0</t>
  </si>
  <si>
    <t>1237.269</t>
  </si>
  <si>
    <t>69549078.0</t>
  </si>
  <si>
    <t>37508658.0</t>
  </si>
  <si>
    <t>36184677.0</t>
  </si>
  <si>
    <t>104072.0</t>
  </si>
  <si>
    <t>58868086.0</t>
  </si>
  <si>
    <t>1239.669</t>
  </si>
  <si>
    <t>93871.0</t>
  </si>
  <si>
    <t>69642236.0</t>
  </si>
  <si>
    <t>37538323.0</t>
  </si>
  <si>
    <t>36259105.0</t>
  </si>
  <si>
    <t>93158.0</t>
  </si>
  <si>
    <t>58971539.0</t>
  </si>
  <si>
    <t>103453.0</t>
  </si>
  <si>
    <t>1241.848</t>
  </si>
  <si>
    <t>69740837.0</t>
  </si>
  <si>
    <t>37571186.0</t>
  </si>
  <si>
    <t>36335711.0</t>
  </si>
  <si>
    <t>98601.0</t>
  </si>
  <si>
    <t>92310.0</t>
  </si>
  <si>
    <t>26490.0</t>
  </si>
  <si>
    <t>59072506.0</t>
  </si>
  <si>
    <t>100967.0</t>
  </si>
  <si>
    <t>1243.974</t>
  </si>
  <si>
    <t>59135822.0</t>
  </si>
  <si>
    <t>1245.307</t>
  </si>
  <si>
    <t>59184420.0</t>
  </si>
  <si>
    <t>48598.0</t>
  </si>
  <si>
    <t>1246.331</t>
  </si>
  <si>
    <t>94813.0</t>
  </si>
  <si>
    <t>69867532.0</t>
  </si>
  <si>
    <t>37612369.0</t>
  </si>
  <si>
    <t>36447564.0</t>
  </si>
  <si>
    <t>62926.0</t>
  </si>
  <si>
    <t>87784.2</t>
  </si>
  <si>
    <t>1845.81003086884</t>
  </si>
  <si>
    <t>59306960.0</t>
  </si>
  <si>
    <t>1248.911</t>
  </si>
  <si>
    <t>95829.0</t>
  </si>
  <si>
    <t>69936755.0</t>
  </si>
  <si>
    <t>37632058.0</t>
  </si>
  <si>
    <t>36501799.0</t>
  </si>
  <si>
    <t>59430309.0</t>
  </si>
  <si>
    <t>123349.0</t>
  </si>
  <si>
    <t>1251.509</t>
  </si>
  <si>
    <t>70022100.0</t>
  </si>
  <si>
    <t>37657732.0</t>
  </si>
  <si>
    <t>36566753.0</t>
  </si>
  <si>
    <t>85345.0</t>
  </si>
  <si>
    <t>67575.0</t>
  </si>
  <si>
    <t>59548408.0</t>
  </si>
  <si>
    <t>118099.0</t>
  </si>
  <si>
    <t>1253.996</t>
  </si>
  <si>
    <t>97189.0</t>
  </si>
  <si>
    <t>70083821.0</t>
  </si>
  <si>
    <t>37680085.0</t>
  </si>
  <si>
    <t>36613575.0</t>
  </si>
  <si>
    <t>20252.0</t>
  </si>
  <si>
    <t>59650997.0</t>
  </si>
  <si>
    <t>1256.156</t>
  </si>
  <si>
    <t>70153507.0</t>
  </si>
  <si>
    <t>37702384.0</t>
  </si>
  <si>
    <t>36667138.0</t>
  </si>
  <si>
    <t>59751114.0</t>
  </si>
  <si>
    <t>100117.0</t>
  </si>
  <si>
    <t>1258.264</t>
  </si>
  <si>
    <t>96944.0</t>
  </si>
  <si>
    <t>59811176.0</t>
  </si>
  <si>
    <t>60062.0</t>
  </si>
  <si>
    <t>1259.529</t>
  </si>
  <si>
    <t>55435.0</t>
  </si>
  <si>
    <t>59855596.0</t>
  </si>
  <si>
    <t>44420.0</t>
  </si>
  <si>
    <t>1260.465</t>
  </si>
  <si>
    <t>70243260.0</t>
  </si>
  <si>
    <t>37727757.0</t>
  </si>
  <si>
    <t>36745965.0</t>
  </si>
  <si>
    <t>88152.6</t>
  </si>
  <si>
    <t>1853.55625872502</t>
  </si>
  <si>
    <t>59966526.0</t>
  </si>
  <si>
    <t>110930.0</t>
  </si>
  <si>
    <t>1262.801</t>
  </si>
  <si>
    <t>94224.0</t>
  </si>
  <si>
    <t>70279166.0</t>
  </si>
  <si>
    <t>37741414.0</t>
  </si>
  <si>
    <t>36771680.0</t>
  </si>
  <si>
    <t>35906.0</t>
  </si>
  <si>
    <t>48916.0</t>
  </si>
  <si>
    <t>60076413.0</t>
  </si>
  <si>
    <t>109887.0</t>
  </si>
  <si>
    <t>1265.115</t>
  </si>
  <si>
    <t>92301.0</t>
  </si>
  <si>
    <t>70587034.0</t>
  </si>
  <si>
    <t>37755682.0</t>
  </si>
  <si>
    <t>36802767.0</t>
  </si>
  <si>
    <t>265541.0</t>
  </si>
  <si>
    <t>307868.0</t>
  </si>
  <si>
    <t>80705.0</t>
  </si>
  <si>
    <t>60182326.0</t>
  </si>
  <si>
    <t>1267.345</t>
  </si>
  <si>
    <t>90560.0</t>
  </si>
  <si>
    <t>70646137.0</t>
  </si>
  <si>
    <t>37772454.0</t>
  </si>
  <si>
    <t>36832362.0</t>
  </si>
  <si>
    <t>148.55</t>
  </si>
  <si>
    <t>60271530.0</t>
  </si>
  <si>
    <t>89204.0</t>
  </si>
  <si>
    <t>1269.223</t>
  </si>
  <si>
    <t>88648.0</t>
  </si>
  <si>
    <t>70699744.0</t>
  </si>
  <si>
    <t>37788299.0</t>
  </si>
  <si>
    <t>36867685.0</t>
  </si>
  <si>
    <t>294908.0</t>
  </si>
  <si>
    <t>78034.0</t>
  </si>
  <si>
    <t>24.517</t>
  </si>
  <si>
    <t>60353462.0</t>
  </si>
  <si>
    <t>1270.949</t>
  </si>
  <si>
    <t>86050.0</t>
  </si>
  <si>
    <t>79620.0</t>
  </si>
  <si>
    <t>23.571</t>
  </si>
  <si>
    <t>60398042.0</t>
  </si>
  <si>
    <t>1271.888</t>
  </si>
  <si>
    <t>81207.0</t>
  </si>
  <si>
    <t>12556.0</t>
  </si>
  <si>
    <t>60430000.0</t>
  </si>
  <si>
    <t>1272.561</t>
  </si>
  <si>
    <t>70822813.0</t>
  </si>
  <si>
    <t>37816635.0</t>
  </si>
  <si>
    <t>36937743.0</t>
  </si>
  <si>
    <t>344944.0</t>
  </si>
  <si>
    <t>88518.4</t>
  </si>
  <si>
    <t>1861.24781722065</t>
  </si>
  <si>
    <t>60523078.0</t>
  </si>
  <si>
    <t>93078.0</t>
  </si>
  <si>
    <t>1274.521</t>
  </si>
  <si>
    <t>80288.0</t>
  </si>
  <si>
    <t>60572494.0</t>
  </si>
  <si>
    <t>1275.561</t>
  </si>
  <si>
    <t>70869.0</t>
  </si>
  <si>
    <t>70859558.0</t>
  </si>
  <si>
    <t>37830132.0</t>
  </si>
  <si>
    <t>36961165.0</t>
  </si>
  <si>
    <t>60682665.0</t>
  </si>
  <si>
    <t>110171.0</t>
  </si>
  <si>
    <t>1277.881</t>
  </si>
  <si>
    <t>70919608.0</t>
  </si>
  <si>
    <t>37846897.0</t>
  </si>
  <si>
    <t>36994918.0</t>
  </si>
  <si>
    <t>364696.0</t>
  </si>
  <si>
    <t>60782151.0</t>
  </si>
  <si>
    <t>1279.976</t>
  </si>
  <si>
    <t>70982052.0</t>
  </si>
  <si>
    <t>37868453.0</t>
  </si>
  <si>
    <t>37029165.0</t>
  </si>
  <si>
    <t>62444.0</t>
  </si>
  <si>
    <t>149.25</t>
  </si>
  <si>
    <t>60876905.0</t>
  </si>
  <si>
    <t>94754.0</t>
  </si>
  <si>
    <t>1281.972</t>
  </si>
  <si>
    <t>60931022.0</t>
  </si>
  <si>
    <t>54117.0</t>
  </si>
  <si>
    <t>1283.111</t>
  </si>
  <si>
    <t>76140.0</t>
  </si>
  <si>
    <t>60969682.0</t>
  </si>
  <si>
    <t>1283.925</t>
  </si>
  <si>
    <t>71048577.0</t>
  </si>
  <si>
    <t>37891519.0</t>
  </si>
  <si>
    <t>37074146.0</t>
  </si>
  <si>
    <t>387896.0</t>
  </si>
  <si>
    <t>32252.0</t>
  </si>
  <si>
    <t>88821.6</t>
  </si>
  <si>
    <t>1867.62310572768</t>
  </si>
  <si>
    <t>61074479.0</t>
  </si>
  <si>
    <t>1286.132</t>
  </si>
  <si>
    <t>78772.0</t>
  </si>
  <si>
    <t>71072261.0</t>
  </si>
  <si>
    <t>37899559.0</t>
  </si>
  <si>
    <t>37086628.0</t>
  </si>
  <si>
    <t>393681.0</t>
  </si>
  <si>
    <t>23684.0</t>
  </si>
  <si>
    <t>61180372.0</t>
  </si>
  <si>
    <t>105893.0</t>
  </si>
  <si>
    <t>1288.362</t>
  </si>
  <si>
    <t>86840.0</t>
  </si>
  <si>
    <t>71102258.0</t>
  </si>
  <si>
    <t>37908612.0</t>
  </si>
  <si>
    <t>37102507.0</t>
  </si>
  <si>
    <t>400863.0</t>
  </si>
  <si>
    <t>61278797.0</t>
  </si>
  <si>
    <t>1290.435</t>
  </si>
  <si>
    <t>85162.0</t>
  </si>
  <si>
    <t>71231804.0</t>
  </si>
  <si>
    <t>37938819.0</t>
  </si>
  <si>
    <t>37176352.0</t>
  </si>
  <si>
    <t>455403.0</t>
  </si>
  <si>
    <t>44599.0</t>
  </si>
  <si>
    <t>61366536.0</t>
  </si>
  <si>
    <t>1292.283</t>
  </si>
  <si>
    <t>71275614.0</t>
  </si>
  <si>
    <t>37954027.0</t>
  </si>
  <si>
    <t>37199581.0</t>
  </si>
  <si>
    <t>465168.0</t>
  </si>
  <si>
    <t>61456210.0</t>
  </si>
  <si>
    <t>1294.171</t>
  </si>
  <si>
    <t>82758.0</t>
  </si>
  <si>
    <t>61507756.0</t>
  </si>
  <si>
    <t>1295.256</t>
  </si>
  <si>
    <t>61545741.0</t>
  </si>
  <si>
    <t>37985.0</t>
  </si>
  <si>
    <t>1296.056</t>
  </si>
  <si>
    <t>71344477.0</t>
  </si>
  <si>
    <t>37979234.0</t>
  </si>
  <si>
    <t>37234272.0</t>
  </si>
  <si>
    <t>480249.0</t>
  </si>
  <si>
    <t>89225.6</t>
  </si>
  <si>
    <t>1876.11788328983</t>
  </si>
  <si>
    <t>61647540.0</t>
  </si>
  <si>
    <t>101799.0</t>
  </si>
  <si>
    <t>1298.2</t>
  </si>
  <si>
    <t>81866.0</t>
  </si>
  <si>
    <t>71366561.0</t>
  </si>
  <si>
    <t>37988609.0</t>
  </si>
  <si>
    <t>37250048.0</t>
  </si>
  <si>
    <t>483728.0</t>
  </si>
  <si>
    <t>61752428.0</t>
  </si>
  <si>
    <t>104888.0</t>
  </si>
  <si>
    <t>1300.409</t>
  </si>
  <si>
    <t>71393601.0</t>
  </si>
  <si>
    <t>37998740.0</t>
  </si>
  <si>
    <t>37263047.0</t>
  </si>
  <si>
    <t>61853518.0</t>
  </si>
  <si>
    <t>101090.0</t>
  </si>
  <si>
    <t>1302.538</t>
  </si>
  <si>
    <t>82103.0</t>
  </si>
  <si>
    <t>71779466.0</t>
  </si>
  <si>
    <t>38013994.0</t>
  </si>
  <si>
    <t>37282484.0</t>
  </si>
  <si>
    <t>844649.0</t>
  </si>
  <si>
    <t>385865.0</t>
  </si>
  <si>
    <t>78237.0</t>
  </si>
  <si>
    <t>24.959</t>
  </si>
  <si>
    <t>61940587.0</t>
  </si>
  <si>
    <t>1304.371</t>
  </si>
  <si>
    <t>71943760.0</t>
  </si>
  <si>
    <t>38036436.0</t>
  </si>
  <si>
    <t>37315511.0</t>
  </si>
  <si>
    <t>962373.0</t>
  </si>
  <si>
    <t>164294.0</t>
  </si>
  <si>
    <t>62022675.0</t>
  </si>
  <si>
    <t>1306.1</t>
  </si>
  <si>
    <t>100332.0</t>
  </si>
  <si>
    <t>62070982.0</t>
  </si>
  <si>
    <t>48307.0</t>
  </si>
  <si>
    <t>1307.117</t>
  </si>
  <si>
    <t>80461.0</t>
  </si>
  <si>
    <t>72058020.0</t>
  </si>
  <si>
    <t>38037531.0</t>
  </si>
  <si>
    <t>37317388.0</t>
  </si>
  <si>
    <t>1074853.0</t>
  </si>
  <si>
    <t>105214.0</t>
  </si>
  <si>
    <t>151.51</t>
  </si>
  <si>
    <t>62110272.0</t>
  </si>
  <si>
    <t>1307.944</t>
  </si>
  <si>
    <t>80647.0</t>
  </si>
  <si>
    <t>110276.0</t>
  </si>
  <si>
    <t>89945.2</t>
  </si>
  <si>
    <t>1891.24868015548</t>
  </si>
  <si>
    <t>62153069.0</t>
  </si>
  <si>
    <t>42797.0</t>
  </si>
  <si>
    <t>1308.846</t>
  </si>
  <si>
    <t>115462.0</t>
  </si>
  <si>
    <t>62257969.0</t>
  </si>
  <si>
    <t>104900.0</t>
  </si>
  <si>
    <t>1311.055</t>
  </si>
  <si>
    <t>72220.0</t>
  </si>
  <si>
    <t>72233182.0</t>
  </si>
  <si>
    <t>38059705.0</t>
  </si>
  <si>
    <t>37347287.0</t>
  </si>
  <si>
    <t>1204886.0</t>
  </si>
  <si>
    <t>62364965.0</t>
  </si>
  <si>
    <t>106996.0</t>
  </si>
  <si>
    <t>1313.308</t>
  </si>
  <si>
    <t>72410731.0</t>
  </si>
  <si>
    <t>38071080.0</t>
  </si>
  <si>
    <t>37360864.0</t>
  </si>
  <si>
    <t>1359261.0</t>
  </si>
  <si>
    <t>177549.0</t>
  </si>
  <si>
    <t>29.564</t>
  </si>
  <si>
    <t>62460170.0</t>
  </si>
  <si>
    <t>1315.313</t>
  </si>
  <si>
    <t>74226.0</t>
  </si>
  <si>
    <t>72594573.0</t>
  </si>
  <si>
    <t>38083061.0</t>
  </si>
  <si>
    <t>37375642.0</t>
  </si>
  <si>
    <t>1518617.0</t>
  </si>
  <si>
    <t>183842.0</t>
  </si>
  <si>
    <t>92973.0</t>
  </si>
  <si>
    <t>62554510.0</t>
  </si>
  <si>
    <t>94340.0</t>
  </si>
  <si>
    <t>1317.299</t>
  </si>
  <si>
    <t>62609896.0</t>
  </si>
  <si>
    <t>1318.466</t>
  </si>
  <si>
    <t>62650196.0</t>
  </si>
  <si>
    <t>1319.314</t>
  </si>
  <si>
    <t>72805128.0</t>
  </si>
  <si>
    <t>38100169.0</t>
  </si>
  <si>
    <t>37398246.0</t>
  </si>
  <si>
    <t>1694745.0</t>
  </si>
  <si>
    <t>90170.4</t>
  </si>
  <si>
    <t>1895.98388784606</t>
  </si>
  <si>
    <t>62756390.0</t>
  </si>
  <si>
    <t>106194.0</t>
  </si>
  <si>
    <t>1321.551</t>
  </si>
  <si>
    <t>86189.0</t>
  </si>
  <si>
    <t>114666.0</t>
  </si>
  <si>
    <t>62866257.0</t>
  </si>
  <si>
    <t>1323.864</t>
  </si>
  <si>
    <t>86898.0</t>
  </si>
  <si>
    <t>73149785.0</t>
  </si>
  <si>
    <t>38117778.0</t>
  </si>
  <si>
    <t>37417377.0</t>
  </si>
  <si>
    <t>2004741.0</t>
  </si>
  <si>
    <t>130943.0</t>
  </si>
  <si>
    <t>62980611.0</t>
  </si>
  <si>
    <t>114354.0</t>
  </si>
  <si>
    <t>1326.272</t>
  </si>
  <si>
    <t>87949.0</t>
  </si>
  <si>
    <t>73347560.0</t>
  </si>
  <si>
    <t>38130715.0</t>
  </si>
  <si>
    <t>37431385.0</t>
  </si>
  <si>
    <t>2177023.0</t>
  </si>
  <si>
    <t>197775.0</t>
  </si>
  <si>
    <t>63084545.0</t>
  </si>
  <si>
    <t>1328.461</t>
  </si>
  <si>
    <t>89196.0</t>
  </si>
  <si>
    <t>73623626.0</t>
  </si>
  <si>
    <t>38144625.0</t>
  </si>
  <si>
    <t>37448743.0</t>
  </si>
  <si>
    <t>2423963.0</t>
  </si>
  <si>
    <t>276066.0</t>
  </si>
  <si>
    <t>147008.0</t>
  </si>
  <si>
    <t>63189415.0</t>
  </si>
  <si>
    <t>1330.669</t>
  </si>
  <si>
    <t>90701.0</t>
  </si>
  <si>
    <t>149512.0</t>
  </si>
  <si>
    <t>63251862.0</t>
  </si>
  <si>
    <t>1331.985</t>
  </si>
  <si>
    <t>63299000.0</t>
  </si>
  <si>
    <t>1332.977</t>
  </si>
  <si>
    <t>73886784.0</t>
  </si>
  <si>
    <t>38164244.0</t>
  </si>
  <si>
    <t>37474324.0</t>
  </si>
  <si>
    <t>2647050.0</t>
  </si>
  <si>
    <t>91117.8</t>
  </si>
  <si>
    <t>1915.90456176284</t>
  </si>
  <si>
    <t>63420271.0</t>
  </si>
  <si>
    <t>1335.531</t>
  </si>
  <si>
    <t>94840.0</t>
  </si>
  <si>
    <t>74034325.0</t>
  </si>
  <si>
    <t>38171026.0</t>
  </si>
  <si>
    <t>37480526.0</t>
  </si>
  <si>
    <t>2782583.0</t>
  </si>
  <si>
    <t>147541.0</t>
  </si>
  <si>
    <t>150981.0</t>
  </si>
  <si>
    <t>63551874.0</t>
  </si>
  <si>
    <t>74168369.0</t>
  </si>
  <si>
    <t>38177685.0</t>
  </si>
  <si>
    <t>37487833.0</t>
  </si>
  <si>
    <t>2904255.0</t>
  </si>
  <si>
    <t>134044.0</t>
  </si>
  <si>
    <t>145512.0</t>
  </si>
  <si>
    <t>155.95</t>
  </si>
  <si>
    <t>63680218.0</t>
  </si>
  <si>
    <t>128344.0</t>
  </si>
  <si>
    <t>1341.005</t>
  </si>
  <si>
    <t>74502145.0</t>
  </si>
  <si>
    <t>38197655.0</t>
  </si>
  <si>
    <t>37507587.0</t>
  </si>
  <si>
    <t>3198583.0</t>
  </si>
  <si>
    <t>333776.0</t>
  </si>
  <si>
    <t>164941.0</t>
  </si>
  <si>
    <t>63802707.0</t>
  </si>
  <si>
    <t>122489.0</t>
  </si>
  <si>
    <t>1343.584</t>
  </si>
  <si>
    <t>102595.0</t>
  </si>
  <si>
    <t>74683916.0</t>
  </si>
  <si>
    <t>38209702.0</t>
  </si>
  <si>
    <t>37519860.0</t>
  </si>
  <si>
    <t>3356529.0</t>
  </si>
  <si>
    <t>181771.0</t>
  </si>
  <si>
    <t>151470.0</t>
  </si>
  <si>
    <t>63931203.0</t>
  </si>
  <si>
    <t>1346.29</t>
  </si>
  <si>
    <t>105970.0</t>
  </si>
  <si>
    <t>64006181.0</t>
  </si>
  <si>
    <t>64059992.0</t>
  </si>
  <si>
    <t>1349.002</t>
  </si>
  <si>
    <t>74988489.0</t>
  </si>
  <si>
    <t>38237469.0</t>
  </si>
  <si>
    <t>37547526.0</t>
  </si>
  <si>
    <t>3610960.0</t>
  </si>
  <si>
    <t>157386.0</t>
  </si>
  <si>
    <t>1933.25577573384</t>
  </si>
  <si>
    <t>64202012.0</t>
  </si>
  <si>
    <t>1351.993</t>
  </si>
  <si>
    <t>75173640.0</t>
  </si>
  <si>
    <t>38249913.0</t>
  </si>
  <si>
    <t>37557243.0</t>
  </si>
  <si>
    <t>3776118.0</t>
  </si>
  <si>
    <t>64354204.0</t>
  </si>
  <si>
    <t>152192.0</t>
  </si>
  <si>
    <t>114619.0</t>
  </si>
  <si>
    <t>75377077.0</t>
  </si>
  <si>
    <t>38263801.0</t>
  </si>
  <si>
    <t>37567042.0</t>
  </si>
  <si>
    <t>3955506.0</t>
  </si>
  <si>
    <t>203437.0</t>
  </si>
  <si>
    <t>172673.0</t>
  </si>
  <si>
    <t>64506929.0</t>
  </si>
  <si>
    <t>152725.0</t>
  </si>
  <si>
    <t>1358.414</t>
  </si>
  <si>
    <t>75573156.0</t>
  </si>
  <si>
    <t>38281333.0</t>
  </si>
  <si>
    <t>37578516.0</t>
  </si>
  <si>
    <t>4123858.0</t>
  </si>
  <si>
    <t>196079.0</t>
  </si>
  <si>
    <t>153002.0</t>
  </si>
  <si>
    <t>158.91</t>
  </si>
  <si>
    <t>64651211.0</t>
  </si>
  <si>
    <t>144282.0</t>
  </si>
  <si>
    <t>1361.453</t>
  </si>
  <si>
    <t>121215.0</t>
  </si>
  <si>
    <t>76026523.0</t>
  </si>
  <si>
    <t>38288327.0</t>
  </si>
  <si>
    <t>37582174.0</t>
  </si>
  <si>
    <t>4567312.0</t>
  </si>
  <si>
    <t>453367.0</t>
  </si>
  <si>
    <t>191801.0</t>
  </si>
  <si>
    <t>64801134.0</t>
  </si>
  <si>
    <t>1364.61</t>
  </si>
  <si>
    <t>64888605.0</t>
  </si>
  <si>
    <t>87471.0</t>
  </si>
  <si>
    <t>1366.452</t>
  </si>
  <si>
    <t>126061.0</t>
  </si>
  <si>
    <t>172035.0</t>
  </si>
  <si>
    <t>64950962.0</t>
  </si>
  <si>
    <t>1367.765</t>
  </si>
  <si>
    <t>127281.0</t>
  </si>
  <si>
    <t>76123553.0</t>
  </si>
  <si>
    <t>38299758.0</t>
  </si>
  <si>
    <t>37586582.0</t>
  </si>
  <si>
    <t>4649523.0</t>
  </si>
  <si>
    <t>162152.0</t>
  </si>
  <si>
    <t>92760.0</t>
  </si>
  <si>
    <t>1950.43457095234</t>
  </si>
  <si>
    <t>65108676.0</t>
  </si>
  <si>
    <t>157714.0</t>
  </si>
  <si>
    <t>1371.086</t>
  </si>
  <si>
    <t>129523.0</t>
  </si>
  <si>
    <t>76485574.0</t>
  </si>
  <si>
    <t>38339403.0</t>
  </si>
  <si>
    <t>37615143.0</t>
  </si>
  <si>
    <t>4943463.0</t>
  </si>
  <si>
    <t>362021.0</t>
  </si>
  <si>
    <t>187419.0</t>
  </si>
  <si>
    <t>65288782.0</t>
  </si>
  <si>
    <t>180106.0</t>
  </si>
  <si>
    <t>1374.879</t>
  </si>
  <si>
    <t>133511.0</t>
  </si>
  <si>
    <t>76680144.0</t>
  </si>
  <si>
    <t>38356928.0</t>
  </si>
  <si>
    <t>37624032.0</t>
  </si>
  <si>
    <t>5109834.0</t>
  </si>
  <si>
    <t>186152.0</t>
  </si>
  <si>
    <t>65474193.0</t>
  </si>
  <si>
    <t>185411.0</t>
  </si>
  <si>
    <t>1378.783</t>
  </si>
  <si>
    <t>138181.0</t>
  </si>
  <si>
    <t>76899564.0</t>
  </si>
  <si>
    <t>38379778.0</t>
  </si>
  <si>
    <t>37638438.0</t>
  </si>
  <si>
    <t>5289482.0</t>
  </si>
  <si>
    <t>219420.0</t>
  </si>
  <si>
    <t>189487.0</t>
  </si>
  <si>
    <t>65664382.0</t>
  </si>
  <si>
    <t>190189.0</t>
  </si>
  <si>
    <t>1382.788</t>
  </si>
  <si>
    <t>144739.0</t>
  </si>
  <si>
    <t>77157350.0</t>
  </si>
  <si>
    <t>38409145.0</t>
  </si>
  <si>
    <t>37655150.0</t>
  </si>
  <si>
    <t>5499256.0</t>
  </si>
  <si>
    <t>257786.0</t>
  </si>
  <si>
    <t>161547.0</t>
  </si>
  <si>
    <t>65855347.0</t>
  </si>
  <si>
    <t>190965.0</t>
  </si>
  <si>
    <t>1386.81</t>
  </si>
  <si>
    <t>65966046.0</t>
  </si>
  <si>
    <t>110699.0</t>
  </si>
  <si>
    <t>1389.141</t>
  </si>
  <si>
    <t>153920.0</t>
  </si>
  <si>
    <t>179770.0</t>
  </si>
  <si>
    <t>66042560.0</t>
  </si>
  <si>
    <t>76514.0</t>
  </si>
  <si>
    <t>1390.752</t>
  </si>
  <si>
    <t>155943.0</t>
  </si>
  <si>
    <t>188881.0</t>
  </si>
  <si>
    <t>19715.0</t>
  </si>
  <si>
    <t>93941.2</t>
  </si>
  <si>
    <t>1975.27128198305</t>
  </si>
  <si>
    <t>66121323.0</t>
  </si>
  <si>
    <t>78763.0</t>
  </si>
  <si>
    <t>1392.411</t>
  </si>
  <si>
    <t>144664.0</t>
  </si>
  <si>
    <t>77541843.0</t>
  </si>
  <si>
    <t>38447301.0</t>
  </si>
  <si>
    <t>37677168.0</t>
  </si>
  <si>
    <t>5819122.0</t>
  </si>
  <si>
    <t>150896.0</t>
  </si>
  <si>
    <t>66295304.0</t>
  </si>
  <si>
    <t>173981.0</t>
  </si>
  <si>
    <t>1396.075</t>
  </si>
  <si>
    <t>66405601.0</t>
  </si>
  <si>
    <t>1398.397</t>
  </si>
  <si>
    <t>133058.0</t>
  </si>
  <si>
    <t>77653701.0</t>
  </si>
  <si>
    <t>38465787.0</t>
  </si>
  <si>
    <t>37684831.0</t>
  </si>
  <si>
    <t>5898138.0</t>
  </si>
  <si>
    <t>107734.0</t>
  </si>
  <si>
    <t>66610503.0</t>
  </si>
  <si>
    <t>1402.712</t>
  </si>
  <si>
    <t>135160.0</t>
  </si>
  <si>
    <t>77827910.0</t>
  </si>
  <si>
    <t>38488342.0</t>
  </si>
  <si>
    <t>37702839.0</t>
  </si>
  <si>
    <t>6027380.0</t>
  </si>
  <si>
    <t>174209.0</t>
  </si>
  <si>
    <t>11.817</t>
  </si>
  <si>
    <t>66833157.0</t>
  </si>
  <si>
    <t>222654.0</t>
  </si>
  <si>
    <t>1407.401</t>
  </si>
  <si>
    <t>139687.0</t>
  </si>
  <si>
    <t>216315.0</t>
  </si>
  <si>
    <t>66971749.0</t>
  </si>
  <si>
    <t>1410.319</t>
  </si>
  <si>
    <t>336835.0</t>
  </si>
  <si>
    <t>67077037.0</t>
  </si>
  <si>
    <t>105288.0</t>
  </si>
  <si>
    <t>1412.537</t>
  </si>
  <si>
    <t>80647211.0</t>
  </si>
  <si>
    <t>38514698.0</t>
  </si>
  <si>
    <t>37721347.0</t>
  </si>
  <si>
    <t>8799504.0</t>
  </si>
  <si>
    <t>457356.0</t>
  </si>
  <si>
    <t>94711.0</t>
  </si>
  <si>
    <t>1991.45761804082</t>
  </si>
  <si>
    <t>67300400.0</t>
  </si>
  <si>
    <t>223363.0</t>
  </si>
  <si>
    <t>1417.24</t>
  </si>
  <si>
    <t>168440.0</t>
  </si>
  <si>
    <t>81104962.0</t>
  </si>
  <si>
    <t>38541413.0</t>
  </si>
  <si>
    <t>37742102.0</t>
  </si>
  <si>
    <t>9210940.0</t>
  </si>
  <si>
    <t>457751.0</t>
  </si>
  <si>
    <t>509017.0</t>
  </si>
  <si>
    <t>170.54</t>
  </si>
  <si>
    <t>67557973.0</t>
  </si>
  <si>
    <t>257573.0</t>
  </si>
  <si>
    <t>1422.664</t>
  </si>
  <si>
    <t>180381.0</t>
  </si>
  <si>
    <t>81695378.0</t>
  </si>
  <si>
    <t>38567949.0</t>
  </si>
  <si>
    <t>37755238.0</t>
  </si>
  <si>
    <t>9755692.0</t>
  </si>
  <si>
    <t>590416.0</t>
  </si>
  <si>
    <t>585372.0</t>
  </si>
  <si>
    <t>67832988.0</t>
  </si>
  <si>
    <t>275015.0</t>
  </si>
  <si>
    <t>1428.456</t>
  </si>
  <si>
    <t>82067448.0</t>
  </si>
  <si>
    <t>38586398.0</t>
  </si>
  <si>
    <t>37767016.0</t>
  </si>
  <si>
    <t>10094293.0</t>
  </si>
  <si>
    <t>372070.0</t>
  </si>
  <si>
    <t>630535.0</t>
  </si>
  <si>
    <t>172.56</t>
  </si>
  <si>
    <t>68116739.0</t>
  </si>
  <si>
    <t>283751.0</t>
  </si>
  <si>
    <t>1434.431</t>
  </si>
  <si>
    <t>215177.0</t>
  </si>
  <si>
    <t>82518671.0</t>
  </si>
  <si>
    <t>38607797.0</t>
  </si>
  <si>
    <t>37777929.0</t>
  </si>
  <si>
    <t>10507992.0</t>
  </si>
  <si>
    <t>451223.0</t>
  </si>
  <si>
    <t>670109.0</t>
  </si>
  <si>
    <t>68432060.0</t>
  </si>
  <si>
    <t>315321.0</t>
  </si>
  <si>
    <t>1441.071</t>
  </si>
  <si>
    <t>228415.0</t>
  </si>
  <si>
    <t>68629702.0</t>
  </si>
  <si>
    <t>197642.0</t>
  </si>
  <si>
    <t>1445.233</t>
  </si>
  <si>
    <t>236850.0</t>
  </si>
  <si>
    <t>495308.0</t>
  </si>
  <si>
    <t>68777195.0</t>
  </si>
  <si>
    <t>147493.0</t>
  </si>
  <si>
    <t>1448.339</t>
  </si>
  <si>
    <t>242880.0</t>
  </si>
  <si>
    <t>83502561.0</t>
  </si>
  <si>
    <t>39010695.0</t>
  </si>
  <si>
    <t>37791863.0</t>
  </si>
  <si>
    <t>11071984.0</t>
  </si>
  <si>
    <t>407907.0</t>
  </si>
  <si>
    <t>70857.0</t>
  </si>
  <si>
    <t>95634.4</t>
  </si>
  <si>
    <t>2010.87365170638</t>
  </si>
  <si>
    <t>69111335.0</t>
  </si>
  <si>
    <t>334140.0</t>
  </si>
  <si>
    <t>1455.376</t>
  </si>
  <si>
    <t>39100658.0</t>
  </si>
  <si>
    <t>37799170.0</t>
  </si>
  <si>
    <t>11377250.0</t>
  </si>
  <si>
    <t>79892.0</t>
  </si>
  <si>
    <t>69522344.0</t>
  </si>
  <si>
    <t>411009.0</t>
  </si>
  <si>
    <t>1464.031</t>
  </si>
  <si>
    <t>280624.0</t>
  </si>
  <si>
    <t>39270983.0</t>
  </si>
  <si>
    <t>37815104.0</t>
  </si>
  <si>
    <t>11802824.0</t>
  </si>
  <si>
    <t>258947.0</t>
  </si>
  <si>
    <t>100433.0</t>
  </si>
  <si>
    <t>69977874.0</t>
  </si>
  <si>
    <t>455530.0</t>
  </si>
  <si>
    <t>1473.624</t>
  </si>
  <si>
    <t>39405157.0</t>
  </si>
  <si>
    <t>37832328.0</t>
  </si>
  <si>
    <t>12254905.0</t>
  </si>
  <si>
    <t>206183.0</t>
  </si>
  <si>
    <t>116966.0</t>
  </si>
  <si>
    <t>70483243.0</t>
  </si>
  <si>
    <t>505369.0</t>
  </si>
  <si>
    <t>1484.266</t>
  </si>
  <si>
    <t>338072.0</t>
  </si>
  <si>
    <t>142112.0</t>
  </si>
  <si>
    <t>117718.0</t>
  </si>
  <si>
    <t>135.328</t>
  </si>
  <si>
    <t>70863577.0</t>
  </si>
  <si>
    <t>380334.0</t>
  </si>
  <si>
    <t>1492.275</t>
  </si>
  <si>
    <t>347360.0</t>
  </si>
  <si>
    <t>102342.0</t>
  </si>
  <si>
    <t>71060928.0</t>
  </si>
  <si>
    <t>197351.0</t>
  </si>
  <si>
    <t>1496.431</t>
  </si>
  <si>
    <t>347318.0</t>
  </si>
  <si>
    <t>49186.0</t>
  </si>
  <si>
    <t>86965.0</t>
  </si>
  <si>
    <t>71267612.0</t>
  </si>
  <si>
    <t>1500.784</t>
  </si>
  <si>
    <t>355774.0</t>
  </si>
  <si>
    <t>39511819.0</t>
  </si>
  <si>
    <t>37853370.0</t>
  </si>
  <si>
    <t>12720094.0</t>
  </si>
  <si>
    <t>71589.0</t>
  </si>
  <si>
    <t>96592.4</t>
  </si>
  <si>
    <t>2031.01720840078</t>
  </si>
  <si>
    <t>71682205.0</t>
  </si>
  <si>
    <t>414593.0</t>
  </si>
  <si>
    <t>1509.514</t>
  </si>
  <si>
    <t>367267.0</t>
  </si>
  <si>
    <t>7.734</t>
  </si>
  <si>
    <t>39567127.0</t>
  </si>
  <si>
    <t>37858971.0</t>
  </si>
  <si>
    <t>13031375.0</t>
  </si>
  <si>
    <t>72155694.0</t>
  </si>
  <si>
    <t>473489.0</t>
  </si>
  <si>
    <t>1519.485</t>
  </si>
  <si>
    <t>376193.0</t>
  </si>
  <si>
    <t>39619870.0</t>
  </si>
  <si>
    <t>37865247.0</t>
  </si>
  <si>
    <t>13411776.0</t>
  </si>
  <si>
    <t>49841.0</t>
  </si>
  <si>
    <t>72644005.0</t>
  </si>
  <si>
    <t>488311.0</t>
  </si>
  <si>
    <t>1529.768</t>
  </si>
  <si>
    <t>380876.0</t>
  </si>
  <si>
    <t>8.021</t>
  </si>
  <si>
    <t>83529796.0</t>
  </si>
  <si>
    <t>39664717.0</t>
  </si>
  <si>
    <t>37869504.0</t>
  </si>
  <si>
    <t>13743032.0</t>
  </si>
  <si>
    <t>73115676.0</t>
  </si>
  <si>
    <t>471671.0</t>
  </si>
  <si>
    <t>1539.701</t>
  </si>
  <si>
    <t>376062.0</t>
  </si>
  <si>
    <t>73454765.0</t>
  </si>
  <si>
    <t>339089.0</t>
  </si>
  <si>
    <t>1546.842</t>
  </si>
  <si>
    <t>370170.0</t>
  </si>
  <si>
    <t>7.795</t>
  </si>
  <si>
    <t>53399.0</t>
  </si>
  <si>
    <t>73620962.0</t>
  </si>
  <si>
    <t>166197.0</t>
  </si>
  <si>
    <t>1550.341</t>
  </si>
  <si>
    <t>365719.0</t>
  </si>
  <si>
    <t>73815495.0</t>
  </si>
  <si>
    <t>194533.0</t>
  </si>
  <si>
    <t>1554.438</t>
  </si>
  <si>
    <t>363983.0</t>
  </si>
  <si>
    <t>84250146.0</t>
  </si>
  <si>
    <t>39807263.0</t>
  </si>
  <si>
    <t>38016879.0</t>
  </si>
  <si>
    <t>14272046.0</t>
  </si>
  <si>
    <t>104074.0</t>
  </si>
  <si>
    <t>42206.0</t>
  </si>
  <si>
    <t>97301.2</t>
  </si>
  <si>
    <t>2045.92091715338</t>
  </si>
  <si>
    <t>74207562.0</t>
  </si>
  <si>
    <t>392067.0</t>
  </si>
  <si>
    <t>1562.694</t>
  </si>
  <si>
    <t>360765.0</t>
  </si>
  <si>
    <t>84506436.0</t>
  </si>
  <si>
    <t>39859995.0</t>
  </si>
  <si>
    <t>38028178.0</t>
  </si>
  <si>
    <t>14596198.0</t>
  </si>
  <si>
    <t>256290.0</t>
  </si>
  <si>
    <t>140298.0</t>
  </si>
  <si>
    <t>74640237.0</t>
  </si>
  <si>
    <t>432675.0</t>
  </si>
  <si>
    <t>1571.806</t>
  </si>
  <si>
    <t>9.111</t>
  </si>
  <si>
    <t>354935.0</t>
  </si>
  <si>
    <t>84790916.0</t>
  </si>
  <si>
    <t>39931922.0</t>
  </si>
  <si>
    <t>38041112.0</t>
  </si>
  <si>
    <t>14918066.0</t>
  </si>
  <si>
    <t>284480.0</t>
  </si>
  <si>
    <t>180549.0</t>
  </si>
  <si>
    <t>75058445.0</t>
  </si>
  <si>
    <t>1580.613</t>
  </si>
  <si>
    <t>344920.0</t>
  </si>
  <si>
    <t>75243569.0</t>
  </si>
  <si>
    <t>185124.0</t>
  </si>
  <si>
    <t>1584.511</t>
  </si>
  <si>
    <t>303985.0</t>
  </si>
  <si>
    <t>84998186.0</t>
  </si>
  <si>
    <t>39965876.0</t>
  </si>
  <si>
    <t>38052240.0</t>
  </si>
  <si>
    <t>15170652.0</t>
  </si>
  <si>
    <t>184043.0</t>
  </si>
  <si>
    <t>75609721.0</t>
  </si>
  <si>
    <t>366152.0</t>
  </si>
  <si>
    <t>1592.222</t>
  </si>
  <si>
    <t>307851.0</t>
  </si>
  <si>
    <t>181264.0</t>
  </si>
  <si>
    <t>75827974.0</t>
  </si>
  <si>
    <t>218253.0</t>
  </si>
  <si>
    <t>1596.818</t>
  </si>
  <si>
    <t>315287.0</t>
  </si>
  <si>
    <t>76013868.0</t>
  </si>
  <si>
    <t>1600.732</t>
  </si>
  <si>
    <t>85480089.0</t>
  </si>
  <si>
    <t>40082392.0</t>
  </si>
  <si>
    <t>38079025.0</t>
  </si>
  <si>
    <t>15761630.0</t>
  </si>
  <si>
    <t>175706.0</t>
  </si>
  <si>
    <t>39304.0</t>
  </si>
  <si>
    <t>97281.1</t>
  </si>
  <si>
    <t>2045.49828094298</t>
  </si>
  <si>
    <t>76415302.0</t>
  </si>
  <si>
    <t>401434.0</t>
  </si>
  <si>
    <t>1609.186</t>
  </si>
  <si>
    <t>85731280.0</t>
  </si>
  <si>
    <t>40118975.0</t>
  </si>
  <si>
    <t>38093934.0</t>
  </si>
  <si>
    <t>16087053.0</t>
  </si>
  <si>
    <t>251191.0</t>
  </si>
  <si>
    <t>76829162.0</t>
  </si>
  <si>
    <t>413860.0</t>
  </si>
  <si>
    <t>1617.901</t>
  </si>
  <si>
    <t>312704.0</t>
  </si>
  <si>
    <t>86024996.0</t>
  </si>
  <si>
    <t>40181430.0</t>
  </si>
  <si>
    <t>38108556.0</t>
  </si>
  <si>
    <t>16448649.0</t>
  </si>
  <si>
    <t>293716.0</t>
  </si>
  <si>
    <t>176297.0</t>
  </si>
  <si>
    <t>77239989.0</t>
  </si>
  <si>
    <t>410827.0</t>
  </si>
  <si>
    <t>1626.552</t>
  </si>
  <si>
    <t>86326709.0</t>
  </si>
  <si>
    <t>40240794.0</t>
  </si>
  <si>
    <t>38125469.0</t>
  </si>
  <si>
    <t>16812886.0</t>
  </si>
  <si>
    <t>301713.0</t>
  </si>
  <si>
    <t>204594.0</t>
  </si>
  <si>
    <t>77636182.0</t>
  </si>
  <si>
    <t>396193.0</t>
  </si>
  <si>
    <t>1634.896</t>
  </si>
  <si>
    <t>341802.0</t>
  </si>
  <si>
    <t>86659108.0</t>
  </si>
  <si>
    <t>40317861.0</t>
  </si>
  <si>
    <t>38144506.0</t>
  </si>
  <si>
    <t>17195074.0</t>
  </si>
  <si>
    <t>332399.0</t>
  </si>
  <si>
    <t>237275.0</t>
  </si>
  <si>
    <t>78022165.0</t>
  </si>
  <si>
    <t>385983.0</t>
  </si>
  <si>
    <t>1643.024</t>
  </si>
  <si>
    <t>344635.0</t>
  </si>
  <si>
    <t>7.257</t>
  </si>
  <si>
    <t>237859.0</t>
  </si>
  <si>
    <t>26.998</t>
  </si>
  <si>
    <t>78225364.0</t>
  </si>
  <si>
    <t>203199.0</t>
  </si>
  <si>
    <t>1647.303</t>
  </si>
  <si>
    <t>342484.0</t>
  </si>
  <si>
    <t>238444.0</t>
  </si>
  <si>
    <t>78371596.0</t>
  </si>
  <si>
    <t>146232.0</t>
  </si>
  <si>
    <t>1650.382</t>
  </si>
  <si>
    <t>336818.0</t>
  </si>
  <si>
    <t>87153288.0</t>
  </si>
  <si>
    <t>40437079.0</t>
  </si>
  <si>
    <t>38173059.0</t>
  </si>
  <si>
    <t>17793948.0</t>
  </si>
  <si>
    <t>239028.0</t>
  </si>
  <si>
    <t>2052.16163492676</t>
  </si>
  <si>
    <t>339.917</t>
  </si>
  <si>
    <t>78750987.0</t>
  </si>
  <si>
    <t>1658.372</t>
  </si>
  <si>
    <t>333669.0</t>
  </si>
  <si>
    <t>87397175.0</t>
  </si>
  <si>
    <t>40484286.0</t>
  </si>
  <si>
    <t>38188108.0</t>
  </si>
  <si>
    <t>18092445.0</t>
  </si>
  <si>
    <t>237985.0</t>
  </si>
  <si>
    <t>52187.0</t>
  </si>
  <si>
    <t>79134693.0</t>
  </si>
  <si>
    <t>383706.0</t>
  </si>
  <si>
    <t>1666.452</t>
  </si>
  <si>
    <t>329362.0</t>
  </si>
  <si>
    <t>87645324.0</t>
  </si>
  <si>
    <t>40532696.0</t>
  </si>
  <si>
    <t>38201057.0</t>
  </si>
  <si>
    <t>18397355.0</t>
  </si>
  <si>
    <t>231475.0</t>
  </si>
  <si>
    <t>79502849.0</t>
  </si>
  <si>
    <t>368156.0</t>
  </si>
  <si>
    <t>1674.205</t>
  </si>
  <si>
    <t>323266.0</t>
  </si>
  <si>
    <t>88000590.0</t>
  </si>
  <si>
    <t>40683950.0</t>
  </si>
  <si>
    <t>38212331.0</t>
  </si>
  <si>
    <t>18703458.0</t>
  </si>
  <si>
    <t>355266.0</t>
  </si>
  <si>
    <t>239126.0</t>
  </si>
  <si>
    <t>185.04</t>
  </si>
  <si>
    <t>79837230.0</t>
  </si>
  <si>
    <t>334381.0</t>
  </si>
  <si>
    <t>1681.246</t>
  </si>
  <si>
    <t>88348566.0</t>
  </si>
  <si>
    <t>40750121.0</t>
  </si>
  <si>
    <t>38227400.0</t>
  </si>
  <si>
    <t>19111590.0</t>
  </si>
  <si>
    <t>347976.0</t>
  </si>
  <si>
    <t>241351.0</t>
  </si>
  <si>
    <t>80165563.0</t>
  </si>
  <si>
    <t>328333.0</t>
  </si>
  <si>
    <t>1688.16</t>
  </si>
  <si>
    <t>306200.0</t>
  </si>
  <si>
    <t>237378.0</t>
  </si>
  <si>
    <t>80328296.0</t>
  </si>
  <si>
    <t>162733.0</t>
  </si>
  <si>
    <t>1691.587</t>
  </si>
  <si>
    <t>300419.0</t>
  </si>
  <si>
    <t>233405.0</t>
  </si>
  <si>
    <t>80451296.0</t>
  </si>
  <si>
    <t>1694.177</t>
  </si>
  <si>
    <t>88759314.0</t>
  </si>
  <si>
    <t>40803369.0</t>
  </si>
  <si>
    <t>38242161.0</t>
  </si>
  <si>
    <t>19672074.0</t>
  </si>
  <si>
    <t>229432.0</t>
  </si>
  <si>
    <t>97895.9</t>
  </si>
  <si>
    <t>2058.42548204498</t>
  </si>
  <si>
    <t>80786467.0</t>
  </si>
  <si>
    <t>335171.0</t>
  </si>
  <si>
    <t>1701.236</t>
  </si>
  <si>
    <t>290783.0</t>
  </si>
  <si>
    <t>6.123</t>
  </si>
  <si>
    <t>88984996.0</t>
  </si>
  <si>
    <t>40824542.0</t>
  </si>
  <si>
    <t>38253646.0</t>
  </si>
  <si>
    <t>19986964.0</t>
  </si>
  <si>
    <t>225682.0</t>
  </si>
  <si>
    <t>226832.0</t>
  </si>
  <si>
    <t>81104506.0</t>
  </si>
  <si>
    <t>318039.0</t>
  </si>
  <si>
    <t>1707.933</t>
  </si>
  <si>
    <t>89270072.0</t>
  </si>
  <si>
    <t>40848444.0</t>
  </si>
  <si>
    <t>38264820.0</t>
  </si>
  <si>
    <t>20360144.0</t>
  </si>
  <si>
    <t>285076.0</t>
  </si>
  <si>
    <t>232107.0</t>
  </si>
  <si>
    <t>45107.0</t>
  </si>
  <si>
    <t>81393810.0</t>
  </si>
  <si>
    <t>289304.0</t>
  </si>
  <si>
    <t>1714.025</t>
  </si>
  <si>
    <t>89508239.0</t>
  </si>
  <si>
    <t>40868576.0</t>
  </si>
  <si>
    <t>38275164.0</t>
  </si>
  <si>
    <t>20663137.0</t>
  </si>
  <si>
    <t>238167.0</t>
  </si>
  <si>
    <t>215378.0</t>
  </si>
  <si>
    <t>188.21</t>
  </si>
  <si>
    <t>26375.0</t>
  </si>
  <si>
    <t>81659215.0</t>
  </si>
  <si>
    <t>265405.0</t>
  </si>
  <si>
    <t>1719.614</t>
  </si>
  <si>
    <t>260284.0</t>
  </si>
  <si>
    <t>89717860.0</t>
  </si>
  <si>
    <t>40884275.0</t>
  </si>
  <si>
    <t>38283540.0</t>
  </si>
  <si>
    <t>20952039.0</t>
  </si>
  <si>
    <t>209621.0</t>
  </si>
  <si>
    <t>195613.0</t>
  </si>
  <si>
    <t>81914448.0</t>
  </si>
  <si>
    <t>255233.0</t>
  </si>
  <si>
    <t>1724.989</t>
  </si>
  <si>
    <t>249841.0</t>
  </si>
  <si>
    <t>195934.0</t>
  </si>
  <si>
    <t>82040863.0</t>
  </si>
  <si>
    <t>126415.0</t>
  </si>
  <si>
    <t>1727.651</t>
  </si>
  <si>
    <t>244652.0</t>
  </si>
  <si>
    <t>196255.0</t>
  </si>
  <si>
    <t>82133508.0</t>
  </si>
  <si>
    <t>92645.0</t>
  </si>
  <si>
    <t>1729.602</t>
  </si>
  <si>
    <t>240316.0</t>
  </si>
  <si>
    <t>90135346.0</t>
  </si>
  <si>
    <t>40911451.0</t>
  </si>
  <si>
    <t>38289398.0</t>
  </si>
  <si>
    <t>21495632.0</t>
  </si>
  <si>
    <t>196576.0</t>
  </si>
  <si>
    <t>189.52</t>
  </si>
  <si>
    <t>2079.66452861806</t>
  </si>
  <si>
    <t>82391559.0</t>
  </si>
  <si>
    <t>258051.0</t>
  </si>
  <si>
    <t>1735.036</t>
  </si>
  <si>
    <t>229299.0</t>
  </si>
  <si>
    <t>90272896.0</t>
  </si>
  <si>
    <t>40918884.0</t>
  </si>
  <si>
    <t>38295449.0</t>
  </si>
  <si>
    <t>21664977.0</t>
  </si>
  <si>
    <t>137550.0</t>
  </si>
  <si>
    <t>183986.0</t>
  </si>
  <si>
    <t>82625071.0</t>
  </si>
  <si>
    <t>1739.954</t>
  </si>
  <si>
    <t>90449104.0</t>
  </si>
  <si>
    <t>40927320.0</t>
  </si>
  <si>
    <t>38305091.0</t>
  </si>
  <si>
    <t>21918589.0</t>
  </si>
  <si>
    <t>168433.0</t>
  </si>
  <si>
    <t>82837715.0</t>
  </si>
  <si>
    <t>1744.432</t>
  </si>
  <si>
    <t>206272.0</t>
  </si>
  <si>
    <t>90592858.0</t>
  </si>
  <si>
    <t>40936086.0</t>
  </si>
  <si>
    <t>38312156.0</t>
  </si>
  <si>
    <t>22105089.0</t>
  </si>
  <si>
    <t>143754.0</t>
  </si>
  <si>
    <t>154946.0</t>
  </si>
  <si>
    <t>83029140.0</t>
  </si>
  <si>
    <t>191425.0</t>
  </si>
  <si>
    <t>1748.463</t>
  </si>
  <si>
    <t>195704.0</t>
  </si>
  <si>
    <t>90715372.0</t>
  </si>
  <si>
    <t>40942994.0</t>
  </si>
  <si>
    <t>38316906.0</t>
  </si>
  <si>
    <t>22274057.0</t>
  </si>
  <si>
    <t>142502.0</t>
  </si>
  <si>
    <t>83218045.0</t>
  </si>
  <si>
    <t>188905.0</t>
  </si>
  <si>
    <t>1752.441</t>
  </si>
  <si>
    <t>186228.0</t>
  </si>
  <si>
    <t>133479.0</t>
  </si>
  <si>
    <t>18.588</t>
  </si>
  <si>
    <t>83311035.0</t>
  </si>
  <si>
    <t>92990.0</t>
  </si>
  <si>
    <t>1754.399</t>
  </si>
  <si>
    <t>181453.0</t>
  </si>
  <si>
    <t>83383478.0</t>
  </si>
  <si>
    <t>72443.0</t>
  </si>
  <si>
    <t>1755.925</t>
  </si>
  <si>
    <t>178567.0</t>
  </si>
  <si>
    <t>90943374.0</t>
  </si>
  <si>
    <t>40958312.0</t>
  </si>
  <si>
    <t>38327784.0</t>
  </si>
  <si>
    <t>22548650.0</t>
  </si>
  <si>
    <t>115433.0</t>
  </si>
  <si>
    <t>191.22</t>
  </si>
  <si>
    <t>99717.9</t>
  </si>
  <si>
    <t>2096.73608778318</t>
  </si>
  <si>
    <t>83581628.0</t>
  </si>
  <si>
    <t>198150.0</t>
  </si>
  <si>
    <t>1760.097</t>
  </si>
  <si>
    <t>170010.0</t>
  </si>
  <si>
    <t>91101392.0</t>
  </si>
  <si>
    <t>40965263.0</t>
  </si>
  <si>
    <t>38351440.0</t>
  </si>
  <si>
    <t>22764113.0</t>
  </si>
  <si>
    <t>118357.0</t>
  </si>
  <si>
    <t>83762181.0</t>
  </si>
  <si>
    <t>180553.0</t>
  </si>
  <si>
    <t>1763.9</t>
  </si>
  <si>
    <t>91211425.0</t>
  </si>
  <si>
    <t>40971209.0</t>
  </si>
  <si>
    <t>38360610.0</t>
  </si>
  <si>
    <t>22925378.0</t>
  </si>
  <si>
    <t>110033.0</t>
  </si>
  <si>
    <t>108903.0</t>
  </si>
  <si>
    <t>34.337</t>
  </si>
  <si>
    <t>83926112.0</t>
  </si>
  <si>
    <t>163931.0</t>
  </si>
  <si>
    <t>1767.352</t>
  </si>
  <si>
    <t>91316118.0</t>
  </si>
  <si>
    <t>40978740.0</t>
  </si>
  <si>
    <t>38366565.0</t>
  </si>
  <si>
    <t>23057870.0</t>
  </si>
  <si>
    <t>104693.0</t>
  </si>
  <si>
    <t>84070944.0</t>
  </si>
  <si>
    <t>144832.0</t>
  </si>
  <si>
    <t>1770.402</t>
  </si>
  <si>
    <t>91411886.0</t>
  </si>
  <si>
    <t>40986943.0</t>
  </si>
  <si>
    <t>38372822.0</t>
  </si>
  <si>
    <t>23184245.0</t>
  </si>
  <si>
    <t>95768.0</t>
  </si>
  <si>
    <t>84207409.0</t>
  </si>
  <si>
    <t>136465.0</t>
  </si>
  <si>
    <t>1773.275</t>
  </si>
  <si>
    <t>141338.0</t>
  </si>
  <si>
    <t>84281690.0</t>
  </si>
  <si>
    <t>74281.0</t>
  </si>
  <si>
    <t>1774.84</t>
  </si>
  <si>
    <t>138665.0</t>
  </si>
  <si>
    <t>84339085.0</t>
  </si>
  <si>
    <t>1776.048</t>
  </si>
  <si>
    <t>136515.0</t>
  </si>
  <si>
    <t>91571654.0</t>
  </si>
  <si>
    <t>41002352.0</t>
  </si>
  <si>
    <t>38382155.0</t>
  </si>
  <si>
    <t>23365547.0</t>
  </si>
  <si>
    <t>89754.0</t>
  </si>
  <si>
    <t>2101.38508609751</t>
  </si>
  <si>
    <t>84497441.0</t>
  </si>
  <si>
    <t>158356.0</t>
  </si>
  <si>
    <t>1779.383</t>
  </si>
  <si>
    <t>130830.0</t>
  </si>
  <si>
    <t>91619524.0</t>
  </si>
  <si>
    <t>41007734.0</t>
  </si>
  <si>
    <t>38385465.0</t>
  </si>
  <si>
    <t>23423165.0</t>
  </si>
  <si>
    <t>47870.0</t>
  </si>
  <si>
    <t>74019.0</t>
  </si>
  <si>
    <t>84644842.0</t>
  </si>
  <si>
    <t>147401.0</t>
  </si>
  <si>
    <t>1782.487</t>
  </si>
  <si>
    <t>91716903.0</t>
  </si>
  <si>
    <t>41016935.0</t>
  </si>
  <si>
    <t>38391658.0</t>
  </si>
  <si>
    <t>23540410.0</t>
  </si>
  <si>
    <t>72211.0</t>
  </si>
  <si>
    <t>84780888.0</t>
  </si>
  <si>
    <t>136046.0</t>
  </si>
  <si>
    <t>1785.352</t>
  </si>
  <si>
    <t>122111.0</t>
  </si>
  <si>
    <t>92022504.0</t>
  </si>
  <si>
    <t>41024149.0</t>
  </si>
  <si>
    <t>38802554.0</t>
  </si>
  <si>
    <t>23653058.0</t>
  </si>
  <si>
    <t>305601.0</t>
  </si>
  <si>
    <t>100912.0</t>
  </si>
  <si>
    <t>84899792.0</t>
  </si>
  <si>
    <t>1787.856</t>
  </si>
  <si>
    <t>118407.0</t>
  </si>
  <si>
    <t>92121948.0</t>
  </si>
  <si>
    <t>38834215.0</t>
  </si>
  <si>
    <t>23729665.0</t>
  </si>
  <si>
    <t>99444.0</t>
  </si>
  <si>
    <t>101437.0</t>
  </si>
  <si>
    <t>85022123.0</t>
  </si>
  <si>
    <t>122331.0</t>
  </si>
  <si>
    <t>1790.432</t>
  </si>
  <si>
    <t>116388.0</t>
  </si>
  <si>
    <t>98062.0</t>
  </si>
  <si>
    <t>85084389.0</t>
  </si>
  <si>
    <t>62266.0</t>
  </si>
  <si>
    <t>1791.743</t>
  </si>
  <si>
    <t>114671.0</t>
  </si>
  <si>
    <t>94686.0</t>
  </si>
  <si>
    <t>85133188.0</t>
  </si>
  <si>
    <t>1792.771</t>
  </si>
  <si>
    <t>92210830.0</t>
  </si>
  <si>
    <t>38854296.0</t>
  </si>
  <si>
    <t>23825486.0</t>
  </si>
  <si>
    <t>91311.0</t>
  </si>
  <si>
    <t>193.89</t>
  </si>
  <si>
    <t>99563.7</t>
  </si>
  <si>
    <t>2093.49377416911</t>
  </si>
  <si>
    <t>85275511.0</t>
  </si>
  <si>
    <t>142323.0</t>
  </si>
  <si>
    <t>1795.768</t>
  </si>
  <si>
    <t>111153.0</t>
  </si>
  <si>
    <t>92237054.0</t>
  </si>
  <si>
    <t>41027369.0</t>
  </si>
  <si>
    <t>38856131.0</t>
  </si>
  <si>
    <t>23872468.0</t>
  </si>
  <si>
    <t>85406126.0</t>
  </si>
  <si>
    <t>1798.518</t>
  </si>
  <si>
    <t>108755.0</t>
  </si>
  <si>
    <t>92337963.0</t>
  </si>
  <si>
    <t>41031519.0</t>
  </si>
  <si>
    <t>38917445.0</t>
  </si>
  <si>
    <t>23927015.0</t>
  </si>
  <si>
    <t>100909.0</t>
  </si>
  <si>
    <t>194.16</t>
  </si>
  <si>
    <t>85527558.0</t>
  </si>
  <si>
    <t>1801.076</t>
  </si>
  <si>
    <t>92371808.0</t>
  </si>
  <si>
    <t>41034001.0</t>
  </si>
  <si>
    <t>38929905.0</t>
  </si>
  <si>
    <t>23955189.0</t>
  </si>
  <si>
    <t>49901.0</t>
  </si>
  <si>
    <t>85630148.0</t>
  </si>
  <si>
    <t>1803.236</t>
  </si>
  <si>
    <t>104337.0</t>
  </si>
  <si>
    <t>92491318.0</t>
  </si>
  <si>
    <t>41059268.0</t>
  </si>
  <si>
    <t>38973675.0</t>
  </si>
  <si>
    <t>24031054.0</t>
  </si>
  <si>
    <t>119510.0</t>
  </si>
  <si>
    <t>85730090.0</t>
  </si>
  <si>
    <t>99942.0</t>
  </si>
  <si>
    <t>1805.341</t>
  </si>
  <si>
    <t>85783526.0</t>
  </si>
  <si>
    <t>1806.466</t>
  </si>
  <si>
    <t>53803.0</t>
  </si>
  <si>
    <t>85828946.0</t>
  </si>
  <si>
    <t>45420.0</t>
  </si>
  <si>
    <t>1807.422</t>
  </si>
  <si>
    <t>99394.0</t>
  </si>
  <si>
    <t>92591078.0</t>
  </si>
  <si>
    <t>41069645.0</t>
  </si>
  <si>
    <t>39022500.0</t>
  </si>
  <si>
    <t>24091562.0</t>
  </si>
  <si>
    <t>99064.2</t>
  </si>
  <si>
    <t>2082.99094894067</t>
  </si>
  <si>
    <t>85942782.0</t>
  </si>
  <si>
    <t>113836.0</t>
  </si>
  <si>
    <t>1809.82</t>
  </si>
  <si>
    <t>95324.0</t>
  </si>
  <si>
    <t>92633158.0</t>
  </si>
  <si>
    <t>41073324.0</t>
  </si>
  <si>
    <t>39039472.0</t>
  </si>
  <si>
    <t>86057105.0</t>
  </si>
  <si>
    <t>1812.227</t>
  </si>
  <si>
    <t>92679676.0</t>
  </si>
  <si>
    <t>41076523.0</t>
  </si>
  <si>
    <t>39062167.0</t>
  </si>
  <si>
    <t>105.428</t>
  </si>
  <si>
    <t>86175140.0</t>
  </si>
  <si>
    <t>118035.0</t>
  </si>
  <si>
    <t>1814.713</t>
  </si>
  <si>
    <t>92726740.0</t>
  </si>
  <si>
    <t>41079854.0</t>
  </si>
  <si>
    <t>39083122.0</t>
  </si>
  <si>
    <t>50705.0</t>
  </si>
  <si>
    <t>86280851.0</t>
  </si>
  <si>
    <t>105711.0</t>
  </si>
  <si>
    <t>1816.939</t>
  </si>
  <si>
    <t>92958.0</t>
  </si>
  <si>
    <t>92774397.0</t>
  </si>
  <si>
    <t>41083791.0</t>
  </si>
  <si>
    <t>39103590.0</t>
  </si>
  <si>
    <t>86385812.0</t>
  </si>
  <si>
    <t>104961.0</t>
  </si>
  <si>
    <t>1819.149</t>
  </si>
  <si>
    <t>47357.0</t>
  </si>
  <si>
    <t>86444605.0</t>
  </si>
  <si>
    <t>1820.387</t>
  </si>
  <si>
    <t>54273.0</t>
  </si>
  <si>
    <t>86491796.0</t>
  </si>
  <si>
    <t>47191.0</t>
  </si>
  <si>
    <t>1821.381</t>
  </si>
  <si>
    <t>94693.0</t>
  </si>
  <si>
    <t>61190.0</t>
  </si>
  <si>
    <t>98492.5</t>
  </si>
  <si>
    <t>2070.96999762314</t>
  </si>
  <si>
    <t>86620324.0</t>
  </si>
  <si>
    <t>128528.0</t>
  </si>
  <si>
    <t>1824.087</t>
  </si>
  <si>
    <t>96792.0</t>
  </si>
  <si>
    <t>66846.0</t>
  </si>
  <si>
    <t>86740501.0</t>
  </si>
  <si>
    <t>1826.618</t>
  </si>
  <si>
    <t>97628.0</t>
  </si>
  <si>
    <t>86855393.0</t>
  </si>
  <si>
    <t>114892.0</t>
  </si>
  <si>
    <t>1829.038</t>
  </si>
  <si>
    <t>97179.0</t>
  </si>
  <si>
    <t>76811.0</t>
  </si>
  <si>
    <t>86955708.0</t>
  </si>
  <si>
    <t>1831.15</t>
  </si>
  <si>
    <t>93346088.0</t>
  </si>
  <si>
    <t>41089269.0</t>
  </si>
  <si>
    <t>39845453.0</t>
  </si>
  <si>
    <t>24114643.0</t>
  </si>
  <si>
    <t>87052294.0</t>
  </si>
  <si>
    <t>1833.184</t>
  </si>
  <si>
    <t>87106463.0</t>
  </si>
  <si>
    <t>1834.325</t>
  </si>
  <si>
    <t>69061.0</t>
  </si>
  <si>
    <t>87153840.0</t>
  </si>
  <si>
    <t>47377.0</t>
  </si>
  <si>
    <t>1835.322</t>
  </si>
  <si>
    <t>94578.0</t>
  </si>
  <si>
    <t>62756.0</t>
  </si>
  <si>
    <t>98095.4</t>
  </si>
  <si>
    <t>2062.62030413322</t>
  </si>
  <si>
    <t>87283013.0</t>
  </si>
  <si>
    <t>129173.0</t>
  </si>
  <si>
    <t>1838.043</t>
  </si>
  <si>
    <t>94670.0</t>
  </si>
  <si>
    <t>56452.0</t>
  </si>
  <si>
    <t>87404979.0</t>
  </si>
  <si>
    <t>121966.0</t>
  </si>
  <si>
    <t>1840.611</t>
  </si>
  <si>
    <t>87519222.0</t>
  </si>
  <si>
    <t>1843.017</t>
  </si>
  <si>
    <t>94833.0</t>
  </si>
  <si>
    <t>93571317.0</t>
  </si>
  <si>
    <t>41112436.0</t>
  </si>
  <si>
    <t>39976615.0</t>
  </si>
  <si>
    <t>24312467.0</t>
  </si>
  <si>
    <t>87616184.0</t>
  </si>
  <si>
    <t>1845.059</t>
  </si>
  <si>
    <t>87708900.0</t>
  </si>
  <si>
    <t>92716.0</t>
  </si>
  <si>
    <t>1847.011</t>
  </si>
  <si>
    <t>87759515.0</t>
  </si>
  <si>
    <t>50615.0</t>
  </si>
  <si>
    <t>1848.077</t>
  </si>
  <si>
    <t>87803777.0</t>
  </si>
  <si>
    <t>1849.009</t>
  </si>
  <si>
    <t>98027.5</t>
  </si>
  <si>
    <t>2061.19259275582</t>
  </si>
  <si>
    <t>87930002.0</t>
  </si>
  <si>
    <t>126225.0</t>
  </si>
  <si>
    <t>1851.667</t>
  </si>
  <si>
    <t>92427.0</t>
  </si>
  <si>
    <t>88051267.0</t>
  </si>
  <si>
    <t>121265.0</t>
  </si>
  <si>
    <t>1854.221</t>
  </si>
  <si>
    <t>88162594.0</t>
  </si>
  <si>
    <t>111327.0</t>
  </si>
  <si>
    <t>1856.565</t>
  </si>
  <si>
    <t>91910.0</t>
  </si>
  <si>
    <t>93807121.0</t>
  </si>
  <si>
    <t>41134037.0</t>
  </si>
  <si>
    <t>40118474.0</t>
  </si>
  <si>
    <t>24424856.0</t>
  </si>
  <si>
    <t>88253937.0</t>
  </si>
  <si>
    <t>1858.489</t>
  </si>
  <si>
    <t>91108.0</t>
  </si>
  <si>
    <t>88342118.0</t>
  </si>
  <si>
    <t>88181.0</t>
  </si>
  <si>
    <t>1860.346</t>
  </si>
  <si>
    <t>90460.0</t>
  </si>
  <si>
    <t>88389590.0</t>
  </si>
  <si>
    <t>1861.345</t>
  </si>
  <si>
    <t>90011.0</t>
  </si>
  <si>
    <t>31333.0</t>
  </si>
  <si>
    <t>88428004.0</t>
  </si>
  <si>
    <t>38414.0</t>
  </si>
  <si>
    <t>1862.154</t>
  </si>
  <si>
    <t>89175.0</t>
  </si>
  <si>
    <t>98247.8</t>
  </si>
  <si>
    <t>2065.82476972845</t>
  </si>
  <si>
    <t>88522043.0</t>
  </si>
  <si>
    <t>94039.0</t>
  </si>
  <si>
    <t>1864.135</t>
  </si>
  <si>
    <t>84577.0</t>
  </si>
  <si>
    <t>88603906.0</t>
  </si>
  <si>
    <t>1865.859</t>
  </si>
  <si>
    <t>78948.0</t>
  </si>
  <si>
    <t>88677358.0</t>
  </si>
  <si>
    <t>73452.0</t>
  </si>
  <si>
    <t>1867.405</t>
  </si>
  <si>
    <t>94004482.0</t>
  </si>
  <si>
    <t>41153657.0</t>
  </si>
  <si>
    <t>40240841.0</t>
  </si>
  <si>
    <t>24507469.0</t>
  </si>
  <si>
    <t>197.66</t>
  </si>
  <si>
    <t>88738480.0</t>
  </si>
  <si>
    <t>61122.0</t>
  </si>
  <si>
    <t>1868.693</t>
  </si>
  <si>
    <t>88801971.0</t>
  </si>
  <si>
    <t>63491.0</t>
  </si>
  <si>
    <t>1870.03</t>
  </si>
  <si>
    <t>65693.0</t>
  </si>
  <si>
    <t>88838807.0</t>
  </si>
  <si>
    <t>36836.0</t>
  </si>
  <si>
    <t>1870.805</t>
  </si>
  <si>
    <t>88868743.0</t>
  </si>
  <si>
    <t>1871.436</t>
  </si>
  <si>
    <t>98398.3</t>
  </si>
  <si>
    <t>2068.98928463712</t>
  </si>
  <si>
    <t>88948738.0</t>
  </si>
  <si>
    <t>79995.0</t>
  </si>
  <si>
    <t>1873.12</t>
  </si>
  <si>
    <t>89021756.0</t>
  </si>
  <si>
    <t>73018.0</t>
  </si>
  <si>
    <t>1874.658</t>
  </si>
  <si>
    <t>59693.0</t>
  </si>
  <si>
    <t>66.171</t>
  </si>
  <si>
    <t>89091010.0</t>
  </si>
  <si>
    <t>1876.116</t>
  </si>
  <si>
    <t>94130810.0</t>
  </si>
  <si>
    <t>41167422.0</t>
  </si>
  <si>
    <t>40292719.0</t>
  </si>
  <si>
    <t>24596083.0</t>
  </si>
  <si>
    <t>89153344.0</t>
  </si>
  <si>
    <t>1877.429</t>
  </si>
  <si>
    <t>89213321.0</t>
  </si>
  <si>
    <t>1878.692</t>
  </si>
  <si>
    <t>89249961.0</t>
  </si>
  <si>
    <t>1879.463</t>
  </si>
  <si>
    <t>58736.0</t>
  </si>
  <si>
    <t>89279697.0</t>
  </si>
  <si>
    <t>1880.09</t>
  </si>
  <si>
    <t>98906.2</t>
  </si>
  <si>
    <t>2079.66873395349</t>
  </si>
  <si>
    <t>89353191.0</t>
  </si>
  <si>
    <t>1881.637</t>
  </si>
  <si>
    <t>89416954.0</t>
  </si>
  <si>
    <t>63763.0</t>
  </si>
  <si>
    <t>1882.98</t>
  </si>
  <si>
    <t>94223806.0</t>
  </si>
  <si>
    <t>41180591.0</t>
  </si>
  <si>
    <t>40349823.0</t>
  </si>
  <si>
    <t>24639562.0</t>
  </si>
  <si>
    <t>89478196.0</t>
  </si>
  <si>
    <t>1884.27</t>
  </si>
  <si>
    <t>89512801.0</t>
  </si>
  <si>
    <t>1884.998</t>
  </si>
  <si>
    <t>89539843.0</t>
  </si>
  <si>
    <t>1885.568</t>
  </si>
  <si>
    <t>46646.0</t>
  </si>
  <si>
    <t>89576620.0</t>
  </si>
  <si>
    <t>1886.342</t>
  </si>
  <si>
    <t>89609666.0</t>
  </si>
  <si>
    <t>1887.038</t>
  </si>
  <si>
    <t>99533.5</t>
  </si>
  <si>
    <t>2092.85876851967</t>
  </si>
  <si>
    <t>89676858.0</t>
  </si>
  <si>
    <t>67192.0</t>
  </si>
  <si>
    <t>1888.453</t>
  </si>
  <si>
    <t>89759802.0</t>
  </si>
  <si>
    <t>82944.0</t>
  </si>
  <si>
    <t>48978.0</t>
  </si>
  <si>
    <t>89837428.0</t>
  </si>
  <si>
    <t>1891.835</t>
  </si>
  <si>
    <t>89902289.0</t>
  </si>
  <si>
    <t>64861.0</t>
  </si>
  <si>
    <t>1893.2</t>
  </si>
  <si>
    <t>94295766.0</t>
  </si>
  <si>
    <t>41188035.0</t>
  </si>
  <si>
    <t>40375699.0</t>
  </si>
  <si>
    <t>24689379.0</t>
  </si>
  <si>
    <t>89969561.0</t>
  </si>
  <si>
    <t>67272.0</t>
  </si>
  <si>
    <t>1894.617</t>
  </si>
  <si>
    <t>90005390.0</t>
  </si>
  <si>
    <t>1895.372</t>
  </si>
  <si>
    <t>61253.0</t>
  </si>
  <si>
    <t>90036595.0</t>
  </si>
  <si>
    <t>1896.029</t>
  </si>
  <si>
    <t>100063.2</t>
  </si>
  <si>
    <t>2103.99659939756</t>
  </si>
  <si>
    <t>90123851.0</t>
  </si>
  <si>
    <t>87256.0</t>
  </si>
  <si>
    <t>1897.866</t>
  </si>
  <si>
    <t>90207130.0</t>
  </si>
  <si>
    <t>83279.0</t>
  </si>
  <si>
    <t>1899.62</t>
  </si>
  <si>
    <t>90286630.0</t>
  </si>
  <si>
    <t>1901.294</t>
  </si>
  <si>
    <t>64172.0</t>
  </si>
  <si>
    <t>94404832.0</t>
  </si>
  <si>
    <t>41200263.0</t>
  </si>
  <si>
    <t>40414329.0</t>
  </si>
  <si>
    <t>24764684.0</t>
  </si>
  <si>
    <t>90356293.0</t>
  </si>
  <si>
    <t>1902.761</t>
  </si>
  <si>
    <t>64858.0</t>
  </si>
  <si>
    <t>90429041.0</t>
  </si>
  <si>
    <t>1904.293</t>
  </si>
  <si>
    <t>90465768.0</t>
  </si>
  <si>
    <t>1905.066</t>
  </si>
  <si>
    <t>90496466.0</t>
  </si>
  <si>
    <t>1905.713</t>
  </si>
  <si>
    <t>65696.0</t>
  </si>
  <si>
    <t>100799.3</t>
  </si>
  <si>
    <t>2119.47433643592</t>
  </si>
  <si>
    <t>90562832.0</t>
  </si>
  <si>
    <t>66366.0</t>
  </si>
  <si>
    <t>1907.11</t>
  </si>
  <si>
    <t>62712.0</t>
  </si>
  <si>
    <t>90652056.0</t>
  </si>
  <si>
    <t>89224.0</t>
  </si>
  <si>
    <t>1908.989</t>
  </si>
  <si>
    <t>90733297.0</t>
  </si>
  <si>
    <t>81241.0</t>
  </si>
  <si>
    <t>63810.0</t>
  </si>
  <si>
    <t>94485122.0</t>
  </si>
  <si>
    <t>41209244.0</t>
  </si>
  <si>
    <t>40439425.0</t>
  </si>
  <si>
    <t>24824788.0</t>
  </si>
  <si>
    <t>90806748.0</t>
  </si>
  <si>
    <t>73451.0</t>
  </si>
  <si>
    <t>1912.247</t>
  </si>
  <si>
    <t>64351.0</t>
  </si>
  <si>
    <t>90881907.0</t>
  </si>
  <si>
    <t>1913.83</t>
  </si>
  <si>
    <t>90919508.0</t>
  </si>
  <si>
    <t>37601.0</t>
  </si>
  <si>
    <t>1914.622</t>
  </si>
  <si>
    <t>90951856.0</t>
  </si>
  <si>
    <t>1915.303</t>
  </si>
  <si>
    <t>65056.0</t>
  </si>
  <si>
    <t>101684.4</t>
  </si>
  <si>
    <t>2138.08504836724</t>
  </si>
  <si>
    <t>91048603.0</t>
  </si>
  <si>
    <t>1917.34</t>
  </si>
  <si>
    <t>91133397.0</t>
  </si>
  <si>
    <t>84794.0</t>
  </si>
  <si>
    <t>1919.126</t>
  </si>
  <si>
    <t>68763.0</t>
  </si>
  <si>
    <t>91214112.0</t>
  </si>
  <si>
    <t>1920.825</t>
  </si>
  <si>
    <t>94567014.0</t>
  </si>
  <si>
    <t>41216883.0</t>
  </si>
  <si>
    <t>40460123.0</t>
  </si>
  <si>
    <t>24893248.0</t>
  </si>
  <si>
    <t>91286158.0</t>
  </si>
  <si>
    <t>72046.0</t>
  </si>
  <si>
    <t>1922.343</t>
  </si>
  <si>
    <t>68487.0</t>
  </si>
  <si>
    <t>91354244.0</t>
  </si>
  <si>
    <t>1923.776</t>
  </si>
  <si>
    <t>67477.0</t>
  </si>
  <si>
    <t>91390264.0</t>
  </si>
  <si>
    <t>1924.535</t>
  </si>
  <si>
    <t>91420800.0</t>
  </si>
  <si>
    <t>1925.178</t>
  </si>
  <si>
    <t>102861.1</t>
  </si>
  <si>
    <t>2162.82713935085</t>
  </si>
  <si>
    <t>91504583.0</t>
  </si>
  <si>
    <t>83783.0</t>
  </si>
  <si>
    <t>1926.942</t>
  </si>
  <si>
    <t>91582057.0</t>
  </si>
  <si>
    <t>77474.0</t>
  </si>
  <si>
    <t>1928.574</t>
  </si>
  <si>
    <t>64094.0</t>
  </si>
  <si>
    <t>91656274.0</t>
  </si>
  <si>
    <t>1930.137</t>
  </si>
  <si>
    <t>94653236.0</t>
  </si>
  <si>
    <t>41224540.0</t>
  </si>
  <si>
    <t>40478242.0</t>
  </si>
  <si>
    <t>24969192.0</t>
  </si>
  <si>
    <t>91720976.0</t>
  </si>
  <si>
    <t>1931.499</t>
  </si>
  <si>
    <t>91787012.0</t>
  </si>
  <si>
    <t>66036.0</t>
  </si>
  <si>
    <t>1932.89</t>
  </si>
  <si>
    <t>91819078.0</t>
  </si>
  <si>
    <t>1933.565</t>
  </si>
  <si>
    <t>61259.0</t>
  </si>
  <si>
    <t>91847199.0</t>
  </si>
  <si>
    <t>1934.157</t>
  </si>
  <si>
    <t>60914.0</t>
  </si>
  <si>
    <t>104160.6</t>
  </si>
  <si>
    <t>2190.15130628652</t>
  </si>
  <si>
    <t>91930264.0</t>
  </si>
  <si>
    <t>83065.0</t>
  </si>
  <si>
    <t>1935.906</t>
  </si>
  <si>
    <t>91999369.0</t>
  </si>
  <si>
    <t>69105.0</t>
  </si>
  <si>
    <t>1937.362</t>
  </si>
  <si>
    <t>59616.0</t>
  </si>
  <si>
    <t>92061926.0</t>
  </si>
  <si>
    <t>1938.679</t>
  </si>
  <si>
    <t>57950.0</t>
  </si>
  <si>
    <t>94734966.0</t>
  </si>
  <si>
    <t>41231916.0</t>
  </si>
  <si>
    <t>40496678.0</t>
  </si>
  <si>
    <t>25039928.0</t>
  </si>
  <si>
    <t>92114736.0</t>
  </si>
  <si>
    <t>52810.0</t>
  </si>
  <si>
    <t>1939.791</t>
  </si>
  <si>
    <t>92170812.0</t>
  </si>
  <si>
    <t>1940.972</t>
  </si>
  <si>
    <t>92198480.0</t>
  </si>
  <si>
    <t>1941.555</t>
  </si>
  <si>
    <t>92224091.0</t>
  </si>
  <si>
    <t>1942.094</t>
  </si>
  <si>
    <t>104871.1</t>
  </si>
  <si>
    <t>2205.09076039025</t>
  </si>
  <si>
    <t>92294589.0</t>
  </si>
  <si>
    <t>70498.0</t>
  </si>
  <si>
    <t>1943.579</t>
  </si>
  <si>
    <t>92357529.0</t>
  </si>
  <si>
    <t>1944.904</t>
  </si>
  <si>
    <t>92417832.0</t>
  </si>
  <si>
    <t>1946.174</t>
  </si>
  <si>
    <t>50844.0</t>
  </si>
  <si>
    <t>94815730.0</t>
  </si>
  <si>
    <t>41238389.0</t>
  </si>
  <si>
    <t>40512373.0</t>
  </si>
  <si>
    <t>25111639.0</t>
  </si>
  <si>
    <t>92469570.0</t>
  </si>
  <si>
    <t>1947.263</t>
  </si>
  <si>
    <t>92522071.0</t>
  </si>
  <si>
    <t>1948.369</t>
  </si>
  <si>
    <t>92549416.0</t>
  </si>
  <si>
    <t>1948.945</t>
  </si>
  <si>
    <t>92573282.0</t>
  </si>
  <si>
    <t>1949.447</t>
  </si>
  <si>
    <t>49884.0</t>
  </si>
  <si>
    <t>105644.6</t>
  </si>
  <si>
    <t>2221.35489515342</t>
  </si>
  <si>
    <t>92632169.0</t>
  </si>
  <si>
    <t>58887.0</t>
  </si>
  <si>
    <t>1950.687</t>
  </si>
  <si>
    <t>92698962.0</t>
  </si>
  <si>
    <t>66793.0</t>
  </si>
  <si>
    <t>1952.094</t>
  </si>
  <si>
    <t>92757788.0</t>
  </si>
  <si>
    <t>58826.0</t>
  </si>
  <si>
    <t>1953.333</t>
  </si>
  <si>
    <t>48565.0</t>
  </si>
  <si>
    <t>94901362.0</t>
  </si>
  <si>
    <t>41244442.0</t>
  </si>
  <si>
    <t>40527090.0</t>
  </si>
  <si>
    <t>25190614.0</t>
  </si>
  <si>
    <t>199.55</t>
  </si>
  <si>
    <t>92807006.0</t>
  </si>
  <si>
    <t>49218.0</t>
  </si>
  <si>
    <t>1954.369</t>
  </si>
  <si>
    <t>92856313.0</t>
  </si>
  <si>
    <t>1955.408</t>
  </si>
  <si>
    <t>92882862.0</t>
  </si>
  <si>
    <t>26549.0</t>
  </si>
  <si>
    <t>1955.967</t>
  </si>
  <si>
    <t>92905833.0</t>
  </si>
  <si>
    <t>1956.45</t>
  </si>
  <si>
    <t>106419.7</t>
  </si>
  <si>
    <t>2237.6526726</t>
  </si>
  <si>
    <t>92970686.0</t>
  </si>
  <si>
    <t>1957.816</t>
  </si>
  <si>
    <t>93029993.0</t>
  </si>
  <si>
    <t>1959.065</t>
  </si>
  <si>
    <t>134.55</t>
  </si>
  <si>
    <t>93088353.0</t>
  </si>
  <si>
    <t>58360.0</t>
  </si>
  <si>
    <t>1960.294</t>
  </si>
  <si>
    <t>94987684.0</t>
  </si>
  <si>
    <t>41249657.0</t>
  </si>
  <si>
    <t>40539246.0</t>
  </si>
  <si>
    <t>25272972.0</t>
  </si>
  <si>
    <t>93132225.0</t>
  </si>
  <si>
    <t>1961.218</t>
  </si>
  <si>
    <t>93162168.0</t>
  </si>
  <si>
    <t>1961.848</t>
  </si>
  <si>
    <t>130.765</t>
  </si>
  <si>
    <t>108431.4</t>
  </si>
  <si>
    <t>2279.95203899052</t>
  </si>
  <si>
    <t>95071546.0</t>
  </si>
  <si>
    <t>41254310.0</t>
  </si>
  <si>
    <t>40550392.0</t>
  </si>
  <si>
    <t>25357394.0</t>
  </si>
  <si>
    <t>109468.9</t>
  </si>
  <si>
    <t>2301.76721651708</t>
  </si>
  <si>
    <t>95153556.0</t>
  </si>
  <si>
    <t>41259173.0</t>
  </si>
  <si>
    <t>40562786.0</t>
  </si>
  <si>
    <t>25436397.0</t>
  </si>
  <si>
    <t>110596.6</t>
  </si>
  <si>
    <t>2325.47900032112</t>
  </si>
  <si>
    <t>95245599.0</t>
  </si>
  <si>
    <t>41264287.0</t>
  </si>
  <si>
    <t>40575302.0</t>
  </si>
  <si>
    <t>25523374.0</t>
  </si>
  <si>
    <t>227.635</t>
  </si>
  <si>
    <t>111981.1</t>
  </si>
  <si>
    <t>2354.59043481318</t>
  </si>
  <si>
    <t>95340742.0</t>
  </si>
  <si>
    <t>41269517.0</t>
  </si>
  <si>
    <t>40587577.0</t>
  </si>
  <si>
    <t>25608828.0</t>
  </si>
  <si>
    <t>115207.6</t>
  </si>
  <si>
    <t>2422.43300858612</t>
  </si>
  <si>
    <t>95425998.0</t>
  </si>
  <si>
    <t>41274079.0</t>
  </si>
  <si>
    <t>40597752.0</t>
  </si>
  <si>
    <t>25686169.0</t>
  </si>
  <si>
    <t>176.624</t>
  </si>
  <si>
    <t>118627.1</t>
  </si>
  <si>
    <t>2494.33373104592</t>
  </si>
  <si>
    <t>160.434</t>
  </si>
  <si>
    <t>95491074.0</t>
  </si>
  <si>
    <t>41277964.0</t>
  </si>
  <si>
    <t>40606091.0</t>
  </si>
  <si>
    <t>25743855.0</t>
  </si>
  <si>
    <t>200.79</t>
  </si>
  <si>
    <t>135.98</t>
  </si>
  <si>
    <t>121073.6</t>
  </si>
  <si>
    <t>2545.77549665432</t>
  </si>
  <si>
    <t>95548924.0</t>
  </si>
  <si>
    <t>41281380.0</t>
  </si>
  <si>
    <t>40614299.0</t>
  </si>
  <si>
    <t>25794632.0</t>
  </si>
  <si>
    <t>200.91</t>
  </si>
  <si>
    <t>122957.1</t>
  </si>
  <si>
    <t>2585.37924303626</t>
  </si>
  <si>
    <t>95584445.0</t>
  </si>
  <si>
    <t>41284188.0</t>
  </si>
  <si>
    <t>40620131.0</t>
  </si>
  <si>
    <t>25824667.0</t>
  </si>
  <si>
    <t>124775.4</t>
  </si>
  <si>
    <t>2623.61205006906</t>
  </si>
  <si>
    <t>95612718.0</t>
  </si>
  <si>
    <t>41286450.0</t>
  </si>
  <si>
    <t>40623919.0</t>
  </si>
  <si>
    <t>25848985.0</t>
  </si>
  <si>
    <t>61.945</t>
  </si>
  <si>
    <t>125638.9</t>
  </si>
  <si>
    <t>2641.76858577429</t>
  </si>
  <si>
    <t>95643377.0</t>
  </si>
  <si>
    <t>41289087.0</t>
  </si>
  <si>
    <t>40627948.0</t>
  </si>
  <si>
    <t>25875365.0</t>
  </si>
  <si>
    <t>201.11</t>
  </si>
  <si>
    <t>126654.0</t>
  </si>
  <si>
    <t>2663.11276573304</t>
  </si>
  <si>
    <t>95676798.0</t>
  </si>
  <si>
    <t>41292888.0</t>
  </si>
  <si>
    <t>40633204.0</t>
  </si>
  <si>
    <t>25902573.0</t>
  </si>
  <si>
    <t>127315.5</t>
  </si>
  <si>
    <t>2677.0219126572</t>
  </si>
  <si>
    <t>95704322.0</t>
  </si>
  <si>
    <t>41296128.0</t>
  </si>
  <si>
    <t>40637968.0</t>
  </si>
  <si>
    <t>25924292.0</t>
  </si>
  <si>
    <t>49.707</t>
  </si>
  <si>
    <t>128006.2</t>
  </si>
  <si>
    <t>2691.54503855367</t>
  </si>
  <si>
    <t>95739561.0</t>
  </si>
  <si>
    <t>41302169.0</t>
  </si>
  <si>
    <t>40645385.0</t>
  </si>
  <si>
    <t>25949627.0</t>
  </si>
  <si>
    <t>128771.3</t>
  </si>
  <si>
    <t>2707.63254922892</t>
  </si>
  <si>
    <t>95763061.0</t>
  </si>
  <si>
    <t>41304755.0</t>
  </si>
  <si>
    <t>40649086.0</t>
  </si>
  <si>
    <t>25968555.0</t>
  </si>
  <si>
    <t>201.36</t>
  </si>
  <si>
    <t>129129.6</t>
  </si>
  <si>
    <t>2715.16640764604</t>
  </si>
  <si>
    <t>95783126.0</t>
  </si>
  <si>
    <t>41307428.0</t>
  </si>
  <si>
    <t>40652734.0</t>
  </si>
  <si>
    <t>25984355.0</t>
  </si>
  <si>
    <t>129440.9</t>
  </si>
  <si>
    <t>2721.71201223786</t>
  </si>
  <si>
    <t>95796340.0</t>
  </si>
  <si>
    <t>41309336.0</t>
  </si>
  <si>
    <t>40655442.0</t>
  </si>
  <si>
    <t>25994204.0</t>
  </si>
  <si>
    <t>130199.6</t>
  </si>
  <si>
    <t>2737.66495217945</t>
  </si>
  <si>
    <t>95804542.0</t>
  </si>
  <si>
    <t>41310693.0</t>
  </si>
  <si>
    <t>40657640.0</t>
  </si>
  <si>
    <t>26000111.0</t>
  </si>
  <si>
    <t>130651.7</t>
  </si>
  <si>
    <t>2747.17111291174</t>
  </si>
  <si>
    <t>64.867</t>
  </si>
  <si>
    <t>131384.6</t>
  </si>
  <si>
    <t>2762.58156458327</t>
  </si>
  <si>
    <t>131543.1</t>
  </si>
  <si>
    <t>2765.91429290901</t>
  </si>
  <si>
    <t>91.445</t>
  </si>
  <si>
    <t>LKA</t>
  </si>
  <si>
    <t>Sri Lanka</t>
  </si>
  <si>
    <t>42056.0</t>
  </si>
  <si>
    <t>47521.0</t>
  </si>
  <si>
    <t>63935.0</t>
  </si>
  <si>
    <t>72180.0</t>
  </si>
  <si>
    <t>76957.0</t>
  </si>
  <si>
    <t>78723.0</t>
  </si>
  <si>
    <t>80302.0</t>
  </si>
  <si>
    <t>81735.0</t>
  </si>
  <si>
    <t>87083.0</t>
  </si>
  <si>
    <t>88734.0</t>
  </si>
  <si>
    <t>91391.0</t>
  </si>
  <si>
    <t>95087.0</t>
  </si>
  <si>
    <t>96268.0</t>
  </si>
  <si>
    <t>98634.0</t>
  </si>
  <si>
    <t>4.649</t>
  </si>
  <si>
    <t>102665.0</t>
  </si>
  <si>
    <t>104272.0</t>
  </si>
  <si>
    <t>106445.0</t>
  </si>
  <si>
    <t>107810.0</t>
  </si>
  <si>
    <t>109106.0</t>
  </si>
  <si>
    <t>110505.0</t>
  </si>
  <si>
    <t>112876.0</t>
  </si>
  <si>
    <t>113475.0</t>
  </si>
  <si>
    <t>114765.0</t>
  </si>
  <si>
    <t>116375.0</t>
  </si>
  <si>
    <t>117557.0</t>
  </si>
  <si>
    <t>118981.0</t>
  </si>
  <si>
    <t>120730.0</t>
  </si>
  <si>
    <t>122071.0</t>
  </si>
  <si>
    <t>124322.0</t>
  </si>
  <si>
    <t>127920.0</t>
  </si>
  <si>
    <t>130390.0</t>
  </si>
  <si>
    <t>132796.0</t>
  </si>
  <si>
    <t>135519.0</t>
  </si>
  <si>
    <t>137407.0</t>
  </si>
  <si>
    <t>141515.0</t>
  </si>
  <si>
    <t>143673.0</t>
  </si>
  <si>
    <t>145373.0</t>
  </si>
  <si>
    <t>149196.0</t>
  </si>
  <si>
    <t>151214.0</t>
  </si>
  <si>
    <t>153065.0</t>
  </si>
  <si>
    <t>154191.0</t>
  </si>
  <si>
    <t>155540.0</t>
  </si>
  <si>
    <t>156943.0</t>
  </si>
  <si>
    <t>158626.0</t>
  </si>
  <si>
    <t>160226.0</t>
  </si>
  <si>
    <t>162090.0</t>
  </si>
  <si>
    <t>165342.0</t>
  </si>
  <si>
    <t>466.6</t>
  </si>
  <si>
    <t>167672.0</t>
  </si>
  <si>
    <t>168757.0</t>
  </si>
  <si>
    <t>7.751</t>
  </si>
  <si>
    <t>405.2</t>
  </si>
  <si>
    <t>169826.0</t>
  </si>
  <si>
    <t>399.8</t>
  </si>
  <si>
    <t>171169.0</t>
  </si>
  <si>
    <t>172972.0</t>
  </si>
  <si>
    <t>174491.0</t>
  </si>
  <si>
    <t>177400.0</t>
  </si>
  <si>
    <t>179949.0</t>
  </si>
  <si>
    <t>185118.0</t>
  </si>
  <si>
    <t>325.4</t>
  </si>
  <si>
    <t>187957.0</t>
  </si>
  <si>
    <t>189518.0</t>
  </si>
  <si>
    <t>337.7</t>
  </si>
  <si>
    <t>191507.0</t>
  </si>
  <si>
    <t>8.795</t>
  </si>
  <si>
    <t>586.8</t>
  </si>
  <si>
    <t>195025.0</t>
  </si>
  <si>
    <t>801.1</t>
  </si>
  <si>
    <t>200148.0</t>
  </si>
  <si>
    <t>202907.0</t>
  </si>
  <si>
    <t>205707.0</t>
  </si>
  <si>
    <t>311.4</t>
  </si>
  <si>
    <t>208397.0</t>
  </si>
  <si>
    <t>211090.0</t>
  </si>
  <si>
    <t>213462.0</t>
  </si>
  <si>
    <t>216309.0</t>
  </si>
  <si>
    <t>219162.0</t>
  </si>
  <si>
    <t>395.9</t>
  </si>
  <si>
    <t>380.8</t>
  </si>
  <si>
    <t>226111.0</t>
  </si>
  <si>
    <t>228052.0</t>
  </si>
  <si>
    <t>230547.0</t>
  </si>
  <si>
    <t>232710.0</t>
  </si>
  <si>
    <t>235221.0</t>
  </si>
  <si>
    <t>10.803</t>
  </si>
  <si>
    <t>237610.0</t>
  </si>
  <si>
    <t>10.913</t>
  </si>
  <si>
    <t>239907.0</t>
  </si>
  <si>
    <t>241631.0</t>
  </si>
  <si>
    <t>11.098</t>
  </si>
  <si>
    <t>242984.0</t>
  </si>
  <si>
    <t>245112.0</t>
  </si>
  <si>
    <t>303.5</t>
  </si>
  <si>
    <t>246888.0</t>
  </si>
  <si>
    <t>11.339</t>
  </si>
  <si>
    <t>249328.0</t>
  </si>
  <si>
    <t>320.6</t>
  </si>
  <si>
    <t>251792.0</t>
  </si>
  <si>
    <t>11.564</t>
  </si>
  <si>
    <t>253842.0</t>
  </si>
  <si>
    <t>256043.0</t>
  </si>
  <si>
    <t>11.759</t>
  </si>
  <si>
    <t>11.825</t>
  </si>
  <si>
    <t>259778.0</t>
  </si>
  <si>
    <t>262378.0</t>
  </si>
  <si>
    <t>264343.0</t>
  </si>
  <si>
    <t>266057.0</t>
  </si>
  <si>
    <t>268371.0</t>
  </si>
  <si>
    <t>12.326</t>
  </si>
  <si>
    <t>269483.0</t>
  </si>
  <si>
    <t>273708.0</t>
  </si>
  <si>
    <t>331.7</t>
  </si>
  <si>
    <t>278145.0</t>
  </si>
  <si>
    <t>279740.0</t>
  </si>
  <si>
    <t>282197.0</t>
  </si>
  <si>
    <t>284059.0</t>
  </si>
  <si>
    <t>13.046</t>
  </si>
  <si>
    <t>285457.0</t>
  </si>
  <si>
    <t>287864.0</t>
  </si>
  <si>
    <t>13.221</t>
  </si>
  <si>
    <t>289588.0</t>
  </si>
  <si>
    <t>291105.0</t>
  </si>
  <si>
    <t>293219.0</t>
  </si>
  <si>
    <t>288.4</t>
  </si>
  <si>
    <t>296611.0</t>
  </si>
  <si>
    <t>298501.0</t>
  </si>
  <si>
    <t>303381.0</t>
  </si>
  <si>
    <t>308989.0</t>
  </si>
  <si>
    <t>313813.0</t>
  </si>
  <si>
    <t>328504.0</t>
  </si>
  <si>
    <t>15.087</t>
  </si>
  <si>
    <t>335752.0</t>
  </si>
  <si>
    <t>342343.0</t>
  </si>
  <si>
    <t>348909.0</t>
  </si>
  <si>
    <t>16.025</t>
  </si>
  <si>
    <t>357698.0</t>
  </si>
  <si>
    <t>365859.0</t>
  </si>
  <si>
    <t>374448.0</t>
  </si>
  <si>
    <t>383961.0</t>
  </si>
  <si>
    <t>17.634</t>
  </si>
  <si>
    <t>391060.0</t>
  </si>
  <si>
    <t>398196.0</t>
  </si>
  <si>
    <t>18.288</t>
  </si>
  <si>
    <t>406466.0</t>
  </si>
  <si>
    <t>18.668</t>
  </si>
  <si>
    <t>415243.0</t>
  </si>
  <si>
    <t>423332.0</t>
  </si>
  <si>
    <t>432801.0</t>
  </si>
  <si>
    <t>450836.0</t>
  </si>
  <si>
    <t>20.706</t>
  </si>
  <si>
    <t>460455.0</t>
  </si>
  <si>
    <t>469286.0</t>
  </si>
  <si>
    <t>21.553</t>
  </si>
  <si>
    <t>480838.0</t>
  </si>
  <si>
    <t>490563.0</t>
  </si>
  <si>
    <t>22.998</t>
  </si>
  <si>
    <t>512735.0</t>
  </si>
  <si>
    <t>23.549</t>
  </si>
  <si>
    <t>524448.0</t>
  </si>
  <si>
    <t>24.087</t>
  </si>
  <si>
    <t>534388.0</t>
  </si>
  <si>
    <t>545043.0</t>
  </si>
  <si>
    <t>25.032</t>
  </si>
  <si>
    <t>556359.0</t>
  </si>
  <si>
    <t>25.552</t>
  </si>
  <si>
    <t>568183.0</t>
  </si>
  <si>
    <t>26.095</t>
  </si>
  <si>
    <t>579803.0</t>
  </si>
  <si>
    <t>26.629</t>
  </si>
  <si>
    <t>590435.0</t>
  </si>
  <si>
    <t>27.117</t>
  </si>
  <si>
    <t>598421.0</t>
  </si>
  <si>
    <t>606693.0</t>
  </si>
  <si>
    <t>616900.0</t>
  </si>
  <si>
    <t>627011.0</t>
  </si>
  <si>
    <t>636586.0</t>
  </si>
  <si>
    <t>650257.0</t>
  </si>
  <si>
    <t>29.865</t>
  </si>
  <si>
    <t>661387.0</t>
  </si>
  <si>
    <t>30.376</t>
  </si>
  <si>
    <t>30.868</t>
  </si>
  <si>
    <t>680843.0</t>
  </si>
  <si>
    <t>691948.0</t>
  </si>
  <si>
    <t>702254.0</t>
  </si>
  <si>
    <t>32.253</t>
  </si>
  <si>
    <t>713652.0</t>
  </si>
  <si>
    <t>724864.0</t>
  </si>
  <si>
    <t>33.291</t>
  </si>
  <si>
    <t>736959.0</t>
  </si>
  <si>
    <t>33.847</t>
  </si>
  <si>
    <t>747638.0</t>
  </si>
  <si>
    <t>755105.0</t>
  </si>
  <si>
    <t>765505.0</t>
  </si>
  <si>
    <t>777610.0</t>
  </si>
  <si>
    <t>790896.0</t>
  </si>
  <si>
    <t>802832.0</t>
  </si>
  <si>
    <t>815897.0</t>
  </si>
  <si>
    <t>827928.0</t>
  </si>
  <si>
    <t>38.025</t>
  </si>
  <si>
    <t>835391.0</t>
  </si>
  <si>
    <t>848814.0</t>
  </si>
  <si>
    <t>862446.0</t>
  </si>
  <si>
    <t>876044.0</t>
  </si>
  <si>
    <t>889785.0</t>
  </si>
  <si>
    <t>903910.0</t>
  </si>
  <si>
    <t>917741.0</t>
  </si>
  <si>
    <t>928923.0</t>
  </si>
  <si>
    <t>943259.0</t>
  </si>
  <si>
    <t>43.322</t>
  </si>
  <si>
    <t>971539.0</t>
  </si>
  <si>
    <t>988964.0</t>
  </si>
  <si>
    <t>45.421</t>
  </si>
  <si>
    <t>1004203.0</t>
  </si>
  <si>
    <t>1017682.0</t>
  </si>
  <si>
    <t>1027045.0</t>
  </si>
  <si>
    <t>1042318.0</t>
  </si>
  <si>
    <t>47.871</t>
  </si>
  <si>
    <t>1055496.0</t>
  </si>
  <si>
    <t>48.476</t>
  </si>
  <si>
    <t>1069520.0</t>
  </si>
  <si>
    <t>1086062.0</t>
  </si>
  <si>
    <t>1102665.0</t>
  </si>
  <si>
    <t>50.643</t>
  </si>
  <si>
    <t>1113199.0</t>
  </si>
  <si>
    <t>1124871.0</t>
  </si>
  <si>
    <t>51.663</t>
  </si>
  <si>
    <t>1138766.0</t>
  </si>
  <si>
    <t>1152619.0</t>
  </si>
  <si>
    <t>1167552.0</t>
  </si>
  <si>
    <t>53.623</t>
  </si>
  <si>
    <t>1181068.0</t>
  </si>
  <si>
    <t>54.244</t>
  </si>
  <si>
    <t>1192128.0</t>
  </si>
  <si>
    <t>54.751</t>
  </si>
  <si>
    <t>1204350.0</t>
  </si>
  <si>
    <t>55.313</t>
  </si>
  <si>
    <t>1213018.0</t>
  </si>
  <si>
    <t>55.711</t>
  </si>
  <si>
    <t>1223582.0</t>
  </si>
  <si>
    <t>1236174.0</t>
  </si>
  <si>
    <t>1250417.0</t>
  </si>
  <si>
    <t>57.429</t>
  </si>
  <si>
    <t>1265017.0</t>
  </si>
  <si>
    <t>1275736.0</t>
  </si>
  <si>
    <t>58.591</t>
  </si>
  <si>
    <t>1288562.0</t>
  </si>
  <si>
    <t>1299336.0</t>
  </si>
  <si>
    <t>59.675</t>
  </si>
  <si>
    <t>1311792.0</t>
  </si>
  <si>
    <t>1326833.0</t>
  </si>
  <si>
    <t>60.938</t>
  </si>
  <si>
    <t>1343184.0</t>
  </si>
  <si>
    <t>1360401.0</t>
  </si>
  <si>
    <t>1376607.0</t>
  </si>
  <si>
    <t>63.224</t>
  </si>
  <si>
    <t>1389831.0</t>
  </si>
  <si>
    <t>63.831</t>
  </si>
  <si>
    <t>1401970.0</t>
  </si>
  <si>
    <t>64.389</t>
  </si>
  <si>
    <t>1416299.0</t>
  </si>
  <si>
    <t>65.047</t>
  </si>
  <si>
    <t>1430864.0</t>
  </si>
  <si>
    <t>1446010.0</t>
  </si>
  <si>
    <t>66.412</t>
  </si>
  <si>
    <t>14689.0</t>
  </si>
  <si>
    <t>1459691.0</t>
  </si>
  <si>
    <t>1474909.0</t>
  </si>
  <si>
    <t>67.739</t>
  </si>
  <si>
    <t>1489893.0</t>
  </si>
  <si>
    <t>1504187.0</t>
  </si>
  <si>
    <t>69.084</t>
  </si>
  <si>
    <t>1522237.0</t>
  </si>
  <si>
    <t>69.913</t>
  </si>
  <si>
    <t>1538345.0</t>
  </si>
  <si>
    <t>1557630.0</t>
  </si>
  <si>
    <t>71.538</t>
  </si>
  <si>
    <t>1576145.0</t>
  </si>
  <si>
    <t>1593668.0</t>
  </si>
  <si>
    <t>73.193</t>
  </si>
  <si>
    <t>1608615.0</t>
  </si>
  <si>
    <t>1625046.0</t>
  </si>
  <si>
    <t>1640305.0</t>
  </si>
  <si>
    <t>75.335</t>
  </si>
  <si>
    <t>1659725.0</t>
  </si>
  <si>
    <t>76.227</t>
  </si>
  <si>
    <t>1677857.0</t>
  </si>
  <si>
    <t>17175.0</t>
  </si>
  <si>
    <t>1694083.0</t>
  </si>
  <si>
    <t>77.805</t>
  </si>
  <si>
    <t>1708399.0</t>
  </si>
  <si>
    <t>78.463</t>
  </si>
  <si>
    <t>1721936.0</t>
  </si>
  <si>
    <t>79.084</t>
  </si>
  <si>
    <t>1734276.0</t>
  </si>
  <si>
    <t>95550.0</t>
  </si>
  <si>
    <t>1747494.0</t>
  </si>
  <si>
    <t>80.258</t>
  </si>
  <si>
    <t>118767.0</t>
  </si>
  <si>
    <t>1762354.0</t>
  </si>
  <si>
    <t>80.941</t>
  </si>
  <si>
    <t>139914.0</t>
  </si>
  <si>
    <t>21147.0</t>
  </si>
  <si>
    <t>1774378.0</t>
  </si>
  <si>
    <t>81.493</t>
  </si>
  <si>
    <t>146327.0</t>
  </si>
  <si>
    <t>156310.0</t>
  </si>
  <si>
    <t>1804873.0</t>
  </si>
  <si>
    <t>82.893</t>
  </si>
  <si>
    <t>160148.0</t>
  </si>
  <si>
    <t>1817018.0</t>
  </si>
  <si>
    <t>83.451</t>
  </si>
  <si>
    <t>1831420.0</t>
  </si>
  <si>
    <t>167762.0</t>
  </si>
  <si>
    <t>1847913.0</t>
  </si>
  <si>
    <t>1867600.0</t>
  </si>
  <si>
    <t>176725.0</t>
  </si>
  <si>
    <t>1883143.0</t>
  </si>
  <si>
    <t>86.488</t>
  </si>
  <si>
    <t>178087.0</t>
  </si>
  <si>
    <t>1899530.0</t>
  </si>
  <si>
    <t>87.241</t>
  </si>
  <si>
    <t>179197.0</t>
  </si>
  <si>
    <t>1916396.0</t>
  </si>
  <si>
    <t>88.015</t>
  </si>
  <si>
    <t>1931826.0</t>
  </si>
  <si>
    <t>1943721.0</t>
  </si>
  <si>
    <t>192938.0</t>
  </si>
  <si>
    <t>1957306.0</t>
  </si>
  <si>
    <t>89.894</t>
  </si>
  <si>
    <t>196163.0</t>
  </si>
  <si>
    <t>1972692.0</t>
  </si>
  <si>
    <t>90.601</t>
  </si>
  <si>
    <t>210405.0</t>
  </si>
  <si>
    <t>1988246.0</t>
  </si>
  <si>
    <t>91.315</t>
  </si>
  <si>
    <t>233472.0</t>
  </si>
  <si>
    <t>2004155.0</t>
  </si>
  <si>
    <t>92.046</t>
  </si>
  <si>
    <t>263779.0</t>
  </si>
  <si>
    <t>2017091.0</t>
  </si>
  <si>
    <t>2028870.0</t>
  </si>
  <si>
    <t>93.181</t>
  </si>
  <si>
    <t>338769.0</t>
  </si>
  <si>
    <t>2040092.0</t>
  </si>
  <si>
    <t>93.696</t>
  </si>
  <si>
    <t>2053806.0</t>
  </si>
  <si>
    <t>94.326</t>
  </si>
  <si>
    <t>366907.0</t>
  </si>
  <si>
    <t>2066004.0</t>
  </si>
  <si>
    <t>94.886</t>
  </si>
  <si>
    <t>393469.0</t>
  </si>
  <si>
    <t>2079872.0</t>
  </si>
  <si>
    <t>2092504.0</t>
  </si>
  <si>
    <t>96.104</t>
  </si>
  <si>
    <t>406633.0</t>
  </si>
  <si>
    <t>2102925.0</t>
  </si>
  <si>
    <t>96.582</t>
  </si>
  <si>
    <t>441976.0</t>
  </si>
  <si>
    <t>2112747.0</t>
  </si>
  <si>
    <t>97.033</t>
  </si>
  <si>
    <t>466350.0</t>
  </si>
  <si>
    <t>2122696.0</t>
  </si>
  <si>
    <t>509275.0</t>
  </si>
  <si>
    <t>42925.0</t>
  </si>
  <si>
    <t>2133482.0</t>
  </si>
  <si>
    <t>97.986</t>
  </si>
  <si>
    <t>553821.0</t>
  </si>
  <si>
    <t>2146365.0</t>
  </si>
  <si>
    <t>98.577</t>
  </si>
  <si>
    <t>599991.0</t>
  </si>
  <si>
    <t>2159414.0</t>
  </si>
  <si>
    <t>650991.0</t>
  </si>
  <si>
    <t>2171309.0</t>
  </si>
  <si>
    <t>99.723</t>
  </si>
  <si>
    <t>699521.0</t>
  </si>
  <si>
    <t>2182481.0</t>
  </si>
  <si>
    <t>100.236</t>
  </si>
  <si>
    <t>724278.0</t>
  </si>
  <si>
    <t>2194290.0</t>
  </si>
  <si>
    <t>729562.0</t>
  </si>
  <si>
    <t>37602.0</t>
  </si>
  <si>
    <t>2201865.0</t>
  </si>
  <si>
    <t>101.126</t>
  </si>
  <si>
    <t>737062.0</t>
  </si>
  <si>
    <t>32541.0</t>
  </si>
  <si>
    <t>2213480.0</t>
  </si>
  <si>
    <t>743775.0</t>
  </si>
  <si>
    <t>27136.0</t>
  </si>
  <si>
    <t>2226037.0</t>
  </si>
  <si>
    <t>102.236</t>
  </si>
  <si>
    <t>752098.0</t>
  </si>
  <si>
    <t>2236856.0</t>
  </si>
  <si>
    <t>102.733</t>
  </si>
  <si>
    <t>759548.0</t>
  </si>
  <si>
    <t>2247252.0</t>
  </si>
  <si>
    <t>103.211</t>
  </si>
  <si>
    <t>760765.0</t>
  </si>
  <si>
    <t>2258791.0</t>
  </si>
  <si>
    <t>103.741</t>
  </si>
  <si>
    <t>770408.0</t>
  </si>
  <si>
    <t>2267355.0</t>
  </si>
  <si>
    <t>104.134</t>
  </si>
  <si>
    <t>773011.0</t>
  </si>
  <si>
    <t>2274509.0</t>
  </si>
  <si>
    <t>104.463</t>
  </si>
  <si>
    <t>784500.0</t>
  </si>
  <si>
    <t>2286607.0</t>
  </si>
  <si>
    <t>105.018</t>
  </si>
  <si>
    <t>796792.0</t>
  </si>
  <si>
    <t>2298533.0</t>
  </si>
  <si>
    <t>806449.0</t>
  </si>
  <si>
    <t>2309954.0</t>
  </si>
  <si>
    <t>815585.0</t>
  </si>
  <si>
    <t>2322055.0</t>
  </si>
  <si>
    <t>106.646</t>
  </si>
  <si>
    <t>824523.0</t>
  </si>
  <si>
    <t>2333797.0</t>
  </si>
  <si>
    <t>107.185</t>
  </si>
  <si>
    <t>829220.0</t>
  </si>
  <si>
    <t>2342977.0</t>
  </si>
  <si>
    <t>829865.0</t>
  </si>
  <si>
    <t>2351595.0</t>
  </si>
  <si>
    <t>108.003</t>
  </si>
  <si>
    <t>838355.0</t>
  </si>
  <si>
    <t>2362048.0</t>
  </si>
  <si>
    <t>2373083.0</t>
  </si>
  <si>
    <t>108.99</t>
  </si>
  <si>
    <t>2384663.0</t>
  </si>
  <si>
    <t>109.522</t>
  </si>
  <si>
    <t>2395619.0</t>
  </si>
  <si>
    <t>2407290.0</t>
  </si>
  <si>
    <t>110.561</t>
  </si>
  <si>
    <t>884164.0</t>
  </si>
  <si>
    <t>2416500.0</t>
  </si>
  <si>
    <t>110.984</t>
  </si>
  <si>
    <t>894053.0</t>
  </si>
  <si>
    <t>2423211.0</t>
  </si>
  <si>
    <t>111.292</t>
  </si>
  <si>
    <t>894365.0</t>
  </si>
  <si>
    <t>2434306.0</t>
  </si>
  <si>
    <t>111.802</t>
  </si>
  <si>
    <t>903467.0</t>
  </si>
  <si>
    <t>2443942.0</t>
  </si>
  <si>
    <t>112.244</t>
  </si>
  <si>
    <t>913219.0</t>
  </si>
  <si>
    <t>2454709.0</t>
  </si>
  <si>
    <t>112.739</t>
  </si>
  <si>
    <t>919753.0</t>
  </si>
  <si>
    <t>2465975.0</t>
  </si>
  <si>
    <t>113.256</t>
  </si>
  <si>
    <t>923954.0</t>
  </si>
  <si>
    <t>2475970.0</t>
  </si>
  <si>
    <t>113.715</t>
  </si>
  <si>
    <t>2485213.0</t>
  </si>
  <si>
    <t>114.14</t>
  </si>
  <si>
    <t>924479.0</t>
  </si>
  <si>
    <t>2493378.0</t>
  </si>
  <si>
    <t>114.515</t>
  </si>
  <si>
    <t>2500477.0</t>
  </si>
  <si>
    <t>114.841</t>
  </si>
  <si>
    <t>924536.0</t>
  </si>
  <si>
    <t>2510190.0</t>
  </si>
  <si>
    <t>115.287</t>
  </si>
  <si>
    <t>924687.0</t>
  </si>
  <si>
    <t>2522512.0</t>
  </si>
  <si>
    <t>115.853</t>
  </si>
  <si>
    <t>2531806.0</t>
  </si>
  <si>
    <t>925082.0</t>
  </si>
  <si>
    <t>2541929.0</t>
  </si>
  <si>
    <t>116.744</t>
  </si>
  <si>
    <t>2550613.0</t>
  </si>
  <si>
    <t>117.143</t>
  </si>
  <si>
    <t>925242.0</t>
  </si>
  <si>
    <t>2557747.0</t>
  </si>
  <si>
    <t>2563932.0</t>
  </si>
  <si>
    <t>117.755</t>
  </si>
  <si>
    <t>2568997.0</t>
  </si>
  <si>
    <t>117.988</t>
  </si>
  <si>
    <t>2573021.0</t>
  </si>
  <si>
    <t>118.172</t>
  </si>
  <si>
    <t>2577128.0</t>
  </si>
  <si>
    <t>118.361</t>
  </si>
  <si>
    <t>2583706.0</t>
  </si>
  <si>
    <t>118.663</t>
  </si>
  <si>
    <t>2590517.0</t>
  </si>
  <si>
    <t>2599299.0</t>
  </si>
  <si>
    <t>119.379</t>
  </si>
  <si>
    <t>2607703.0</t>
  </si>
  <si>
    <t>119.765</t>
  </si>
  <si>
    <t>2620167.0</t>
  </si>
  <si>
    <t>120.338</t>
  </si>
  <si>
    <t>2635435.0</t>
  </si>
  <si>
    <t>121.039</t>
  </si>
  <si>
    <t>2647874.0</t>
  </si>
  <si>
    <t>2664734.0</t>
  </si>
  <si>
    <t>122.385</t>
  </si>
  <si>
    <t>2678653.0</t>
  </si>
  <si>
    <t>123.024</t>
  </si>
  <si>
    <t>2691791.0</t>
  </si>
  <si>
    <t>123.627</t>
  </si>
  <si>
    <t>2705756.0</t>
  </si>
  <si>
    <t>124.269</t>
  </si>
  <si>
    <t>2720121.0</t>
  </si>
  <si>
    <t>126.018</t>
  </si>
  <si>
    <t>933591.0</t>
  </si>
  <si>
    <t>927711.0</t>
  </si>
  <si>
    <t>2770955.0</t>
  </si>
  <si>
    <t>127.263</t>
  </si>
  <si>
    <t>953461.0</t>
  </si>
  <si>
    <t>928107.0</t>
  </si>
  <si>
    <t>2796187.0</t>
  </si>
  <si>
    <t>128.422</t>
  </si>
  <si>
    <t>991299.0</t>
  </si>
  <si>
    <t>2819818.0</t>
  </si>
  <si>
    <t>129.507</t>
  </si>
  <si>
    <t>1016195.0</t>
  </si>
  <si>
    <t>88088.0</t>
  </si>
  <si>
    <t>2838402.0</t>
  </si>
  <si>
    <t>130.361</t>
  </si>
  <si>
    <t>1024978.0</t>
  </si>
  <si>
    <t>2860781.0</t>
  </si>
  <si>
    <t>131.389</t>
  </si>
  <si>
    <t>1048113.0</t>
  </si>
  <si>
    <t>2887141.0</t>
  </si>
  <si>
    <t>132.599</t>
  </si>
  <si>
    <t>1069828.0</t>
  </si>
  <si>
    <t>141721.0</t>
  </si>
  <si>
    <t>2915030.0</t>
  </si>
  <si>
    <t>1088093.0</t>
  </si>
  <si>
    <t>159986.0</t>
  </si>
  <si>
    <t>2937919.0</t>
  </si>
  <si>
    <t>134.931</t>
  </si>
  <si>
    <t>1105342.0</t>
  </si>
  <si>
    <t>177235.0</t>
  </si>
  <si>
    <t>17249.0</t>
  </si>
  <si>
    <t>2963096.0</t>
  </si>
  <si>
    <t>136.088</t>
  </si>
  <si>
    <t>2986359.0</t>
  </si>
  <si>
    <t>137.156</t>
  </si>
  <si>
    <t>1125740.0</t>
  </si>
  <si>
    <t>928400.0</t>
  </si>
  <si>
    <t>3010167.0</t>
  </si>
  <si>
    <t>1130257.0</t>
  </si>
  <si>
    <t>931276.0</t>
  </si>
  <si>
    <t>198981.0</t>
  </si>
  <si>
    <t>3036595.0</t>
  </si>
  <si>
    <t>139.463</t>
  </si>
  <si>
    <t>1162770.0</t>
  </si>
  <si>
    <t>948817.0</t>
  </si>
  <si>
    <t>213953.0</t>
  </si>
  <si>
    <t>3062843.0</t>
  </si>
  <si>
    <t>140.669</t>
  </si>
  <si>
    <t>25100.0</t>
  </si>
  <si>
    <t>1220248.0</t>
  </si>
  <si>
    <t>996445.0</t>
  </si>
  <si>
    <t>223803.0</t>
  </si>
  <si>
    <t>57478.0</t>
  </si>
  <si>
    <t>3089491.0</t>
  </si>
  <si>
    <t>141.893</t>
  </si>
  <si>
    <t>1309840.0</t>
  </si>
  <si>
    <t>1075848.0</t>
  </si>
  <si>
    <t>233992.0</t>
  </si>
  <si>
    <t>89592.0</t>
  </si>
  <si>
    <t>3113942.0</t>
  </si>
  <si>
    <t>24451.0</t>
  </si>
  <si>
    <t>25146.0</t>
  </si>
  <si>
    <t>1384079.0</t>
  </si>
  <si>
    <t>1140122.0</t>
  </si>
  <si>
    <t>243957.0</t>
  </si>
  <si>
    <t>74239.0</t>
  </si>
  <si>
    <t>3136189.0</t>
  </si>
  <si>
    <t>144.037</t>
  </si>
  <si>
    <t>3163372.0</t>
  </si>
  <si>
    <t>145.286</t>
  </si>
  <si>
    <t>1541761.0</t>
  </si>
  <si>
    <t>1273861.0</t>
  </si>
  <si>
    <t>267900.0</t>
  </si>
  <si>
    <t>59432.0</t>
  </si>
  <si>
    <t>3190313.0</t>
  </si>
  <si>
    <t>1570070.0</t>
  </si>
  <si>
    <t>1300558.0</t>
  </si>
  <si>
    <t>269512.0</t>
  </si>
  <si>
    <t>62830.0</t>
  </si>
  <si>
    <t>52755.0</t>
  </si>
  <si>
    <t>3215903.0</t>
  </si>
  <si>
    <t>147.698</t>
  </si>
  <si>
    <t>1644957.0</t>
  </si>
  <si>
    <t>1350065.0</t>
  </si>
  <si>
    <t>294892.0</t>
  </si>
  <si>
    <t>68884.0</t>
  </si>
  <si>
    <t>57321.0</t>
  </si>
  <si>
    <t>3241300.0</t>
  </si>
  <si>
    <t>25397.0</t>
  </si>
  <si>
    <t>148.865</t>
  </si>
  <si>
    <t>1683203.0</t>
  </si>
  <si>
    <t>1383082.0</t>
  </si>
  <si>
    <t>66136.0</t>
  </si>
  <si>
    <t>3267013.0</t>
  </si>
  <si>
    <t>25713.0</t>
  </si>
  <si>
    <t>150.046</t>
  </si>
  <si>
    <t>25360.0</t>
  </si>
  <si>
    <t>1707323.0</t>
  </si>
  <si>
    <t>1399927.0</t>
  </si>
  <si>
    <t>307396.0</t>
  </si>
  <si>
    <t>46297.0</t>
  </si>
  <si>
    <t>3292693.0</t>
  </si>
  <si>
    <t>151.225</t>
  </si>
  <si>
    <t>1726749.0</t>
  </si>
  <si>
    <t>1410615.0</t>
  </si>
  <si>
    <t>316134.0</t>
  </si>
  <si>
    <t>3315517.0</t>
  </si>
  <si>
    <t>152.273</t>
  </si>
  <si>
    <t>1749366.0</t>
  </si>
  <si>
    <t>1426735.0</t>
  </si>
  <si>
    <t>322631.0</t>
  </si>
  <si>
    <t>40921.0</t>
  </si>
  <si>
    <t>3338341.0</t>
  </si>
  <si>
    <t>153.322</t>
  </si>
  <si>
    <t>1765378.0</t>
  </si>
  <si>
    <t>1437147.0</t>
  </si>
  <si>
    <t>328231.0</t>
  </si>
  <si>
    <t>3355500.0</t>
  </si>
  <si>
    <t>1772924.0</t>
  </si>
  <si>
    <t>1439501.0</t>
  </si>
  <si>
    <t>333423.0</t>
  </si>
  <si>
    <t>3372763.0</t>
  </si>
  <si>
    <t>154.903</t>
  </si>
  <si>
    <t>1782429.0</t>
  </si>
  <si>
    <t>1441501.0</t>
  </si>
  <si>
    <t>340928.0</t>
  </si>
  <si>
    <t>3392956.0</t>
  </si>
  <si>
    <t>21665.0</t>
  </si>
  <si>
    <t>1786343.0</t>
  </si>
  <si>
    <t>1443066.0</t>
  </si>
  <si>
    <t>3411112.0</t>
  </si>
  <si>
    <t>156.664</t>
  </si>
  <si>
    <t>1790688.0</t>
  </si>
  <si>
    <t>1446712.0</t>
  </si>
  <si>
    <t>343976.0</t>
  </si>
  <si>
    <t>3431654.0</t>
  </si>
  <si>
    <t>20542.0</t>
  </si>
  <si>
    <t>157.607</t>
  </si>
  <si>
    <t>1833048.0</t>
  </si>
  <si>
    <t>1488651.0</t>
  </si>
  <si>
    <t>3451527.0</t>
  </si>
  <si>
    <t>19873.0</t>
  </si>
  <si>
    <t>158.52</t>
  </si>
  <si>
    <t>1851001.0</t>
  </si>
  <si>
    <t>1505273.0</t>
  </si>
  <si>
    <t>3474285.0</t>
  </si>
  <si>
    <t>22758.0</t>
  </si>
  <si>
    <t>159.565</t>
  </si>
  <si>
    <t>1872990.0</t>
  </si>
  <si>
    <t>1526750.0</t>
  </si>
  <si>
    <t>346240.0</t>
  </si>
  <si>
    <t>3495070.0</t>
  </si>
  <si>
    <t>1956742.0</t>
  </si>
  <si>
    <t>1608518.0</t>
  </si>
  <si>
    <t>348224.0</t>
  </si>
  <si>
    <t>83752.0</t>
  </si>
  <si>
    <t>24145.0</t>
  </si>
  <si>
    <t>3514749.0</t>
  </si>
  <si>
    <t>161.424</t>
  </si>
  <si>
    <t>2041307.0</t>
  </si>
  <si>
    <t>1691562.0</t>
  </si>
  <si>
    <t>349745.0</t>
  </si>
  <si>
    <t>84565.0</t>
  </si>
  <si>
    <t>35723.0</t>
  </si>
  <si>
    <t>3540583.0</t>
  </si>
  <si>
    <t>2117653.0</t>
  </si>
  <si>
    <t>1766636.0</t>
  </si>
  <si>
    <t>351017.0</t>
  </si>
  <si>
    <t>76346.0</t>
  </si>
  <si>
    <t>3565119.0</t>
  </si>
  <si>
    <t>163.737</t>
  </si>
  <si>
    <t>53045.0</t>
  </si>
  <si>
    <t>3590821.0</t>
  </si>
  <si>
    <t>25702.0</t>
  </si>
  <si>
    <t>164.917</t>
  </si>
  <si>
    <t>3613851.0</t>
  </si>
  <si>
    <t>165.975</t>
  </si>
  <si>
    <t>2272260.0</t>
  </si>
  <si>
    <t>1920801.0</t>
  </si>
  <si>
    <t>351459.0</t>
  </si>
  <si>
    <t>60180.0</t>
  </si>
  <si>
    <t>59361.0</t>
  </si>
  <si>
    <t>3636786.0</t>
  </si>
  <si>
    <t>2296864.0</t>
  </si>
  <si>
    <t>1943708.0</t>
  </si>
  <si>
    <t>353156.0</t>
  </si>
  <si>
    <t>3656987.0</t>
  </si>
  <si>
    <t>167.956</t>
  </si>
  <si>
    <t>2301489.0</t>
  </si>
  <si>
    <t>1948187.0</t>
  </si>
  <si>
    <t>353302.0</t>
  </si>
  <si>
    <t>49250.0</t>
  </si>
  <si>
    <t>48524.0</t>
  </si>
  <si>
    <t>3677712.0</t>
  </si>
  <si>
    <t>20725.0</t>
  </si>
  <si>
    <t>168.908</t>
  </si>
  <si>
    <t>2333591.0</t>
  </si>
  <si>
    <t>1979802.0</t>
  </si>
  <si>
    <t>353789.0</t>
  </si>
  <si>
    <t>32102.0</t>
  </si>
  <si>
    <t>3699717.0</t>
  </si>
  <si>
    <t>169.919</t>
  </si>
  <si>
    <t>2377211.0</t>
  </si>
  <si>
    <t>2023256.0</t>
  </si>
  <si>
    <t>353955.0</t>
  </si>
  <si>
    <t>3723114.0</t>
  </si>
  <si>
    <t>170.993</t>
  </si>
  <si>
    <t>2450965.0</t>
  </si>
  <si>
    <t>2089320.0</t>
  </si>
  <si>
    <t>361645.0</t>
  </si>
  <si>
    <t>73754.0</t>
  </si>
  <si>
    <t>40254.0</t>
  </si>
  <si>
    <t>3745234.0</t>
  </si>
  <si>
    <t>172.009</t>
  </si>
  <si>
    <t>2544373.0</t>
  </si>
  <si>
    <t>2156935.0</t>
  </si>
  <si>
    <t>93408.0</t>
  </si>
  <si>
    <t>3767697.0</t>
  </si>
  <si>
    <t>173.041</t>
  </si>
  <si>
    <t>2632706.0</t>
  </si>
  <si>
    <t>2199504.0</t>
  </si>
  <si>
    <t>433202.0</t>
  </si>
  <si>
    <t>3789692.0</t>
  </si>
  <si>
    <t>2769383.0</t>
  </si>
  <si>
    <t>2259385.0</t>
  </si>
  <si>
    <t>509998.0</t>
  </si>
  <si>
    <t>136677.0</t>
  </si>
  <si>
    <t>3808630.0</t>
  </si>
  <si>
    <t>174.921</t>
  </si>
  <si>
    <t>2830470.0</t>
  </si>
  <si>
    <t>2285572.0</t>
  </si>
  <si>
    <t>544898.0</t>
  </si>
  <si>
    <t>61087.0</t>
  </si>
  <si>
    <t>75569.0</t>
  </si>
  <si>
    <t>3826318.0</t>
  </si>
  <si>
    <t>175.733</t>
  </si>
  <si>
    <t>2930212.0</t>
  </si>
  <si>
    <t>2317012.0</t>
  </si>
  <si>
    <t>613200.0</t>
  </si>
  <si>
    <t>85232.0</t>
  </si>
  <si>
    <t>3848554.0</t>
  </si>
  <si>
    <t>176.755</t>
  </si>
  <si>
    <t>3027917.0</t>
  </si>
  <si>
    <t>2350564.0</t>
  </si>
  <si>
    <t>677353.0</t>
  </si>
  <si>
    <t>3872185.0</t>
  </si>
  <si>
    <t>177.84</t>
  </si>
  <si>
    <t>3082905.0</t>
  </si>
  <si>
    <t>2380354.0</t>
  </si>
  <si>
    <t>702551.0</t>
  </si>
  <si>
    <t>3896628.0</t>
  </si>
  <si>
    <t>178.962</t>
  </si>
  <si>
    <t>3140256.0</t>
  </si>
  <si>
    <t>2391683.0</t>
  </si>
  <si>
    <t>748573.0</t>
  </si>
  <si>
    <t>57351.0</t>
  </si>
  <si>
    <t>85126.0</t>
  </si>
  <si>
    <t>3917341.0</t>
  </si>
  <si>
    <t>179.914</t>
  </si>
  <si>
    <t>3217818.0</t>
  </si>
  <si>
    <t>2430811.0</t>
  </si>
  <si>
    <t>787007.0</t>
  </si>
  <si>
    <t>83587.0</t>
  </si>
  <si>
    <t>33044.0</t>
  </si>
  <si>
    <t>3939181.0</t>
  </si>
  <si>
    <t>180.917</t>
  </si>
  <si>
    <t>3261432.0</t>
  </si>
  <si>
    <t>2455180.0</t>
  </si>
  <si>
    <t>806252.0</t>
  </si>
  <si>
    <t>3962132.0</t>
  </si>
  <si>
    <t>181.971</t>
  </si>
  <si>
    <t>3301923.0</t>
  </si>
  <si>
    <t>2472807.0</t>
  </si>
  <si>
    <t>3983862.0</t>
  </si>
  <si>
    <t>3324349.0</t>
  </si>
  <si>
    <t>2482166.0</t>
  </si>
  <si>
    <t>842183.0</t>
  </si>
  <si>
    <t>22426.0</t>
  </si>
  <si>
    <t>4008857.0</t>
  </si>
  <si>
    <t>184.117</t>
  </si>
  <si>
    <t>4032908.0</t>
  </si>
  <si>
    <t>185.221</t>
  </si>
  <si>
    <t>3367220.0</t>
  </si>
  <si>
    <t>2500428.0</t>
  </si>
  <si>
    <t>866792.0</t>
  </si>
  <si>
    <t>4054283.0</t>
  </si>
  <si>
    <t>186.203</t>
  </si>
  <si>
    <t>4070952.0</t>
  </si>
  <si>
    <t>186.969</t>
  </si>
  <si>
    <t>4092833.0</t>
  </si>
  <si>
    <t>187.974</t>
  </si>
  <si>
    <t>4113832.0</t>
  </si>
  <si>
    <t>188.938</t>
  </si>
  <si>
    <t>3506077.0</t>
  </si>
  <si>
    <t>2605558.0</t>
  </si>
  <si>
    <t>900519.0</t>
  </si>
  <si>
    <t>4134671.0</t>
  </si>
  <si>
    <t>189.895</t>
  </si>
  <si>
    <t>3575996.0</t>
  </si>
  <si>
    <t>2636524.0</t>
  </si>
  <si>
    <t>939472.0</t>
  </si>
  <si>
    <t>69919.0</t>
  </si>
  <si>
    <t>4157357.0</t>
  </si>
  <si>
    <t>190.937</t>
  </si>
  <si>
    <t>3693103.0</t>
  </si>
  <si>
    <t>2697778.0</t>
  </si>
  <si>
    <t>995325.0</t>
  </si>
  <si>
    <t>117107.0</t>
  </si>
  <si>
    <t>29497.0</t>
  </si>
  <si>
    <t>4177677.0</t>
  </si>
  <si>
    <t>3866623.0</t>
  </si>
  <si>
    <t>2789537.0</t>
  </si>
  <si>
    <t>1077086.0</t>
  </si>
  <si>
    <t>71343.0</t>
  </si>
  <si>
    <t>41301.0</t>
  </si>
  <si>
    <t>4199208.0</t>
  </si>
  <si>
    <t>192.859</t>
  </si>
  <si>
    <t>4036580.0</t>
  </si>
  <si>
    <t>2889602.0</t>
  </si>
  <si>
    <t>1146978.0</t>
  </si>
  <si>
    <t>4220352.0</t>
  </si>
  <si>
    <t>4122829.0</t>
  </si>
  <si>
    <t>2916330.0</t>
  </si>
  <si>
    <t>1206499.0</t>
  </si>
  <si>
    <t>86249.0</t>
  </si>
  <si>
    <t>4231623.0</t>
  </si>
  <si>
    <t>4186533.0</t>
  </si>
  <si>
    <t>2951245.0</t>
  </si>
  <si>
    <t>1235288.0</t>
  </si>
  <si>
    <t>4250156.0</t>
  </si>
  <si>
    <t>4222194.0</t>
  </si>
  <si>
    <t>2971751.0</t>
  </si>
  <si>
    <t>1250443.0</t>
  </si>
  <si>
    <t>102302.0</t>
  </si>
  <si>
    <t>52313.0</t>
  </si>
  <si>
    <t>4258220.0</t>
  </si>
  <si>
    <t>195.569</t>
  </si>
  <si>
    <t>4268520.0</t>
  </si>
  <si>
    <t>196.043</t>
  </si>
  <si>
    <t>4528948.0</t>
  </si>
  <si>
    <t>3244417.0</t>
  </si>
  <si>
    <t>1284531.0</t>
  </si>
  <si>
    <t>119406.0</t>
  </si>
  <si>
    <t>4283070.0</t>
  </si>
  <si>
    <t>196.711</t>
  </si>
  <si>
    <t>4716695.0</t>
  </si>
  <si>
    <t>3396167.0</t>
  </si>
  <si>
    <t>1320528.0</t>
  </si>
  <si>
    <t>187747.0</t>
  </si>
  <si>
    <t>121439.0</t>
  </si>
  <si>
    <t>86661.0</t>
  </si>
  <si>
    <t>4300369.0</t>
  </si>
  <si>
    <t>197.505</t>
  </si>
  <si>
    <t>4938821.0</t>
  </si>
  <si>
    <t>3584651.0</t>
  </si>
  <si>
    <t>1354170.0</t>
  </si>
  <si>
    <t>222126.0</t>
  </si>
  <si>
    <t>99293.0</t>
  </si>
  <si>
    <t>4319749.0</t>
  </si>
  <si>
    <t>198.395</t>
  </si>
  <si>
    <t>5133118.0</t>
  </si>
  <si>
    <t>3754422.0</t>
  </si>
  <si>
    <t>1378696.0</t>
  </si>
  <si>
    <t>194297.0</t>
  </si>
  <si>
    <t>144327.0</t>
  </si>
  <si>
    <t>119727.0</t>
  </si>
  <si>
    <t>4336821.0</t>
  </si>
  <si>
    <t>199.179</t>
  </si>
  <si>
    <t>5319423.0</t>
  </si>
  <si>
    <t>3896184.0</t>
  </si>
  <si>
    <t>1423239.0</t>
  </si>
  <si>
    <t>186305.0</t>
  </si>
  <si>
    <t>161841.0</t>
  </si>
  <si>
    <t>134991.0</t>
  </si>
  <si>
    <t>4352311.0</t>
  </si>
  <si>
    <t>199.891</t>
  </si>
  <si>
    <t>5438365.0</t>
  </si>
  <si>
    <t>3991392.0</t>
  </si>
  <si>
    <t>1446973.0</t>
  </si>
  <si>
    <t>118942.0</t>
  </si>
  <si>
    <t>173739.0</t>
  </si>
  <si>
    <t>145663.0</t>
  </si>
  <si>
    <t>4366244.0</t>
  </si>
  <si>
    <t>200.531</t>
  </si>
  <si>
    <t>5697255.0</t>
  </si>
  <si>
    <t>4192446.0</t>
  </si>
  <si>
    <t>1504809.0</t>
  </si>
  <si>
    <t>258890.0</t>
  </si>
  <si>
    <t>188812.0</t>
  </si>
  <si>
    <t>154909.0</t>
  </si>
  <si>
    <t>4383782.0</t>
  </si>
  <si>
    <t>201.336</t>
  </si>
  <si>
    <t>6034000.0</t>
  </si>
  <si>
    <t>4496770.0</t>
  </si>
  <si>
    <t>1537230.0</t>
  </si>
  <si>
    <t>215007.0</t>
  </si>
  <si>
    <t>178908.0</t>
  </si>
  <si>
    <t>4401128.0</t>
  </si>
  <si>
    <t>6431100.0</t>
  </si>
  <si>
    <t>4847360.0</t>
  </si>
  <si>
    <t>1583740.0</t>
  </si>
  <si>
    <t>397100.0</t>
  </si>
  <si>
    <t>244915.0</t>
  </si>
  <si>
    <t>207313.0</t>
  </si>
  <si>
    <t>4418876.0</t>
  </si>
  <si>
    <t>202.948</t>
  </si>
  <si>
    <t>6804481.0</t>
  </si>
  <si>
    <t>5175605.0</t>
  </si>
  <si>
    <t>1628876.0</t>
  </si>
  <si>
    <t>373381.0</t>
  </si>
  <si>
    <t>266523.0</t>
  </si>
  <si>
    <t>227279.0</t>
  </si>
  <si>
    <t>4436199.0</t>
  </si>
  <si>
    <t>203.744</t>
  </si>
  <si>
    <t>7051114.0</t>
  </si>
  <si>
    <t>5404938.0</t>
  </si>
  <si>
    <t>1646176.0</t>
  </si>
  <si>
    <t>273999.0</t>
  </si>
  <si>
    <t>4452696.0</t>
  </si>
  <si>
    <t>7246983.0</t>
  </si>
  <si>
    <t>5578909.0</t>
  </si>
  <si>
    <t>1668074.0</t>
  </si>
  <si>
    <t>195869.0</t>
  </si>
  <si>
    <t>275366.0</t>
  </si>
  <si>
    <t>240389.0</t>
  </si>
  <si>
    <t>4467627.0</t>
  </si>
  <si>
    <t>205.187</t>
  </si>
  <si>
    <t>7361893.0</t>
  </si>
  <si>
    <t>5675329.0</t>
  </si>
  <si>
    <t>1686564.0</t>
  </si>
  <si>
    <t>274790.0</t>
  </si>
  <si>
    <t>4481950.0</t>
  </si>
  <si>
    <t>205.845</t>
  </si>
  <si>
    <t>7573967.0</t>
  </si>
  <si>
    <t>5876281.0</t>
  </si>
  <si>
    <t>1697686.0</t>
  </si>
  <si>
    <t>212074.0</t>
  </si>
  <si>
    <t>268102.0</t>
  </si>
  <si>
    <t>4498876.0</t>
  </si>
  <si>
    <t>206.622</t>
  </si>
  <si>
    <t>7852443.0</t>
  </si>
  <si>
    <t>6138757.0</t>
  </si>
  <si>
    <t>1713686.0</t>
  </si>
  <si>
    <t>278476.0</t>
  </si>
  <si>
    <t>234570.0</t>
  </si>
  <si>
    <t>4514590.0</t>
  </si>
  <si>
    <t>207.344</t>
  </si>
  <si>
    <t>8040200.0</t>
  </si>
  <si>
    <t>6317202.0</t>
  </si>
  <si>
    <t>1722998.0</t>
  </si>
  <si>
    <t>229871.0</t>
  </si>
  <si>
    <t>208.133</t>
  </si>
  <si>
    <t>8278847.0</t>
  </si>
  <si>
    <t>6542533.0</t>
  </si>
  <si>
    <t>1736314.0</t>
  </si>
  <si>
    <t>238647.0</t>
  </si>
  <si>
    <t>210624.0</t>
  </si>
  <si>
    <t>4548882.0</t>
  </si>
  <si>
    <t>208.919</t>
  </si>
  <si>
    <t>8439469.0</t>
  </si>
  <si>
    <t>6693072.0</t>
  </si>
  <si>
    <t>1746397.0</t>
  </si>
  <si>
    <t>160622.0</t>
  </si>
  <si>
    <t>198336.0</t>
  </si>
  <si>
    <t>184019.0</t>
  </si>
  <si>
    <t>4563790.0</t>
  </si>
  <si>
    <t>209.604</t>
  </si>
  <si>
    <t>8907559.0</t>
  </si>
  <si>
    <t>7114087.0</t>
  </si>
  <si>
    <t>1793472.0</t>
  </si>
  <si>
    <t>468090.0</t>
  </si>
  <si>
    <t>219311.0</t>
  </si>
  <si>
    <t>4577389.0</t>
  </si>
  <si>
    <t>210.228</t>
  </si>
  <si>
    <t>9240909.0</t>
  </si>
  <si>
    <t>7434297.0</t>
  </si>
  <si>
    <t>1806612.0</t>
  </si>
  <si>
    <t>333350.0</t>
  </si>
  <si>
    <t>268431.0</t>
  </si>
  <si>
    <t>251281.0</t>
  </si>
  <si>
    <t>4591997.0</t>
  </si>
  <si>
    <t>210.899</t>
  </si>
  <si>
    <t>9722331.0</t>
  </si>
  <si>
    <t>7839638.0</t>
  </si>
  <si>
    <t>1882693.0</t>
  </si>
  <si>
    <t>481422.0</t>
  </si>
  <si>
    <t>306909.0</t>
  </si>
  <si>
    <t>280480.0</t>
  </si>
  <si>
    <t>4610593.0</t>
  </si>
  <si>
    <t>211.753</t>
  </si>
  <si>
    <t>10119124.0</t>
  </si>
  <si>
    <t>8232194.0</t>
  </si>
  <si>
    <t>1886930.0</t>
  </si>
  <si>
    <t>396793.0</t>
  </si>
  <si>
    <t>323812.0</t>
  </si>
  <si>
    <t>4630355.0</t>
  </si>
  <si>
    <t>212.661</t>
  </si>
  <si>
    <t>10712817.0</t>
  </si>
  <si>
    <t>8718433.0</t>
  </si>
  <si>
    <t>1994384.0</t>
  </si>
  <si>
    <t>593693.0</t>
  </si>
  <si>
    <t>381802.0</t>
  </si>
  <si>
    <t>343033.0</t>
  </si>
  <si>
    <t>4647765.0</t>
  </si>
  <si>
    <t>11242718.0</t>
  </si>
  <si>
    <t>9178909.0</t>
  </si>
  <si>
    <t>529901.0</t>
  </si>
  <si>
    <t>423410.0</t>
  </si>
  <si>
    <t>376625.0</t>
  </si>
  <si>
    <t>4667250.0</t>
  </si>
  <si>
    <t>214.355</t>
  </si>
  <si>
    <t>11768810.0</t>
  </si>
  <si>
    <t>9634704.0</t>
  </si>
  <si>
    <t>2134106.0</t>
  </si>
  <si>
    <t>526092.0</t>
  </si>
  <si>
    <t>475620.0</t>
  </si>
  <si>
    <t>4691737.0</t>
  </si>
  <si>
    <t>12098889.0</t>
  </si>
  <si>
    <t>9944683.0</t>
  </si>
  <si>
    <t>2154206.0</t>
  </si>
  <si>
    <t>330079.0</t>
  </si>
  <si>
    <t>4708848.0</t>
  </si>
  <si>
    <t>216.266</t>
  </si>
  <si>
    <t>12331868.0</t>
  </si>
  <si>
    <t>10076981.0</t>
  </si>
  <si>
    <t>2254887.0</t>
  </si>
  <si>
    <t>232979.0</t>
  </si>
  <si>
    <t>441566.0</t>
  </si>
  <si>
    <t>377526.0</t>
  </si>
  <si>
    <t>4725217.0</t>
  </si>
  <si>
    <t>217.017</t>
  </si>
  <si>
    <t>12758216.0</t>
  </si>
  <si>
    <t>10309855.0</t>
  </si>
  <si>
    <t>2448361.0</t>
  </si>
  <si>
    <t>426348.0</t>
  </si>
  <si>
    <t>433698.0</t>
  </si>
  <si>
    <t>352888.0</t>
  </si>
  <si>
    <t>4745926.0</t>
  </si>
  <si>
    <t>217.969</t>
  </si>
  <si>
    <t>13065376.0</t>
  </si>
  <si>
    <t>10481285.0</t>
  </si>
  <si>
    <t>2584091.0</t>
  </si>
  <si>
    <t>307160.0</t>
  </si>
  <si>
    <t>420893.0</t>
  </si>
  <si>
    <t>321299.0</t>
  </si>
  <si>
    <t>4768293.0</t>
  </si>
  <si>
    <t>218.996</t>
  </si>
  <si>
    <t>13262725.0</t>
  </si>
  <si>
    <t>10616683.0</t>
  </si>
  <si>
    <t>2646042.0</t>
  </si>
  <si>
    <t>197349.0</t>
  </si>
  <si>
    <t>364273.0</t>
  </si>
  <si>
    <t>271179.0</t>
  </si>
  <si>
    <t>4795193.0</t>
  </si>
  <si>
    <t>220.231</t>
  </si>
  <si>
    <t>10777259.0</t>
  </si>
  <si>
    <t>2679063.0</t>
  </si>
  <si>
    <t>316229.0</t>
  </si>
  <si>
    <t>228336.0</t>
  </si>
  <si>
    <t>4819103.0</t>
  </si>
  <si>
    <t>221.329</t>
  </si>
  <si>
    <t>13570682.0</t>
  </si>
  <si>
    <t>10871332.0</t>
  </si>
  <si>
    <t>2699350.0</t>
  </si>
  <si>
    <t>114360.0</t>
  </si>
  <si>
    <t>176661.0</t>
  </si>
  <si>
    <t>4843155.0</t>
  </si>
  <si>
    <t>222.434</t>
  </si>
  <si>
    <t>13765238.0</t>
  </si>
  <si>
    <t>10986524.0</t>
  </si>
  <si>
    <t>2778714.0</t>
  </si>
  <si>
    <t>238050.0</t>
  </si>
  <si>
    <t>148834.0</t>
  </si>
  <si>
    <t>4866681.0</t>
  </si>
  <si>
    <t>223.515</t>
  </si>
  <si>
    <t>259963.0</t>
  </si>
  <si>
    <t>4886522.0</t>
  </si>
  <si>
    <t>19841.0</t>
  </si>
  <si>
    <t>254252.0</t>
  </si>
  <si>
    <t>135826.0</t>
  </si>
  <si>
    <t>4909964.0</t>
  </si>
  <si>
    <t>225.502</t>
  </si>
  <si>
    <t>23434.0</t>
  </si>
  <si>
    <t>265568.0</t>
  </si>
  <si>
    <t>130916.0</t>
  </si>
  <si>
    <t>4937424.0</t>
  </si>
  <si>
    <t>226.764</t>
  </si>
  <si>
    <t>15310726.0</t>
  </si>
  <si>
    <t>11534750.0</t>
  </si>
  <si>
    <t>3775976.0</t>
  </si>
  <si>
    <t>292572.0</t>
  </si>
  <si>
    <t>131152.0</t>
  </si>
  <si>
    <t>4962481.0</t>
  </si>
  <si>
    <t>227.914</t>
  </si>
  <si>
    <t>315728.0</t>
  </si>
  <si>
    <t>112935.0</t>
  </si>
  <si>
    <t>4985404.0</t>
  </si>
  <si>
    <t>228.967</t>
  </si>
  <si>
    <t>104218.0</t>
  </si>
  <si>
    <t>5008699.0</t>
  </si>
  <si>
    <t>230.037</t>
  </si>
  <si>
    <t>16377810.0</t>
  </si>
  <si>
    <t>373225.0</t>
  </si>
  <si>
    <t>92484.0</t>
  </si>
  <si>
    <t>5029908.0</t>
  </si>
  <si>
    <t>231.011</t>
  </si>
  <si>
    <t>16496117.0</t>
  </si>
  <si>
    <t>118307.0</t>
  </si>
  <si>
    <t>5051117.0</t>
  </si>
  <si>
    <t>231.985</t>
  </si>
  <si>
    <t>23514.0</t>
  </si>
  <si>
    <t>16781405.0</t>
  </si>
  <si>
    <t>320489.0</t>
  </si>
  <si>
    <t>62770.0</t>
  </si>
  <si>
    <t>5076664.0</t>
  </si>
  <si>
    <t>233.159</t>
  </si>
  <si>
    <t>16920027.0</t>
  </si>
  <si>
    <t>138622.0</t>
  </si>
  <si>
    <t>47912.0</t>
  </si>
  <si>
    <t>5105391.0</t>
  </si>
  <si>
    <t>28727.0</t>
  </si>
  <si>
    <t>234.478</t>
  </si>
  <si>
    <t>240489.0</t>
  </si>
  <si>
    <t>5131851.0</t>
  </si>
  <si>
    <t>235.693</t>
  </si>
  <si>
    <t>17068274.0</t>
  </si>
  <si>
    <t>11799191.0</t>
  </si>
  <si>
    <t>5269083.0</t>
  </si>
  <si>
    <t>200265.0</t>
  </si>
  <si>
    <t>5157287.0</t>
  </si>
  <si>
    <t>236.861</t>
  </si>
  <si>
    <t>17587688.0</t>
  </si>
  <si>
    <t>12073373.0</t>
  </si>
  <si>
    <t>5514315.0</t>
  </si>
  <si>
    <t>519414.0</t>
  </si>
  <si>
    <t>223653.0</t>
  </si>
  <si>
    <t>67502.0</t>
  </si>
  <si>
    <t>5181562.0</t>
  </si>
  <si>
    <t>17709118.0</t>
  </si>
  <si>
    <t>12088864.0</t>
  </si>
  <si>
    <t>5620254.0</t>
  </si>
  <si>
    <t>190187.0</t>
  </si>
  <si>
    <t>5200304.0</t>
  </si>
  <si>
    <t>238.837</t>
  </si>
  <si>
    <t>24342.0</t>
  </si>
  <si>
    <t>17761535.0</t>
  </si>
  <si>
    <t>12096630.0</t>
  </si>
  <si>
    <t>5664905.0</t>
  </si>
  <si>
    <t>180774.0</t>
  </si>
  <si>
    <t>61380.0</t>
  </si>
  <si>
    <t>5217962.0</t>
  </si>
  <si>
    <t>239.648</t>
  </si>
  <si>
    <t>17936988.0</t>
  </si>
  <si>
    <t>12129492.0</t>
  </si>
  <si>
    <t>5807496.0</t>
  </si>
  <si>
    <t>175453.0</t>
  </si>
  <si>
    <t>165083.0</t>
  </si>
  <si>
    <t>61352.0</t>
  </si>
  <si>
    <t>5240368.0</t>
  </si>
  <si>
    <t>240.677</t>
  </si>
  <si>
    <t>18099085.0</t>
  </si>
  <si>
    <t>12149634.0</t>
  </si>
  <si>
    <t>5949451.0</t>
  </si>
  <si>
    <t>168437.0</t>
  </si>
  <si>
    <t>5261443.0</t>
  </si>
  <si>
    <t>241.645</t>
  </si>
  <si>
    <t>18341871.0</t>
  </si>
  <si>
    <t>12220331.0</t>
  </si>
  <si>
    <t>6121540.0</t>
  </si>
  <si>
    <t>242786.0</t>
  </si>
  <si>
    <t>192532.0</t>
  </si>
  <si>
    <t>64885.0</t>
  </si>
  <si>
    <t>5284695.0</t>
  </si>
  <si>
    <t>242.713</t>
  </si>
  <si>
    <t>18719417.0</t>
  </si>
  <si>
    <t>12255121.0</t>
  </si>
  <si>
    <t>6464296.0</t>
  </si>
  <si>
    <t>377546.0</t>
  </si>
  <si>
    <t>235878.0</t>
  </si>
  <si>
    <t>65133.0</t>
  </si>
  <si>
    <t>5305389.0</t>
  </si>
  <si>
    <t>243.663</t>
  </si>
  <si>
    <t>19163620.0</t>
  </si>
  <si>
    <t>12290482.0</t>
  </si>
  <si>
    <t>6873138.0</t>
  </si>
  <si>
    <t>444203.0</t>
  </si>
  <si>
    <t>225133.0</t>
  </si>
  <si>
    <t>5323219.0</t>
  </si>
  <si>
    <t>244.482</t>
  </si>
  <si>
    <t>19351672.0</t>
  </si>
  <si>
    <t>12309254.0</t>
  </si>
  <si>
    <t>7042418.0</t>
  </si>
  <si>
    <t>188052.0</t>
  </si>
  <si>
    <t>5340088.0</t>
  </si>
  <si>
    <t>245.257</t>
  </si>
  <si>
    <t>19498407.0</t>
  </si>
  <si>
    <t>12325287.0</t>
  </si>
  <si>
    <t>7173120.0</t>
  </si>
  <si>
    <t>248125.0</t>
  </si>
  <si>
    <t>5358347.0</t>
  </si>
  <si>
    <t>246.096</t>
  </si>
  <si>
    <t>20126990.0</t>
  </si>
  <si>
    <t>12423579.0</t>
  </si>
  <si>
    <t>7703411.0</t>
  </si>
  <si>
    <t>628583.0</t>
  </si>
  <si>
    <t>312857.0</t>
  </si>
  <si>
    <t>14330.0</t>
  </si>
  <si>
    <t>5376028.0</t>
  </si>
  <si>
    <t>246.908</t>
  </si>
  <si>
    <t>20638181.0</t>
  </si>
  <si>
    <t>12468949.0</t>
  </si>
  <si>
    <t>8169232.0</t>
  </si>
  <si>
    <t>511191.0</t>
  </si>
  <si>
    <t>362728.0</t>
  </si>
  <si>
    <t>5395171.0</t>
  </si>
  <si>
    <t>247.787</t>
  </si>
  <si>
    <t>21146303.0</t>
  </si>
  <si>
    <t>12564209.0</t>
  </si>
  <si>
    <t>8582094.0</t>
  </si>
  <si>
    <t>508122.0</t>
  </si>
  <si>
    <t>400633.0</t>
  </si>
  <si>
    <t>5411243.0</t>
  </si>
  <si>
    <t>248.525</t>
  </si>
  <si>
    <t>21405915.0</t>
  </si>
  <si>
    <t>12604733.0</t>
  </si>
  <si>
    <t>8801182.0</t>
  </si>
  <si>
    <t>49945.0</t>
  </si>
  <si>
    <t>5430317.0</t>
  </si>
  <si>
    <t>249.401</t>
  </si>
  <si>
    <t>21667819.0</t>
  </si>
  <si>
    <t>12660231.0</t>
  </si>
  <si>
    <t>9007588.0</t>
  </si>
  <si>
    <t>261904.0</t>
  </si>
  <si>
    <t>357743.0</t>
  </si>
  <si>
    <t>52821.0</t>
  </si>
  <si>
    <t>5447276.0</t>
  </si>
  <si>
    <t>21840957.0</t>
  </si>
  <si>
    <t>12703070.0</t>
  </si>
  <si>
    <t>9137887.0</t>
  </si>
  <si>
    <t>173138.0</t>
  </si>
  <si>
    <t>355612.0</t>
  </si>
  <si>
    <t>56259.0</t>
  </si>
  <si>
    <t>5461696.0</t>
  </si>
  <si>
    <t>250.842</t>
  </si>
  <si>
    <t>21908847.0</t>
  </si>
  <si>
    <t>12729601.0</t>
  </si>
  <si>
    <t>9179246.0</t>
  </si>
  <si>
    <t>344349.0</t>
  </si>
  <si>
    <t>100.35</t>
  </si>
  <si>
    <t>5474997.0</t>
  </si>
  <si>
    <t>251.453</t>
  </si>
  <si>
    <t>22237998.0</t>
  </si>
  <si>
    <t>12823147.0</t>
  </si>
  <si>
    <t>9414851.0</t>
  </si>
  <si>
    <t>329151.0</t>
  </si>
  <si>
    <t>301573.0</t>
  </si>
  <si>
    <t>5489891.0</t>
  </si>
  <si>
    <t>252.137</t>
  </si>
  <si>
    <t>22667612.0</t>
  </si>
  <si>
    <t>12952755.0</t>
  </si>
  <si>
    <t>9714857.0</t>
  </si>
  <si>
    <t>429614.0</t>
  </si>
  <si>
    <t>5506370.0</t>
  </si>
  <si>
    <t>252.894</t>
  </si>
  <si>
    <t>23123345.0</t>
  </si>
  <si>
    <t>13128756.0</t>
  </si>
  <si>
    <t>9994589.0</t>
  </si>
  <si>
    <t>455733.0</t>
  </si>
  <si>
    <t>80650.0</t>
  </si>
  <si>
    <t>5522867.0</t>
  </si>
  <si>
    <t>253.652</t>
  </si>
  <si>
    <t>23476342.0</t>
  </si>
  <si>
    <t>13264805.0</t>
  </si>
  <si>
    <t>10211537.0</t>
  </si>
  <si>
    <t>352997.0</t>
  </si>
  <si>
    <t>295775.0</t>
  </si>
  <si>
    <t>94296.0</t>
  </si>
  <si>
    <t>5537129.0</t>
  </si>
  <si>
    <t>254.307</t>
  </si>
  <si>
    <t>23777337.0</t>
  </si>
  <si>
    <t>13371289.0</t>
  </si>
  <si>
    <t>10406048.0</t>
  </si>
  <si>
    <t>300995.0</t>
  </si>
  <si>
    <t>301360.0</t>
  </si>
  <si>
    <t>101580.0</t>
  </si>
  <si>
    <t>5552632.0</t>
  </si>
  <si>
    <t>255.019</t>
  </si>
  <si>
    <t>24002848.0</t>
  </si>
  <si>
    <t>13458620.0</t>
  </si>
  <si>
    <t>10544228.0</t>
  </si>
  <si>
    <t>225511.0</t>
  </si>
  <si>
    <t>308842.0</t>
  </si>
  <si>
    <t>5564915.0</t>
  </si>
  <si>
    <t>255.583</t>
  </si>
  <si>
    <t>24077046.0</t>
  </si>
  <si>
    <t>13497826.0</t>
  </si>
  <si>
    <t>10579220.0</t>
  </si>
  <si>
    <t>109746.0</t>
  </si>
  <si>
    <t>5578317.0</t>
  </si>
  <si>
    <t>256.198</t>
  </si>
  <si>
    <t>24226161.0</t>
  </si>
  <si>
    <t>13553534.0</t>
  </si>
  <si>
    <t>10672627.0</t>
  </si>
  <si>
    <t>149115.0</t>
  </si>
  <si>
    <t>284023.0</t>
  </si>
  <si>
    <t>5593836.0</t>
  </si>
  <si>
    <t>256.911</t>
  </si>
  <si>
    <t>24349601.0</t>
  </si>
  <si>
    <t>13602365.0</t>
  </si>
  <si>
    <t>10747236.0</t>
  </si>
  <si>
    <t>123440.0</t>
  </si>
  <si>
    <t>11006.0</t>
  </si>
  <si>
    <t>92801.0</t>
  </si>
  <si>
    <t>5607290.0</t>
  </si>
  <si>
    <t>257.529</t>
  </si>
  <si>
    <t>24463453.0</t>
  </si>
  <si>
    <t>13649253.0</t>
  </si>
  <si>
    <t>10814200.0</t>
  </si>
  <si>
    <t>191444.0</t>
  </si>
  <si>
    <t>5620933.0</t>
  </si>
  <si>
    <t>258.155</t>
  </si>
  <si>
    <t>24558102.0</t>
  </si>
  <si>
    <t>13690202.0</t>
  </si>
  <si>
    <t>10867900.0</t>
  </si>
  <si>
    <t>94649.0</t>
  </si>
  <si>
    <t>5633641.0</t>
  </si>
  <si>
    <t>258.739</t>
  </si>
  <si>
    <t>24689082.0</t>
  </si>
  <si>
    <t>13720887.0</t>
  </si>
  <si>
    <t>10968195.0</t>
  </si>
  <si>
    <t>130980.0</t>
  </si>
  <si>
    <t>130249.0</t>
  </si>
  <si>
    <t>5647003.0</t>
  </si>
  <si>
    <t>24803998.0</t>
  </si>
  <si>
    <t>13749897.0</t>
  </si>
  <si>
    <t>11054101.0</t>
  </si>
  <si>
    <t>114450.0</t>
  </si>
  <si>
    <t>5657522.0</t>
  </si>
  <si>
    <t>259.836</t>
  </si>
  <si>
    <t>24866006.0</t>
  </si>
  <si>
    <t>13772541.0</t>
  </si>
  <si>
    <t>11093465.0</t>
  </si>
  <si>
    <t>62008.0</t>
  </si>
  <si>
    <t>112709.0</t>
  </si>
  <si>
    <t>5668370.0</t>
  </si>
  <si>
    <t>24927089.0</t>
  </si>
  <si>
    <t>13802944.0</t>
  </si>
  <si>
    <t>11124145.0</t>
  </si>
  <si>
    <t>5678583.0</t>
  </si>
  <si>
    <t>260.803</t>
  </si>
  <si>
    <t>25110877.0</t>
  </si>
  <si>
    <t>13906987.0</t>
  </si>
  <si>
    <t>11203890.0</t>
  </si>
  <si>
    <t>183788.0</t>
  </si>
  <si>
    <t>108754.0</t>
  </si>
  <si>
    <t>115.02</t>
  </si>
  <si>
    <t>5690346.0</t>
  </si>
  <si>
    <t>261.343</t>
  </si>
  <si>
    <t>25339522.0</t>
  </si>
  <si>
    <t>14032696.0</t>
  </si>
  <si>
    <t>11306826.0</t>
  </si>
  <si>
    <t>228645.0</t>
  </si>
  <si>
    <t>125153.0</t>
  </si>
  <si>
    <t>5704450.0</t>
  </si>
  <si>
    <t>261.991</t>
  </si>
  <si>
    <t>25589878.0</t>
  </si>
  <si>
    <t>14183520.0</t>
  </si>
  <si>
    <t>11406358.0</t>
  </si>
  <si>
    <t>250356.0</t>
  </si>
  <si>
    <t>70474.0</t>
  </si>
  <si>
    <t>5715265.0</t>
  </si>
  <si>
    <t>262.488</t>
  </si>
  <si>
    <t>25813491.0</t>
  </si>
  <si>
    <t>14302376.0</t>
  </si>
  <si>
    <t>11511115.0</t>
  </si>
  <si>
    <t>160630.0</t>
  </si>
  <si>
    <t>5728895.0</t>
  </si>
  <si>
    <t>263.114</t>
  </si>
  <si>
    <t>25961797.0</t>
  </si>
  <si>
    <t>14367807.0</t>
  </si>
  <si>
    <t>11593990.0</t>
  </si>
  <si>
    <t>148306.0</t>
  </si>
  <si>
    <t>165400.0</t>
  </si>
  <si>
    <t>5737882.0</t>
  </si>
  <si>
    <t>26002445.0</t>
  </si>
  <si>
    <t>14391759.0</t>
  </si>
  <si>
    <t>11610686.0</t>
  </si>
  <si>
    <t>162348.0</t>
  </si>
  <si>
    <t>5747788.0</t>
  </si>
  <si>
    <t>263.982</t>
  </si>
  <si>
    <t>26096107.0</t>
  </si>
  <si>
    <t>14433611.0</t>
  </si>
  <si>
    <t>11662496.0</t>
  </si>
  <si>
    <t>93662.0</t>
  </si>
  <si>
    <t>167003.0</t>
  </si>
  <si>
    <t>5758979.0</t>
  </si>
  <si>
    <t>264.496</t>
  </si>
  <si>
    <t>26171815.0</t>
  </si>
  <si>
    <t>14471052.0</t>
  </si>
  <si>
    <t>11700763.0</t>
  </si>
  <si>
    <t>151563.0</t>
  </si>
  <si>
    <t>5770099.0</t>
  </si>
  <si>
    <t>265.006</t>
  </si>
  <si>
    <t>26233218.0</t>
  </si>
  <si>
    <t>14502913.0</t>
  </si>
  <si>
    <t>11730305.0</t>
  </si>
  <si>
    <t>127671.0</t>
  </si>
  <si>
    <t>5781836.0</t>
  </si>
  <si>
    <t>265.545</t>
  </si>
  <si>
    <t>26298093.0</t>
  </si>
  <si>
    <t>14524408.0</t>
  </si>
  <si>
    <t>11773685.0</t>
  </si>
  <si>
    <t>64875.0</t>
  </si>
  <si>
    <t>48698.0</t>
  </si>
  <si>
    <t>5792336.0</t>
  </si>
  <si>
    <t>266.028</t>
  </si>
  <si>
    <t>26376809.0</t>
  </si>
  <si>
    <t>14555215.0</t>
  </si>
  <si>
    <t>11821594.0</t>
  </si>
  <si>
    <t>36120.0</t>
  </si>
  <si>
    <t>5802988.0</t>
  </si>
  <si>
    <t>266.517</t>
  </si>
  <si>
    <t>26423966.0</t>
  </si>
  <si>
    <t>14570141.0</t>
  </si>
  <si>
    <t>11853825.0</t>
  </si>
  <si>
    <t>47157.0</t>
  </si>
  <si>
    <t>66024.0</t>
  </si>
  <si>
    <t>5812155.0</t>
  </si>
  <si>
    <t>266.938</t>
  </si>
  <si>
    <t>26441235.0</t>
  </si>
  <si>
    <t>14580206.0</t>
  </si>
  <si>
    <t>11861029.0</t>
  </si>
  <si>
    <t>5820451.0</t>
  </si>
  <si>
    <t>267.319</t>
  </si>
  <si>
    <t>26524033.0</t>
  </si>
  <si>
    <t>14598456.0</t>
  </si>
  <si>
    <t>11925577.0</t>
  </si>
  <si>
    <t>5830834.0</t>
  </si>
  <si>
    <t>267.796</t>
  </si>
  <si>
    <t>26582559.0</t>
  </si>
  <si>
    <t>14615232.0</t>
  </si>
  <si>
    <t>11967327.0</t>
  </si>
  <si>
    <t>58526.0</t>
  </si>
  <si>
    <t>5840812.0</t>
  </si>
  <si>
    <t>268.254</t>
  </si>
  <si>
    <t>26683047.0</t>
  </si>
  <si>
    <t>14639679.0</t>
  </si>
  <si>
    <t>100488.0</t>
  </si>
  <si>
    <t>64261.0</t>
  </si>
  <si>
    <t>5852022.0</t>
  </si>
  <si>
    <t>268.769</t>
  </si>
  <si>
    <t>26791620.0</t>
  </si>
  <si>
    <t>14668211.0</t>
  </si>
  <si>
    <t>12123409.0</t>
  </si>
  <si>
    <t>108573.0</t>
  </si>
  <si>
    <t>5861053.0</t>
  </si>
  <si>
    <t>269.184</t>
  </si>
  <si>
    <t>26939753.0</t>
  </si>
  <si>
    <t>14684749.0</t>
  </si>
  <si>
    <t>12255004.0</t>
  </si>
  <si>
    <t>148133.0</t>
  </si>
  <si>
    <t>80421.0</t>
  </si>
  <si>
    <t>123.39</t>
  </si>
  <si>
    <t>18505.0</t>
  </si>
  <si>
    <t>5871469.0</t>
  </si>
  <si>
    <t>269.662</t>
  </si>
  <si>
    <t>27058302.0</t>
  </si>
  <si>
    <t>14698140.0</t>
  </si>
  <si>
    <t>12360162.0</t>
  </si>
  <si>
    <t>5879198.0</t>
  </si>
  <si>
    <t>270.017</t>
  </si>
  <si>
    <t>27102057.0</t>
  </si>
  <si>
    <t>14703606.0</t>
  </si>
  <si>
    <t>12398451.0</t>
  </si>
  <si>
    <t>94403.0</t>
  </si>
  <si>
    <t>5887780.0</t>
  </si>
  <si>
    <t>270.411</t>
  </si>
  <si>
    <t>27197582.0</t>
  </si>
  <si>
    <t>14716712.0</t>
  </si>
  <si>
    <t>12480870.0</t>
  </si>
  <si>
    <t>96221.0</t>
  </si>
  <si>
    <t>5898349.0</t>
  </si>
  <si>
    <t>270.897</t>
  </si>
  <si>
    <t>27285321.0</t>
  </si>
  <si>
    <t>14731502.0</t>
  </si>
  <si>
    <t>12553819.0</t>
  </si>
  <si>
    <t>100395.0</t>
  </si>
  <si>
    <t>5908892.0</t>
  </si>
  <si>
    <t>271.381</t>
  </si>
  <si>
    <t>27358879.0</t>
  </si>
  <si>
    <t>14745130.0</t>
  </si>
  <si>
    <t>12613749.0</t>
  </si>
  <si>
    <t>73558.0</t>
  </si>
  <si>
    <t>96547.0</t>
  </si>
  <si>
    <t>5919284.0</t>
  </si>
  <si>
    <t>271.858</t>
  </si>
  <si>
    <t>27412323.0</t>
  </si>
  <si>
    <t>14754334.0</t>
  </si>
  <si>
    <t>12657989.0</t>
  </si>
  <si>
    <t>53444.0</t>
  </si>
  <si>
    <t>5930104.0</t>
  </si>
  <si>
    <t>272.355</t>
  </si>
  <si>
    <t>27488241.0</t>
  </si>
  <si>
    <t>14767778.0</t>
  </si>
  <si>
    <t>12720463.0</t>
  </si>
  <si>
    <t>78355.0</t>
  </si>
  <si>
    <t>5940962.0</t>
  </si>
  <si>
    <t>272.854</t>
  </si>
  <si>
    <t>27545979.0</t>
  </si>
  <si>
    <t>14777220.0</t>
  </si>
  <si>
    <t>12768759.0</t>
  </si>
  <si>
    <t>5950600.0</t>
  </si>
  <si>
    <t>273.296</t>
  </si>
  <si>
    <t>27563673.0</t>
  </si>
  <si>
    <t>14780138.0</t>
  </si>
  <si>
    <t>12783535.0</t>
  </si>
  <si>
    <t>5958079.0</t>
  </si>
  <si>
    <t>273.64</t>
  </si>
  <si>
    <t>27603568.0</t>
  </si>
  <si>
    <t>14785189.0</t>
  </si>
  <si>
    <t>12818379.0</t>
  </si>
  <si>
    <t>39895.0</t>
  </si>
  <si>
    <t>5968232.0</t>
  </si>
  <si>
    <t>274.106</t>
  </si>
  <si>
    <t>27627779.0</t>
  </si>
  <si>
    <t>14788141.0</t>
  </si>
  <si>
    <t>12839638.0</t>
  </si>
  <si>
    <t>5974501.0</t>
  </si>
  <si>
    <t>274.394</t>
  </si>
  <si>
    <t>27639397.0</t>
  </si>
  <si>
    <t>14789068.0</t>
  </si>
  <si>
    <t>12850329.0</t>
  </si>
  <si>
    <t>5982535.0</t>
  </si>
  <si>
    <t>274.763</t>
  </si>
  <si>
    <t>27801336.0</t>
  </si>
  <si>
    <t>14868800.0</t>
  </si>
  <si>
    <t>12932536.0</t>
  </si>
  <si>
    <t>161939.0</t>
  </si>
  <si>
    <t>5991546.0</t>
  </si>
  <si>
    <t>27966717.0</t>
  </si>
  <si>
    <t>14928248.0</t>
  </si>
  <si>
    <t>13038469.0</t>
  </si>
  <si>
    <t>165381.0</t>
  </si>
  <si>
    <t>6000943.0</t>
  </si>
  <si>
    <t>275.608</t>
  </si>
  <si>
    <t>28102233.0</t>
  </si>
  <si>
    <t>14975778.0</t>
  </si>
  <si>
    <t>13126455.0</t>
  </si>
  <si>
    <t>135516.0</t>
  </si>
  <si>
    <t>79465.0</t>
  </si>
  <si>
    <t>6009755.0</t>
  </si>
  <si>
    <t>276.013</t>
  </si>
  <si>
    <t>28144463.0</t>
  </si>
  <si>
    <t>14987889.0</t>
  </si>
  <si>
    <t>13156574.0</t>
  </si>
  <si>
    <t>82970.0</t>
  </si>
  <si>
    <t>6017314.0</t>
  </si>
  <si>
    <t>276.36</t>
  </si>
  <si>
    <t>28262495.0</t>
  </si>
  <si>
    <t>15061354.0</t>
  </si>
  <si>
    <t>13201141.0</t>
  </si>
  <si>
    <t>118032.0</t>
  </si>
  <si>
    <t>94132.0</t>
  </si>
  <si>
    <t>39452.0</t>
  </si>
  <si>
    <t>6026713.0</t>
  </si>
  <si>
    <t>276.792</t>
  </si>
  <si>
    <t>28413012.0</t>
  </si>
  <si>
    <t>15147114.0</t>
  </si>
  <si>
    <t>13265898.0</t>
  </si>
  <si>
    <t>112176.0</t>
  </si>
  <si>
    <t>6035655.0</t>
  </si>
  <si>
    <t>277.203</t>
  </si>
  <si>
    <t>28581571.0</t>
  </si>
  <si>
    <t>15262192.0</t>
  </si>
  <si>
    <t>13319379.0</t>
  </si>
  <si>
    <t>168559.0</t>
  </si>
  <si>
    <t>134596.0</t>
  </si>
  <si>
    <t>6044728.0</t>
  </si>
  <si>
    <t>277.619</t>
  </si>
  <si>
    <t>125536.0</t>
  </si>
  <si>
    <t>6053909.0</t>
  </si>
  <si>
    <t>278.041</t>
  </si>
  <si>
    <t>115985.0</t>
  </si>
  <si>
    <t>67198.0</t>
  </si>
  <si>
    <t>6062949.0</t>
  </si>
  <si>
    <t>278.456</t>
  </si>
  <si>
    <t>6071688.0</t>
  </si>
  <si>
    <t>278.858</t>
  </si>
  <si>
    <t>6079558.0</t>
  </si>
  <si>
    <t>279.219</t>
  </si>
  <si>
    <t>115953.0</t>
  </si>
  <si>
    <t>77419.0</t>
  </si>
  <si>
    <t>6089045.0</t>
  </si>
  <si>
    <t>279.655</t>
  </si>
  <si>
    <t>29172685.0</t>
  </si>
  <si>
    <t>15671510.0</t>
  </si>
  <si>
    <t>13501175.0</t>
  </si>
  <si>
    <t>74914.0</t>
  </si>
  <si>
    <t>6099586.0</t>
  </si>
  <si>
    <t>280.139</t>
  </si>
  <si>
    <t>29239575.0</t>
  </si>
  <si>
    <t>15718509.0</t>
  </si>
  <si>
    <t>13521066.0</t>
  </si>
  <si>
    <t>66890.0</t>
  </si>
  <si>
    <t>94001.0</t>
  </si>
  <si>
    <t>6108130.0</t>
  </si>
  <si>
    <t>280.531</t>
  </si>
  <si>
    <t>29250053.0</t>
  </si>
  <si>
    <t>15726331.0</t>
  </si>
  <si>
    <t>13523722.0</t>
  </si>
  <si>
    <t>6116976.0</t>
  </si>
  <si>
    <t>280.937</t>
  </si>
  <si>
    <t>29297626.0</t>
  </si>
  <si>
    <t>15757276.0</t>
  </si>
  <si>
    <t>13540350.0</t>
  </si>
  <si>
    <t>47573.0</t>
  </si>
  <si>
    <t>6123751.0</t>
  </si>
  <si>
    <t>281.249</t>
  </si>
  <si>
    <t>29374502.0</t>
  </si>
  <si>
    <t>15796673.0</t>
  </si>
  <si>
    <t>13577829.0</t>
  </si>
  <si>
    <t>6131559.0</t>
  </si>
  <si>
    <t>281.607</t>
  </si>
  <si>
    <t>29380388.0</t>
  </si>
  <si>
    <t>15799360.0</t>
  </si>
  <si>
    <t>13581028.0</t>
  </si>
  <si>
    <t>57820.0</t>
  </si>
  <si>
    <t>6139548.0</t>
  </si>
  <si>
    <t>281.974</t>
  </si>
  <si>
    <t>29407715.0</t>
  </si>
  <si>
    <t>15816302.0</t>
  </si>
  <si>
    <t>13591413.0</t>
  </si>
  <si>
    <t>6148837.0</t>
  </si>
  <si>
    <t>282.401</t>
  </si>
  <si>
    <t>29421751.0</t>
  </si>
  <si>
    <t>15825242.0</t>
  </si>
  <si>
    <t>13596509.0</t>
  </si>
  <si>
    <t>6158109.0</t>
  </si>
  <si>
    <t>282.827</t>
  </si>
  <si>
    <t>29442681.0</t>
  </si>
  <si>
    <t>15837790.0</t>
  </si>
  <si>
    <t>13604891.0</t>
  </si>
  <si>
    <t>6168766.0</t>
  </si>
  <si>
    <t>283.316</t>
  </si>
  <si>
    <t>6178574.0</t>
  </si>
  <si>
    <t>283.767</t>
  </si>
  <si>
    <t>29479610.0</t>
  </si>
  <si>
    <t>15857906.0</t>
  </si>
  <si>
    <t>13621704.0</t>
  </si>
  <si>
    <t>6187908.0</t>
  </si>
  <si>
    <t>284.195</t>
  </si>
  <si>
    <t>29522461.0</t>
  </si>
  <si>
    <t>15874038.0</t>
  </si>
  <si>
    <t>13648423.0</t>
  </si>
  <si>
    <t>6198112.0</t>
  </si>
  <si>
    <t>284.664</t>
  </si>
  <si>
    <t>29542462.0</t>
  </si>
  <si>
    <t>15876907.0</t>
  </si>
  <si>
    <t>13665555.0</t>
  </si>
  <si>
    <t>6206385.0</t>
  </si>
  <si>
    <t>285.044</t>
  </si>
  <si>
    <t>29558587.0</t>
  </si>
  <si>
    <t>15883630.0</t>
  </si>
  <si>
    <t>13674957.0</t>
  </si>
  <si>
    <t>6216633.0</t>
  </si>
  <si>
    <t>285.514</t>
  </si>
  <si>
    <t>29570512.0</t>
  </si>
  <si>
    <t>15888053.0</t>
  </si>
  <si>
    <t>13682459.0</t>
  </si>
  <si>
    <t>6227048.0</t>
  </si>
  <si>
    <t>285.993</t>
  </si>
  <si>
    <t>29583085.0</t>
  </si>
  <si>
    <t>15894375.0</t>
  </si>
  <si>
    <t>13688710.0</t>
  </si>
  <si>
    <t>6238645.0</t>
  </si>
  <si>
    <t>286.525</t>
  </si>
  <si>
    <t>29588163.0</t>
  </si>
  <si>
    <t>15897388.0</t>
  </si>
  <si>
    <t>13690775.0</t>
  </si>
  <si>
    <t>6248252.0</t>
  </si>
  <si>
    <t>286.967</t>
  </si>
  <si>
    <t>29595254.0</t>
  </si>
  <si>
    <t>15900295.0</t>
  </si>
  <si>
    <t>13694959.0</t>
  </si>
  <si>
    <t>6259235.0</t>
  </si>
  <si>
    <t>287.471</t>
  </si>
  <si>
    <t>29615961.0</t>
  </si>
  <si>
    <t>15910650.0</t>
  </si>
  <si>
    <t>13705311.0</t>
  </si>
  <si>
    <t>6268788.0</t>
  </si>
  <si>
    <t>287.91</t>
  </si>
  <si>
    <t>29619502.0</t>
  </si>
  <si>
    <t>15911983.0</t>
  </si>
  <si>
    <t>13707519.0</t>
  </si>
  <si>
    <t>6276862.0</t>
  </si>
  <si>
    <t>288.281</t>
  </si>
  <si>
    <t>29631651.0</t>
  </si>
  <si>
    <t>15914780.0</t>
  </si>
  <si>
    <t>13716871.0</t>
  </si>
  <si>
    <t>6288550.0</t>
  </si>
  <si>
    <t>288.817</t>
  </si>
  <si>
    <t>29638112.0</t>
  </si>
  <si>
    <t>15916995.0</t>
  </si>
  <si>
    <t>13721117.0</t>
  </si>
  <si>
    <t>6297747.0</t>
  </si>
  <si>
    <t>289.24</t>
  </si>
  <si>
    <t>29641413.0</t>
  </si>
  <si>
    <t>15918179.0</t>
  </si>
  <si>
    <t>13723234.0</t>
  </si>
  <si>
    <t>6307663.0</t>
  </si>
  <si>
    <t>289.695</t>
  </si>
  <si>
    <t>29644331.0</t>
  </si>
  <si>
    <t>15919195.0</t>
  </si>
  <si>
    <t>13725136.0</t>
  </si>
  <si>
    <t>6320330.0</t>
  </si>
  <si>
    <t>290.277</t>
  </si>
  <si>
    <t>6332204.0</t>
  </si>
  <si>
    <t>290.822</t>
  </si>
  <si>
    <t>29664809.0</t>
  </si>
  <si>
    <t>15926273.0</t>
  </si>
  <si>
    <t>13738536.0</t>
  </si>
  <si>
    <t>135.88</t>
  </si>
  <si>
    <t>6340803.0</t>
  </si>
  <si>
    <t>291.217</t>
  </si>
  <si>
    <t>29668731.0</t>
  </si>
  <si>
    <t>15927537.0</t>
  </si>
  <si>
    <t>13741194.0</t>
  </si>
  <si>
    <t>6350518.0</t>
  </si>
  <si>
    <t>291.663</t>
  </si>
  <si>
    <t>29674708.0</t>
  </si>
  <si>
    <t>15929547.0</t>
  </si>
  <si>
    <t>13745161.0</t>
  </si>
  <si>
    <t>6364443.0</t>
  </si>
  <si>
    <t>292.303</t>
  </si>
  <si>
    <t>29682085.0</t>
  </si>
  <si>
    <t>15932194.0</t>
  </si>
  <si>
    <t>13749891.0</t>
  </si>
  <si>
    <t>6376304.0</t>
  </si>
  <si>
    <t>292.848</t>
  </si>
  <si>
    <t>29687682.0</t>
  </si>
  <si>
    <t>15933967.0</t>
  </si>
  <si>
    <t>13753715.0</t>
  </si>
  <si>
    <t>6388321.0</t>
  </si>
  <si>
    <t>29692051.0</t>
  </si>
  <si>
    <t>15935634.0</t>
  </si>
  <si>
    <t>13756417.0</t>
  </si>
  <si>
    <t>6398353.0</t>
  </si>
  <si>
    <t>293.86</t>
  </si>
  <si>
    <t>6409792.0</t>
  </si>
  <si>
    <t>294.386</t>
  </si>
  <si>
    <t>29707010.0</t>
  </si>
  <si>
    <t>15943166.0</t>
  </si>
  <si>
    <t>13763844.0</t>
  </si>
  <si>
    <t>6418838.0</t>
  </si>
  <si>
    <t>294.801</t>
  </si>
  <si>
    <t>29712156.0</t>
  </si>
  <si>
    <t>15945546.0</t>
  </si>
  <si>
    <t>13766610.0</t>
  </si>
  <si>
    <t>6429200.0</t>
  </si>
  <si>
    <t>295.277</t>
  </si>
  <si>
    <t>29717283.0</t>
  </si>
  <si>
    <t>15947255.0</t>
  </si>
  <si>
    <t>13770028.0</t>
  </si>
  <si>
    <t>6442034.0</t>
  </si>
  <si>
    <t>295.867</t>
  </si>
  <si>
    <t>29720188.0</t>
  </si>
  <si>
    <t>15948495.0</t>
  </si>
  <si>
    <t>13771693.0</t>
  </si>
  <si>
    <t>6454585.0</t>
  </si>
  <si>
    <t>296.443</t>
  </si>
  <si>
    <t>30805384.0</t>
  </si>
  <si>
    <t>15949941.0</t>
  </si>
  <si>
    <t>13774140.0</t>
  </si>
  <si>
    <t>1081303.0</t>
  </si>
  <si>
    <t>1085196.0</t>
  </si>
  <si>
    <t>6468361.0</t>
  </si>
  <si>
    <t>297.076</t>
  </si>
  <si>
    <t>167198.0</t>
  </si>
  <si>
    <t>6480194.0</t>
  </si>
  <si>
    <t>297.619</t>
  </si>
  <si>
    <t>30919491.0</t>
  </si>
  <si>
    <t>15952312.0</t>
  </si>
  <si>
    <t>13782724.0</t>
  </si>
  <si>
    <t>174280.0</t>
  </si>
  <si>
    <t>141.62</t>
  </si>
  <si>
    <t>6492030.0</t>
  </si>
  <si>
    <t>298.163</t>
  </si>
  <si>
    <t>31011543.0</t>
  </si>
  <si>
    <t>15955985.0</t>
  </si>
  <si>
    <t>13789006.0</t>
  </si>
  <si>
    <t>1266552.0</t>
  </si>
  <si>
    <t>92052.0</t>
  </si>
  <si>
    <t>186362.0</t>
  </si>
  <si>
    <t>6501378.0</t>
  </si>
  <si>
    <t>298.592</t>
  </si>
  <si>
    <t>31054377.0</t>
  </si>
  <si>
    <t>15956438.0</t>
  </si>
  <si>
    <t>13789917.0</t>
  </si>
  <si>
    <t>1308022.0</t>
  </si>
  <si>
    <t>191746.0</t>
  </si>
  <si>
    <t>6512590.0</t>
  </si>
  <si>
    <t>299.107</t>
  </si>
  <si>
    <t>31192002.0</t>
  </si>
  <si>
    <t>15958080.0</t>
  </si>
  <si>
    <t>13793217.0</t>
  </si>
  <si>
    <t>1440705.0</t>
  </si>
  <si>
    <t>137625.0</t>
  </si>
  <si>
    <t>210674.0</t>
  </si>
  <si>
    <t>6526080.0</t>
  </si>
  <si>
    <t>299.727</t>
  </si>
  <si>
    <t>31406235.0</t>
  </si>
  <si>
    <t>15960281.0</t>
  </si>
  <si>
    <t>13796586.0</t>
  </si>
  <si>
    <t>1649368.0</t>
  </si>
  <si>
    <t>214233.0</t>
  </si>
  <si>
    <t>240864.0</t>
  </si>
  <si>
    <t>6538337.0</t>
  </si>
  <si>
    <t>31634248.0</t>
  </si>
  <si>
    <t>15962904.0</t>
  </si>
  <si>
    <t>13801586.0</t>
  </si>
  <si>
    <t>1869758.0</t>
  </si>
  <si>
    <t>118409.0</t>
  </si>
  <si>
    <t>6549070.0</t>
  </si>
  <si>
    <t>300.782</t>
  </si>
  <si>
    <t>31826900.0</t>
  </si>
  <si>
    <t>15964289.0</t>
  </si>
  <si>
    <t>13803820.0</t>
  </si>
  <si>
    <t>2058791.0</t>
  </si>
  <si>
    <t>6562300.0</t>
  </si>
  <si>
    <t>301.39</t>
  </si>
  <si>
    <t>32121217.0</t>
  </si>
  <si>
    <t>15966704.0</t>
  </si>
  <si>
    <t>13808331.0</t>
  </si>
  <si>
    <t>2346182.0</t>
  </si>
  <si>
    <t>294317.0</t>
  </si>
  <si>
    <t>6572010.0</t>
  </si>
  <si>
    <t>301.836</t>
  </si>
  <si>
    <t>32208015.0</t>
  </si>
  <si>
    <t>15967577.0</t>
  </si>
  <si>
    <t>13809954.0</t>
  </si>
  <si>
    <t>2430484.0</t>
  </si>
  <si>
    <t>86798.0</t>
  </si>
  <si>
    <t>170925.0</t>
  </si>
  <si>
    <t>6580234.0</t>
  </si>
  <si>
    <t>302.214</t>
  </si>
  <si>
    <t>32284106.0</t>
  </si>
  <si>
    <t>15968147.0</t>
  </si>
  <si>
    <t>13810482.0</t>
  </si>
  <si>
    <t>2505477.0</t>
  </si>
  <si>
    <t>76091.0</t>
  </si>
  <si>
    <t>175676.0</t>
  </si>
  <si>
    <t>6593162.0</t>
  </si>
  <si>
    <t>302.808</t>
  </si>
  <si>
    <t>32443476.0</t>
  </si>
  <si>
    <t>15969986.0</t>
  </si>
  <si>
    <t>13813852.0</t>
  </si>
  <si>
    <t>2659638.0</t>
  </si>
  <si>
    <t>159370.0</t>
  </si>
  <si>
    <t>178782.0</t>
  </si>
  <si>
    <t>6605251.0</t>
  </si>
  <si>
    <t>303.363</t>
  </si>
  <si>
    <t>32630430.0</t>
  </si>
  <si>
    <t>15972186.0</t>
  </si>
  <si>
    <t>13817888.0</t>
  </si>
  <si>
    <t>2840356.0</t>
  </si>
  <si>
    <t>186954.0</t>
  </si>
  <si>
    <t>174885.0</t>
  </si>
  <si>
    <t>6616675.0</t>
  </si>
  <si>
    <t>32803940.0</t>
  </si>
  <si>
    <t>15976157.0</t>
  </si>
  <si>
    <t>13821374.0</t>
  </si>
  <si>
    <t>3006409.0</t>
  </si>
  <si>
    <t>173510.0</t>
  </si>
  <si>
    <t>167099.0</t>
  </si>
  <si>
    <t>6626758.0</t>
  </si>
  <si>
    <t>304.351</t>
  </si>
  <si>
    <t>32944180.0</t>
  </si>
  <si>
    <t>15978824.0</t>
  </si>
  <si>
    <t>13824015.0</t>
  </si>
  <si>
    <t>3141341.0</t>
  </si>
  <si>
    <t>140240.0</t>
  </si>
  <si>
    <t>159611.0</t>
  </si>
  <si>
    <t>6635468.0</t>
  </si>
  <si>
    <t>304.751</t>
  </si>
  <si>
    <t>33107334.0</t>
  </si>
  <si>
    <t>15980825.0</t>
  </si>
  <si>
    <t>13827474.0</t>
  </si>
  <si>
    <t>3299035.0</t>
  </si>
  <si>
    <t>163154.0</t>
  </si>
  <si>
    <t>140874.0</t>
  </si>
  <si>
    <t>151.64</t>
  </si>
  <si>
    <t>6641490.0</t>
  </si>
  <si>
    <t>305.027</t>
  </si>
  <si>
    <t>33178074.0</t>
  </si>
  <si>
    <t>15982016.0</t>
  </si>
  <si>
    <t>13829115.0</t>
  </si>
  <si>
    <t>3366943.0</t>
  </si>
  <si>
    <t>138580.0</t>
  </si>
  <si>
    <t>6648527.0</t>
  </si>
  <si>
    <t>33203111.0</t>
  </si>
  <si>
    <t>15982166.0</t>
  </si>
  <si>
    <t>13829473.0</t>
  </si>
  <si>
    <t>3391472.0</t>
  </si>
  <si>
    <t>131286.0</t>
  </si>
  <si>
    <t>6657175.0</t>
  </si>
  <si>
    <t>33369982.0</t>
  </si>
  <si>
    <t>15985385.0</t>
  </si>
  <si>
    <t>13833773.0</t>
  </si>
  <si>
    <t>3550824.0</t>
  </si>
  <si>
    <t>166871.0</t>
  </si>
  <si>
    <t>132358.0</t>
  </si>
  <si>
    <t>6672481.0</t>
  </si>
  <si>
    <t>306.45</t>
  </si>
  <si>
    <t>33516336.0</t>
  </si>
  <si>
    <t>15987913.0</t>
  </si>
  <si>
    <t>13836707.0</t>
  </si>
  <si>
    <t>3691716.0</t>
  </si>
  <si>
    <t>146354.0</t>
  </si>
  <si>
    <t>126558.0</t>
  </si>
  <si>
    <t>6682662.0</t>
  </si>
  <si>
    <t>33687102.0</t>
  </si>
  <si>
    <t>15989319.0</t>
  </si>
  <si>
    <t>13840279.0</t>
  </si>
  <si>
    <t>3857504.0</t>
  </si>
  <si>
    <t>170766.0</t>
  </si>
  <si>
    <t>126166.0</t>
  </si>
  <si>
    <t>6691200.0</t>
  </si>
  <si>
    <t>307.31</t>
  </si>
  <si>
    <t>33841264.0</t>
  </si>
  <si>
    <t>15991500.0</t>
  </si>
  <si>
    <t>13843044.0</t>
  </si>
  <si>
    <t>4006720.0</t>
  </si>
  <si>
    <t>154162.0</t>
  </si>
  <si>
    <t>128155.0</t>
  </si>
  <si>
    <t>6703603.0</t>
  </si>
  <si>
    <t>307.88</t>
  </si>
  <si>
    <t>33891135.0</t>
  </si>
  <si>
    <t>15992877.0</t>
  </si>
  <si>
    <t>13845347.0</t>
  </si>
  <si>
    <t>4052911.0</t>
  </si>
  <si>
    <t>6711751.0</t>
  </si>
  <si>
    <t>308.254</t>
  </si>
  <si>
    <t>33912349.0</t>
  </si>
  <si>
    <t>15993676.0</t>
  </si>
  <si>
    <t>13846323.0</t>
  </si>
  <si>
    <t>4072350.0</t>
  </si>
  <si>
    <t>155.33</t>
  </si>
  <si>
    <t>6720453.0</t>
  </si>
  <si>
    <t>308.654</t>
  </si>
  <si>
    <t>33918012.0</t>
  </si>
  <si>
    <t>15993891.0</t>
  </si>
  <si>
    <t>13846752.0</t>
  </si>
  <si>
    <t>4077369.0</t>
  </si>
  <si>
    <t>6730761.0</t>
  </si>
  <si>
    <t>309.127</t>
  </si>
  <si>
    <t>33958305.0</t>
  </si>
  <si>
    <t>15994809.0</t>
  </si>
  <si>
    <t>13849314.0</t>
  </si>
  <si>
    <t>4114182.0</t>
  </si>
  <si>
    <t>84046.0</t>
  </si>
  <si>
    <t>6742334.0</t>
  </si>
  <si>
    <t>309.659</t>
  </si>
  <si>
    <t>33995380.0</t>
  </si>
  <si>
    <t>15995725.0</t>
  </si>
  <si>
    <t>13850844.0</t>
  </si>
  <si>
    <t>4148811.0</t>
  </si>
  <si>
    <t>68435.0</t>
  </si>
  <si>
    <t>6754890.0</t>
  </si>
  <si>
    <t>310.235</t>
  </si>
  <si>
    <t>34047790.0</t>
  </si>
  <si>
    <t>15996826.0</t>
  </si>
  <si>
    <t>13852537.0</t>
  </si>
  <si>
    <t>4198427.0</t>
  </si>
  <si>
    <t>6768769.0</t>
  </si>
  <si>
    <t>310.873</t>
  </si>
  <si>
    <t>34080856.0</t>
  </si>
  <si>
    <t>15997744.0</t>
  </si>
  <si>
    <t>13853950.0</t>
  </si>
  <si>
    <t>4229162.0</t>
  </si>
  <si>
    <t>34227.0</t>
  </si>
  <si>
    <t>6780295.0</t>
  </si>
  <si>
    <t>311.402</t>
  </si>
  <si>
    <t>34136251.0</t>
  </si>
  <si>
    <t>16003686.0</t>
  </si>
  <si>
    <t>13856165.0</t>
  </si>
  <si>
    <t>4276400.0</t>
  </si>
  <si>
    <t>6788257.0</t>
  </si>
  <si>
    <t>311.768</t>
  </si>
  <si>
    <t>34186959.0</t>
  </si>
  <si>
    <t>16007724.0</t>
  </si>
  <si>
    <t>13859887.0</t>
  </si>
  <si>
    <t>4319348.0</t>
  </si>
  <si>
    <t>6798778.0</t>
  </si>
  <si>
    <t>312.251</t>
  </si>
  <si>
    <t>34203880.0</t>
  </si>
  <si>
    <t>16009057.0</t>
  </si>
  <si>
    <t>13860697.0</t>
  </si>
  <si>
    <t>4334126.0</t>
  </si>
  <si>
    <t>6809275.0</t>
  </si>
  <si>
    <t>312.733</t>
  </si>
  <si>
    <t>34256390.0</t>
  </si>
  <si>
    <t>16020257.0</t>
  </si>
  <si>
    <t>13862165.0</t>
  </si>
  <si>
    <t>4373968.0</t>
  </si>
  <si>
    <t>52510.0</t>
  </si>
  <si>
    <t>6822080.0</t>
  </si>
  <si>
    <t>313.321</t>
  </si>
  <si>
    <t>6834852.0</t>
  </si>
  <si>
    <t>313.908</t>
  </si>
  <si>
    <t>34495133.0</t>
  </si>
  <si>
    <t>16105730.0</t>
  </si>
  <si>
    <t>13865450.0</t>
  </si>
  <si>
    <t>4523953.0</t>
  </si>
  <si>
    <t>6846522.0</t>
  </si>
  <si>
    <t>314.444</t>
  </si>
  <si>
    <t>73723.0</t>
  </si>
  <si>
    <t>6857139.0</t>
  </si>
  <si>
    <t>314.931</t>
  </si>
  <si>
    <t>34698706.0</t>
  </si>
  <si>
    <t>16189227.0</t>
  </si>
  <si>
    <t>13869020.0</t>
  </si>
  <si>
    <t>4640459.0</t>
  </si>
  <si>
    <t>6867471.0</t>
  </si>
  <si>
    <t>34766465.0</t>
  </si>
  <si>
    <t>16200619.0</t>
  </si>
  <si>
    <t>13871724.0</t>
  </si>
  <si>
    <t>4694122.0</t>
  </si>
  <si>
    <t>67759.0</t>
  </si>
  <si>
    <t>82787.0</t>
  </si>
  <si>
    <t>6876931.0</t>
  </si>
  <si>
    <t>315.84</t>
  </si>
  <si>
    <t>34823410.0</t>
  </si>
  <si>
    <t>16206725.0</t>
  </si>
  <si>
    <t>13873104.0</t>
  </si>
  <si>
    <t>4743581.0</t>
  </si>
  <si>
    <t>56945.0</t>
  </si>
  <si>
    <t>88504.0</t>
  </si>
  <si>
    <t>6886264.0</t>
  </si>
  <si>
    <t>316.269</t>
  </si>
  <si>
    <t>34836372.0</t>
  </si>
  <si>
    <t>16208326.0</t>
  </si>
  <si>
    <t>13873905.0</t>
  </si>
  <si>
    <t>4754141.0</t>
  </si>
  <si>
    <t>82855.0</t>
  </si>
  <si>
    <t>6899126.0</t>
  </si>
  <si>
    <t>316.86</t>
  </si>
  <si>
    <t>34928327.0</t>
  </si>
  <si>
    <t>16250671.0</t>
  </si>
  <si>
    <t>13875938.0</t>
  </si>
  <si>
    <t>4801718.0</t>
  </si>
  <si>
    <t>91955.0</t>
  </si>
  <si>
    <t>78938.0</t>
  </si>
  <si>
    <t>6912943.0</t>
  </si>
  <si>
    <t>317.494</t>
  </si>
  <si>
    <t>35002903.0</t>
  </si>
  <si>
    <t>16294449.0</t>
  </si>
  <si>
    <t>13878734.0</t>
  </si>
  <si>
    <t>4829720.0</t>
  </si>
  <si>
    <t>6927638.0</t>
  </si>
  <si>
    <t>318.169</t>
  </si>
  <si>
    <t>35100585.0</t>
  </si>
  <si>
    <t>16359250.0</t>
  </si>
  <si>
    <t>13879863.0</t>
  </si>
  <si>
    <t>4861472.0</t>
  </si>
  <si>
    <t>6940299.0</t>
  </si>
  <si>
    <t>318.751</t>
  </si>
  <si>
    <t>35169130.0</t>
  </si>
  <si>
    <t>16403883.0</t>
  </si>
  <si>
    <t>4884060.0</t>
  </si>
  <si>
    <t>6952655.0</t>
  </si>
  <si>
    <t>319.318</t>
  </si>
  <si>
    <t>35220490.0</t>
  </si>
  <si>
    <t>16420801.0</t>
  </si>
  <si>
    <t>13883259.0</t>
  </si>
  <si>
    <t>4916430.0</t>
  </si>
  <si>
    <t>51360.0</t>
  </si>
  <si>
    <t>6966741.0</t>
  </si>
  <si>
    <t>319.965</t>
  </si>
  <si>
    <t>35231619.0</t>
  </si>
  <si>
    <t>16421857.0</t>
  </si>
  <si>
    <t>13883801.0</t>
  </si>
  <si>
    <t>4925961.0</t>
  </si>
  <si>
    <t>6980908.0</t>
  </si>
  <si>
    <t>35302465.0</t>
  </si>
  <si>
    <t>16463502.0</t>
  </si>
  <si>
    <t>13886321.0</t>
  </si>
  <si>
    <t>4952642.0</t>
  </si>
  <si>
    <t>70846.0</t>
  </si>
  <si>
    <t>6997469.0</t>
  </si>
  <si>
    <t>321.376</t>
  </si>
  <si>
    <t>35374713.0</t>
  </si>
  <si>
    <t>16497745.0</t>
  </si>
  <si>
    <t>13888605.0</t>
  </si>
  <si>
    <t>4988363.0</t>
  </si>
  <si>
    <t>7013445.0</t>
  </si>
  <si>
    <t>322.11</t>
  </si>
  <si>
    <t>35460365.0</t>
  </si>
  <si>
    <t>16550296.0</t>
  </si>
  <si>
    <t>13891828.0</t>
  </si>
  <si>
    <t>5018241.0</t>
  </si>
  <si>
    <t>7031206.0</t>
  </si>
  <si>
    <t>322.926</t>
  </si>
  <si>
    <t>35528229.0</t>
  </si>
  <si>
    <t>16583724.0</t>
  </si>
  <si>
    <t>13897682.0</t>
  </si>
  <si>
    <t>5046823.0</t>
  </si>
  <si>
    <t>61092.0</t>
  </si>
  <si>
    <t>7047359.0</t>
  </si>
  <si>
    <t>323.668</t>
  </si>
  <si>
    <t>35633259.0</t>
  </si>
  <si>
    <t>16624775.0</t>
  </si>
  <si>
    <t>13911179.0</t>
  </si>
  <si>
    <t>5097305.0</t>
  </si>
  <si>
    <t>105030.0</t>
  </si>
  <si>
    <t>66304.0</t>
  </si>
  <si>
    <t>7059862.0</t>
  </si>
  <si>
    <t>324.242</t>
  </si>
  <si>
    <t>35721455.0</t>
  </si>
  <si>
    <t>16641134.0</t>
  </si>
  <si>
    <t>13915137.0</t>
  </si>
  <si>
    <t>5165184.0</t>
  </si>
  <si>
    <t>88196.0</t>
  </si>
  <si>
    <t>71566.0</t>
  </si>
  <si>
    <t>7067814.0</t>
  </si>
  <si>
    <t>324.607</t>
  </si>
  <si>
    <t>35764626.0</t>
  </si>
  <si>
    <t>16647015.0</t>
  </si>
  <si>
    <t>13917564.0</t>
  </si>
  <si>
    <t>5200047.0</t>
  </si>
  <si>
    <t>76144.0</t>
  </si>
  <si>
    <t>7080721.0</t>
  </si>
  <si>
    <t>35867554.0</t>
  </si>
  <si>
    <t>16676234.0</t>
  </si>
  <si>
    <t>13930315.0</t>
  </si>
  <si>
    <t>5261005.0</t>
  </si>
  <si>
    <t>102928.0</t>
  </si>
  <si>
    <t>80727.0</t>
  </si>
  <si>
    <t>30390.0</t>
  </si>
  <si>
    <t>7097353.0</t>
  </si>
  <si>
    <t>325.964</t>
  </si>
  <si>
    <t>36018224.0</t>
  </si>
  <si>
    <t>16710257.0</t>
  </si>
  <si>
    <t>13943179.0</t>
  </si>
  <si>
    <t>5364788.0</t>
  </si>
  <si>
    <t>150670.0</t>
  </si>
  <si>
    <t>91930.0</t>
  </si>
  <si>
    <t>7114751.0</t>
  </si>
  <si>
    <t>326.763</t>
  </si>
  <si>
    <t>36159785.0</t>
  </si>
  <si>
    <t>16733188.0</t>
  </si>
  <si>
    <t>13958389.0</t>
  </si>
  <si>
    <t>5468208.0</t>
  </si>
  <si>
    <t>141561.0</t>
  </si>
  <si>
    <t>7130586.0</t>
  </si>
  <si>
    <t>327.49</t>
  </si>
  <si>
    <t>115850.0</t>
  </si>
  <si>
    <t>24931.0</t>
  </si>
  <si>
    <t>7144818.0</t>
  </si>
  <si>
    <t>328.144</t>
  </si>
  <si>
    <t>36518577.0</t>
  </si>
  <si>
    <t>16783298.0</t>
  </si>
  <si>
    <t>14010772.0</t>
  </si>
  <si>
    <t>5724507.0</t>
  </si>
  <si>
    <t>126474.0</t>
  </si>
  <si>
    <t>7156832.0</t>
  </si>
  <si>
    <t>328.695</t>
  </si>
  <si>
    <t>36581500.0</t>
  </si>
  <si>
    <t>16788517.0</t>
  </si>
  <si>
    <t>14015145.0</t>
  </si>
  <si>
    <t>5777838.0</t>
  </si>
  <si>
    <t>122864.0</t>
  </si>
  <si>
    <t>7168847.0</t>
  </si>
  <si>
    <t>329.247</t>
  </si>
  <si>
    <t>36657865.0</t>
  </si>
  <si>
    <t>16794917.0</t>
  </si>
  <si>
    <t>14021430.0</t>
  </si>
  <si>
    <t>5841518.0</t>
  </si>
  <si>
    <t>76365.0</t>
  </si>
  <si>
    <t>127606.0</t>
  </si>
  <si>
    <t>7179751.0</t>
  </si>
  <si>
    <t>329.748</t>
  </si>
  <si>
    <t>36716685.0</t>
  </si>
  <si>
    <t>16798256.0</t>
  </si>
  <si>
    <t>14023405.0</t>
  </si>
  <si>
    <t>5895024.0</t>
  </si>
  <si>
    <t>58820.0</t>
  </si>
  <si>
    <t>121304.0</t>
  </si>
  <si>
    <t>7192191.0</t>
  </si>
  <si>
    <t>330.319</t>
  </si>
  <si>
    <t>36770764.0</t>
  </si>
  <si>
    <t>16800981.0</t>
  </si>
  <si>
    <t>14027528.0</t>
  </si>
  <si>
    <t>5942255.0</t>
  </si>
  <si>
    <t>107506.0</t>
  </si>
  <si>
    <t>7203961.0</t>
  </si>
  <si>
    <t>330.86</t>
  </si>
  <si>
    <t>36819246.0</t>
  </si>
  <si>
    <t>16802496.0</t>
  </si>
  <si>
    <t>14029704.0</t>
  </si>
  <si>
    <t>5987046.0</t>
  </si>
  <si>
    <t>94209.0</t>
  </si>
  <si>
    <t>168.65</t>
  </si>
  <si>
    <t>7215946.0</t>
  </si>
  <si>
    <t>331.41</t>
  </si>
  <si>
    <t>36887180.0</t>
  </si>
  <si>
    <t>16805368.0</t>
  </si>
  <si>
    <t>14033275.0</t>
  </si>
  <si>
    <t>6048537.0</t>
  </si>
  <si>
    <t>78286.0</t>
  </si>
  <si>
    <t>7225947.0</t>
  </si>
  <si>
    <t>331.87</t>
  </si>
  <si>
    <t>36972980.0</t>
  </si>
  <si>
    <t>16811958.0</t>
  </si>
  <si>
    <t>14037188.0</t>
  </si>
  <si>
    <t>6123834.0</t>
  </si>
  <si>
    <t>7233391.0</t>
  </si>
  <si>
    <t>332.212</t>
  </si>
  <si>
    <t>36979120.0</t>
  </si>
  <si>
    <t>16812378.0</t>
  </si>
  <si>
    <t>14037768.0</t>
  </si>
  <si>
    <t>6128974.0</t>
  </si>
  <si>
    <t>7240960.0</t>
  </si>
  <si>
    <t>332.559</t>
  </si>
  <si>
    <t>37036441.0</t>
  </si>
  <si>
    <t>16820188.0</t>
  </si>
  <si>
    <t>14040972.0</t>
  </si>
  <si>
    <t>6175281.0</t>
  </si>
  <si>
    <t>7252498.0</t>
  </si>
  <si>
    <t>333.089</t>
  </si>
  <si>
    <t>37080721.0</t>
  </si>
  <si>
    <t>16821707.0</t>
  </si>
  <si>
    <t>14044375.0</t>
  </si>
  <si>
    <t>6214639.0</t>
  </si>
  <si>
    <t>52005.0</t>
  </si>
  <si>
    <t>7263307.0</t>
  </si>
  <si>
    <t>333.586</t>
  </si>
  <si>
    <t>37111792.0</t>
  </si>
  <si>
    <t>16824201.0</t>
  </si>
  <si>
    <t>14047994.0</t>
  </si>
  <si>
    <t>6239597.0</t>
  </si>
  <si>
    <t>169.99</t>
  </si>
  <si>
    <t>7272482.0</t>
  </si>
  <si>
    <t>334.007</t>
  </si>
  <si>
    <t>37183235.0</t>
  </si>
  <si>
    <t>16829089.0</t>
  </si>
  <si>
    <t>14052854.0</t>
  </si>
  <si>
    <t>6301292.0</t>
  </si>
  <si>
    <t>71443.0</t>
  </si>
  <si>
    <t>51998.0</t>
  </si>
  <si>
    <t>170.31</t>
  </si>
  <si>
    <t>7283292.0</t>
  </si>
  <si>
    <t>334.503</t>
  </si>
  <si>
    <t>37273368.0</t>
  </si>
  <si>
    <t>16836546.0</t>
  </si>
  <si>
    <t>14063861.0</t>
  </si>
  <si>
    <t>6372961.0</t>
  </si>
  <si>
    <t>7291724.0</t>
  </si>
  <si>
    <t>37389300.0</t>
  </si>
  <si>
    <t>16847116.0</t>
  </si>
  <si>
    <t>14079398.0</t>
  </si>
  <si>
    <t>6462786.0</t>
  </si>
  <si>
    <t>115932.0</t>
  </si>
  <si>
    <t>7304451.0</t>
  </si>
  <si>
    <t>335.475</t>
  </si>
  <si>
    <t>37421302.0</t>
  </si>
  <si>
    <t>16849327.0</t>
  </si>
  <si>
    <t>14082672.0</t>
  </si>
  <si>
    <t>6489303.0</t>
  </si>
  <si>
    <t>7312367.0</t>
  </si>
  <si>
    <t>335.839</t>
  </si>
  <si>
    <t>37485712.0</t>
  </si>
  <si>
    <t>16855359.0</t>
  </si>
  <si>
    <t>14091594.0</t>
  </si>
  <si>
    <t>6538759.0</t>
  </si>
  <si>
    <t>64410.0</t>
  </si>
  <si>
    <t>64182.0</t>
  </si>
  <si>
    <t>7321456.0</t>
  </si>
  <si>
    <t>37563797.0</t>
  </si>
  <si>
    <t>16859786.0</t>
  </si>
  <si>
    <t>14103467.0</t>
  </si>
  <si>
    <t>6600544.0</t>
  </si>
  <si>
    <t>78085.0</t>
  </si>
  <si>
    <t>7332508.0</t>
  </si>
  <si>
    <t>37856812.0</t>
  </si>
  <si>
    <t>16866777.0</t>
  </si>
  <si>
    <t>14127410.0</t>
  </si>
  <si>
    <t>6862625.0</t>
  </si>
  <si>
    <t>293015.0</t>
  </si>
  <si>
    <t>106431.0</t>
  </si>
  <si>
    <t>7342989.0</t>
  </si>
  <si>
    <t>337.245</t>
  </si>
  <si>
    <t>37983893.0</t>
  </si>
  <si>
    <t>16884030.0</t>
  </si>
  <si>
    <t>14147202.0</t>
  </si>
  <si>
    <t>6952661.0</t>
  </si>
  <si>
    <t>127081.0</t>
  </si>
  <si>
    <t>7352395.0</t>
  </si>
  <si>
    <t>337.677</t>
  </si>
  <si>
    <t>38059562.0</t>
  </si>
  <si>
    <t>16890323.0</t>
  </si>
  <si>
    <t>14155661.0</t>
  </si>
  <si>
    <t>7013578.0</t>
  </si>
  <si>
    <t>112313.0</t>
  </si>
  <si>
    <t>7362879.0</t>
  </si>
  <si>
    <t>338.159</t>
  </si>
  <si>
    <t>7371044.0</t>
  </si>
  <si>
    <t>338.534</t>
  </si>
  <si>
    <t>111725.0</t>
  </si>
  <si>
    <t>7378353.0</t>
  </si>
  <si>
    <t>338.869</t>
  </si>
  <si>
    <t>38275280.0</t>
  </si>
  <si>
    <t>16903964.0</t>
  </si>
  <si>
    <t>14177935.0</t>
  </si>
  <si>
    <t>7193381.0</t>
  </si>
  <si>
    <t>112795.0</t>
  </si>
  <si>
    <t>7385672.0</t>
  </si>
  <si>
    <t>339.206</t>
  </si>
  <si>
    <t>38293596.0</t>
  </si>
  <si>
    <t>16904417.0</t>
  </si>
  <si>
    <t>14180650.0</t>
  </si>
  <si>
    <t>7208529.0</t>
  </si>
  <si>
    <t>7394000.0</t>
  </si>
  <si>
    <t>339.588</t>
  </si>
  <si>
    <t>38326269.0</t>
  </si>
  <si>
    <t>16911102.0</t>
  </si>
  <si>
    <t>14187343.0</t>
  </si>
  <si>
    <t>7227824.0</t>
  </si>
  <si>
    <t>7401164.0</t>
  </si>
  <si>
    <t>38353698.0</t>
  </si>
  <si>
    <t>16914562.0</t>
  </si>
  <si>
    <t>14190304.0</t>
  </si>
  <si>
    <t>7248832.0</t>
  </si>
  <si>
    <t>52829.0</t>
  </si>
  <si>
    <t>7408610.0</t>
  </si>
  <si>
    <t>340.259</t>
  </si>
  <si>
    <t>38390533.0</t>
  </si>
  <si>
    <t>16917770.0</t>
  </si>
  <si>
    <t>14197139.0</t>
  </si>
  <si>
    <t>7275624.0</t>
  </si>
  <si>
    <t>7415281.0</t>
  </si>
  <si>
    <t>340.565</t>
  </si>
  <si>
    <t>38432862.0</t>
  </si>
  <si>
    <t>16921171.0</t>
  </si>
  <si>
    <t>14205539.0</t>
  </si>
  <si>
    <t>7306152.0</t>
  </si>
  <si>
    <t>7421259.0</t>
  </si>
  <si>
    <t>340.84</t>
  </si>
  <si>
    <t>38454224.0</t>
  </si>
  <si>
    <t>16928363.0</t>
  </si>
  <si>
    <t>14208755.0</t>
  </si>
  <si>
    <t>7317106.0</t>
  </si>
  <si>
    <t>7426586.0</t>
  </si>
  <si>
    <t>341.085</t>
  </si>
  <si>
    <t>38495142.0</t>
  </si>
  <si>
    <t>16932560.0</t>
  </si>
  <si>
    <t>14215095.0</t>
  </si>
  <si>
    <t>7347487.0</t>
  </si>
  <si>
    <t>7432942.0</t>
  </si>
  <si>
    <t>38524249.0</t>
  </si>
  <si>
    <t>16935016.0</t>
  </si>
  <si>
    <t>14221829.0</t>
  </si>
  <si>
    <t>7367404.0</t>
  </si>
  <si>
    <t>176.46</t>
  </si>
  <si>
    <t>7440994.0</t>
  </si>
  <si>
    <t>341.746</t>
  </si>
  <si>
    <t>38553785.0</t>
  </si>
  <si>
    <t>16937437.0</t>
  </si>
  <si>
    <t>14230593.0</t>
  </si>
  <si>
    <t>7385755.0</t>
  </si>
  <si>
    <t>7446746.0</t>
  </si>
  <si>
    <t>342.011</t>
  </si>
  <si>
    <t>38706586.0</t>
  </si>
  <si>
    <t>16941266.0</t>
  </si>
  <si>
    <t>14238047.0</t>
  </si>
  <si>
    <t>7527273.0</t>
  </si>
  <si>
    <t>152801.0</t>
  </si>
  <si>
    <t>177.29</t>
  </si>
  <si>
    <t>7454138.0</t>
  </si>
  <si>
    <t>342.35</t>
  </si>
  <si>
    <t>38739966.0</t>
  </si>
  <si>
    <t>16945836.0</t>
  </si>
  <si>
    <t>14251784.0</t>
  </si>
  <si>
    <t>7542346.0</t>
  </si>
  <si>
    <t>7460087.0</t>
  </si>
  <si>
    <t>342.623</t>
  </si>
  <si>
    <t>38773496.0</t>
  </si>
  <si>
    <t>16951559.0</t>
  </si>
  <si>
    <t>14258603.0</t>
  </si>
  <si>
    <t>7563334.0</t>
  </si>
  <si>
    <t>7465219.0</t>
  </si>
  <si>
    <t>342.859</t>
  </si>
  <si>
    <t>38785914.0</t>
  </si>
  <si>
    <t>16952784.0</t>
  </si>
  <si>
    <t>14262840.0</t>
  </si>
  <si>
    <t>7570290.0</t>
  </si>
  <si>
    <t>7469762.0</t>
  </si>
  <si>
    <t>343.068</t>
  </si>
  <si>
    <t>38922999.0</t>
  </si>
  <si>
    <t>16972532.0</t>
  </si>
  <si>
    <t>14336813.0</t>
  </si>
  <si>
    <t>7613654.0</t>
  </si>
  <si>
    <t>137085.0</t>
  </si>
  <si>
    <t>7476592.0</t>
  </si>
  <si>
    <t>343.381</t>
  </si>
  <si>
    <t>38954710.0</t>
  </si>
  <si>
    <t>16977594.0</t>
  </si>
  <si>
    <t>14346957.0</t>
  </si>
  <si>
    <t>7630159.0</t>
  </si>
  <si>
    <t>7483461.0</t>
  </si>
  <si>
    <t>343.697</t>
  </si>
  <si>
    <t>38982099.0</t>
  </si>
  <si>
    <t>16981180.0</t>
  </si>
  <si>
    <t>14354752.0</t>
  </si>
  <si>
    <t>7646167.0</t>
  </si>
  <si>
    <t>178.55</t>
  </si>
  <si>
    <t>7488352.0</t>
  </si>
  <si>
    <t>343.921</t>
  </si>
  <si>
    <t>38992876.0</t>
  </si>
  <si>
    <t>16982423.0</t>
  </si>
  <si>
    <t>14357444.0</t>
  </si>
  <si>
    <t>7653009.0</t>
  </si>
  <si>
    <t>7494420.0</t>
  </si>
  <si>
    <t>7498718.0</t>
  </si>
  <si>
    <t>344.397</t>
  </si>
  <si>
    <t>7503719.0</t>
  </si>
  <si>
    <t>344.627</t>
  </si>
  <si>
    <t>39061330.0</t>
  </si>
  <si>
    <t>16990817.0</t>
  </si>
  <si>
    <t>14374087.0</t>
  </si>
  <si>
    <t>7696426.0</t>
  </si>
  <si>
    <t>39345.0</t>
  </si>
  <si>
    <t>178.92</t>
  </si>
  <si>
    <t>7508561.0</t>
  </si>
  <si>
    <t>344.85</t>
  </si>
  <si>
    <t>39087900.0</t>
  </si>
  <si>
    <t>16994196.0</t>
  </si>
  <si>
    <t>14381844.0</t>
  </si>
  <si>
    <t>7711860.0</t>
  </si>
  <si>
    <t>7513616.0</t>
  </si>
  <si>
    <t>345.082</t>
  </si>
  <si>
    <t>39102567.0</t>
  </si>
  <si>
    <t>16995787.0</t>
  </si>
  <si>
    <t>14387077.0</t>
  </si>
  <si>
    <t>7719703.0</t>
  </si>
  <si>
    <t>179.11</t>
  </si>
  <si>
    <t>7520405.0</t>
  </si>
  <si>
    <t>345.394</t>
  </si>
  <si>
    <t>7525154.0</t>
  </si>
  <si>
    <t>345.612</t>
  </si>
  <si>
    <t>7530681.0</t>
  </si>
  <si>
    <t>345.865</t>
  </si>
  <si>
    <t>7535729.0</t>
  </si>
  <si>
    <t>346.097</t>
  </si>
  <si>
    <t>25346.0</t>
  </si>
  <si>
    <t>7540374.0</t>
  </si>
  <si>
    <t>346.311</t>
  </si>
  <si>
    <t>7544865.0</t>
  </si>
  <si>
    <t>346.517</t>
  </si>
  <si>
    <t>39293230.0</t>
  </si>
  <si>
    <t>17008012.0</t>
  </si>
  <si>
    <t>14417479.0</t>
  </si>
  <si>
    <t>7867739.0</t>
  </si>
  <si>
    <t>179.98</t>
  </si>
  <si>
    <t>7551021.0</t>
  </si>
  <si>
    <t>7555776.0</t>
  </si>
  <si>
    <t>347.018</t>
  </si>
  <si>
    <t>7560006.0</t>
  </si>
  <si>
    <t>347.212</t>
  </si>
  <si>
    <t>7563556.0</t>
  </si>
  <si>
    <t>347.375</t>
  </si>
  <si>
    <t>7566417.0</t>
  </si>
  <si>
    <t>347.507</t>
  </si>
  <si>
    <t>39334477.0</t>
  </si>
  <si>
    <t>17013894.0</t>
  </si>
  <si>
    <t>14427857.0</t>
  </si>
  <si>
    <t>7892726.0</t>
  </si>
  <si>
    <t>7570318.0</t>
  </si>
  <si>
    <t>7574883.0</t>
  </si>
  <si>
    <t>347.896</t>
  </si>
  <si>
    <t>7579271.0</t>
  </si>
  <si>
    <t>348.097</t>
  </si>
  <si>
    <t>348.274</t>
  </si>
  <si>
    <t>7586256.0</t>
  </si>
  <si>
    <t>348.418</t>
  </si>
  <si>
    <t>7589396.0</t>
  </si>
  <si>
    <t>348.562</t>
  </si>
  <si>
    <t>7591225.0</t>
  </si>
  <si>
    <t>348.646</t>
  </si>
  <si>
    <t>39365274.0</t>
  </si>
  <si>
    <t>17019170.0</t>
  </si>
  <si>
    <t>14436626.0</t>
  </si>
  <si>
    <t>7909478.0</t>
  </si>
  <si>
    <t>7594381.0</t>
  </si>
  <si>
    <t>348.791</t>
  </si>
  <si>
    <t>7596471.0</t>
  </si>
  <si>
    <t>348.887</t>
  </si>
  <si>
    <t>7597915.0</t>
  </si>
  <si>
    <t>348.953</t>
  </si>
  <si>
    <t>7598893.0</t>
  </si>
  <si>
    <t>348.998</t>
  </si>
  <si>
    <t>7600520.0</t>
  </si>
  <si>
    <t>349.073</t>
  </si>
  <si>
    <t>7601991.0</t>
  </si>
  <si>
    <t>349.141</t>
  </si>
  <si>
    <t>7603409.0</t>
  </si>
  <si>
    <t>349.206</t>
  </si>
  <si>
    <t>7606583.0</t>
  </si>
  <si>
    <t>349.351</t>
  </si>
  <si>
    <t>7610124.0</t>
  </si>
  <si>
    <t>349.514</t>
  </si>
  <si>
    <t>7612433.0</t>
  </si>
  <si>
    <t>349.62</t>
  </si>
  <si>
    <t>7614763.0</t>
  </si>
  <si>
    <t>349.727</t>
  </si>
  <si>
    <t>7617639.0</t>
  </si>
  <si>
    <t>349.859</t>
  </si>
  <si>
    <t>7619202.0</t>
  </si>
  <si>
    <t>349.931</t>
  </si>
  <si>
    <t>7620709.0</t>
  </si>
  <si>
    <t>39442424.0</t>
  </si>
  <si>
    <t>17033222.0</t>
  </si>
  <si>
    <t>14449321.0</t>
  </si>
  <si>
    <t>7959881.0</t>
  </si>
  <si>
    <t>7622774.0</t>
  </si>
  <si>
    <t>350.095</t>
  </si>
  <si>
    <t>7624773.0</t>
  </si>
  <si>
    <t>350.187</t>
  </si>
  <si>
    <t>7626465.0</t>
  </si>
  <si>
    <t>350.265</t>
  </si>
  <si>
    <t>7628333.0</t>
  </si>
  <si>
    <t>7630717.0</t>
  </si>
  <si>
    <t>7632249.0</t>
  </si>
  <si>
    <t>350.53</t>
  </si>
  <si>
    <t>7633754.0</t>
  </si>
  <si>
    <t>350.599</t>
  </si>
  <si>
    <t>7635261.0</t>
  </si>
  <si>
    <t>350.669</t>
  </si>
  <si>
    <t>39488411.0</t>
  </si>
  <si>
    <t>17064210.0</t>
  </si>
  <si>
    <t>14456721.0</t>
  </si>
  <si>
    <t>7967480.0</t>
  </si>
  <si>
    <t>180.87</t>
  </si>
  <si>
    <t>7636772.0</t>
  </si>
  <si>
    <t>7638394.0</t>
  </si>
  <si>
    <t>350.812</t>
  </si>
  <si>
    <t>7640303.0</t>
  </si>
  <si>
    <t>350.9</t>
  </si>
  <si>
    <t>7641518.0</t>
  </si>
  <si>
    <t>7642961.0</t>
  </si>
  <si>
    <t>351.022</t>
  </si>
  <si>
    <t>7644229.0</t>
  </si>
  <si>
    <t>351.08</t>
  </si>
  <si>
    <t>39505395.0</t>
  </si>
  <si>
    <t>17066996.0</t>
  </si>
  <si>
    <t>14465233.0</t>
  </si>
  <si>
    <t>7973166.0</t>
  </si>
  <si>
    <t>7645922.0</t>
  </si>
  <si>
    <t>351.158</t>
  </si>
  <si>
    <t>7647002.0</t>
  </si>
  <si>
    <t>351.208</t>
  </si>
  <si>
    <t>7647879.0</t>
  </si>
  <si>
    <t>7649328.0</t>
  </si>
  <si>
    <t>351.315</t>
  </si>
  <si>
    <t>7650660.0</t>
  </si>
  <si>
    <t>351.376</t>
  </si>
  <si>
    <t>7651870.0</t>
  </si>
  <si>
    <t>351.431</t>
  </si>
  <si>
    <t>7653490.0</t>
  </si>
  <si>
    <t>351.506</t>
  </si>
  <si>
    <t>7654669.0</t>
  </si>
  <si>
    <t>351.56</t>
  </si>
  <si>
    <t>7656436.0</t>
  </si>
  <si>
    <t>351.641</t>
  </si>
  <si>
    <t>7658181.0</t>
  </si>
  <si>
    <t>351.721</t>
  </si>
  <si>
    <t>7659949.0</t>
  </si>
  <si>
    <t>351.802</t>
  </si>
  <si>
    <t>7661537.0</t>
  </si>
  <si>
    <t>351.875</t>
  </si>
  <si>
    <t>7662830.0</t>
  </si>
  <si>
    <t>351.935</t>
  </si>
  <si>
    <t>7663939.0</t>
  </si>
  <si>
    <t>351.986</t>
  </si>
  <si>
    <t>39545641.0</t>
  </si>
  <si>
    <t>17070354.0</t>
  </si>
  <si>
    <t>14498278.0</t>
  </si>
  <si>
    <t>7977009.0</t>
  </si>
  <si>
    <t>7665206.0</t>
  </si>
  <si>
    <t>352.044</t>
  </si>
  <si>
    <t>7666224.0</t>
  </si>
  <si>
    <t>352.091</t>
  </si>
  <si>
    <t>7667446.0</t>
  </si>
  <si>
    <t>352.147</t>
  </si>
  <si>
    <t>7668565.0</t>
  </si>
  <si>
    <t>352.198</t>
  </si>
  <si>
    <t>7670075.0</t>
  </si>
  <si>
    <t>352.267</t>
  </si>
  <si>
    <t>7671528.0</t>
  </si>
  <si>
    <t>352.334</t>
  </si>
  <si>
    <t>7672427.0</t>
  </si>
  <si>
    <t>352.375</t>
  </si>
  <si>
    <t>7673546.0</t>
  </si>
  <si>
    <t>39566204.0</t>
  </si>
  <si>
    <t>17072205.0</t>
  </si>
  <si>
    <t>14510353.0</t>
  </si>
  <si>
    <t>7983646.0</t>
  </si>
  <si>
    <t>181.23</t>
  </si>
  <si>
    <t>7674719.0</t>
  </si>
  <si>
    <t>352.481</t>
  </si>
  <si>
    <t>7675968.0</t>
  </si>
  <si>
    <t>7677363.0</t>
  </si>
  <si>
    <t>352.602</t>
  </si>
  <si>
    <t>7678315.0</t>
  </si>
  <si>
    <t>7679603.0</t>
  </si>
  <si>
    <t>352.705</t>
  </si>
  <si>
    <t>7680952.0</t>
  </si>
  <si>
    <t>352.767</t>
  </si>
  <si>
    <t>7682620.0</t>
  </si>
  <si>
    <t>39576548.0</t>
  </si>
  <si>
    <t>17072957.0</t>
  </si>
  <si>
    <t>14516137.0</t>
  </si>
  <si>
    <t>7987454.0</t>
  </si>
  <si>
    <t>7684192.0</t>
  </si>
  <si>
    <t>352.916</t>
  </si>
  <si>
    <t>7685564.0</t>
  </si>
  <si>
    <t>352.979</t>
  </si>
  <si>
    <t>7686708.0</t>
  </si>
  <si>
    <t>353.031</t>
  </si>
  <si>
    <t>7687676.0</t>
  </si>
  <si>
    <t>353.076</t>
  </si>
  <si>
    <t>7689160.0</t>
  </si>
  <si>
    <t>353.144</t>
  </si>
  <si>
    <t>7689934.0</t>
  </si>
  <si>
    <t>353.18</t>
  </si>
  <si>
    <t>7691045.0</t>
  </si>
  <si>
    <t>353.231</t>
  </si>
  <si>
    <t>39586599.0</t>
  </si>
  <si>
    <t>17073712.0</t>
  </si>
  <si>
    <t>14523208.0</t>
  </si>
  <si>
    <t>7989679.0</t>
  </si>
  <si>
    <t>181.32</t>
  </si>
  <si>
    <t>39602871.0</t>
  </si>
  <si>
    <t>17074744.0</t>
  </si>
  <si>
    <t>14535772.0</t>
  </si>
  <si>
    <t>7992355.0</t>
  </si>
  <si>
    <t>39656200.0</t>
  </si>
  <si>
    <t>17104281.0</t>
  </si>
  <si>
    <t>14552107.0</t>
  </si>
  <si>
    <t>7999812.0</t>
  </si>
  <si>
    <t>39659765.0</t>
  </si>
  <si>
    <t>17104637.0</t>
  </si>
  <si>
    <t>14553192.0</t>
  </si>
  <si>
    <t>8001936.0</t>
  </si>
  <si>
    <t>39662637.0</t>
  </si>
  <si>
    <t>17104952.0</t>
  </si>
  <si>
    <t>14553903.0</t>
  </si>
  <si>
    <t>8003782.0</t>
  </si>
  <si>
    <t>39666023.0</t>
  </si>
  <si>
    <t>17105217.0</t>
  </si>
  <si>
    <t>14555036.0</t>
  </si>
  <si>
    <t>8005770.0</t>
  </si>
  <si>
    <t>39724661.0</t>
  </si>
  <si>
    <t>17106561.0</t>
  </si>
  <si>
    <t>14558718.0</t>
  </si>
  <si>
    <t>8059382.0</t>
  </si>
  <si>
    <t>181.95</t>
  </si>
  <si>
    <t>39735513.0</t>
  </si>
  <si>
    <t>17107568.0</t>
  </si>
  <si>
    <t>14562183.0</t>
  </si>
  <si>
    <t>8065762.0</t>
  </si>
  <si>
    <t>39802793.0</t>
  </si>
  <si>
    <t>17113891.0</t>
  </si>
  <si>
    <t>14598598.0</t>
  </si>
  <si>
    <t>8090304.0</t>
  </si>
  <si>
    <t>182.31</t>
  </si>
  <si>
    <t>39928513.0</t>
  </si>
  <si>
    <t>17114619.0</t>
  </si>
  <si>
    <t>14644729.0</t>
  </si>
  <si>
    <t>8169165.0</t>
  </si>
  <si>
    <t>39982306.0</t>
  </si>
  <si>
    <t>17129014.0</t>
  </si>
  <si>
    <t>14678676.0</t>
  </si>
  <si>
    <t>8174616.0</t>
  </si>
  <si>
    <t>39994991.0</t>
  </si>
  <si>
    <t>17130182.0</t>
  </si>
  <si>
    <t>14687790.0</t>
  </si>
  <si>
    <t>8177019.0</t>
  </si>
  <si>
    <t>40004167.0</t>
  </si>
  <si>
    <t>17131785.0</t>
  </si>
  <si>
    <t>14692135.0</t>
  </si>
  <si>
    <t>8180247.0</t>
  </si>
  <si>
    <t>40006499.0</t>
  </si>
  <si>
    <t>17132058.0</t>
  </si>
  <si>
    <t>14693036.0</t>
  </si>
  <si>
    <t>8181405.0</t>
  </si>
  <si>
    <t>40008219.0</t>
  </si>
  <si>
    <t>17132251.0</t>
  </si>
  <si>
    <t>14693728.0</t>
  </si>
  <si>
    <t>8182240.0</t>
  </si>
  <si>
    <t>40013344.0</t>
  </si>
  <si>
    <t>17133773.0</t>
  </si>
  <si>
    <t>14696100.0</t>
  </si>
  <si>
    <t>8183471.0</t>
  </si>
  <si>
    <t>40116590.0</t>
  </si>
  <si>
    <t>17143761.0</t>
  </si>
  <si>
    <t>14752827.0</t>
  </si>
  <si>
    <t>8220002.0</t>
  </si>
  <si>
    <t>SDN</t>
  </si>
  <si>
    <t>Sudan</t>
  </si>
  <si>
    <t>20715.0</t>
  </si>
  <si>
    <t>100010.0</t>
  </si>
  <si>
    <t>140227.0</t>
  </si>
  <si>
    <t>358236.0</t>
  </si>
  <si>
    <t>320305.0</t>
  </si>
  <si>
    <t>402114.0</t>
  </si>
  <si>
    <t>465197.0</t>
  </si>
  <si>
    <t>404397.0</t>
  </si>
  <si>
    <t>483520.0</t>
  </si>
  <si>
    <t>417209.0</t>
  </si>
  <si>
    <t>66311.0</t>
  </si>
  <si>
    <t>539843.0</t>
  </si>
  <si>
    <t>86153.0</t>
  </si>
  <si>
    <t>629692.0</t>
  </si>
  <si>
    <t>520928.0</t>
  </si>
  <si>
    <t>671423.0</t>
  </si>
  <si>
    <t>550291.0</t>
  </si>
  <si>
    <t>677957.0</t>
  </si>
  <si>
    <t>123862.0</t>
  </si>
  <si>
    <t>810560.0</t>
  </si>
  <si>
    <t>627833.0</t>
  </si>
  <si>
    <t>819035.0</t>
  </si>
  <si>
    <t>636308.0</t>
  </si>
  <si>
    <t>823881.0</t>
  </si>
  <si>
    <t>641154.0</t>
  </si>
  <si>
    <t>827961.0</t>
  </si>
  <si>
    <t>1129054.0</t>
  </si>
  <si>
    <t>645926.0</t>
  </si>
  <si>
    <t>241564.0</t>
  </si>
  <si>
    <t>1255213.0</t>
  </si>
  <si>
    <t>646192.0</t>
  </si>
  <si>
    <t>339947.0</t>
  </si>
  <si>
    <t>1423327.0</t>
  </si>
  <si>
    <t>648840.0</t>
  </si>
  <si>
    <t>505413.0</t>
  </si>
  <si>
    <t>26206.0</t>
  </si>
  <si>
    <t>22581.0</t>
  </si>
  <si>
    <t>1499982.0</t>
  </si>
  <si>
    <t>649062.0</t>
  </si>
  <si>
    <t>581846.0</t>
  </si>
  <si>
    <t>1659666.0</t>
  </si>
  <si>
    <t>1154253.0</t>
  </si>
  <si>
    <t>21065.0</t>
  </si>
  <si>
    <t>25972.0</t>
  </si>
  <si>
    <t>3276654.0</t>
  </si>
  <si>
    <t>2782463.0</t>
  </si>
  <si>
    <t>1234386.0</t>
  </si>
  <si>
    <t>3642188.0</t>
  </si>
  <si>
    <t>3123021.0</t>
  </si>
  <si>
    <t>1415527.0</t>
  </si>
  <si>
    <t>3714541.0</t>
  </si>
  <si>
    <t>3191434.0</t>
  </si>
  <si>
    <t>1434604.0</t>
  </si>
  <si>
    <t>3718299.0</t>
  </si>
  <si>
    <t>3194518.0</t>
  </si>
  <si>
    <t>49650.0</t>
  </si>
  <si>
    <t>72864.0</t>
  </si>
  <si>
    <t>93528.0</t>
  </si>
  <si>
    <t>89087.0</t>
  </si>
  <si>
    <t>114191.0</t>
  </si>
  <si>
    <t>108805.0</t>
  </si>
  <si>
    <t>136654.0</t>
  </si>
  <si>
    <t>130257.0</t>
  </si>
  <si>
    <t>159116.0</t>
  </si>
  <si>
    <t>151710.0</t>
  </si>
  <si>
    <t>4991228.0</t>
  </si>
  <si>
    <t>4408196.0</t>
  </si>
  <si>
    <t>1983137.0</t>
  </si>
  <si>
    <t>144295.0</t>
  </si>
  <si>
    <t>137928.0</t>
  </si>
  <si>
    <t>129474.0</t>
  </si>
  <si>
    <t>124146.0</t>
  </si>
  <si>
    <t>114653.0</t>
  </si>
  <si>
    <t>110363.0</t>
  </si>
  <si>
    <t>99832.0</t>
  </si>
  <si>
    <t>85012.0</t>
  </si>
  <si>
    <t>82799.0</t>
  </si>
  <si>
    <t>70191.0</t>
  </si>
  <si>
    <t>69017.0</t>
  </si>
  <si>
    <t>55370.0</t>
  </si>
  <si>
    <t>562941.0</t>
  </si>
  <si>
    <t>5711034.0</t>
  </si>
  <si>
    <t>5126250.0</t>
  </si>
  <si>
    <t>45550.0</t>
  </si>
  <si>
    <t>40102.0</t>
  </si>
  <si>
    <t>6131070.0</t>
  </si>
  <si>
    <t>5171677.0</t>
  </si>
  <si>
    <t>2746556.0</t>
  </si>
  <si>
    <t>19591.0</t>
  </si>
  <si>
    <t>6761896.0</t>
  </si>
  <si>
    <t>5711150.0</t>
  </si>
  <si>
    <t>3360477.0</t>
  </si>
  <si>
    <t>7037185.0</t>
  </si>
  <si>
    <t>3573666.0</t>
  </si>
  <si>
    <t>7074667.0</t>
  </si>
  <si>
    <t>3610352.0</t>
  </si>
  <si>
    <t>7096087.0</t>
  </si>
  <si>
    <t>3631390.0</t>
  </si>
  <si>
    <t>7206762.0</t>
  </si>
  <si>
    <t>5873864.0</t>
  </si>
  <si>
    <t>88314.0</t>
  </si>
  <si>
    <t>104922.0</t>
  </si>
  <si>
    <t>5929766.0</t>
  </si>
  <si>
    <t>121531.0</t>
  </si>
  <si>
    <t>8179010.0</t>
  </si>
  <si>
    <t>6651268.0</t>
  </si>
  <si>
    <t>4536964.0</t>
  </si>
  <si>
    <t>109917.0</t>
  </si>
  <si>
    <t>107211.0</t>
  </si>
  <si>
    <t>110954.0</t>
  </si>
  <si>
    <t>92892.0</t>
  </si>
  <si>
    <t>78572.0</t>
  </si>
  <si>
    <t>113028.0</t>
  </si>
  <si>
    <t>64253.0</t>
  </si>
  <si>
    <t>49933.0</t>
  </si>
  <si>
    <t>115103.0</t>
  </si>
  <si>
    <t>35613.0</t>
  </si>
  <si>
    <t>116140.0</t>
  </si>
  <si>
    <t>11735049.0</t>
  </si>
  <si>
    <t>9197424.0</t>
  </si>
  <si>
    <t>7230627.0</t>
  </si>
  <si>
    <t>53648.0</t>
  </si>
  <si>
    <t>64433.0</t>
  </si>
  <si>
    <t>75218.0</t>
  </si>
  <si>
    <t>13186858.0</t>
  </si>
  <si>
    <t>9925691.0</t>
  </si>
  <si>
    <t>7752718.0</t>
  </si>
  <si>
    <t>79850.0</t>
  </si>
  <si>
    <t>46493.0</t>
  </si>
  <si>
    <t>71382.0</t>
  </si>
  <si>
    <t>37508.0</t>
  </si>
  <si>
    <t>13711970.0</t>
  </si>
  <si>
    <t>10504568.0</t>
  </si>
  <si>
    <t>8302878.0</t>
  </si>
  <si>
    <t>SUR</t>
  </si>
  <si>
    <t>Suriname</t>
  </si>
  <si>
    <t>-41.7</t>
  </si>
  <si>
    <t>-67.4707060639499</t>
  </si>
  <si>
    <t>-67.2</t>
  </si>
  <si>
    <t>-8.27</t>
  </si>
  <si>
    <t>-108.7297709232</t>
  </si>
  <si>
    <t>-116.1</t>
  </si>
  <si>
    <t>-15.05</t>
  </si>
  <si>
    <t>-187.85009530035</t>
  </si>
  <si>
    <t>-90.0</t>
  </si>
  <si>
    <t>-145.620228915</t>
  </si>
  <si>
    <t>-84.5</t>
  </si>
  <si>
    <t>-136.72121492575</t>
  </si>
  <si>
    <t>-49.8344783397999</t>
  </si>
  <si>
    <t>8.601</t>
  </si>
  <si>
    <t>-10.5</t>
  </si>
  <si>
    <t>-16.98902670675</t>
  </si>
  <si>
    <t>9.198</t>
  </si>
  <si>
    <t>10.415</t>
  </si>
  <si>
    <t>10.914</t>
  </si>
  <si>
    <t>11.154</t>
  </si>
  <si>
    <t>12.2968193306</t>
  </si>
  <si>
    <t>12.203</t>
  </si>
  <si>
    <t>12.486</t>
  </si>
  <si>
    <t>12.743</t>
  </si>
  <si>
    <t>5.98660941095</t>
  </si>
  <si>
    <t>12.953</t>
  </si>
  <si>
    <t>13.465</t>
  </si>
  <si>
    <t>14.124</t>
  </si>
  <si>
    <t>16.506</t>
  </si>
  <si>
    <t>77.9877225966999</t>
  </si>
  <si>
    <t>18.234</t>
  </si>
  <si>
    <t>18.629</t>
  </si>
  <si>
    <t>19.186</t>
  </si>
  <si>
    <t>20.054</t>
  </si>
  <si>
    <t>20.926</t>
  </si>
  <si>
    <t>21.317</t>
  </si>
  <si>
    <t>21.529</t>
  </si>
  <si>
    <t>21.696</t>
  </si>
  <si>
    <t>21.872</t>
  </si>
  <si>
    <t>22.175</t>
  </si>
  <si>
    <t>22.435</t>
  </si>
  <si>
    <t>22.521</t>
  </si>
  <si>
    <t>22.929</t>
  </si>
  <si>
    <t>23.079</t>
  </si>
  <si>
    <t>23.826</t>
  </si>
  <si>
    <t>48185.0</t>
  </si>
  <si>
    <t>49902.0</t>
  </si>
  <si>
    <t>28.086</t>
  </si>
  <si>
    <t>28.585</t>
  </si>
  <si>
    <t>57362.0</t>
  </si>
  <si>
    <t>54837.0</t>
  </si>
  <si>
    <t>62862.0</t>
  </si>
  <si>
    <t>74120.0</t>
  </si>
  <si>
    <t>64866.0</t>
  </si>
  <si>
    <t>76462.0</t>
  </si>
  <si>
    <t>78542.0</t>
  </si>
  <si>
    <t>80716.0</t>
  </si>
  <si>
    <t>30.727</t>
  </si>
  <si>
    <t>69226.0</t>
  </si>
  <si>
    <t>87508.0</t>
  </si>
  <si>
    <t>70336.0</t>
  </si>
  <si>
    <t>90052.0</t>
  </si>
  <si>
    <t>71396.0</t>
  </si>
  <si>
    <t>21155.0</t>
  </si>
  <si>
    <t>102612.0</t>
  </si>
  <si>
    <t>110393.0</t>
  </si>
  <si>
    <t>88708.0</t>
  </si>
  <si>
    <t>112200.0</t>
  </si>
  <si>
    <t>22171.0</t>
  </si>
  <si>
    <t>101781.0</t>
  </si>
  <si>
    <t>136853.0</t>
  </si>
  <si>
    <t>110920.0</t>
  </si>
  <si>
    <t>146567.0</t>
  </si>
  <si>
    <t>119956.0</t>
  </si>
  <si>
    <t>33.807</t>
  </si>
  <si>
    <t>127363.0</t>
  </si>
  <si>
    <t>28306.0</t>
  </si>
  <si>
    <t>34.973</t>
  </si>
  <si>
    <t>135354.0</t>
  </si>
  <si>
    <t>30431.0</t>
  </si>
  <si>
    <t>175694.0</t>
  </si>
  <si>
    <t>144662.0</t>
  </si>
  <si>
    <t>36.972</t>
  </si>
  <si>
    <t>177228.0</t>
  </si>
  <si>
    <t>182331.0</t>
  </si>
  <si>
    <t>149697.0</t>
  </si>
  <si>
    <t>184446.0</t>
  </si>
  <si>
    <t>151208.0</t>
  </si>
  <si>
    <t>187306.0</t>
  </si>
  <si>
    <t>153121.0</t>
  </si>
  <si>
    <t>191963.0</t>
  </si>
  <si>
    <t>157459.0</t>
  </si>
  <si>
    <t>192975.0</t>
  </si>
  <si>
    <t>157982.0</t>
  </si>
  <si>
    <t>34993.0</t>
  </si>
  <si>
    <t>196194.0</t>
  </si>
  <si>
    <t>160268.0</t>
  </si>
  <si>
    <t>197723.0</t>
  </si>
  <si>
    <t>161525.0</t>
  </si>
  <si>
    <t>199471.0</t>
  </si>
  <si>
    <t>162516.0</t>
  </si>
  <si>
    <t>201810.0</t>
  </si>
  <si>
    <t>164396.0</t>
  </si>
  <si>
    <t>202764.0</t>
  </si>
  <si>
    <t>164903.0</t>
  </si>
  <si>
    <t>37861.0</t>
  </si>
  <si>
    <t>203963.0</t>
  </si>
  <si>
    <t>165456.0</t>
  </si>
  <si>
    <t>205351.0</t>
  </si>
  <si>
    <t>208227.0</t>
  </si>
  <si>
    <t>167560.0</t>
  </si>
  <si>
    <t>209491.0</t>
  </si>
  <si>
    <t>41.092</t>
  </si>
  <si>
    <t>215851.0</t>
  </si>
  <si>
    <t>220498.0</t>
  </si>
  <si>
    <t>176325.0</t>
  </si>
  <si>
    <t>222377.0</t>
  </si>
  <si>
    <t>177146.0</t>
  </si>
  <si>
    <t>225128.0</t>
  </si>
  <si>
    <t>226715.0</t>
  </si>
  <si>
    <t>179523.0</t>
  </si>
  <si>
    <t>228121.0</t>
  </si>
  <si>
    <t>180541.0</t>
  </si>
  <si>
    <t>229051.0</t>
  </si>
  <si>
    <t>180632.0</t>
  </si>
  <si>
    <t>41.319</t>
  </si>
  <si>
    <t>230135.0</t>
  </si>
  <si>
    <t>181365.0</t>
  </si>
  <si>
    <t>48770.0</t>
  </si>
  <si>
    <t>42.179</t>
  </si>
  <si>
    <t>231447.0</t>
  </si>
  <si>
    <t>181869.0</t>
  </si>
  <si>
    <t>232666.0</t>
  </si>
  <si>
    <t>182342.0</t>
  </si>
  <si>
    <t>50324.0</t>
  </si>
  <si>
    <t>234540.0</t>
  </si>
  <si>
    <t>182951.0</t>
  </si>
  <si>
    <t>235536.0</t>
  </si>
  <si>
    <t>236155.0</t>
  </si>
  <si>
    <t>183785.0</t>
  </si>
  <si>
    <t>52370.0</t>
  </si>
  <si>
    <t>42.611</t>
  </si>
  <si>
    <t>237175.0</t>
  </si>
  <si>
    <t>53111.0</t>
  </si>
  <si>
    <t>239571.0</t>
  </si>
  <si>
    <t>54494.0</t>
  </si>
  <si>
    <t>241435.0</t>
  </si>
  <si>
    <t>43.247</t>
  </si>
  <si>
    <t>242696.0</t>
  </si>
  <si>
    <t>186012.0</t>
  </si>
  <si>
    <t>43.964</t>
  </si>
  <si>
    <t>244378.0</t>
  </si>
  <si>
    <t>58081.0</t>
  </si>
  <si>
    <t>245971.0</t>
  </si>
  <si>
    <t>246782.0</t>
  </si>
  <si>
    <t>44.184</t>
  </si>
  <si>
    <t>248618.0</t>
  </si>
  <si>
    <t>187405.0</t>
  </si>
  <si>
    <t>251105.0</t>
  </si>
  <si>
    <t>187887.0</t>
  </si>
  <si>
    <t>253387.0</t>
  </si>
  <si>
    <t>188207.0</t>
  </si>
  <si>
    <t>255212.0</t>
  </si>
  <si>
    <t>188595.0</t>
  </si>
  <si>
    <t>255396.0</t>
  </si>
  <si>
    <t>188685.0</t>
  </si>
  <si>
    <t>257859.0</t>
  </si>
  <si>
    <t>189261.0</t>
  </si>
  <si>
    <t>261398.0</t>
  </si>
  <si>
    <t>190027.0</t>
  </si>
  <si>
    <t>71371.0</t>
  </si>
  <si>
    <t>44.595</t>
  </si>
  <si>
    <t>190398.0</t>
  </si>
  <si>
    <t>265159.0</t>
  </si>
  <si>
    <t>190989.0</t>
  </si>
  <si>
    <t>266669.0</t>
  </si>
  <si>
    <t>75327.0</t>
  </si>
  <si>
    <t>267988.0</t>
  </si>
  <si>
    <t>45.367</t>
  </si>
  <si>
    <t>192235.0</t>
  </si>
  <si>
    <t>275723.0</t>
  </si>
  <si>
    <t>192963.0</t>
  </si>
  <si>
    <t>82760.0</t>
  </si>
  <si>
    <t>278083.0</t>
  </si>
  <si>
    <t>193210.0</t>
  </si>
  <si>
    <t>28034.0</t>
  </si>
  <si>
    <t>280453.0</t>
  </si>
  <si>
    <t>193505.0</t>
  </si>
  <si>
    <t>283289.0</t>
  </si>
  <si>
    <t>194054.0</t>
  </si>
  <si>
    <t>285217.0</t>
  </si>
  <si>
    <t>194371.0</t>
  </si>
  <si>
    <t>90846.0</t>
  </si>
  <si>
    <t>288230.0</t>
  </si>
  <si>
    <t>194779.0</t>
  </si>
  <si>
    <t>292810.0</t>
  </si>
  <si>
    <t>195367.0</t>
  </si>
  <si>
    <t>97443.0</t>
  </si>
  <si>
    <t>299732.0</t>
  </si>
  <si>
    <t>300350.0</t>
  </si>
  <si>
    <t>103722.0</t>
  </si>
  <si>
    <t>28822.0</t>
  </si>
  <si>
    <t>47.019</t>
  </si>
  <si>
    <t>197438.0</t>
  </si>
  <si>
    <t>312646.0</t>
  </si>
  <si>
    <t>198011.0</t>
  </si>
  <si>
    <t>48.081</t>
  </si>
  <si>
    <t>314963.0</t>
  </si>
  <si>
    <t>116588.0</t>
  </si>
  <si>
    <t>30125.0</t>
  </si>
  <si>
    <t>49.145</t>
  </si>
  <si>
    <t>319815.0</t>
  </si>
  <si>
    <t>198729.0</t>
  </si>
  <si>
    <t>121086.0</t>
  </si>
  <si>
    <t>323644.0</t>
  </si>
  <si>
    <t>199109.0</t>
  </si>
  <si>
    <t>124535.0</t>
  </si>
  <si>
    <t>328536.0</t>
  </si>
  <si>
    <t>199496.0</t>
  </si>
  <si>
    <t>129040.0</t>
  </si>
  <si>
    <t>31831.0</t>
  </si>
  <si>
    <t>51.928</t>
  </si>
  <si>
    <t>333028.0</t>
  </si>
  <si>
    <t>201209.0</t>
  </si>
  <si>
    <t>131819.0</t>
  </si>
  <si>
    <t>334856.0</t>
  </si>
  <si>
    <t>201756.0</t>
  </si>
  <si>
    <t>52.378</t>
  </si>
  <si>
    <t>337124.0</t>
  </si>
  <si>
    <t>202440.0</t>
  </si>
  <si>
    <t>134684.0</t>
  </si>
  <si>
    <t>340023.0</t>
  </si>
  <si>
    <t>53.563</t>
  </si>
  <si>
    <t>342767.0</t>
  </si>
  <si>
    <t>203858.0</t>
  </si>
  <si>
    <t>138909.0</t>
  </si>
  <si>
    <t>54.724</t>
  </si>
  <si>
    <t>345869.0</t>
  </si>
  <si>
    <t>204873.0</t>
  </si>
  <si>
    <t>140996.0</t>
  </si>
  <si>
    <t>349172.0</t>
  </si>
  <si>
    <t>205933.0</t>
  </si>
  <si>
    <t>34884.0</t>
  </si>
  <si>
    <t>56.909</t>
  </si>
  <si>
    <t>351610.0</t>
  </si>
  <si>
    <t>206440.0</t>
  </si>
  <si>
    <t>145170.0</t>
  </si>
  <si>
    <t>35500.0</t>
  </si>
  <si>
    <t>353646.0</t>
  </si>
  <si>
    <t>207140.0</t>
  </si>
  <si>
    <t>146506.0</t>
  </si>
  <si>
    <t>356563.0</t>
  </si>
  <si>
    <t>148654.0</t>
  </si>
  <si>
    <t>359651.0</t>
  </si>
  <si>
    <t>361815.0</t>
  </si>
  <si>
    <t>210235.0</t>
  </si>
  <si>
    <t>151580.0</t>
  </si>
  <si>
    <t>364432.0</t>
  </si>
  <si>
    <t>211291.0</t>
  </si>
  <si>
    <t>153141.0</t>
  </si>
  <si>
    <t>211518.0</t>
  </si>
  <si>
    <t>60.776</t>
  </si>
  <si>
    <t>366805.0</t>
  </si>
  <si>
    <t>368566.0</t>
  </si>
  <si>
    <t>38181.0</t>
  </si>
  <si>
    <t>62.287</t>
  </si>
  <si>
    <t>370497.0</t>
  </si>
  <si>
    <t>214066.0</t>
  </si>
  <si>
    <t>156431.0</t>
  </si>
  <si>
    <t>372429.0</t>
  </si>
  <si>
    <t>214886.0</t>
  </si>
  <si>
    <t>157543.0</t>
  </si>
  <si>
    <t>376042.0</t>
  </si>
  <si>
    <t>216536.0</t>
  </si>
  <si>
    <t>159506.0</t>
  </si>
  <si>
    <t>376605.0</t>
  </si>
  <si>
    <t>216889.0</t>
  </si>
  <si>
    <t>159716.0</t>
  </si>
  <si>
    <t>378161.0</t>
  </si>
  <si>
    <t>217777.0</t>
  </si>
  <si>
    <t>160384.0</t>
  </si>
  <si>
    <t>378571.0</t>
  </si>
  <si>
    <t>217907.0</t>
  </si>
  <si>
    <t>160664.0</t>
  </si>
  <si>
    <t>382946.0</t>
  </si>
  <si>
    <t>220181.0</t>
  </si>
  <si>
    <t>221284.0</t>
  </si>
  <si>
    <t>164141.0</t>
  </si>
  <si>
    <t>387552.0</t>
  </si>
  <si>
    <t>222408.0</t>
  </si>
  <si>
    <t>165144.0</t>
  </si>
  <si>
    <t>390681.0</t>
  </si>
  <si>
    <t>223898.0</t>
  </si>
  <si>
    <t>166783.0</t>
  </si>
  <si>
    <t>66.667</t>
  </si>
  <si>
    <t>391985.0</t>
  </si>
  <si>
    <t>224646.0</t>
  </si>
  <si>
    <t>167339.0</t>
  </si>
  <si>
    <t>67.273</t>
  </si>
  <si>
    <t>394029.0</t>
  </si>
  <si>
    <t>225526.0</t>
  </si>
  <si>
    <t>42365.0</t>
  </si>
  <si>
    <t>69.113</t>
  </si>
  <si>
    <t>396230.0</t>
  </si>
  <si>
    <t>226711.0</t>
  </si>
  <si>
    <t>70.972</t>
  </si>
  <si>
    <t>397606.0</t>
  </si>
  <si>
    <t>227418.0</t>
  </si>
  <si>
    <t>170188.0</t>
  </si>
  <si>
    <t>72.827</t>
  </si>
  <si>
    <t>401242.0</t>
  </si>
  <si>
    <t>229022.0</t>
  </si>
  <si>
    <t>172220.0</t>
  </si>
  <si>
    <t>73.609</t>
  </si>
  <si>
    <t>403454.0</t>
  </si>
  <si>
    <t>230110.0</t>
  </si>
  <si>
    <t>173344.0</t>
  </si>
  <si>
    <t>230230.0</t>
  </si>
  <si>
    <t>173446.0</t>
  </si>
  <si>
    <t>406022.0</t>
  </si>
  <si>
    <t>231580.0</t>
  </si>
  <si>
    <t>174442.0</t>
  </si>
  <si>
    <t>46790.0</t>
  </si>
  <si>
    <t>408359.0</t>
  </si>
  <si>
    <t>232805.0</t>
  </si>
  <si>
    <t>410397.0</t>
  </si>
  <si>
    <t>233818.0</t>
  </si>
  <si>
    <t>176579.0</t>
  </si>
  <si>
    <t>412588.0</t>
  </si>
  <si>
    <t>235011.0</t>
  </si>
  <si>
    <t>414312.0</t>
  </si>
  <si>
    <t>235849.0</t>
  </si>
  <si>
    <t>415053.0</t>
  </si>
  <si>
    <t>178735.0</t>
  </si>
  <si>
    <t>417831.0</t>
  </si>
  <si>
    <t>237707.0</t>
  </si>
  <si>
    <t>180124.0</t>
  </si>
  <si>
    <t>47760.0</t>
  </si>
  <si>
    <t>77.914</t>
  </si>
  <si>
    <t>238349.0</t>
  </si>
  <si>
    <t>181049.0</t>
  </si>
  <si>
    <t>239246.0</t>
  </si>
  <si>
    <t>182402.0</t>
  </si>
  <si>
    <t>422680.0</t>
  </si>
  <si>
    <t>239647.0</t>
  </si>
  <si>
    <t>183033.0</t>
  </si>
  <si>
    <t>425614.0</t>
  </si>
  <si>
    <t>240793.0</t>
  </si>
  <si>
    <t>78.379</t>
  </si>
  <si>
    <t>428297.0</t>
  </si>
  <si>
    <t>241921.0</t>
  </si>
  <si>
    <t>186376.0</t>
  </si>
  <si>
    <t>243328.0</t>
  </si>
  <si>
    <t>188825.0</t>
  </si>
  <si>
    <t>433870.0</t>
  </si>
  <si>
    <t>243886.0</t>
  </si>
  <si>
    <t>189984.0</t>
  </si>
  <si>
    <t>436306.0</t>
  </si>
  <si>
    <t>244856.0</t>
  </si>
  <si>
    <t>191450.0</t>
  </si>
  <si>
    <t>439539.0</t>
  </si>
  <si>
    <t>246469.0</t>
  </si>
  <si>
    <t>194088.0</t>
  </si>
  <si>
    <t>442033.0</t>
  </si>
  <si>
    <t>246951.0</t>
  </si>
  <si>
    <t>78.875</t>
  </si>
  <si>
    <t>442555.0</t>
  </si>
  <si>
    <t>247070.0</t>
  </si>
  <si>
    <t>195485.0</t>
  </si>
  <si>
    <t>444474.0</t>
  </si>
  <si>
    <t>247703.0</t>
  </si>
  <si>
    <t>196771.0</t>
  </si>
  <si>
    <t>445880.0</t>
  </si>
  <si>
    <t>248156.0</t>
  </si>
  <si>
    <t>197724.0</t>
  </si>
  <si>
    <t>447796.0</t>
  </si>
  <si>
    <t>248758.0</t>
  </si>
  <si>
    <t>199038.0</t>
  </si>
  <si>
    <t>80.891</t>
  </si>
  <si>
    <t>449357.0</t>
  </si>
  <si>
    <t>249378.0</t>
  </si>
  <si>
    <t>199979.0</t>
  </si>
  <si>
    <t>451190.0</t>
  </si>
  <si>
    <t>201270.0</t>
  </si>
  <si>
    <t>452183.0</t>
  </si>
  <si>
    <t>250315.0</t>
  </si>
  <si>
    <t>201868.0</t>
  </si>
  <si>
    <t>453305.0</t>
  </si>
  <si>
    <t>250670.0</t>
  </si>
  <si>
    <t>202635.0</t>
  </si>
  <si>
    <t>454491.0</t>
  </si>
  <si>
    <t>250989.0</t>
  </si>
  <si>
    <t>203502.0</t>
  </si>
  <si>
    <t>454937.0</t>
  </si>
  <si>
    <t>251204.0</t>
  </si>
  <si>
    <t>203733.0</t>
  </si>
  <si>
    <t>457312.0</t>
  </si>
  <si>
    <t>251862.0</t>
  </si>
  <si>
    <t>82.395</t>
  </si>
  <si>
    <t>457981.0</t>
  </si>
  <si>
    <t>252052.0</t>
  </si>
  <si>
    <t>205929.0</t>
  </si>
  <si>
    <t>458690.0</t>
  </si>
  <si>
    <t>459725.0</t>
  </si>
  <si>
    <t>207204.0</t>
  </si>
  <si>
    <t>460889.0</t>
  </si>
  <si>
    <t>208019.0</t>
  </si>
  <si>
    <t>462220.0</t>
  </si>
  <si>
    <t>253260.0</t>
  </si>
  <si>
    <t>208960.0</t>
  </si>
  <si>
    <t>253654.0</t>
  </si>
  <si>
    <t>210051.0</t>
  </si>
  <si>
    <t>463793.0</t>
  </si>
  <si>
    <t>253691.0</t>
  </si>
  <si>
    <t>210102.0</t>
  </si>
  <si>
    <t>466021.0</t>
  </si>
  <si>
    <t>254357.0</t>
  </si>
  <si>
    <t>211664.0</t>
  </si>
  <si>
    <t>467553.0</t>
  </si>
  <si>
    <t>212783.0</t>
  </si>
  <si>
    <t>468275.0</t>
  </si>
  <si>
    <t>254967.0</t>
  </si>
  <si>
    <t>213308.0</t>
  </si>
  <si>
    <t>470063.0</t>
  </si>
  <si>
    <t>255488.0</t>
  </si>
  <si>
    <t>214575.0</t>
  </si>
  <si>
    <t>214655.0</t>
  </si>
  <si>
    <t>471729.0</t>
  </si>
  <si>
    <t>256067.0</t>
  </si>
  <si>
    <t>215662.0</t>
  </si>
  <si>
    <t>82.875</t>
  </si>
  <si>
    <t>471998.0</t>
  </si>
  <si>
    <t>256149.0</t>
  </si>
  <si>
    <t>215849.0</t>
  </si>
  <si>
    <t>472841.0</t>
  </si>
  <si>
    <t>256419.0</t>
  </si>
  <si>
    <t>216422.0</t>
  </si>
  <si>
    <t>473832.0</t>
  </si>
  <si>
    <t>256711.0</t>
  </si>
  <si>
    <t>475442.0</t>
  </si>
  <si>
    <t>257172.0</t>
  </si>
  <si>
    <t>476450.0</t>
  </si>
  <si>
    <t>257438.0</t>
  </si>
  <si>
    <t>219012.0</t>
  </si>
  <si>
    <t>476893.0</t>
  </si>
  <si>
    <t>257657.0</t>
  </si>
  <si>
    <t>219236.0</t>
  </si>
  <si>
    <t>478967.0</t>
  </si>
  <si>
    <t>220663.0</t>
  </si>
  <si>
    <t>258498.0</t>
  </si>
  <si>
    <t>221199.0</t>
  </si>
  <si>
    <t>83.793</t>
  </si>
  <si>
    <t>480437.0</t>
  </si>
  <si>
    <t>258720.0</t>
  </si>
  <si>
    <t>221717.0</t>
  </si>
  <si>
    <t>480978.0</t>
  </si>
  <si>
    <t>258856.0</t>
  </si>
  <si>
    <t>482164.0</t>
  </si>
  <si>
    <t>259208.0</t>
  </si>
  <si>
    <t>222956.0</t>
  </si>
  <si>
    <t>51763.0</t>
  </si>
  <si>
    <t>84.444</t>
  </si>
  <si>
    <t>482534.0</t>
  </si>
  <si>
    <t>259325.0</t>
  </si>
  <si>
    <t>223209.0</t>
  </si>
  <si>
    <t>84.947</t>
  </si>
  <si>
    <t>482744.0</t>
  </si>
  <si>
    <t>259391.0</t>
  </si>
  <si>
    <t>223353.0</t>
  </si>
  <si>
    <t>483838.0</t>
  </si>
  <si>
    <t>259712.0</t>
  </si>
  <si>
    <t>224126.0</t>
  </si>
  <si>
    <t>484487.0</t>
  </si>
  <si>
    <t>259919.0</t>
  </si>
  <si>
    <t>224568.0</t>
  </si>
  <si>
    <t>485656.0</t>
  </si>
  <si>
    <t>260304.0</t>
  </si>
  <si>
    <t>85.438</t>
  </si>
  <si>
    <t>52483.0</t>
  </si>
  <si>
    <t>85.619</t>
  </si>
  <si>
    <t>487013.0</t>
  </si>
  <si>
    <t>226274.0</t>
  </si>
  <si>
    <t>86.214</t>
  </si>
  <si>
    <t>487432.0</t>
  </si>
  <si>
    <t>260861.0</t>
  </si>
  <si>
    <t>226571.0</t>
  </si>
  <si>
    <t>86.661</t>
  </si>
  <si>
    <t>487927.0</t>
  </si>
  <si>
    <t>260987.0</t>
  </si>
  <si>
    <t>226940.0</t>
  </si>
  <si>
    <t>53219.0</t>
  </si>
  <si>
    <t>488364.0</t>
  </si>
  <si>
    <t>261122.0</t>
  </si>
  <si>
    <t>227242.0</t>
  </si>
  <si>
    <t>53792.0</t>
  </si>
  <si>
    <t>87.754</t>
  </si>
  <si>
    <t>88.596</t>
  </si>
  <si>
    <t>90.053</t>
  </si>
  <si>
    <t>489798.0</t>
  </si>
  <si>
    <t>261545.0</t>
  </si>
  <si>
    <t>228253.0</t>
  </si>
  <si>
    <t>91.257</t>
  </si>
  <si>
    <t>490259.0</t>
  </si>
  <si>
    <t>261722.0</t>
  </si>
  <si>
    <t>228537.0</t>
  </si>
  <si>
    <t>490973.0</t>
  </si>
  <si>
    <t>261961.0</t>
  </si>
  <si>
    <t>229012.0</t>
  </si>
  <si>
    <t>491853.0</t>
  </si>
  <si>
    <t>262301.0</t>
  </si>
  <si>
    <t>229552.0</t>
  </si>
  <si>
    <t>492421.0</t>
  </si>
  <si>
    <t>262555.0</t>
  </si>
  <si>
    <t>229866.0</t>
  </si>
  <si>
    <t>493655.0</t>
  </si>
  <si>
    <t>263048.0</t>
  </si>
  <si>
    <t>494017.0</t>
  </si>
  <si>
    <t>263209.0</t>
  </si>
  <si>
    <t>230808.0</t>
  </si>
  <si>
    <t>93.177</t>
  </si>
  <si>
    <t>96.823</t>
  </si>
  <si>
    <t>60226.0</t>
  </si>
  <si>
    <t>98.251</t>
  </si>
  <si>
    <t>495009.0</t>
  </si>
  <si>
    <t>263655.0</t>
  </si>
  <si>
    <t>231354.0</t>
  </si>
  <si>
    <t>102.251</t>
  </si>
  <si>
    <t>104.999</t>
  </si>
  <si>
    <t>65309.0</t>
  </si>
  <si>
    <t>106.543</t>
  </si>
  <si>
    <t>66011.0</t>
  </si>
  <si>
    <t>107.688</t>
  </si>
  <si>
    <t>496244.0</t>
  </si>
  <si>
    <t>264166.0</t>
  </si>
  <si>
    <t>110.822</t>
  </si>
  <si>
    <t>69109.0</t>
  </si>
  <si>
    <t>112.742</t>
  </si>
  <si>
    <t>496433.0</t>
  </si>
  <si>
    <t>264242.0</t>
  </si>
  <si>
    <t>232191.0</t>
  </si>
  <si>
    <t>114.742</t>
  </si>
  <si>
    <t>497428.0</t>
  </si>
  <si>
    <t>264640.0</t>
  </si>
  <si>
    <t>232788.0</t>
  </si>
  <si>
    <t>116.321</t>
  </si>
  <si>
    <t>72284.0</t>
  </si>
  <si>
    <t>117.922</t>
  </si>
  <si>
    <t>498165.0</t>
  </si>
  <si>
    <t>73447.0</t>
  </si>
  <si>
    <t>119.819</t>
  </si>
  <si>
    <t>121.081</t>
  </si>
  <si>
    <t>499750.0</t>
  </si>
  <si>
    <t>265460.0</t>
  </si>
  <si>
    <t>234290.0</t>
  </si>
  <si>
    <t>122.414</t>
  </si>
  <si>
    <t>499912.0</t>
  </si>
  <si>
    <t>265523.0</t>
  </si>
  <si>
    <t>234389.0</t>
  </si>
  <si>
    <t>123.915</t>
  </si>
  <si>
    <t>76107.0</t>
  </si>
  <si>
    <t>124.158</t>
  </si>
  <si>
    <t>500770.0</t>
  </si>
  <si>
    <t>265860.0</t>
  </si>
  <si>
    <t>234910.0</t>
  </si>
  <si>
    <t>44288.0</t>
  </si>
  <si>
    <t>124.977</t>
  </si>
  <si>
    <t>76954.0</t>
  </si>
  <si>
    <t>77310.0</t>
  </si>
  <si>
    <t>126.121</t>
  </si>
  <si>
    <t>126.547</t>
  </si>
  <si>
    <t>77864.0</t>
  </si>
  <si>
    <t>127.025</t>
  </si>
  <si>
    <t>502059.0</t>
  </si>
  <si>
    <t>266344.0</t>
  </si>
  <si>
    <t>235715.0</t>
  </si>
  <si>
    <t>78357.0</t>
  </si>
  <si>
    <t>127.829</t>
  </si>
  <si>
    <t>128.514</t>
  </si>
  <si>
    <t>79139.0</t>
  </si>
  <si>
    <t>129.105</t>
  </si>
  <si>
    <t>129.648</t>
  </si>
  <si>
    <t>130.119</t>
  </si>
  <si>
    <t>79941.0</t>
  </si>
  <si>
    <t>502768.0</t>
  </si>
  <si>
    <t>266637.0</t>
  </si>
  <si>
    <t>236131.0</t>
  </si>
  <si>
    <t>80502.0</t>
  </si>
  <si>
    <t>131.328</t>
  </si>
  <si>
    <t>80857.0</t>
  </si>
  <si>
    <t>131.907</t>
  </si>
  <si>
    <t>81309.0</t>
  </si>
  <si>
    <t>81377.0</t>
  </si>
  <si>
    <t>132.756</t>
  </si>
  <si>
    <t>503479.0</t>
  </si>
  <si>
    <t>266903.0</t>
  </si>
  <si>
    <t>236576.0</t>
  </si>
  <si>
    <t>503489.0</t>
  </si>
  <si>
    <t>266905.0</t>
  </si>
  <si>
    <t>236584.0</t>
  </si>
  <si>
    <t>46907.0</t>
  </si>
  <si>
    <t>503538.0</t>
  </si>
  <si>
    <t>266930.0</t>
  </si>
  <si>
    <t>236608.0</t>
  </si>
  <si>
    <t>503936.0</t>
  </si>
  <si>
    <t>267084.0</t>
  </si>
  <si>
    <t>236852.0</t>
  </si>
  <si>
    <t>81470.0</t>
  </si>
  <si>
    <t>132.907</t>
  </si>
  <si>
    <t>133.196</t>
  </si>
  <si>
    <t>133.243</t>
  </si>
  <si>
    <t>504529.0</t>
  </si>
  <si>
    <t>267335.0</t>
  </si>
  <si>
    <t>237194.0</t>
  </si>
  <si>
    <t>47795.0</t>
  </si>
  <si>
    <t>133.385</t>
  </si>
  <si>
    <t>504905.0</t>
  </si>
  <si>
    <t>267473.0</t>
  </si>
  <si>
    <t>237432.0</t>
  </si>
  <si>
    <t>48126.0</t>
  </si>
  <si>
    <t>82009.0</t>
  </si>
  <si>
    <t>133.787</t>
  </si>
  <si>
    <t>505189.0</t>
  </si>
  <si>
    <t>267593.0</t>
  </si>
  <si>
    <t>237596.0</t>
  </si>
  <si>
    <t>133.977</t>
  </si>
  <si>
    <t>82252.0</t>
  </si>
  <si>
    <t>134.183</t>
  </si>
  <si>
    <t>134.372</t>
  </si>
  <si>
    <t>134.702</t>
  </si>
  <si>
    <t>82954.0</t>
  </si>
  <si>
    <t>505699.0</t>
  </si>
  <si>
    <t>267820.0</t>
  </si>
  <si>
    <t>237879.0</t>
  </si>
  <si>
    <t>83312.0</t>
  </si>
  <si>
    <t>83563.0</t>
  </si>
  <si>
    <t>136.743</t>
  </si>
  <si>
    <t>137.335</t>
  </si>
  <si>
    <t>SWE</t>
  </si>
  <si>
    <t>Sweden</t>
  </si>
  <si>
    <t>-38.6848515486595</t>
  </si>
  <si>
    <t>-545.0</t>
  </si>
  <si>
    <t>-7.16</t>
  </si>
  <si>
    <t>-51.6619556334708</t>
  </si>
  <si>
    <t>-623.1</t>
  </si>
  <si>
    <t>-59.0652560646159</t>
  </si>
  <si>
    <t>-812.2</t>
  </si>
  <si>
    <t>-76.9905327807432</t>
  </si>
  <si>
    <t>-987.2</t>
  </si>
  <si>
    <t>-8.75</t>
  </si>
  <si>
    <t>-93.5792341309402</t>
  </si>
  <si>
    <t>-1053.9</t>
  </si>
  <si>
    <t>-99.9018991598439</t>
  </si>
  <si>
    <t>-113.883804583581</t>
  </si>
  <si>
    <t>-1112.1</t>
  </si>
  <si>
    <t>-105.418827266024</t>
  </si>
  <si>
    <t>-870.0</t>
  </si>
  <si>
    <t>-82.4695438552654</t>
  </si>
  <si>
    <t>-265.2</t>
  </si>
  <si>
    <t>-25.1389919889844</t>
  </si>
  <si>
    <t>176.693</t>
  </si>
  <si>
    <t>582.6</t>
  </si>
  <si>
    <t>55.2261566092846</t>
  </si>
  <si>
    <t>48.913</t>
  </si>
  <si>
    <t>130.074377101374</t>
  </si>
  <si>
    <t>1971.6</t>
  </si>
  <si>
    <t>186.893049040277</t>
  </si>
  <si>
    <t>2592.3</t>
  </si>
  <si>
    <t>245.730802914948</t>
  </si>
  <si>
    <t>3171.7</t>
  </si>
  <si>
    <t>300.653623270972</t>
  </si>
  <si>
    <t>41.424</t>
  </si>
  <si>
    <t>3623.3</t>
  </si>
  <si>
    <t>343.461952012394</t>
  </si>
  <si>
    <t>4013.5</t>
  </si>
  <si>
    <t>380.450016394377</t>
  </si>
  <si>
    <t>169.11</t>
  </si>
  <si>
    <t>4140.3</t>
  </si>
  <si>
    <t>392.469715429834</t>
  </si>
  <si>
    <t>159.631</t>
  </si>
  <si>
    <t>4381.7</t>
  </si>
  <si>
    <t>415.352644035191</t>
  </si>
  <si>
    <t>4605.1</t>
  </si>
  <si>
    <t>436.529306215957</t>
  </si>
  <si>
    <t>4766.1</t>
  </si>
  <si>
    <t>451.790911458138</t>
  </si>
  <si>
    <t>4908.7</t>
  </si>
  <si>
    <t>465.30833324407</t>
  </si>
  <si>
    <t>82523.0</t>
  </si>
  <si>
    <t>4925.2</t>
  </si>
  <si>
    <t>466.872410799946</t>
  </si>
  <si>
    <t>118130.0</t>
  </si>
  <si>
    <t>9.574</t>
  </si>
  <si>
    <t>129999.0</t>
  </si>
  <si>
    <t>141868.0</t>
  </si>
  <si>
    <t>153737.0</t>
  </si>
  <si>
    <t>15.822</t>
  </si>
  <si>
    <t>470.360777712445</t>
  </si>
  <si>
    <t>185472.0</t>
  </si>
  <si>
    <t>195405.0</t>
  </si>
  <si>
    <t>205338.0</t>
  </si>
  <si>
    <t>19.617</t>
  </si>
  <si>
    <t>215271.0</t>
  </si>
  <si>
    <t>225204.0</t>
  </si>
  <si>
    <t>235137.0</t>
  </si>
  <si>
    <t>4934.8</t>
  </si>
  <si>
    <t>467.782419559728</t>
  </si>
  <si>
    <t>243595.0</t>
  </si>
  <si>
    <t>252053.0</t>
  </si>
  <si>
    <t>260511.0</t>
  </si>
  <si>
    <t>268969.0</t>
  </si>
  <si>
    <t>285885.0</t>
  </si>
  <si>
    <t>27.313</t>
  </si>
  <si>
    <t>294343.0</t>
  </si>
  <si>
    <t>28.121</t>
  </si>
  <si>
    <t>4945.6</t>
  </si>
  <si>
    <t>468.806179414483</t>
  </si>
  <si>
    <t>301919.0</t>
  </si>
  <si>
    <t>28.845</t>
  </si>
  <si>
    <t>309495.0</t>
  </si>
  <si>
    <t>29.568</t>
  </si>
  <si>
    <t>317071.0</t>
  </si>
  <si>
    <t>30.292</t>
  </si>
  <si>
    <t>332223.0</t>
  </si>
  <si>
    <t>339799.0</t>
  </si>
  <si>
    <t>32.464</t>
  </si>
  <si>
    <t>347375.0</t>
  </si>
  <si>
    <t>4939.4</t>
  </si>
  <si>
    <t>468.218465423791</t>
  </si>
  <si>
    <t>355057.0</t>
  </si>
  <si>
    <t>33.921</t>
  </si>
  <si>
    <t>362739.0</t>
  </si>
  <si>
    <t>370421.0</t>
  </si>
  <si>
    <t>35.389</t>
  </si>
  <si>
    <t>19.906</t>
  </si>
  <si>
    <t>378103.0</t>
  </si>
  <si>
    <t>36.123</t>
  </si>
  <si>
    <t>385785.0</t>
  </si>
  <si>
    <t>393467.0</t>
  </si>
  <si>
    <t>37.591</t>
  </si>
  <si>
    <t>401149.0</t>
  </si>
  <si>
    <t>38.325</t>
  </si>
  <si>
    <t>5002.1</t>
  </si>
  <si>
    <t>474.161960136118</t>
  </si>
  <si>
    <t>409258.0</t>
  </si>
  <si>
    <t>39.099</t>
  </si>
  <si>
    <t>417367.0</t>
  </si>
  <si>
    <t>425476.0</t>
  </si>
  <si>
    <t>40.649</t>
  </si>
  <si>
    <t>433585.0</t>
  </si>
  <si>
    <t>441694.0</t>
  </si>
  <si>
    <t>42.198</t>
  </si>
  <si>
    <t>449803.0</t>
  </si>
  <si>
    <t>457912.0</t>
  </si>
  <si>
    <t>43.748</t>
  </si>
  <si>
    <t>475.176240732959</t>
  </si>
  <si>
    <t>467236.0</t>
  </si>
  <si>
    <t>44.639</t>
  </si>
  <si>
    <t>476560.0</t>
  </si>
  <si>
    <t>45.529</t>
  </si>
  <si>
    <t>485884.0</t>
  </si>
  <si>
    <t>495208.0</t>
  </si>
  <si>
    <t>48.202</t>
  </si>
  <si>
    <t>49.093</t>
  </si>
  <si>
    <t>523180.0</t>
  </si>
  <si>
    <t>5073.3</t>
  </si>
  <si>
    <t>480.91119177117</t>
  </si>
  <si>
    <t>535383.0</t>
  </si>
  <si>
    <t>51.149</t>
  </si>
  <si>
    <t>547586.0</t>
  </si>
  <si>
    <t>559789.0</t>
  </si>
  <si>
    <t>53.481</t>
  </si>
  <si>
    <t>571992.0</t>
  </si>
  <si>
    <t>584195.0</t>
  </si>
  <si>
    <t>55.813</t>
  </si>
  <si>
    <t>596398.0</t>
  </si>
  <si>
    <t>608601.0</t>
  </si>
  <si>
    <t>58.144</t>
  </si>
  <si>
    <t>4993.6</t>
  </si>
  <si>
    <t>473.356223213395</t>
  </si>
  <si>
    <t>15.072</t>
  </si>
  <si>
    <t>626628.0</t>
  </si>
  <si>
    <t>59.866</t>
  </si>
  <si>
    <t>644655.0</t>
  </si>
  <si>
    <t>61.589</t>
  </si>
  <si>
    <t>662682.0</t>
  </si>
  <si>
    <t>680709.0</t>
  </si>
  <si>
    <t>65.033</t>
  </si>
  <si>
    <t>698736.0</t>
  </si>
  <si>
    <t>716763.0</t>
  </si>
  <si>
    <t>4964.8</t>
  </si>
  <si>
    <t>470.626196934048</t>
  </si>
  <si>
    <t>755172.0</t>
  </si>
  <si>
    <t>72.147</t>
  </si>
  <si>
    <t>775554.0</t>
  </si>
  <si>
    <t>795936.0</t>
  </si>
  <si>
    <t>76.042</t>
  </si>
  <si>
    <t>816318.0</t>
  </si>
  <si>
    <t>836700.0</t>
  </si>
  <si>
    <t>857082.0</t>
  </si>
  <si>
    <t>81.883</t>
  </si>
  <si>
    <t>877464.0</t>
  </si>
  <si>
    <t>83.831</t>
  </si>
  <si>
    <t>4967.5</t>
  </si>
  <si>
    <t>470.882136897737</t>
  </si>
  <si>
    <t>897388.0</t>
  </si>
  <si>
    <t>19924.0</t>
  </si>
  <si>
    <t>85.734</t>
  </si>
  <si>
    <t>917312.0</t>
  </si>
  <si>
    <t>937236.0</t>
  </si>
  <si>
    <t>89.541</t>
  </si>
  <si>
    <t>957160.0</t>
  </si>
  <si>
    <t>977084.0</t>
  </si>
  <si>
    <t>93.348</t>
  </si>
  <si>
    <t>997008.0</t>
  </si>
  <si>
    <t>95.252</t>
  </si>
  <si>
    <t>13.176</t>
  </si>
  <si>
    <t>1016932.0</t>
  </si>
  <si>
    <t>468.085755812989</t>
  </si>
  <si>
    <t>1035211.0</t>
  </si>
  <si>
    <t>98.901</t>
  </si>
  <si>
    <t>1053490.0</t>
  </si>
  <si>
    <t>1071769.0</t>
  </si>
  <si>
    <t>102.394</t>
  </si>
  <si>
    <t>1090048.0</t>
  </si>
  <si>
    <t>1108327.0</t>
  </si>
  <si>
    <t>105.887</t>
  </si>
  <si>
    <t>1126606.0</t>
  </si>
  <si>
    <t>107.633</t>
  </si>
  <si>
    <t>1144885.0</t>
  </si>
  <si>
    <t>109.379</t>
  </si>
  <si>
    <t>4934.3</t>
  </si>
  <si>
    <t>467.735023270156</t>
  </si>
  <si>
    <t>1163465.0</t>
  </si>
  <si>
    <t>111.155</t>
  </si>
  <si>
    <t>1182045.0</t>
  </si>
  <si>
    <t>1200625.0</t>
  </si>
  <si>
    <t>114.705</t>
  </si>
  <si>
    <t>1219205.0</t>
  </si>
  <si>
    <t>1237785.0</t>
  </si>
  <si>
    <t>118.255</t>
  </si>
  <si>
    <t>1256365.0</t>
  </si>
  <si>
    <t>1274945.0</t>
  </si>
  <si>
    <t>121.805</t>
  </si>
  <si>
    <t>4871.2</t>
  </si>
  <si>
    <t>461.753611526171</t>
  </si>
  <si>
    <t>1294861.0</t>
  </si>
  <si>
    <t>1314777.0</t>
  </si>
  <si>
    <t>1334693.0</t>
  </si>
  <si>
    <t>127.513</t>
  </si>
  <si>
    <t>1354609.0</t>
  </si>
  <si>
    <t>129.416</t>
  </si>
  <si>
    <t>1374525.0</t>
  </si>
  <si>
    <t>131.319</t>
  </si>
  <si>
    <t>17.442</t>
  </si>
  <si>
    <t>1394441.0</t>
  </si>
  <si>
    <t>133.221</t>
  </si>
  <si>
    <t>1414357.0</t>
  </si>
  <si>
    <t>135.124</t>
  </si>
  <si>
    <t>4796.6</t>
  </si>
  <si>
    <t>454.68208512203</t>
  </si>
  <si>
    <t>1435921.0</t>
  </si>
  <si>
    <t>137.184</t>
  </si>
  <si>
    <t>1457485.0</t>
  </si>
  <si>
    <t>139.244</t>
  </si>
  <si>
    <t>1479049.0</t>
  </si>
  <si>
    <t>141.305</t>
  </si>
  <si>
    <t>1500613.0</t>
  </si>
  <si>
    <t>143.365</t>
  </si>
  <si>
    <t>1522177.0</t>
  </si>
  <si>
    <t>145.425</t>
  </si>
  <si>
    <t>1543741.0</t>
  </si>
  <si>
    <t>147.485</t>
  </si>
  <si>
    <t>1565305.0</t>
  </si>
  <si>
    <t>149.545</t>
  </si>
  <si>
    <t>4814.6</t>
  </si>
  <si>
    <t>456.388351546621</t>
  </si>
  <si>
    <t>1589266.0</t>
  </si>
  <si>
    <t>151.834</t>
  </si>
  <si>
    <t>1613227.0</t>
  </si>
  <si>
    <t>154.124</t>
  </si>
  <si>
    <t>1637188.0</t>
  </si>
  <si>
    <t>156.413</t>
  </si>
  <si>
    <t>1661149.0</t>
  </si>
  <si>
    <t>158.702</t>
  </si>
  <si>
    <t>1685110.0</t>
  </si>
  <si>
    <t>160.991</t>
  </si>
  <si>
    <t>1709071.0</t>
  </si>
  <si>
    <t>1733032.0</t>
  </si>
  <si>
    <t>4747.4</t>
  </si>
  <si>
    <t>450.018290228146</t>
  </si>
  <si>
    <t>1760645.0</t>
  </si>
  <si>
    <t>168.208</t>
  </si>
  <si>
    <t>1788258.0</t>
  </si>
  <si>
    <t>170.846</t>
  </si>
  <si>
    <t>1815871.0</t>
  </si>
  <si>
    <t>173.484</t>
  </si>
  <si>
    <t>1843484.0</t>
  </si>
  <si>
    <t>176.122</t>
  </si>
  <si>
    <t>1871097.0</t>
  </si>
  <si>
    <t>1898710.0</t>
  </si>
  <si>
    <t>181.398</t>
  </si>
  <si>
    <t>1926323.0</t>
  </si>
  <si>
    <t>4771.9</t>
  </si>
  <si>
    <t>452.340708417173</t>
  </si>
  <si>
    <t>1959737.0</t>
  </si>
  <si>
    <t>187.228</t>
  </si>
  <si>
    <t>1993151.0</t>
  </si>
  <si>
    <t>190.421</t>
  </si>
  <si>
    <t>2026565.0</t>
  </si>
  <si>
    <t>193.613</t>
  </si>
  <si>
    <t>2059979.0</t>
  </si>
  <si>
    <t>196.805</t>
  </si>
  <si>
    <t>2093393.0</t>
  </si>
  <si>
    <t>199.997</t>
  </si>
  <si>
    <t>2160221.0</t>
  </si>
  <si>
    <t>206.382</t>
  </si>
  <si>
    <t>4804.9</t>
  </si>
  <si>
    <t>455.468863528925</t>
  </si>
  <si>
    <t>2197460.0</t>
  </si>
  <si>
    <t>2234699.0</t>
  </si>
  <si>
    <t>213.497</t>
  </si>
  <si>
    <t>2271938.0</t>
  </si>
  <si>
    <t>217.055</t>
  </si>
  <si>
    <t>2309177.0</t>
  </si>
  <si>
    <t>220.613</t>
  </si>
  <si>
    <t>2346416.0</t>
  </si>
  <si>
    <t>224.171</t>
  </si>
  <si>
    <t>2383655.0</t>
  </si>
  <si>
    <t>2420894.0</t>
  </si>
  <si>
    <t>231.286</t>
  </si>
  <si>
    <t>5006.1</t>
  </si>
  <si>
    <t>474.541130452694</t>
  </si>
  <si>
    <t>2459160.0</t>
  </si>
  <si>
    <t>234.942</t>
  </si>
  <si>
    <t>2497426.0</t>
  </si>
  <si>
    <t>238.598</t>
  </si>
  <si>
    <t>2535692.0</t>
  </si>
  <si>
    <t>2573958.0</t>
  </si>
  <si>
    <t>245.909</t>
  </si>
  <si>
    <t>2612224.0</t>
  </si>
  <si>
    <t>249.565</t>
  </si>
  <si>
    <t>37973.0</t>
  </si>
  <si>
    <t>2650490.0</t>
  </si>
  <si>
    <t>253.221</t>
  </si>
  <si>
    <t>2688756.0</t>
  </si>
  <si>
    <t>5352.9</t>
  </si>
  <si>
    <t>507.415196899828</t>
  </si>
  <si>
    <t>2729106.0</t>
  </si>
  <si>
    <t>260.732</t>
  </si>
  <si>
    <t>2769456.0</t>
  </si>
  <si>
    <t>2809806.0</t>
  </si>
  <si>
    <t>268.442</t>
  </si>
  <si>
    <t>2850156.0</t>
  </si>
  <si>
    <t>272.297</t>
  </si>
  <si>
    <t>39457.0</t>
  </si>
  <si>
    <t>2890506.0</t>
  </si>
  <si>
    <t>276.152</t>
  </si>
  <si>
    <t>39755.0</t>
  </si>
  <si>
    <t>2930856.0</t>
  </si>
  <si>
    <t>280.007</t>
  </si>
  <si>
    <t>2971206.0</t>
  </si>
  <si>
    <t>283.862</t>
  </si>
  <si>
    <t>530.525627695131</t>
  </si>
  <si>
    <t>3009508.0</t>
  </si>
  <si>
    <t>287.521</t>
  </si>
  <si>
    <t>40057.0</t>
  </si>
  <si>
    <t>3047810.0</t>
  </si>
  <si>
    <t>291.18</t>
  </si>
  <si>
    <t>3086112.0</t>
  </si>
  <si>
    <t>294.839</t>
  </si>
  <si>
    <t>24.077</t>
  </si>
  <si>
    <t>3124414.0</t>
  </si>
  <si>
    <t>298.499</t>
  </si>
  <si>
    <t>3162716.0</t>
  </si>
  <si>
    <t>302.158</t>
  </si>
  <si>
    <t>3201018.0</t>
  </si>
  <si>
    <t>305.817</t>
  </si>
  <si>
    <t>3239320.0</t>
  </si>
  <si>
    <t>309.476</t>
  </si>
  <si>
    <t>5986.7</t>
  </si>
  <si>
    <t>567.494733561284</t>
  </si>
  <si>
    <t>3278964.0</t>
  </si>
  <si>
    <t>313.264</t>
  </si>
  <si>
    <t>3318608.0</t>
  </si>
  <si>
    <t>3358252.0</t>
  </si>
  <si>
    <t>320.839</t>
  </si>
  <si>
    <t>3397896.0</t>
  </si>
  <si>
    <t>324.626</t>
  </si>
  <si>
    <t>3437540.0</t>
  </si>
  <si>
    <t>328.414</t>
  </si>
  <si>
    <t>3477184.0</t>
  </si>
  <si>
    <t>332.201</t>
  </si>
  <si>
    <t>3516828.0</t>
  </si>
  <si>
    <t>335.989</t>
  </si>
  <si>
    <t>6379.9</t>
  </si>
  <si>
    <t>604.767175680698</t>
  </si>
  <si>
    <t>3560649.0</t>
  </si>
  <si>
    <t>340.175</t>
  </si>
  <si>
    <t>3604470.0</t>
  </si>
  <si>
    <t>344.362</t>
  </si>
  <si>
    <t>3648291.0</t>
  </si>
  <si>
    <t>348.549</t>
  </si>
  <si>
    <t>41434.0</t>
  </si>
  <si>
    <t>3692112.0</t>
  </si>
  <si>
    <t>352.735</t>
  </si>
  <si>
    <t>3735933.0</t>
  </si>
  <si>
    <t>356.922</t>
  </si>
  <si>
    <t>42628.0</t>
  </si>
  <si>
    <t>3779754.0</t>
  </si>
  <si>
    <t>361.108</t>
  </si>
  <si>
    <t>3823575.0</t>
  </si>
  <si>
    <t>365.295</t>
  </si>
  <si>
    <t>6907.1</t>
  </si>
  <si>
    <t>654.741823405406</t>
  </si>
  <si>
    <t>3857691.0</t>
  </si>
  <si>
    <t>34116.0</t>
  </si>
  <si>
    <t>368.554</t>
  </si>
  <si>
    <t>3891807.0</t>
  </si>
  <si>
    <t>371.813</t>
  </si>
  <si>
    <t>3925923.0</t>
  </si>
  <si>
    <t>375.073</t>
  </si>
  <si>
    <t>3960039.0</t>
  </si>
  <si>
    <t>378.332</t>
  </si>
  <si>
    <t>3994155.0</t>
  </si>
  <si>
    <t>381.591</t>
  </si>
  <si>
    <t>36889.0</t>
  </si>
  <si>
    <t>4028271.0</t>
  </si>
  <si>
    <t>384.851</t>
  </si>
  <si>
    <t>4062387.0</t>
  </si>
  <si>
    <t>388.11</t>
  </si>
  <si>
    <t>7421.1</t>
  </si>
  <si>
    <t>703.465209085414</t>
  </si>
  <si>
    <t>4091608.0</t>
  </si>
  <si>
    <t>390.902</t>
  </si>
  <si>
    <t>4120829.0</t>
  </si>
  <si>
    <t>393.694</t>
  </si>
  <si>
    <t>4150050.0</t>
  </si>
  <si>
    <t>396.485</t>
  </si>
  <si>
    <t>4179271.0</t>
  </si>
  <si>
    <t>399.277</t>
  </si>
  <si>
    <t>4208492.0</t>
  </si>
  <si>
    <t>402.069</t>
  </si>
  <si>
    <t>4237713.0</t>
  </si>
  <si>
    <t>404.86</t>
  </si>
  <si>
    <t>4266934.0</t>
  </si>
  <si>
    <t>407.652</t>
  </si>
  <si>
    <t>7996.3</t>
  </si>
  <si>
    <t>757.989900609033</t>
  </si>
  <si>
    <t>4297409.0</t>
  </si>
  <si>
    <t>410.564</t>
  </si>
  <si>
    <t>4327884.0</t>
  </si>
  <si>
    <t>413.475</t>
  </si>
  <si>
    <t>4358359.0</t>
  </si>
  <si>
    <t>416.387</t>
  </si>
  <si>
    <t>4388834.0</t>
  </si>
  <si>
    <t>4419309.0</t>
  </si>
  <si>
    <t>422.21</t>
  </si>
  <si>
    <t>4449784.0</t>
  </si>
  <si>
    <t>425.121</t>
  </si>
  <si>
    <t>4480259.0</t>
  </si>
  <si>
    <t>428.033</t>
  </si>
  <si>
    <t>8374.2</t>
  </si>
  <si>
    <t>793.812016267544</t>
  </si>
  <si>
    <t>4509826.0</t>
  </si>
  <si>
    <t>430.857</t>
  </si>
  <si>
    <t>4539393.0</t>
  </si>
  <si>
    <t>433.682</t>
  </si>
  <si>
    <t>4568960.0</t>
  </si>
  <si>
    <t>4598527.0</t>
  </si>
  <si>
    <t>439.332</t>
  </si>
  <si>
    <t>4628094.0</t>
  </si>
  <si>
    <t>442.156</t>
  </si>
  <si>
    <t>4657661.0</t>
  </si>
  <si>
    <t>444.981</t>
  </si>
  <si>
    <t>4687228.0</t>
  </si>
  <si>
    <t>447.806</t>
  </si>
  <si>
    <t>132912.0</t>
  </si>
  <si>
    <t>8757.3</t>
  </si>
  <si>
    <t>830.127053337604</t>
  </si>
  <si>
    <t>4715722.0</t>
  </si>
  <si>
    <t>450.528</t>
  </si>
  <si>
    <t>4744216.0</t>
  </si>
  <si>
    <t>453.25</t>
  </si>
  <si>
    <t>4772710.0</t>
  </si>
  <si>
    <t>455.973</t>
  </si>
  <si>
    <t>4801204.0</t>
  </si>
  <si>
    <t>458.695</t>
  </si>
  <si>
    <t>4829698.0</t>
  </si>
  <si>
    <t>461.417</t>
  </si>
  <si>
    <t>4858192.0</t>
  </si>
  <si>
    <t>464.139</t>
  </si>
  <si>
    <t>4886686.0</t>
  </si>
  <si>
    <t>466.862</t>
  </si>
  <si>
    <t>9099.6</t>
  </si>
  <si>
    <t>862.57455317859</t>
  </si>
  <si>
    <t>469.575</t>
  </si>
  <si>
    <t>28481.0</t>
  </si>
  <si>
    <t>4943496.0</t>
  </si>
  <si>
    <t>472.289</t>
  </si>
  <si>
    <t>4971901.0</t>
  </si>
  <si>
    <t>475.003</t>
  </si>
  <si>
    <t>5000306.0</t>
  </si>
  <si>
    <t>5028711.0</t>
  </si>
  <si>
    <t>480.43</t>
  </si>
  <si>
    <t>5057116.0</t>
  </si>
  <si>
    <t>483.144</t>
  </si>
  <si>
    <t>5085521.0</t>
  </si>
  <si>
    <t>485.858</t>
  </si>
  <si>
    <t>341310.0</t>
  </si>
  <si>
    <t>261846.0</t>
  </si>
  <si>
    <t>9288.7</t>
  </si>
  <si>
    <t>880.499829894717</t>
  </si>
  <si>
    <t>5114555.0</t>
  </si>
  <si>
    <t>488.632</t>
  </si>
  <si>
    <t>5143589.0</t>
  </si>
  <si>
    <t>491.405</t>
  </si>
  <si>
    <t>5172623.0</t>
  </si>
  <si>
    <t>494.179</t>
  </si>
  <si>
    <t>5201657.0</t>
  </si>
  <si>
    <t>496.953</t>
  </si>
  <si>
    <t>5230691.0</t>
  </si>
  <si>
    <t>499.727</t>
  </si>
  <si>
    <t>28854.0</t>
  </si>
  <si>
    <t>5259725.0</t>
  </si>
  <si>
    <t>502.501</t>
  </si>
  <si>
    <t>5288759.0</t>
  </si>
  <si>
    <t>505.275</t>
  </si>
  <si>
    <t>441816.0</t>
  </si>
  <si>
    <t>301399.0</t>
  </si>
  <si>
    <t>74740.0</t>
  </si>
  <si>
    <t>9294.4</t>
  </si>
  <si>
    <t>881.040147595837</t>
  </si>
  <si>
    <t>5319469.0</t>
  </si>
  <si>
    <t>508.209</t>
  </si>
  <si>
    <t>29273.0</t>
  </si>
  <si>
    <t>5350179.0</t>
  </si>
  <si>
    <t>511.143</t>
  </si>
  <si>
    <t>29513.0</t>
  </si>
  <si>
    <t>5380889.0</t>
  </si>
  <si>
    <t>514.077</t>
  </si>
  <si>
    <t>5411599.0</t>
  </si>
  <si>
    <t>517.01</t>
  </si>
  <si>
    <t>5442309.0</t>
  </si>
  <si>
    <t>519.944</t>
  </si>
  <si>
    <t>5473019.0</t>
  </si>
  <si>
    <t>522.878</t>
  </si>
  <si>
    <t>5503729.0</t>
  </si>
  <si>
    <t>525.812</t>
  </si>
  <si>
    <t>560285.0</t>
  </si>
  <si>
    <t>344328.0</t>
  </si>
  <si>
    <t>9304.7</t>
  </si>
  <si>
    <t>882.01651116102</t>
  </si>
  <si>
    <t>5536309.0</t>
  </si>
  <si>
    <t>32580.0</t>
  </si>
  <si>
    <t>528.925</t>
  </si>
  <si>
    <t>5568889.0</t>
  </si>
  <si>
    <t>532.038</t>
  </si>
  <si>
    <t>5601469.0</t>
  </si>
  <si>
    <t>535.15</t>
  </si>
  <si>
    <t>5634049.0</t>
  </si>
  <si>
    <t>538.263</t>
  </si>
  <si>
    <t>5666629.0</t>
  </si>
  <si>
    <t>541.375</t>
  </si>
  <si>
    <t>5699209.0</t>
  </si>
  <si>
    <t>544.488</t>
  </si>
  <si>
    <t>5731789.0</t>
  </si>
  <si>
    <t>547.601</t>
  </si>
  <si>
    <t>410041.0</t>
  </si>
  <si>
    <t>217548.0</t>
  </si>
  <si>
    <t>9252.8</t>
  </si>
  <si>
    <t>877.096776303448</t>
  </si>
  <si>
    <t>5766687.0</t>
  </si>
  <si>
    <t>550.935</t>
  </si>
  <si>
    <t>32911.0</t>
  </si>
  <si>
    <t>5801585.0</t>
  </si>
  <si>
    <t>554.269</t>
  </si>
  <si>
    <t>5836483.0</t>
  </si>
  <si>
    <t>557.603</t>
  </si>
  <si>
    <t>5871381.0</t>
  </si>
  <si>
    <t>560.937</t>
  </si>
  <si>
    <t>5906279.0</t>
  </si>
  <si>
    <t>564.271</t>
  </si>
  <si>
    <t>5941177.0</t>
  </si>
  <si>
    <t>567.605</t>
  </si>
  <si>
    <t>5976075.0</t>
  </si>
  <si>
    <t>570.939</t>
  </si>
  <si>
    <t>872579.0</t>
  </si>
  <si>
    <t>505870.0</t>
  </si>
  <si>
    <t>269347.0</t>
  </si>
  <si>
    <t>9106.9</t>
  </si>
  <si>
    <t>863.266539006341</t>
  </si>
  <si>
    <t>6012515.0</t>
  </si>
  <si>
    <t>574.42</t>
  </si>
  <si>
    <t>6048955.0</t>
  </si>
  <si>
    <t>6085395.0</t>
  </si>
  <si>
    <t>581.383</t>
  </si>
  <si>
    <t>6121835.0</t>
  </si>
  <si>
    <t>584.865</t>
  </si>
  <si>
    <t>6158275.0</t>
  </si>
  <si>
    <t>588.346</t>
  </si>
  <si>
    <t>6194715.0</t>
  </si>
  <si>
    <t>591.827</t>
  </si>
  <si>
    <t>6231155.0</t>
  </si>
  <si>
    <t>595.309</t>
  </si>
  <si>
    <t>1063201.0</t>
  </si>
  <si>
    <t>652163.0</t>
  </si>
  <si>
    <t>304359.0</t>
  </si>
  <si>
    <t>8823.9</t>
  </si>
  <si>
    <t>-14.18</t>
  </si>
  <si>
    <t>836.440239108593</t>
  </si>
  <si>
    <t>6270766.0</t>
  </si>
  <si>
    <t>599.093</t>
  </si>
  <si>
    <t>6310377.0</t>
  </si>
  <si>
    <t>602.877</t>
  </si>
  <si>
    <t>6349988.0</t>
  </si>
  <si>
    <t>606.662</t>
  </si>
  <si>
    <t>37799.0</t>
  </si>
  <si>
    <t>6389599.0</t>
  </si>
  <si>
    <t>610.446</t>
  </si>
  <si>
    <t>29787.0</t>
  </si>
  <si>
    <t>141.81</t>
  </si>
  <si>
    <t>6429210.0</t>
  </si>
  <si>
    <t>614.23</t>
  </si>
  <si>
    <t>38705.0</t>
  </si>
  <si>
    <t>6468821.0</t>
  </si>
  <si>
    <t>618.015</t>
  </si>
  <si>
    <t>6508432.0</t>
  </si>
  <si>
    <t>621.799</t>
  </si>
  <si>
    <t>1285129.0</t>
  </si>
  <si>
    <t>828194.0</t>
  </si>
  <si>
    <t>340086.0</t>
  </si>
  <si>
    <t>31704.0</t>
  </si>
  <si>
    <t>8748.9</t>
  </si>
  <si>
    <t>829.330795672795</t>
  </si>
  <si>
    <t>6553016.0</t>
  </si>
  <si>
    <t>626.059</t>
  </si>
  <si>
    <t>6597600.0</t>
  </si>
  <si>
    <t>630.318</t>
  </si>
  <si>
    <t>6642184.0</t>
  </si>
  <si>
    <t>634.577</t>
  </si>
  <si>
    <t>6686768.0</t>
  </si>
  <si>
    <t>638.837</t>
  </si>
  <si>
    <t>42453.0</t>
  </si>
  <si>
    <t>6731352.0</t>
  </si>
  <si>
    <t>643.096</t>
  </si>
  <si>
    <t>6775936.0</t>
  </si>
  <si>
    <t>647.356</t>
  </si>
  <si>
    <t>43874.0</t>
  </si>
  <si>
    <t>6820520.0</t>
  </si>
  <si>
    <t>651.615</t>
  </si>
  <si>
    <t>1460224.0</t>
  </si>
  <si>
    <t>942757.0</t>
  </si>
  <si>
    <t>391024.0</t>
  </si>
  <si>
    <t>8567.1</t>
  </si>
  <si>
    <t>812.097504784419</t>
  </si>
  <si>
    <t>6869080.0</t>
  </si>
  <si>
    <t>48560.0</t>
  </si>
  <si>
    <t>656.255</t>
  </si>
  <si>
    <t>6917640.0</t>
  </si>
  <si>
    <t>660.894</t>
  </si>
  <si>
    <t>6966200.0</t>
  </si>
  <si>
    <t>665.533</t>
  </si>
  <si>
    <t>17014.0</t>
  </si>
  <si>
    <t>7014760.0</t>
  </si>
  <si>
    <t>670.172</t>
  </si>
  <si>
    <t>7063320.0</t>
  </si>
  <si>
    <t>674.812</t>
  </si>
  <si>
    <t>7111880.0</t>
  </si>
  <si>
    <t>679.451</t>
  </si>
  <si>
    <t>7160440.0</t>
  </si>
  <si>
    <t>684.09</t>
  </si>
  <si>
    <t>1659124.0</t>
  </si>
  <si>
    <t>1067896.0</t>
  </si>
  <si>
    <t>455520.0</t>
  </si>
  <si>
    <t>8520.1</t>
  </si>
  <si>
    <t>807.642253564651</t>
  </si>
  <si>
    <t>7206843.0</t>
  </si>
  <si>
    <t>46403.0</t>
  </si>
  <si>
    <t>688.524</t>
  </si>
  <si>
    <t>7253246.0</t>
  </si>
  <si>
    <t>692.957</t>
  </si>
  <si>
    <t>31179.0</t>
  </si>
  <si>
    <t>7299649.0</t>
  </si>
  <si>
    <t>697.39</t>
  </si>
  <si>
    <t>31.471</t>
  </si>
  <si>
    <t>7346052.0</t>
  </si>
  <si>
    <t>701.823</t>
  </si>
  <si>
    <t>7392455.0</t>
  </si>
  <si>
    <t>706.256</t>
  </si>
  <si>
    <t>35326.0</t>
  </si>
  <si>
    <t>7438858.0</t>
  </si>
  <si>
    <t>710.69</t>
  </si>
  <si>
    <t>46711.0</t>
  </si>
  <si>
    <t>7485261.0</t>
  </si>
  <si>
    <t>715.123</t>
  </si>
  <si>
    <t>1925758.0</t>
  </si>
  <si>
    <t>1261166.0</t>
  </si>
  <si>
    <t>520505.0</t>
  </si>
  <si>
    <t>8400.3</t>
  </si>
  <si>
    <t>796.286102583202</t>
  </si>
  <si>
    <t>7529920.0</t>
  </si>
  <si>
    <t>719.39</t>
  </si>
  <si>
    <t>46154.0</t>
  </si>
  <si>
    <t>7574579.0</t>
  </si>
  <si>
    <t>723.656</t>
  </si>
  <si>
    <t>41381.0</t>
  </si>
  <si>
    <t>7619238.0</t>
  </si>
  <si>
    <t>727.923</t>
  </si>
  <si>
    <t>43026.0</t>
  </si>
  <si>
    <t>7663897.0</t>
  </si>
  <si>
    <t>732.189</t>
  </si>
  <si>
    <t>7708556.0</t>
  </si>
  <si>
    <t>736.456</t>
  </si>
  <si>
    <t>45157.0</t>
  </si>
  <si>
    <t>7753215.0</t>
  </si>
  <si>
    <t>740.723</t>
  </si>
  <si>
    <t>7797874.0</t>
  </si>
  <si>
    <t>744.989</t>
  </si>
  <si>
    <t>2272996.0</t>
  </si>
  <si>
    <t>1509425.0</t>
  </si>
  <si>
    <t>611006.0</t>
  </si>
  <si>
    <t>8331.8</t>
  </si>
  <si>
    <t>789.792810911839</t>
  </si>
  <si>
    <t>7846532.0</t>
  </si>
  <si>
    <t>749.638</t>
  </si>
  <si>
    <t>45230.0</t>
  </si>
  <si>
    <t>7895190.0</t>
  </si>
  <si>
    <t>754.287</t>
  </si>
  <si>
    <t>7943848.0</t>
  </si>
  <si>
    <t>758.935</t>
  </si>
  <si>
    <t>45028.0</t>
  </si>
  <si>
    <t>7992506.0</t>
  </si>
  <si>
    <t>763.584</t>
  </si>
  <si>
    <t>46944.0</t>
  </si>
  <si>
    <t>60146.0</t>
  </si>
  <si>
    <t>48216.0</t>
  </si>
  <si>
    <t>768.232</t>
  </si>
  <si>
    <t>8089822.0</t>
  </si>
  <si>
    <t>772.881</t>
  </si>
  <si>
    <t>65417.0</t>
  </si>
  <si>
    <t>8138480.0</t>
  </si>
  <si>
    <t>777.53</t>
  </si>
  <si>
    <t>2749361.0</t>
  </si>
  <si>
    <t>1913873.0</t>
  </si>
  <si>
    <t>675258.0</t>
  </si>
  <si>
    <t>57778.0</t>
  </si>
  <si>
    <t>8274.3</t>
  </si>
  <si>
    <t>784.34223761106</t>
  </si>
  <si>
    <t>8185116.0</t>
  </si>
  <si>
    <t>781.985</t>
  </si>
  <si>
    <t>48369.0</t>
  </si>
  <si>
    <t>67347.0</t>
  </si>
  <si>
    <t>57678.0</t>
  </si>
  <si>
    <t>8231752.0</t>
  </si>
  <si>
    <t>786.441</t>
  </si>
  <si>
    <t>57577.0</t>
  </si>
  <si>
    <t>8278388.0</t>
  </si>
  <si>
    <t>790.896</t>
  </si>
  <si>
    <t>65937.0</t>
  </si>
  <si>
    <t>57477.0</t>
  </si>
  <si>
    <t>8325024.0</t>
  </si>
  <si>
    <t>795.352</t>
  </si>
  <si>
    <t>57376.0</t>
  </si>
  <si>
    <t>8371660.0</t>
  </si>
  <si>
    <t>799.807</t>
  </si>
  <si>
    <t>47214.0</t>
  </si>
  <si>
    <t>64527.0</t>
  </si>
  <si>
    <t>8418296.0</t>
  </si>
  <si>
    <t>804.263</t>
  </si>
  <si>
    <t>63822.0</t>
  </si>
  <si>
    <t>8464932.0</t>
  </si>
  <si>
    <t>808.718</t>
  </si>
  <si>
    <t>3191182.0</t>
  </si>
  <si>
    <t>2313394.0</t>
  </si>
  <si>
    <t>712259.0</t>
  </si>
  <si>
    <t>63117.0</t>
  </si>
  <si>
    <t>8233.6</t>
  </si>
  <si>
    <t>780.4841796399</t>
  </si>
  <si>
    <t>38.581</t>
  </si>
  <si>
    <t>8514307.0</t>
  </si>
  <si>
    <t>813.435</t>
  </si>
  <si>
    <t>8563682.0</t>
  </si>
  <si>
    <t>818.153</t>
  </si>
  <si>
    <t>8613057.0</t>
  </si>
  <si>
    <t>822.87</t>
  </si>
  <si>
    <t>60608.0</t>
  </si>
  <si>
    <t>8662432.0</t>
  </si>
  <si>
    <t>827.587</t>
  </si>
  <si>
    <t>48201.0</t>
  </si>
  <si>
    <t>59772.0</t>
  </si>
  <si>
    <t>8711807.0</t>
  </si>
  <si>
    <t>832.304</t>
  </si>
  <si>
    <t>48592.0</t>
  </si>
  <si>
    <t>8761182.0</t>
  </si>
  <si>
    <t>837.021</t>
  </si>
  <si>
    <t>48984.0</t>
  </si>
  <si>
    <t>58099.0</t>
  </si>
  <si>
    <t>8810557.0</t>
  </si>
  <si>
    <t>841.738</t>
  </si>
  <si>
    <t>3592018.0</t>
  </si>
  <si>
    <t>739004.0</t>
  </si>
  <si>
    <t>57262.0</t>
  </si>
  <si>
    <t>52954.0</t>
  </si>
  <si>
    <t>8187.5</t>
  </si>
  <si>
    <t>776.114241741362</t>
  </si>
  <si>
    <t>8861642.0</t>
  </si>
  <si>
    <t>51085.0</t>
  </si>
  <si>
    <t>846.619</t>
  </si>
  <si>
    <t>49619.0</t>
  </si>
  <si>
    <t>8912727.0</t>
  </si>
  <si>
    <t>851.499</t>
  </si>
  <si>
    <t>51773.0</t>
  </si>
  <si>
    <t>8963812.0</t>
  </si>
  <si>
    <t>856.38</t>
  </si>
  <si>
    <t>9014897.0</t>
  </si>
  <si>
    <t>861.26</t>
  </si>
  <si>
    <t>9065982.0</t>
  </si>
  <si>
    <t>866.141</t>
  </si>
  <si>
    <t>50001.0</t>
  </si>
  <si>
    <t>9117067.0</t>
  </si>
  <si>
    <t>871.022</t>
  </si>
  <si>
    <t>49410.0</t>
  </si>
  <si>
    <t>9168152.0</t>
  </si>
  <si>
    <t>875.902</t>
  </si>
  <si>
    <t>4051809.0</t>
  </si>
  <si>
    <t>3025808.0</t>
  </si>
  <si>
    <t>852674.0</t>
  </si>
  <si>
    <t>8251.2</t>
  </si>
  <si>
    <t>782.152529032834</t>
  </si>
  <si>
    <t>9209576.0</t>
  </si>
  <si>
    <t>9251000.0</t>
  </si>
  <si>
    <t>883.817</t>
  </si>
  <si>
    <t>48325.0</t>
  </si>
  <si>
    <t>9292424.0</t>
  </si>
  <si>
    <t>887.775</t>
  </si>
  <si>
    <t>46945.0</t>
  </si>
  <si>
    <t>44871.0</t>
  </si>
  <si>
    <t>9333848.0</t>
  </si>
  <si>
    <t>891.732</t>
  </si>
  <si>
    <t>45564.0</t>
  </si>
  <si>
    <t>9375272.0</t>
  </si>
  <si>
    <t>895.69</t>
  </si>
  <si>
    <t>9416696.0</t>
  </si>
  <si>
    <t>899.647</t>
  </si>
  <si>
    <t>42804.0</t>
  </si>
  <si>
    <t>9458120.0</t>
  </si>
  <si>
    <t>903.605</t>
  </si>
  <si>
    <t>4478647.0</t>
  </si>
  <si>
    <t>3303060.0</t>
  </si>
  <si>
    <t>998586.0</t>
  </si>
  <si>
    <t>8308.9</t>
  </si>
  <si>
    <t>787.622060849442</t>
  </si>
  <si>
    <t>9495630.0</t>
  </si>
  <si>
    <t>37510.0</t>
  </si>
  <si>
    <t>907.188</t>
  </si>
  <si>
    <t>61564.0</t>
  </si>
  <si>
    <t>9533140.0</t>
  </si>
  <si>
    <t>910.772</t>
  </si>
  <si>
    <t>38441.0</t>
  </si>
  <si>
    <t>9570650.0</t>
  </si>
  <si>
    <t>914.356</t>
  </si>
  <si>
    <t>39747.0</t>
  </si>
  <si>
    <t>62737.0</t>
  </si>
  <si>
    <t>9608160.0</t>
  </si>
  <si>
    <t>917.939</t>
  </si>
  <si>
    <t>9645670.0</t>
  </si>
  <si>
    <t>921.523</t>
  </si>
  <si>
    <t>9683180.0</t>
  </si>
  <si>
    <t>925.107</t>
  </si>
  <si>
    <t>64497.0</t>
  </si>
  <si>
    <t>36109.0</t>
  </si>
  <si>
    <t>9720690.0</t>
  </si>
  <si>
    <t>928.69</t>
  </si>
  <si>
    <t>4934236.0</t>
  </si>
  <si>
    <t>3551742.0</t>
  </si>
  <si>
    <t>1202151.0</t>
  </si>
  <si>
    <t>8320.8</t>
  </si>
  <si>
    <t>788.750092541256</t>
  </si>
  <si>
    <t>9753490.0</t>
  </si>
  <si>
    <t>32800.0</t>
  </si>
  <si>
    <t>931.824</t>
  </si>
  <si>
    <t>36837.0</t>
  </si>
  <si>
    <t>9786290.0</t>
  </si>
  <si>
    <t>934.957</t>
  </si>
  <si>
    <t>33351.0</t>
  </si>
  <si>
    <t>9819090.0</t>
  </si>
  <si>
    <t>938.091</t>
  </si>
  <si>
    <t>66945.0</t>
  </si>
  <si>
    <t>9851890.0</t>
  </si>
  <si>
    <t>941.225</t>
  </si>
  <si>
    <t>9884690.0</t>
  </si>
  <si>
    <t>944.358</t>
  </si>
  <si>
    <t>68186.0</t>
  </si>
  <si>
    <t>30087.0</t>
  </si>
  <si>
    <t>9917490.0</t>
  </si>
  <si>
    <t>9950290.0</t>
  </si>
  <si>
    <t>950.626</t>
  </si>
  <si>
    <t>5420227.0</t>
  </si>
  <si>
    <t>3747125.0</t>
  </si>
  <si>
    <t>1489393.0</t>
  </si>
  <si>
    <t>8306.3</t>
  </si>
  <si>
    <t>787.375600143668</t>
  </si>
  <si>
    <t>9977403.0</t>
  </si>
  <si>
    <t>953.216</t>
  </si>
  <si>
    <t>31988.0</t>
  </si>
  <si>
    <t>71478.0</t>
  </si>
  <si>
    <t>10004516.0</t>
  </si>
  <si>
    <t>955.806</t>
  </si>
  <si>
    <t>10031629.0</t>
  </si>
  <si>
    <t>75581.0</t>
  </si>
  <si>
    <t>10058742.0</t>
  </si>
  <si>
    <t>960.987</t>
  </si>
  <si>
    <t>77632.0</t>
  </si>
  <si>
    <t>10085855.0</t>
  </si>
  <si>
    <t>963.577</t>
  </si>
  <si>
    <t>10112968.0</t>
  </si>
  <si>
    <t>966.167</t>
  </si>
  <si>
    <t>81734.0</t>
  </si>
  <si>
    <t>10140081.0</t>
  </si>
  <si>
    <t>968.758</t>
  </si>
  <si>
    <t>6006721.0</t>
  </si>
  <si>
    <t>3963321.0</t>
  </si>
  <si>
    <t>1856396.0</t>
  </si>
  <si>
    <t>83785.0</t>
  </si>
  <si>
    <t>785.830481103621</t>
  </si>
  <si>
    <t>10162434.0</t>
  </si>
  <si>
    <t>970.893</t>
  </si>
  <si>
    <t>85743.0</t>
  </si>
  <si>
    <t>10184787.0</t>
  </si>
  <si>
    <t>973.029</t>
  </si>
  <si>
    <t>87702.0</t>
  </si>
  <si>
    <t>10207140.0</t>
  </si>
  <si>
    <t>975.164</t>
  </si>
  <si>
    <t>34126.0</t>
  </si>
  <si>
    <t>45.311</t>
  </si>
  <si>
    <t>10229493.0</t>
  </si>
  <si>
    <t>977.3</t>
  </si>
  <si>
    <t>91619.0</t>
  </si>
  <si>
    <t>35206.0</t>
  </si>
  <si>
    <t>10251846.0</t>
  </si>
  <si>
    <t>979.435</t>
  </si>
  <si>
    <t>42.562</t>
  </si>
  <si>
    <t>10274199.0</t>
  </si>
  <si>
    <t>981.571</t>
  </si>
  <si>
    <t>10296552.0</t>
  </si>
  <si>
    <t>983.707</t>
  </si>
  <si>
    <t>6689183.0</t>
  </si>
  <si>
    <t>4232447.0</t>
  </si>
  <si>
    <t>2266822.0</t>
  </si>
  <si>
    <t>8294.4</t>
  </si>
  <si>
    <t>786.247568451854</t>
  </si>
  <si>
    <t>10318198.0</t>
  </si>
  <si>
    <t>985.775</t>
  </si>
  <si>
    <t>99375.0</t>
  </si>
  <si>
    <t>10339844.0</t>
  </si>
  <si>
    <t>987.843</t>
  </si>
  <si>
    <t>10361490.0</t>
  </si>
  <si>
    <t>989.911</t>
  </si>
  <si>
    <t>22050.0</t>
  </si>
  <si>
    <t>40521.0</t>
  </si>
  <si>
    <t>10383136.0</t>
  </si>
  <si>
    <t>991.979</t>
  </si>
  <si>
    <t>105015.0</t>
  </si>
  <si>
    <t>10404782.0</t>
  </si>
  <si>
    <t>994.047</t>
  </si>
  <si>
    <t>106895.0</t>
  </si>
  <si>
    <t>10426428.0</t>
  </si>
  <si>
    <t>996.115</t>
  </si>
  <si>
    <t>21747.0</t>
  </si>
  <si>
    <t>108775.0</t>
  </si>
  <si>
    <t>10448074.0</t>
  </si>
  <si>
    <t>998.183</t>
  </si>
  <si>
    <t>7463765.0</t>
  </si>
  <si>
    <t>4535460.0</t>
  </si>
  <si>
    <t>2735238.0</t>
  </si>
  <si>
    <t>43288.0</t>
  </si>
  <si>
    <t>8269.8</t>
  </si>
  <si>
    <t>783.915671004912</t>
  </si>
  <si>
    <t>10463247.0</t>
  </si>
  <si>
    <t>999.632</t>
  </si>
  <si>
    <t>107885.0</t>
  </si>
  <si>
    <t>10478420.0</t>
  </si>
  <si>
    <t>1001.082</t>
  </si>
  <si>
    <t>10493593.0</t>
  </si>
  <si>
    <t>1002.531</t>
  </si>
  <si>
    <t>102345.0</t>
  </si>
  <si>
    <t>42433.0</t>
  </si>
  <si>
    <t>10508766.0</t>
  </si>
  <si>
    <t>1003.981</t>
  </si>
  <si>
    <t>42148.0</t>
  </si>
  <si>
    <t>10523939.0</t>
  </si>
  <si>
    <t>1005.431</t>
  </si>
  <si>
    <t>96805.0</t>
  </si>
  <si>
    <t>10539112.0</t>
  </si>
  <si>
    <t>1006.88</t>
  </si>
  <si>
    <t>94035.0</t>
  </si>
  <si>
    <t>41578.0</t>
  </si>
  <si>
    <t>10554285.0</t>
  </si>
  <si>
    <t>1008.33</t>
  </si>
  <si>
    <t>4824513.0</t>
  </si>
  <si>
    <t>3082778.0</t>
  </si>
  <si>
    <t>91265.0</t>
  </si>
  <si>
    <t>8256.8</t>
  </si>
  <si>
    <t>782.683367476041</t>
  </si>
  <si>
    <t>10569335.0</t>
  </si>
  <si>
    <t>1009.768</t>
  </si>
  <si>
    <t>93222.0</t>
  </si>
  <si>
    <t>10584385.0</t>
  </si>
  <si>
    <t>1011.205</t>
  </si>
  <si>
    <t>95179.0</t>
  </si>
  <si>
    <t>10599435.0</t>
  </si>
  <si>
    <t>1012.643</t>
  </si>
  <si>
    <t>48807.0</t>
  </si>
  <si>
    <t>10614485.0</t>
  </si>
  <si>
    <t>1014.081</t>
  </si>
  <si>
    <t>99094.0</t>
  </si>
  <si>
    <t>51311.0</t>
  </si>
  <si>
    <t>10629535.0</t>
  </si>
  <si>
    <t>1015.519</t>
  </si>
  <si>
    <t>101051.0</t>
  </si>
  <si>
    <t>10644585.0</t>
  </si>
  <si>
    <t>1016.957</t>
  </si>
  <si>
    <t>103008.0</t>
  </si>
  <si>
    <t>19.053</t>
  </si>
  <si>
    <t>10659635.0</t>
  </si>
  <si>
    <t>1018.395</t>
  </si>
  <si>
    <t>8837374.0</t>
  </si>
  <si>
    <t>5236285.0</t>
  </si>
  <si>
    <t>3404007.0</t>
  </si>
  <si>
    <t>58825.0</t>
  </si>
  <si>
    <t>8216.5</t>
  </si>
  <si>
    <t>778.863226536538</t>
  </si>
  <si>
    <t>10671070.0</t>
  </si>
  <si>
    <t>1019.487</t>
  </si>
  <si>
    <t>102182.0</t>
  </si>
  <si>
    <t>58325.0</t>
  </si>
  <si>
    <t>10682505.0</t>
  </si>
  <si>
    <t>1020.58</t>
  </si>
  <si>
    <t>99400.0</t>
  </si>
  <si>
    <t>10693940.0</t>
  </si>
  <si>
    <t>1021.672</t>
  </si>
  <si>
    <t>96617.0</t>
  </si>
  <si>
    <t>10705375.0</t>
  </si>
  <si>
    <t>1022.764</t>
  </si>
  <si>
    <t>93834.0</t>
  </si>
  <si>
    <t>56828.0</t>
  </si>
  <si>
    <t>10716810.0</t>
  </si>
  <si>
    <t>1023.857</t>
  </si>
  <si>
    <t>91052.0</t>
  </si>
  <si>
    <t>14.503</t>
  </si>
  <si>
    <t>10728245.0</t>
  </si>
  <si>
    <t>1024.949</t>
  </si>
  <si>
    <t>88269.0</t>
  </si>
  <si>
    <t>10739680.0</t>
  </si>
  <si>
    <t>1026.042</t>
  </si>
  <si>
    <t>9435779.0</t>
  </si>
  <si>
    <t>5623594.0</t>
  </si>
  <si>
    <t>3613989.0</t>
  </si>
  <si>
    <t>85486.0</t>
  </si>
  <si>
    <t>55330.0</t>
  </si>
  <si>
    <t>8203.5</t>
  </si>
  <si>
    <t>777.630923007666</t>
  </si>
  <si>
    <t>10749972.0</t>
  </si>
  <si>
    <t>1027.025</t>
  </si>
  <si>
    <t>10760264.0</t>
  </si>
  <si>
    <t>1028.008</t>
  </si>
  <si>
    <t>10770556.0</t>
  </si>
  <si>
    <t>1028.992</t>
  </si>
  <si>
    <t>10780848.0</t>
  </si>
  <si>
    <t>78387.0</t>
  </si>
  <si>
    <t>10791140.0</t>
  </si>
  <si>
    <t>1030.958</t>
  </si>
  <si>
    <t>76612.0</t>
  </si>
  <si>
    <t>10801432.0</t>
  </si>
  <si>
    <t>1031.942</t>
  </si>
  <si>
    <t>10811724.0</t>
  </si>
  <si>
    <t>1032.925</t>
  </si>
  <si>
    <t>9947216.0</t>
  </si>
  <si>
    <t>5974388.0</t>
  </si>
  <si>
    <t>3773909.0</t>
  </si>
  <si>
    <t>73062.0</t>
  </si>
  <si>
    <t>50113.0</t>
  </si>
  <si>
    <t>8227.3</t>
  </si>
  <si>
    <t>779.886986391293</t>
  </si>
  <si>
    <t>12.987</t>
  </si>
  <si>
    <t>10822421.0</t>
  </si>
  <si>
    <t>1033.947</t>
  </si>
  <si>
    <t>47841.0</t>
  </si>
  <si>
    <t>10833118.0</t>
  </si>
  <si>
    <t>1034.969</t>
  </si>
  <si>
    <t>10843815.0</t>
  </si>
  <si>
    <t>1035.991</t>
  </si>
  <si>
    <t>43297.0</t>
  </si>
  <si>
    <t>10854512.0</t>
  </si>
  <si>
    <t>1037.013</t>
  </si>
  <si>
    <t>67656.0</t>
  </si>
  <si>
    <t>10865209.0</t>
  </si>
  <si>
    <t>1038.035</t>
  </si>
  <si>
    <t>10875906.0</t>
  </si>
  <si>
    <t>1039.057</t>
  </si>
  <si>
    <t>64952.0</t>
  </si>
  <si>
    <t>10886603.0</t>
  </si>
  <si>
    <t>1040.079</t>
  </si>
  <si>
    <t>10392420.0</t>
  </si>
  <si>
    <t>6213846.0</t>
  </si>
  <si>
    <t>3979059.0</t>
  </si>
  <si>
    <t>63601.0</t>
  </si>
  <si>
    <t>98.51</t>
  </si>
  <si>
    <t>8202.1</t>
  </si>
  <si>
    <t>777.498213396865</t>
  </si>
  <si>
    <t>10897640.0</t>
  </si>
  <si>
    <t>1041.133</t>
  </si>
  <si>
    <t>10908677.0</t>
  </si>
  <si>
    <t>1042.187</t>
  </si>
  <si>
    <t>10919714.0</t>
  </si>
  <si>
    <t>1043.242</t>
  </si>
  <si>
    <t>10930751.0</t>
  </si>
  <si>
    <t>1044.296</t>
  </si>
  <si>
    <t>26078.0</t>
  </si>
  <si>
    <t>10941788.0</t>
  </si>
  <si>
    <t>1045.351</t>
  </si>
  <si>
    <t>10952825.0</t>
  </si>
  <si>
    <t>1046.405</t>
  </si>
  <si>
    <t>10963862.0</t>
  </si>
  <si>
    <t>1047.46</t>
  </si>
  <si>
    <t>10792423.0</t>
  </si>
  <si>
    <t>6353704.0</t>
  </si>
  <si>
    <t>4238726.0</t>
  </si>
  <si>
    <t>8261.4</t>
  </si>
  <si>
    <t>783.119413340103</t>
  </si>
  <si>
    <t>10976812.0</t>
  </si>
  <si>
    <t>1048.697</t>
  </si>
  <si>
    <t>57243.0</t>
  </si>
  <si>
    <t>10989762.0</t>
  </si>
  <si>
    <t>1049.934</t>
  </si>
  <si>
    <t>11002712.0</t>
  </si>
  <si>
    <t>1051.171</t>
  </si>
  <si>
    <t>57443.0</t>
  </si>
  <si>
    <t>11015662.0</t>
  </si>
  <si>
    <t>1052.409</t>
  </si>
  <si>
    <t>11028612.0</t>
  </si>
  <si>
    <t>1053.646</t>
  </si>
  <si>
    <t>11041562.0</t>
  </si>
  <si>
    <t>1054.883</t>
  </si>
  <si>
    <t>11054512.0</t>
  </si>
  <si>
    <t>1056.12</t>
  </si>
  <si>
    <t>11197321.0</t>
  </si>
  <si>
    <t>6462193.0</t>
  </si>
  <si>
    <t>57843.0</t>
  </si>
  <si>
    <t>775.972052872646</t>
  </si>
  <si>
    <t>11069351.0</t>
  </si>
  <si>
    <t>1057.538</t>
  </si>
  <si>
    <t>11084190.0</t>
  </si>
  <si>
    <t>1058.956</t>
  </si>
  <si>
    <t>11099029.0</t>
  </si>
  <si>
    <t>1060.373</t>
  </si>
  <si>
    <t>11113868.0</t>
  </si>
  <si>
    <t>1061.791</t>
  </si>
  <si>
    <t>63346.0</t>
  </si>
  <si>
    <t>11128707.0</t>
  </si>
  <si>
    <t>1063.209</t>
  </si>
  <si>
    <t>11143546.0</t>
  </si>
  <si>
    <t>1064.626</t>
  </si>
  <si>
    <t>66098.0</t>
  </si>
  <si>
    <t>11158385.0</t>
  </si>
  <si>
    <t>1066.044</t>
  </si>
  <si>
    <t>11669642.0</t>
  </si>
  <si>
    <t>6597034.0</t>
  </si>
  <si>
    <t>4871830.0</t>
  </si>
  <si>
    <t>67474.0</t>
  </si>
  <si>
    <t>110.62</t>
  </si>
  <si>
    <t>8270.4</t>
  </si>
  <si>
    <t>783.972546552399</t>
  </si>
  <si>
    <t>11175918.0</t>
  </si>
  <si>
    <t>1067.719</t>
  </si>
  <si>
    <t>68537.0</t>
  </si>
  <si>
    <t>11193451.0</t>
  </si>
  <si>
    <t>1069.394</t>
  </si>
  <si>
    <t>69599.0</t>
  </si>
  <si>
    <t>11210984.0</t>
  </si>
  <si>
    <t>1071.069</t>
  </si>
  <si>
    <t>70662.0</t>
  </si>
  <si>
    <t>11228517.0</t>
  </si>
  <si>
    <t>1072.744</t>
  </si>
  <si>
    <t>71724.0</t>
  </si>
  <si>
    <t>11246050.0</t>
  </si>
  <si>
    <t>1074.419</t>
  </si>
  <si>
    <t>11263583.0</t>
  </si>
  <si>
    <t>1076.094</t>
  </si>
  <si>
    <t>11281116.0</t>
  </si>
  <si>
    <t>1077.769</t>
  </si>
  <si>
    <t>12194022.0</t>
  </si>
  <si>
    <t>6706802.0</t>
  </si>
  <si>
    <t>5286067.0</t>
  </si>
  <si>
    <t>74911.0</t>
  </si>
  <si>
    <t>8312.8</t>
  </si>
  <si>
    <t>787.991751908104</t>
  </si>
  <si>
    <t>11307191.0</t>
  </si>
  <si>
    <t>1080.26</t>
  </si>
  <si>
    <t>73943.0</t>
  </si>
  <si>
    <t>11333266.0</t>
  </si>
  <si>
    <t>1082.752</t>
  </si>
  <si>
    <t>72974.0</t>
  </si>
  <si>
    <t>11359341.0</t>
  </si>
  <si>
    <t>1085.243</t>
  </si>
  <si>
    <t>11385416.0</t>
  </si>
  <si>
    <t>1087.734</t>
  </si>
  <si>
    <t>71036.0</t>
  </si>
  <si>
    <t>11411491.0</t>
  </si>
  <si>
    <t>1090.225</t>
  </si>
  <si>
    <t>11437566.0</t>
  </si>
  <si>
    <t>1092.716</t>
  </si>
  <si>
    <t>11463641.0</t>
  </si>
  <si>
    <t>1095.207</t>
  </si>
  <si>
    <t>12670934.0</t>
  </si>
  <si>
    <t>6795823.0</t>
  </si>
  <si>
    <t>5673609.0</t>
  </si>
  <si>
    <t>68130.0</t>
  </si>
  <si>
    <t>792.560754222844</t>
  </si>
  <si>
    <t>11497447.0</t>
  </si>
  <si>
    <t>1098.437</t>
  </si>
  <si>
    <t>11531253.0</t>
  </si>
  <si>
    <t>1101.667</t>
  </si>
  <si>
    <t>11565059.0</t>
  </si>
  <si>
    <t>1104.897</t>
  </si>
  <si>
    <t>61868.0</t>
  </si>
  <si>
    <t>11598865.0</t>
  </si>
  <si>
    <t>1108.126</t>
  </si>
  <si>
    <t>30493.0</t>
  </si>
  <si>
    <t>11632671.0</t>
  </si>
  <si>
    <t>1111.356</t>
  </si>
  <si>
    <t>11666477.0</t>
  </si>
  <si>
    <t>1114.586</t>
  </si>
  <si>
    <t>11700283.0</t>
  </si>
  <si>
    <t>1117.815</t>
  </si>
  <si>
    <t>13045558.0</t>
  </si>
  <si>
    <t>6870947.0</t>
  </si>
  <si>
    <t>5972419.0</t>
  </si>
  <si>
    <t>8378.1</t>
  </si>
  <si>
    <t>794.181707326206</t>
  </si>
  <si>
    <t>11737776.0</t>
  </si>
  <si>
    <t>1121.397</t>
  </si>
  <si>
    <t>11775269.0</t>
  </si>
  <si>
    <t>1124.979</t>
  </si>
  <si>
    <t>11812762.0</t>
  </si>
  <si>
    <t>1128.561</t>
  </si>
  <si>
    <t>11850255.0</t>
  </si>
  <si>
    <t>1132.143</t>
  </si>
  <si>
    <t>35913.0</t>
  </si>
  <si>
    <t>11887748.0</t>
  </si>
  <si>
    <t>1135.725</t>
  </si>
  <si>
    <t>11925241.0</t>
  </si>
  <si>
    <t>1139.307</t>
  </si>
  <si>
    <t>11962734.0</t>
  </si>
  <si>
    <t>1142.889</t>
  </si>
  <si>
    <t>13331079.0</t>
  </si>
  <si>
    <t>6936560.0</t>
  </si>
  <si>
    <t>6190250.0</t>
  </si>
  <si>
    <t>8451.7</t>
  </si>
  <si>
    <t>801.158441151203</t>
  </si>
  <si>
    <t>11989359.0</t>
  </si>
  <si>
    <t>1145.433</t>
  </si>
  <si>
    <t>39854.0</t>
  </si>
  <si>
    <t>12015984.0</t>
  </si>
  <si>
    <t>1147.977</t>
  </si>
  <si>
    <t>12042609.0</t>
  </si>
  <si>
    <t>1150.52</t>
  </si>
  <si>
    <t>12069234.0</t>
  </si>
  <si>
    <t>1153.064</t>
  </si>
  <si>
    <t>12095859.0</t>
  </si>
  <si>
    <t>1155.608</t>
  </si>
  <si>
    <t>36116.0</t>
  </si>
  <si>
    <t>12122484.0</t>
  </si>
  <si>
    <t>1158.151</t>
  </si>
  <si>
    <t>12149109.0</t>
  </si>
  <si>
    <t>1160.695</t>
  </si>
  <si>
    <t>13570805.0</t>
  </si>
  <si>
    <t>6993091.0</t>
  </si>
  <si>
    <t>6366781.0</t>
  </si>
  <si>
    <t>8592.5</t>
  </si>
  <si>
    <t>814.505236294676</t>
  </si>
  <si>
    <t>12172236.0</t>
  </si>
  <si>
    <t>1162.905</t>
  </si>
  <si>
    <t>33133.0</t>
  </si>
  <si>
    <t>12195363.0</t>
  </si>
  <si>
    <t>1165.114</t>
  </si>
  <si>
    <t>12218490.0</t>
  </si>
  <si>
    <t>1167.324</t>
  </si>
  <si>
    <t>12241617.0</t>
  </si>
  <si>
    <t>1169.533</t>
  </si>
  <si>
    <t>12264744.0</t>
  </si>
  <si>
    <t>1171.743</t>
  </si>
  <si>
    <t>12287871.0</t>
  </si>
  <si>
    <t>1173.952</t>
  </si>
  <si>
    <t>12310998.0</t>
  </si>
  <si>
    <t>1176.162</t>
  </si>
  <si>
    <t>13755965.0</t>
  </si>
  <si>
    <t>7037766.0</t>
  </si>
  <si>
    <t>6497984.0</t>
  </si>
  <si>
    <t>8686.1</t>
  </si>
  <si>
    <t>823.377821702553</t>
  </si>
  <si>
    <t>12331459.0</t>
  </si>
  <si>
    <t>1178.116</t>
  </si>
  <si>
    <t>12351920.0</t>
  </si>
  <si>
    <t>1180.071</t>
  </si>
  <si>
    <t>12372381.0</t>
  </si>
  <si>
    <t>1182.026</t>
  </si>
  <si>
    <t>12392842.0</t>
  </si>
  <si>
    <t>1183.981</t>
  </si>
  <si>
    <t>12413303.0</t>
  </si>
  <si>
    <t>12433764.0</t>
  </si>
  <si>
    <t>1187.89</t>
  </si>
  <si>
    <t>12454225.0</t>
  </si>
  <si>
    <t>1189.845</t>
  </si>
  <si>
    <t>13911710.0</t>
  </si>
  <si>
    <t>7071936.0</t>
  </si>
  <si>
    <t>6607095.0</t>
  </si>
  <si>
    <t>8800.7</t>
  </si>
  <si>
    <t>834.241051272453</t>
  </si>
  <si>
    <t>12474223.0</t>
  </si>
  <si>
    <t>19998.0</t>
  </si>
  <si>
    <t>1191.756</t>
  </si>
  <si>
    <t>12494221.0</t>
  </si>
  <si>
    <t>1193.666</t>
  </si>
  <si>
    <t>12514219.0</t>
  </si>
  <si>
    <t>1195.577</t>
  </si>
  <si>
    <t>12534217.0</t>
  </si>
  <si>
    <t>1197.487</t>
  </si>
  <si>
    <t>12554215.0</t>
  </si>
  <si>
    <t>1199.398</t>
  </si>
  <si>
    <t>12574213.0</t>
  </si>
  <si>
    <t>1201.309</t>
  </si>
  <si>
    <t>12594211.0</t>
  </si>
  <si>
    <t>1203.219</t>
  </si>
  <si>
    <t>14057867.0</t>
  </si>
  <si>
    <t>7105443.0</t>
  </si>
  <si>
    <t>6683229.0</t>
  </si>
  <si>
    <t>8805.6</t>
  </si>
  <si>
    <t>834.705534910259</t>
  </si>
  <si>
    <t>12614773.0</t>
  </si>
  <si>
    <t>1205.184</t>
  </si>
  <si>
    <t>12635335.0</t>
  </si>
  <si>
    <t>1207.148</t>
  </si>
  <si>
    <t>12655897.0</t>
  </si>
  <si>
    <t>1209.112</t>
  </si>
  <si>
    <t>12676459.0</t>
  </si>
  <si>
    <t>1211.077</t>
  </si>
  <si>
    <t>12697021.0</t>
  </si>
  <si>
    <t>1213.041</t>
  </si>
  <si>
    <t>12717583.0</t>
  </si>
  <si>
    <t>1215.006</t>
  </si>
  <si>
    <t>12738145.0</t>
  </si>
  <si>
    <t>1216.97</t>
  </si>
  <si>
    <t>14264691.0</t>
  </si>
  <si>
    <t>7182505.0</t>
  </si>
  <si>
    <t>6743832.0</t>
  </si>
  <si>
    <t>8838.9</t>
  </si>
  <si>
    <t>837.862127795753</t>
  </si>
  <si>
    <t>12756255.0</t>
  </si>
  <si>
    <t>1218.7</t>
  </si>
  <si>
    <t>29434.0</t>
  </si>
  <si>
    <t>12774365.0</t>
  </si>
  <si>
    <t>1220.431</t>
  </si>
  <si>
    <t>12792475.0</t>
  </si>
  <si>
    <t>1222.161</t>
  </si>
  <si>
    <t>12810585.0</t>
  </si>
  <si>
    <t>1223.891</t>
  </si>
  <si>
    <t>12828695.0</t>
  </si>
  <si>
    <t>1225.621</t>
  </si>
  <si>
    <t>12846805.0</t>
  </si>
  <si>
    <t>1227.351</t>
  </si>
  <si>
    <t>12864915.0</t>
  </si>
  <si>
    <t>1229.081</t>
  </si>
  <si>
    <t>14466006.0</t>
  </si>
  <si>
    <t>7264221.0</t>
  </si>
  <si>
    <t>6791769.0</t>
  </si>
  <si>
    <t>8936.8</t>
  </si>
  <si>
    <t>847.142321293949</t>
  </si>
  <si>
    <t>12882884.0</t>
  </si>
  <si>
    <t>1230.798</t>
  </si>
  <si>
    <t>12900853.0</t>
  </si>
  <si>
    <t>1232.515</t>
  </si>
  <si>
    <t>12918822.0</t>
  </si>
  <si>
    <t>1234.232</t>
  </si>
  <si>
    <t>12936791.0</t>
  </si>
  <si>
    <t>1235.948</t>
  </si>
  <si>
    <t>12954760.0</t>
  </si>
  <si>
    <t>1237.665</t>
  </si>
  <si>
    <t>12972729.0</t>
  </si>
  <si>
    <t>1239.382</t>
  </si>
  <si>
    <t>12990698.0</t>
  </si>
  <si>
    <t>1241.098</t>
  </si>
  <si>
    <t>14669157.0</t>
  </si>
  <si>
    <t>7332225.0</t>
  </si>
  <si>
    <t>6839518.0</t>
  </si>
  <si>
    <t>8986.5</t>
  </si>
  <si>
    <t>851.853512477405</t>
  </si>
  <si>
    <t>13003518.0</t>
  </si>
  <si>
    <t>1242.323</t>
  </si>
  <si>
    <t>27542.0</t>
  </si>
  <si>
    <t>13016338.0</t>
  </si>
  <si>
    <t>1243.548</t>
  </si>
  <si>
    <t>13029158.0</t>
  </si>
  <si>
    <t>1244.773</t>
  </si>
  <si>
    <t>13041978.0</t>
  </si>
  <si>
    <t>1245.998</t>
  </si>
  <si>
    <t>13054798.0</t>
  </si>
  <si>
    <t>1247.222</t>
  </si>
  <si>
    <t>13067618.0</t>
  </si>
  <si>
    <t>1248.447</t>
  </si>
  <si>
    <t>13080438.0</t>
  </si>
  <si>
    <t>1249.672</t>
  </si>
  <si>
    <t>14799809.0</t>
  </si>
  <si>
    <t>7350739.0</t>
  </si>
  <si>
    <t>6870821.0</t>
  </si>
  <si>
    <t>140.29</t>
  </si>
  <si>
    <t>9104.6</t>
  </si>
  <si>
    <t>863.04851607431</t>
  </si>
  <si>
    <t>13095348.0</t>
  </si>
  <si>
    <t>1251.096</t>
  </si>
  <si>
    <t>13110258.0</t>
  </si>
  <si>
    <t>1252.521</t>
  </si>
  <si>
    <t>13125168.0</t>
  </si>
  <si>
    <t>1253.945</t>
  </si>
  <si>
    <t>13140078.0</t>
  </si>
  <si>
    <t>1255.37</t>
  </si>
  <si>
    <t>33674.0</t>
  </si>
  <si>
    <t>13154988.0</t>
  </si>
  <si>
    <t>1256.794</t>
  </si>
  <si>
    <t>37427.0</t>
  </si>
  <si>
    <t>13169898.0</t>
  </si>
  <si>
    <t>1258.219</t>
  </si>
  <si>
    <t>13184808.0</t>
  </si>
  <si>
    <t>1259.643</t>
  </si>
  <si>
    <t>15114328.0</t>
  </si>
  <si>
    <t>7393270.0</t>
  </si>
  <si>
    <t>6925345.0</t>
  </si>
  <si>
    <t>44931.0</t>
  </si>
  <si>
    <t>9195.3</t>
  </si>
  <si>
    <t>871.646203002669</t>
  </si>
  <si>
    <t>13202924.0</t>
  </si>
  <si>
    <t>1261.374</t>
  </si>
  <si>
    <t>46775.0</t>
  </si>
  <si>
    <t>13221040.0</t>
  </si>
  <si>
    <t>1263.105</t>
  </si>
  <si>
    <t>13239156.0</t>
  </si>
  <si>
    <t>1264.836</t>
  </si>
  <si>
    <t>13257272.0</t>
  </si>
  <si>
    <t>1266.566</t>
  </si>
  <si>
    <t>52305.0</t>
  </si>
  <si>
    <t>13275388.0</t>
  </si>
  <si>
    <t>1268.297</t>
  </si>
  <si>
    <t>13293504.0</t>
  </si>
  <si>
    <t>1270.028</t>
  </si>
  <si>
    <t>55992.0</t>
  </si>
  <si>
    <t>13311620.0</t>
  </si>
  <si>
    <t>1271.759</t>
  </si>
  <si>
    <t>15519177.0</t>
  </si>
  <si>
    <t>7436496.0</t>
  </si>
  <si>
    <t>6990188.0</t>
  </si>
  <si>
    <t>9269.2</t>
  </si>
  <si>
    <t>878.651374601409</t>
  </si>
  <si>
    <t>13344865.0</t>
  </si>
  <si>
    <t>1274.935</t>
  </si>
  <si>
    <t>13378110.0</t>
  </si>
  <si>
    <t>1278.111</t>
  </si>
  <si>
    <t>58770.0</t>
  </si>
  <si>
    <t>13411355.0</t>
  </si>
  <si>
    <t>1281.287</t>
  </si>
  <si>
    <t>59237.0</t>
  </si>
  <si>
    <t>13444600.0</t>
  </si>
  <si>
    <t>1284.463</t>
  </si>
  <si>
    <t>13477845.0</t>
  </si>
  <si>
    <t>1287.639</t>
  </si>
  <si>
    <t>60171.0</t>
  </si>
  <si>
    <t>13511090.0</t>
  </si>
  <si>
    <t>1290.815</t>
  </si>
  <si>
    <t>13544335.0</t>
  </si>
  <si>
    <t>1293.992</t>
  </si>
  <si>
    <t>15946917.0</t>
  </si>
  <si>
    <t>7481996.0</t>
  </si>
  <si>
    <t>7067142.0</t>
  </si>
  <si>
    <t>61106.0</t>
  </si>
  <si>
    <t>9320.7</t>
  </si>
  <si>
    <t>883.533192427324</t>
  </si>
  <si>
    <t>13584571.0</t>
  </si>
  <si>
    <t>40236.0</t>
  </si>
  <si>
    <t>1297.836</t>
  </si>
  <si>
    <t>13624807.0</t>
  </si>
  <si>
    <t>1301.68</t>
  </si>
  <si>
    <t>35242.0</t>
  </si>
  <si>
    <t>13665043.0</t>
  </si>
  <si>
    <t>1305.524</t>
  </si>
  <si>
    <t>36241.0</t>
  </si>
  <si>
    <t>13705279.0</t>
  </si>
  <si>
    <t>1309.368</t>
  </si>
  <si>
    <t>61621.0</t>
  </si>
  <si>
    <t>13745515.0</t>
  </si>
  <si>
    <t>1313.212</t>
  </si>
  <si>
    <t>61750.0</t>
  </si>
  <si>
    <t>13785751.0</t>
  </si>
  <si>
    <t>1317.056</t>
  </si>
  <si>
    <t>61879.0</t>
  </si>
  <si>
    <t>13825987.0</t>
  </si>
  <si>
    <t>1320.9</t>
  </si>
  <si>
    <t>16380972.0</t>
  </si>
  <si>
    <t>7528199.0</t>
  </si>
  <si>
    <t>7138326.0</t>
  </si>
  <si>
    <t>9387.2</t>
  </si>
  <si>
    <t>889.836898940399</t>
  </si>
  <si>
    <t>13875393.0</t>
  </si>
  <si>
    <t>49406.0</t>
  </si>
  <si>
    <t>1325.62</t>
  </si>
  <si>
    <t>62709.0</t>
  </si>
  <si>
    <t>13924799.0</t>
  </si>
  <si>
    <t>1330.34</t>
  </si>
  <si>
    <t>42856.0</t>
  </si>
  <si>
    <t>63410.0</t>
  </si>
  <si>
    <t>13974205.0</t>
  </si>
  <si>
    <t>1335.06</t>
  </si>
  <si>
    <t>64111.0</t>
  </si>
  <si>
    <t>14023611.0</t>
  </si>
  <si>
    <t>1339.78</t>
  </si>
  <si>
    <t>64813.0</t>
  </si>
  <si>
    <t>14073017.0</t>
  </si>
  <si>
    <t>1344.5</t>
  </si>
  <si>
    <t>46786.0</t>
  </si>
  <si>
    <t>14122423.0</t>
  </si>
  <si>
    <t>1349.221</t>
  </si>
  <si>
    <t>14171829.0</t>
  </si>
  <si>
    <t>1353.941</t>
  </si>
  <si>
    <t>16849386.0</t>
  </si>
  <si>
    <t>7575676.0</t>
  </si>
  <si>
    <t>7209193.0</t>
  </si>
  <si>
    <t>66916.0</t>
  </si>
  <si>
    <t>9520.7</t>
  </si>
  <si>
    <t>902.491708256121</t>
  </si>
  <si>
    <t>14228795.0</t>
  </si>
  <si>
    <t>1359.383</t>
  </si>
  <si>
    <t>68330.0</t>
  </si>
  <si>
    <t>14285761.0</t>
  </si>
  <si>
    <t>1364.826</t>
  </si>
  <si>
    <t>69744.0</t>
  </si>
  <si>
    <t>7.109</t>
  </si>
  <si>
    <t>14342727.0</t>
  </si>
  <si>
    <t>1370.268</t>
  </si>
  <si>
    <t>52646.0</t>
  </si>
  <si>
    <t>14399693.0</t>
  </si>
  <si>
    <t>1375.71</t>
  </si>
  <si>
    <t>72573.0</t>
  </si>
  <si>
    <t>14456659.0</t>
  </si>
  <si>
    <t>1381.153</t>
  </si>
  <si>
    <t>73987.0</t>
  </si>
  <si>
    <t>14513625.0</t>
  </si>
  <si>
    <t>1386.595</t>
  </si>
  <si>
    <t>55886.0</t>
  </si>
  <si>
    <t>14570591.0</t>
  </si>
  <si>
    <t>1392.037</t>
  </si>
  <si>
    <t>17387089.0</t>
  </si>
  <si>
    <t>7618770.0</t>
  </si>
  <si>
    <t>7272510.0</t>
  </si>
  <si>
    <t>9664.6</t>
  </si>
  <si>
    <t>916.13236039494</t>
  </si>
  <si>
    <t>14620146.0</t>
  </si>
  <si>
    <t>1396.772</t>
  </si>
  <si>
    <t>14669701.0</t>
  </si>
  <si>
    <t>1401.506</t>
  </si>
  <si>
    <t>64237.0</t>
  </si>
  <si>
    <t>14719256.0</t>
  </si>
  <si>
    <t>1406.241</t>
  </si>
  <si>
    <t>14768811.0</t>
  </si>
  <si>
    <t>1410.975</t>
  </si>
  <si>
    <t>52731.0</t>
  </si>
  <si>
    <t>14818366.0</t>
  </si>
  <si>
    <t>1415.709</t>
  </si>
  <si>
    <t>51672.0</t>
  </si>
  <si>
    <t>14867921.0</t>
  </si>
  <si>
    <t>1420.444</t>
  </si>
  <si>
    <t>14917476.0</t>
  </si>
  <si>
    <t>1425.178</t>
  </si>
  <si>
    <t>17616628.0</t>
  </si>
  <si>
    <t>7636328.0</t>
  </si>
  <si>
    <t>7298715.0</t>
  </si>
  <si>
    <t>9791.5</t>
  </si>
  <si>
    <t>928.161538688312</t>
  </si>
  <si>
    <t>14965631.0</t>
  </si>
  <si>
    <t>1429.779</t>
  </si>
  <si>
    <t>49355.0</t>
  </si>
  <si>
    <t>15013786.0</t>
  </si>
  <si>
    <t>1434.379</t>
  </si>
  <si>
    <t>65.596</t>
  </si>
  <si>
    <t>15061941.0</t>
  </si>
  <si>
    <t>1438.98</t>
  </si>
  <si>
    <t>15110096.0</t>
  </si>
  <si>
    <t>1443.58</t>
  </si>
  <si>
    <t>15158251.0</t>
  </si>
  <si>
    <t>1448.181</t>
  </si>
  <si>
    <t>15206406.0</t>
  </si>
  <si>
    <t>1452.782</t>
  </si>
  <si>
    <t>15254561.0</t>
  </si>
  <si>
    <t>1457.382</t>
  </si>
  <si>
    <t>17767838.0</t>
  </si>
  <si>
    <t>7648259.0</t>
  </si>
  <si>
    <t>7316011.0</t>
  </si>
  <si>
    <t>9983.9</t>
  </si>
  <si>
    <t>946.399630915614</t>
  </si>
  <si>
    <t>15315802.0</t>
  </si>
  <si>
    <t>1463.233</t>
  </si>
  <si>
    <t>15377043.0</t>
  </si>
  <si>
    <t>1469.084</t>
  </si>
  <si>
    <t>51894.0</t>
  </si>
  <si>
    <t>15438284.0</t>
  </si>
  <si>
    <t>1474.935</t>
  </si>
  <si>
    <t>53763.0</t>
  </si>
  <si>
    <t>15499525.0</t>
  </si>
  <si>
    <t>1480.785</t>
  </si>
  <si>
    <t>55633.0</t>
  </si>
  <si>
    <t>15560766.0</t>
  </si>
  <si>
    <t>1486.636</t>
  </si>
  <si>
    <t>0.2531</t>
  </si>
  <si>
    <t>15622007.0</t>
  </si>
  <si>
    <t>1492.487</t>
  </si>
  <si>
    <t>59372.0</t>
  </si>
  <si>
    <t>31921.0</t>
  </si>
  <si>
    <t>15683248.0</t>
  </si>
  <si>
    <t>1498.338</t>
  </si>
  <si>
    <t>18003327.0</t>
  </si>
  <si>
    <t>7664037.0</t>
  </si>
  <si>
    <t>7343146.0</t>
  </si>
  <si>
    <t>33641.0</t>
  </si>
  <si>
    <t>170.66</t>
  </si>
  <si>
    <t>957.594634512518</t>
  </si>
  <si>
    <t>15758124.0</t>
  </si>
  <si>
    <t>1505.491</t>
  </si>
  <si>
    <t>63189.0</t>
  </si>
  <si>
    <t>15833000.0</t>
  </si>
  <si>
    <t>1512.645</t>
  </si>
  <si>
    <t>65137.0</t>
  </si>
  <si>
    <t>43335.0</t>
  </si>
  <si>
    <t>15907876.0</t>
  </si>
  <si>
    <t>1519.798</t>
  </si>
  <si>
    <t>48182.0</t>
  </si>
  <si>
    <t>15982752.0</t>
  </si>
  <si>
    <t>1526.952</t>
  </si>
  <si>
    <t>69032.0</t>
  </si>
  <si>
    <t>16057628.0</t>
  </si>
  <si>
    <t>1534.105</t>
  </si>
  <si>
    <t>16132504.0</t>
  </si>
  <si>
    <t>1541.259</t>
  </si>
  <si>
    <t>62723.0</t>
  </si>
  <si>
    <t>16207380.0</t>
  </si>
  <si>
    <t>1548.412</t>
  </si>
  <si>
    <t>18476315.0</t>
  </si>
  <si>
    <t>7689679.0</t>
  </si>
  <si>
    <t>7396889.0</t>
  </si>
  <si>
    <t>67570.0</t>
  </si>
  <si>
    <t>10209.3</t>
  </si>
  <si>
    <t>967.765878254668</t>
  </si>
  <si>
    <t>16294533.0</t>
  </si>
  <si>
    <t>87153.0</t>
  </si>
  <si>
    <t>1556.739</t>
  </si>
  <si>
    <t>16381686.0</t>
  </si>
  <si>
    <t>1565.065</t>
  </si>
  <si>
    <t>16468839.0</t>
  </si>
  <si>
    <t>1573.391</t>
  </si>
  <si>
    <t>0.3407</t>
  </si>
  <si>
    <t>72127.0</t>
  </si>
  <si>
    <t>16555992.0</t>
  </si>
  <si>
    <t>1581.718</t>
  </si>
  <si>
    <t>81891.0</t>
  </si>
  <si>
    <t>16643145.0</t>
  </si>
  <si>
    <t>1590.044</t>
  </si>
  <si>
    <t>75165.0</t>
  </si>
  <si>
    <t>16730298.0</t>
  </si>
  <si>
    <t>1598.37</t>
  </si>
  <si>
    <t>85399.0</t>
  </si>
  <si>
    <t>16817451.0</t>
  </si>
  <si>
    <t>1606.697</t>
  </si>
  <si>
    <t>0.3666</t>
  </si>
  <si>
    <t>19023733.0</t>
  </si>
  <si>
    <t>7712620.0</t>
  </si>
  <si>
    <t>7440960.0</t>
  </si>
  <si>
    <t>78203.0</t>
  </si>
  <si>
    <t>10270.8</t>
  </si>
  <si>
    <t>973.595621872023</t>
  </si>
  <si>
    <t>16895302.0</t>
  </si>
  <si>
    <t>1614.134</t>
  </si>
  <si>
    <t>76582.0</t>
  </si>
  <si>
    <t>16973153.0</t>
  </si>
  <si>
    <t>1621.572</t>
  </si>
  <si>
    <t>74962.0</t>
  </si>
  <si>
    <t>17051004.0</t>
  </si>
  <si>
    <t>1629.01</t>
  </si>
  <si>
    <t>0.4692</t>
  </si>
  <si>
    <t>73342.0</t>
  </si>
  <si>
    <t>17128855.0</t>
  </si>
  <si>
    <t>1636.448</t>
  </si>
  <si>
    <t>0.4775</t>
  </si>
  <si>
    <t>71722.0</t>
  </si>
  <si>
    <t>17206706.0</t>
  </si>
  <si>
    <t>1643.885</t>
  </si>
  <si>
    <t>0.5083</t>
  </si>
  <si>
    <t>17284557.0</t>
  </si>
  <si>
    <t>1651.323</t>
  </si>
  <si>
    <t>0.5168</t>
  </si>
  <si>
    <t>68482.0</t>
  </si>
  <si>
    <t>17362408.0</t>
  </si>
  <si>
    <t>1658.761</t>
  </si>
  <si>
    <t>0.5256</t>
  </si>
  <si>
    <t>19491766.0</t>
  </si>
  <si>
    <t>7727578.0</t>
  </si>
  <si>
    <t>7467819.0</t>
  </si>
  <si>
    <t>66862.0</t>
  </si>
  <si>
    <t>10433.1</t>
  </si>
  <si>
    <t>988.980457467091</t>
  </si>
  <si>
    <t>17412238.0</t>
  </si>
  <si>
    <t>49830.0</t>
  </si>
  <si>
    <t>1663.521</t>
  </si>
  <si>
    <t>0.5541</t>
  </si>
  <si>
    <t>65274.0</t>
  </si>
  <si>
    <t>17462068.0</t>
  </si>
  <si>
    <t>1668.282</t>
  </si>
  <si>
    <t>69845.0</t>
  </si>
  <si>
    <t>0.5337</t>
  </si>
  <si>
    <t>17511898.0</t>
  </si>
  <si>
    <t>1673.042</t>
  </si>
  <si>
    <t>62099.0</t>
  </si>
  <si>
    <t>17561728.0</t>
  </si>
  <si>
    <t>1677.803</t>
  </si>
  <si>
    <t>0.5646</t>
  </si>
  <si>
    <t>60511.0</t>
  </si>
  <si>
    <t>17611558.0</t>
  </si>
  <si>
    <t>1682.564</t>
  </si>
  <si>
    <t>0.5368</t>
  </si>
  <si>
    <t>58923.0</t>
  </si>
  <si>
    <t>17661388.0</t>
  </si>
  <si>
    <t>1687.324</t>
  </si>
  <si>
    <t>0.5767</t>
  </si>
  <si>
    <t>17711218.0</t>
  </si>
  <si>
    <t>1692.085</t>
  </si>
  <si>
    <t>0.6231</t>
  </si>
  <si>
    <t>19882001.0</t>
  </si>
  <si>
    <t>7737829.0</t>
  </si>
  <si>
    <t>7488986.0</t>
  </si>
  <si>
    <t>55748.0</t>
  </si>
  <si>
    <t>10726.4</t>
  </si>
  <si>
    <t>1016.78312093002</t>
  </si>
  <si>
    <t>17732568.0</t>
  </si>
  <si>
    <t>1694.125</t>
  </si>
  <si>
    <t>0.6785</t>
  </si>
  <si>
    <t>17753918.0</t>
  </si>
  <si>
    <t>1696.164</t>
  </si>
  <si>
    <t>0.5844</t>
  </si>
  <si>
    <t>51972.0</t>
  </si>
  <si>
    <t>17775268.0</t>
  </si>
  <si>
    <t>1698.204</t>
  </si>
  <si>
    <t>0.5677</t>
  </si>
  <si>
    <t>50085.0</t>
  </si>
  <si>
    <t>17796618.0</t>
  </si>
  <si>
    <t>1700.244</t>
  </si>
  <si>
    <t>33556.0</t>
  </si>
  <si>
    <t>48197.0</t>
  </si>
  <si>
    <t>17817968.0</t>
  </si>
  <si>
    <t>1702.284</t>
  </si>
  <si>
    <t>46309.0</t>
  </si>
  <si>
    <t>17839318.0</t>
  </si>
  <si>
    <t>1704.323</t>
  </si>
  <si>
    <t>25419.0</t>
  </si>
  <si>
    <t>0.6157</t>
  </si>
  <si>
    <t>44422.0</t>
  </si>
  <si>
    <t>17860668.0</t>
  </si>
  <si>
    <t>1706.363</t>
  </si>
  <si>
    <t>20179739.0</t>
  </si>
  <si>
    <t>7746144.0</t>
  </si>
  <si>
    <t>7510323.0</t>
  </si>
  <si>
    <t>10838.3</t>
  </si>
  <si>
    <t>1027.39041053623</t>
  </si>
  <si>
    <t>17870901.0</t>
  </si>
  <si>
    <t>1707.341</t>
  </si>
  <si>
    <t>0.7919</t>
  </si>
  <si>
    <t>17881134.0</t>
  </si>
  <si>
    <t>1708.318</t>
  </si>
  <si>
    <t>0.4294</t>
  </si>
  <si>
    <t>17891367.0</t>
  </si>
  <si>
    <t>1709.296</t>
  </si>
  <si>
    <t>0.3603</t>
  </si>
  <si>
    <t>36591.0</t>
  </si>
  <si>
    <t>17901600.0</t>
  </si>
  <si>
    <t>1710.274</t>
  </si>
  <si>
    <t>17911833.0</t>
  </si>
  <si>
    <t>1711.251</t>
  </si>
  <si>
    <t>17922066.0</t>
  </si>
  <si>
    <t>1712.229</t>
  </si>
  <si>
    <t>17932299.0</t>
  </si>
  <si>
    <t>1713.207</t>
  </si>
  <si>
    <t>20380400.0</t>
  </si>
  <si>
    <t>7752162.0</t>
  </si>
  <si>
    <t>7527532.0</t>
  </si>
  <si>
    <t>28666.0</t>
  </si>
  <si>
    <t>1041.48606705494</t>
  </si>
  <si>
    <t>17940686.0</t>
  </si>
  <si>
    <t>17949073.0</t>
  </si>
  <si>
    <t>1714.809</t>
  </si>
  <si>
    <t>17957460.0</t>
  </si>
  <si>
    <t>1715.61</t>
  </si>
  <si>
    <t>17965847.0</t>
  </si>
  <si>
    <t>1716.412</t>
  </si>
  <si>
    <t>0.3003</t>
  </si>
  <si>
    <t>17974234.0</t>
  </si>
  <si>
    <t>1717.213</t>
  </si>
  <si>
    <t>17982621.0</t>
  </si>
  <si>
    <t>1718.014</t>
  </si>
  <si>
    <t>17991008.0</t>
  </si>
  <si>
    <t>1718.815</t>
  </si>
  <si>
    <t>20545863.0</t>
  </si>
  <si>
    <t>7757065.0</t>
  </si>
  <si>
    <t>7541593.0</t>
  </si>
  <si>
    <t>10975.7</t>
  </si>
  <si>
    <t>1040.41491091062</t>
  </si>
  <si>
    <t>17997886.0</t>
  </si>
  <si>
    <t>1719.473</t>
  </si>
  <si>
    <t>18004764.0</t>
  </si>
  <si>
    <t>1720.13</t>
  </si>
  <si>
    <t>18011642.0</t>
  </si>
  <si>
    <t>1720.787</t>
  </si>
  <si>
    <t>18018520.0</t>
  </si>
  <si>
    <t>1721.444</t>
  </si>
  <si>
    <t>21711.0</t>
  </si>
  <si>
    <t>18025398.0</t>
  </si>
  <si>
    <t>1722.101</t>
  </si>
  <si>
    <t>18032276.0</t>
  </si>
  <si>
    <t>1722.758</t>
  </si>
  <si>
    <t>18039154.0</t>
  </si>
  <si>
    <t>1723.415</t>
  </si>
  <si>
    <t>20687731.0</t>
  </si>
  <si>
    <t>7760639.0</t>
  </si>
  <si>
    <t>7550819.0</t>
  </si>
  <si>
    <t>10942.1</t>
  </si>
  <si>
    <t>1037.22988025138</t>
  </si>
  <si>
    <t>18045205.0</t>
  </si>
  <si>
    <t>1723.993</t>
  </si>
  <si>
    <t>18051256.0</t>
  </si>
  <si>
    <t>1724.571</t>
  </si>
  <si>
    <t>18057307.0</t>
  </si>
  <si>
    <t>1725.149</t>
  </si>
  <si>
    <t>18063358.0</t>
  </si>
  <si>
    <t>1725.728</t>
  </si>
  <si>
    <t>18069409.0</t>
  </si>
  <si>
    <t>1726.306</t>
  </si>
  <si>
    <t>18075460.0</t>
  </si>
  <si>
    <t>1726.884</t>
  </si>
  <si>
    <t>18081511.0</t>
  </si>
  <si>
    <t>20821565.0</t>
  </si>
  <si>
    <t>7763709.0</t>
  </si>
  <si>
    <t>7558164.0</t>
  </si>
  <si>
    <t>197.37</t>
  </si>
  <si>
    <t>10829.1</t>
  </si>
  <si>
    <t>1026.51831880811</t>
  </si>
  <si>
    <t>18087263.0</t>
  </si>
  <si>
    <t>1728.011</t>
  </si>
  <si>
    <t>18093015.0</t>
  </si>
  <si>
    <t>1728.561</t>
  </si>
  <si>
    <t>18098767.0</t>
  </si>
  <si>
    <t>1729.11</t>
  </si>
  <si>
    <t>18104519.0</t>
  </si>
  <si>
    <t>1729.66</t>
  </si>
  <si>
    <t>18110271.0</t>
  </si>
  <si>
    <t>1730.21</t>
  </si>
  <si>
    <t>18116023.0</t>
  </si>
  <si>
    <t>1730.759</t>
  </si>
  <si>
    <t>18121775.0</t>
  </si>
  <si>
    <t>1731.309</t>
  </si>
  <si>
    <t>20992761.0</t>
  </si>
  <si>
    <t>7767737.0</t>
  </si>
  <si>
    <t>7565551.0</t>
  </si>
  <si>
    <t>10721.3</t>
  </si>
  <si>
    <t>1016.29967877639</t>
  </si>
  <si>
    <t>18127095.0</t>
  </si>
  <si>
    <t>1731.817</t>
  </si>
  <si>
    <t>18132415.0</t>
  </si>
  <si>
    <t>1732.325</t>
  </si>
  <si>
    <t>18137735.0</t>
  </si>
  <si>
    <t>1732.833</t>
  </si>
  <si>
    <t>18143055.0</t>
  </si>
  <si>
    <t>1733.342</t>
  </si>
  <si>
    <t>18148375.0</t>
  </si>
  <si>
    <t>1733.85</t>
  </si>
  <si>
    <t>18153695.0</t>
  </si>
  <si>
    <t>1734.358</t>
  </si>
  <si>
    <t>18159015.0</t>
  </si>
  <si>
    <t>1734.866</t>
  </si>
  <si>
    <t>21109851.0</t>
  </si>
  <si>
    <t>7770562.0</t>
  </si>
  <si>
    <t>7570894.0</t>
  </si>
  <si>
    <t>10683.3</t>
  </si>
  <si>
    <t>1012.69756076892</t>
  </si>
  <si>
    <t>18163217.0</t>
  </si>
  <si>
    <t>1735.268</t>
  </si>
  <si>
    <t>18167419.0</t>
  </si>
  <si>
    <t>1735.669</t>
  </si>
  <si>
    <t>18171621.0</t>
  </si>
  <si>
    <t>1736.071</t>
  </si>
  <si>
    <t>18175823.0</t>
  </si>
  <si>
    <t>1736.472</t>
  </si>
  <si>
    <t>18180025.0</t>
  </si>
  <si>
    <t>1736.874</t>
  </si>
  <si>
    <t>18184227.0</t>
  </si>
  <si>
    <t>1737.275</t>
  </si>
  <si>
    <t>18188429.0</t>
  </si>
  <si>
    <t>1737.677</t>
  </si>
  <si>
    <t>21202618.0</t>
  </si>
  <si>
    <t>7773044.0</t>
  </si>
  <si>
    <t>7575160.0</t>
  </si>
  <si>
    <t>200.99</t>
  </si>
  <si>
    <t>10616.4</t>
  </si>
  <si>
    <t>1006.35593722418</t>
  </si>
  <si>
    <t>18192480.0</t>
  </si>
  <si>
    <t>1738.064</t>
  </si>
  <si>
    <t>18196531.0</t>
  </si>
  <si>
    <t>1738.451</t>
  </si>
  <si>
    <t>18200582.0</t>
  </si>
  <si>
    <t>1738.838</t>
  </si>
  <si>
    <t>18204633.0</t>
  </si>
  <si>
    <t>1739.225</t>
  </si>
  <si>
    <t>18208684.0</t>
  </si>
  <si>
    <t>1739.612</t>
  </si>
  <si>
    <t>18212735.0</t>
  </si>
  <si>
    <t>1739.999</t>
  </si>
  <si>
    <t>18216786.0</t>
  </si>
  <si>
    <t>1740.386</t>
  </si>
  <si>
    <t>21407077.0</t>
  </si>
  <si>
    <t>7775270.0</t>
  </si>
  <si>
    <t>7578641.0</t>
  </si>
  <si>
    <t>10604.4</t>
  </si>
  <si>
    <t>1005.21842627446</t>
  </si>
  <si>
    <t>18220061.0</t>
  </si>
  <si>
    <t>1740.699</t>
  </si>
  <si>
    <t>18223336.0</t>
  </si>
  <si>
    <t>1741.011</t>
  </si>
  <si>
    <t>18226611.0</t>
  </si>
  <si>
    <t>1741.324</t>
  </si>
  <si>
    <t>18229886.0</t>
  </si>
  <si>
    <t>1741.637</t>
  </si>
  <si>
    <t>27975.0</t>
  </si>
  <si>
    <t>18233161.0</t>
  </si>
  <si>
    <t>1741.95</t>
  </si>
  <si>
    <t>18236436.0</t>
  </si>
  <si>
    <t>1742.263</t>
  </si>
  <si>
    <t>18239711.0</t>
  </si>
  <si>
    <t>1742.576</t>
  </si>
  <si>
    <t>21596422.0</t>
  </si>
  <si>
    <t>7777080.0</t>
  </si>
  <si>
    <t>7581444.0</t>
  </si>
  <si>
    <t>10514.4</t>
  </si>
  <si>
    <t>996.687094151497</t>
  </si>
  <si>
    <t>18242793.0</t>
  </si>
  <si>
    <t>1742.87</t>
  </si>
  <si>
    <t>27599.0</t>
  </si>
  <si>
    <t>18245875.0</t>
  </si>
  <si>
    <t>1743.165</t>
  </si>
  <si>
    <t>18248957.0</t>
  </si>
  <si>
    <t>1743.459</t>
  </si>
  <si>
    <t>18252039.0</t>
  </si>
  <si>
    <t>1743.754</t>
  </si>
  <si>
    <t>18255121.0</t>
  </si>
  <si>
    <t>1744.048</t>
  </si>
  <si>
    <t>29796.0</t>
  </si>
  <si>
    <t>18258203.0</t>
  </si>
  <si>
    <t>1744.343</t>
  </si>
  <si>
    <t>18261285.0</t>
  </si>
  <si>
    <t>1744.637</t>
  </si>
  <si>
    <t>21812680.0</t>
  </si>
  <si>
    <t>7779238.0</t>
  </si>
  <si>
    <t>7584630.0</t>
  </si>
  <si>
    <t>10402.2</t>
  </si>
  <si>
    <t>986.051366771542</t>
  </si>
  <si>
    <t>18264403.0</t>
  </si>
  <si>
    <t>1744.935</t>
  </si>
  <si>
    <t>18267521.0</t>
  </si>
  <si>
    <t>1745.233</t>
  </si>
  <si>
    <t>18270639.0</t>
  </si>
  <si>
    <t>1745.531</t>
  </si>
  <si>
    <t>18273757.0</t>
  </si>
  <si>
    <t>1745.829</t>
  </si>
  <si>
    <t>18276875.0</t>
  </si>
  <si>
    <t>1746.126</t>
  </si>
  <si>
    <t>18279993.0</t>
  </si>
  <si>
    <t>1746.424</t>
  </si>
  <si>
    <t>31641.0</t>
  </si>
  <si>
    <t>18283111.0</t>
  </si>
  <si>
    <t>1746.722</t>
  </si>
  <si>
    <t>22035041.0</t>
  </si>
  <si>
    <t>7781525.0</t>
  </si>
  <si>
    <t>7587936.0</t>
  </si>
  <si>
    <t>10349.5</t>
  </si>
  <si>
    <t>981.055797850654</t>
  </si>
  <si>
    <t>18286096.0</t>
  </si>
  <si>
    <t>1747.007</t>
  </si>
  <si>
    <t>18289081.0</t>
  </si>
  <si>
    <t>1747.293</t>
  </si>
  <si>
    <t>18292066.0</t>
  </si>
  <si>
    <t>1747.578</t>
  </si>
  <si>
    <t>18295051.0</t>
  </si>
  <si>
    <t>1747.863</t>
  </si>
  <si>
    <t>18298036.0</t>
  </si>
  <si>
    <t>1748.148</t>
  </si>
  <si>
    <t>18301021.0</t>
  </si>
  <si>
    <t>1748.433</t>
  </si>
  <si>
    <t>18304006.0</t>
  </si>
  <si>
    <t>22201619.0</t>
  </si>
  <si>
    <t>7783796.0</t>
  </si>
  <si>
    <t>7590861.0</t>
  </si>
  <si>
    <t>10388.7</t>
  </si>
  <si>
    <t>984.771666953098</t>
  </si>
  <si>
    <t>18306950.0</t>
  </si>
  <si>
    <t>18309894.0</t>
  </si>
  <si>
    <t>1749.281</t>
  </si>
  <si>
    <t>18312838.0</t>
  </si>
  <si>
    <t>1749.562</t>
  </si>
  <si>
    <t>18315782.0</t>
  </si>
  <si>
    <t>1749.844</t>
  </si>
  <si>
    <t>18318726.0</t>
  </si>
  <si>
    <t>1750.125</t>
  </si>
  <si>
    <t>18321670.0</t>
  </si>
  <si>
    <t>1750.406</t>
  </si>
  <si>
    <t>18324614.0</t>
  </si>
  <si>
    <t>1750.687</t>
  </si>
  <si>
    <t>22331960.0</t>
  </si>
  <si>
    <t>7786146.0</t>
  </si>
  <si>
    <t>10415.9</t>
  </si>
  <si>
    <t>987.350025105815</t>
  </si>
  <si>
    <t>18327280.0</t>
  </si>
  <si>
    <t>1750.942</t>
  </si>
  <si>
    <t>18329946.0</t>
  </si>
  <si>
    <t>1751.197</t>
  </si>
  <si>
    <t>18332612.0</t>
  </si>
  <si>
    <t>1751.451</t>
  </si>
  <si>
    <t>18335278.0</t>
  </si>
  <si>
    <t>1751.706</t>
  </si>
  <si>
    <t>18337944.0</t>
  </si>
  <si>
    <t>1751.961</t>
  </si>
  <si>
    <t>18340610.0</t>
  </si>
  <si>
    <t>1752.216</t>
  </si>
  <si>
    <t>18343276.0</t>
  </si>
  <si>
    <t>1752.47</t>
  </si>
  <si>
    <t>22436804.0</t>
  </si>
  <si>
    <t>7788354.0</t>
  </si>
  <si>
    <t>7597014.0</t>
  </si>
  <si>
    <t>10554.3</t>
  </si>
  <si>
    <t>1000.46931805934</t>
  </si>
  <si>
    <t>18345540.0</t>
  </si>
  <si>
    <t>1752.687</t>
  </si>
  <si>
    <t>18347804.0</t>
  </si>
  <si>
    <t>1752.903</t>
  </si>
  <si>
    <t>18350068.0</t>
  </si>
  <si>
    <t>1753.119</t>
  </si>
  <si>
    <t>18352332.0</t>
  </si>
  <si>
    <t>1753.335</t>
  </si>
  <si>
    <t>18354596.0</t>
  </si>
  <si>
    <t>1753.552</t>
  </si>
  <si>
    <t>18356860.0</t>
  </si>
  <si>
    <t>1753.768</t>
  </si>
  <si>
    <t>18359124.0</t>
  </si>
  <si>
    <t>1753.984</t>
  </si>
  <si>
    <t>22506503.0</t>
  </si>
  <si>
    <t>7790036.0</t>
  </si>
  <si>
    <t>7599897.0</t>
  </si>
  <si>
    <t>10583.3</t>
  </si>
  <si>
    <t>1003.21830285452</t>
  </si>
  <si>
    <t>18361434.0</t>
  </si>
  <si>
    <t>1754.205</t>
  </si>
  <si>
    <t>18363744.0</t>
  </si>
  <si>
    <t>1754.426</t>
  </si>
  <si>
    <t>18366054.0</t>
  </si>
  <si>
    <t>1754.646</t>
  </si>
  <si>
    <t>18368364.0</t>
  </si>
  <si>
    <t>1754.867</t>
  </si>
  <si>
    <t>18370674.0</t>
  </si>
  <si>
    <t>1755.088</t>
  </si>
  <si>
    <t>18372984.0</t>
  </si>
  <si>
    <t>1755.308</t>
  </si>
  <si>
    <t>18375294.0</t>
  </si>
  <si>
    <t>1755.529</t>
  </si>
  <si>
    <t>22568558.0</t>
  </si>
  <si>
    <t>7791615.0</t>
  </si>
  <si>
    <t>7602880.0</t>
  </si>
  <si>
    <t>10633.5</t>
  </si>
  <si>
    <t>1007.97689032755</t>
  </si>
  <si>
    <t>18377490.0</t>
  </si>
  <si>
    <t>1755.739</t>
  </si>
  <si>
    <t>18379686.0</t>
  </si>
  <si>
    <t>1755.949</t>
  </si>
  <si>
    <t>18381882.0</t>
  </si>
  <si>
    <t>1756.159</t>
  </si>
  <si>
    <t>18384078.0</t>
  </si>
  <si>
    <t>1756.368</t>
  </si>
  <si>
    <t>18386274.0</t>
  </si>
  <si>
    <t>1756.578</t>
  </si>
  <si>
    <t>18388470.0</t>
  </si>
  <si>
    <t>1756.788</t>
  </si>
  <si>
    <t>18390666.0</t>
  </si>
  <si>
    <t>1756.998</t>
  </si>
  <si>
    <t>22613299.0</t>
  </si>
  <si>
    <t>7792689.0</t>
  </si>
  <si>
    <t>7605268.0</t>
  </si>
  <si>
    <t>10667.9</t>
  </si>
  <si>
    <t>1011.2377550501</t>
  </si>
  <si>
    <t>18393083.0</t>
  </si>
  <si>
    <t>1757.229</t>
  </si>
  <si>
    <t>18395500.0</t>
  </si>
  <si>
    <t>1757.46</t>
  </si>
  <si>
    <t>18397917.0</t>
  </si>
  <si>
    <t>1757.691</t>
  </si>
  <si>
    <t>18400334.0</t>
  </si>
  <si>
    <t>1757.921</t>
  </si>
  <si>
    <t>18402751.0</t>
  </si>
  <si>
    <t>1758.152</t>
  </si>
  <si>
    <t>18405168.0</t>
  </si>
  <si>
    <t>1758.383</t>
  </si>
  <si>
    <t>18407585.0</t>
  </si>
  <si>
    <t>1758.614</t>
  </si>
  <si>
    <t>22654318.0</t>
  </si>
  <si>
    <t>7793901.0</t>
  </si>
  <si>
    <t>7607787.0</t>
  </si>
  <si>
    <t>10752.3</t>
  </si>
  <si>
    <t>1019.23824872985</t>
  </si>
  <si>
    <t>22680229.0</t>
  </si>
  <si>
    <t>7794804.0</t>
  </si>
  <si>
    <t>7609600.0</t>
  </si>
  <si>
    <t>214.99</t>
  </si>
  <si>
    <t>10874.3</t>
  </si>
  <si>
    <t>1030.80294338542</t>
  </si>
  <si>
    <t>22706899.0</t>
  </si>
  <si>
    <t>7795787.0</t>
  </si>
  <si>
    <t>7611310.0</t>
  </si>
  <si>
    <t>11000.1</t>
  </si>
  <si>
    <t>1042.72784984173</t>
  </si>
  <si>
    <t>22731685.0</t>
  </si>
  <si>
    <t>7796766.0</t>
  </si>
  <si>
    <t>7612688.0</t>
  </si>
  <si>
    <t>11079.4</t>
  </si>
  <si>
    <t>1050.24490136785</t>
  </si>
  <si>
    <t>22760253.0</t>
  </si>
  <si>
    <t>7797880.0</t>
  </si>
  <si>
    <t>7613996.0</t>
  </si>
  <si>
    <t>11059.5</t>
  </si>
  <si>
    <t>1048.35852904288</t>
  </si>
  <si>
    <t>22781123.0</t>
  </si>
  <si>
    <t>7798792.0</t>
  </si>
  <si>
    <t>7615033.0</t>
  </si>
  <si>
    <t>11202.6</t>
  </si>
  <si>
    <t>1061.92334711839</t>
  </si>
  <si>
    <t>22800551.0</t>
  </si>
  <si>
    <t>7799693.0</t>
  </si>
  <si>
    <t>7615920.0</t>
  </si>
  <si>
    <t>11324.7</t>
  </si>
  <si>
    <t>1073.49752103187</t>
  </si>
  <si>
    <t>22818525.0</t>
  </si>
  <si>
    <t>7800640.0</t>
  </si>
  <si>
    <t>7616802.0</t>
  </si>
  <si>
    <t>11447.1</t>
  </si>
  <si>
    <t>1085.10013271909</t>
  </si>
  <si>
    <t>22835091.0</t>
  </si>
  <si>
    <t>7801592.0</t>
  </si>
  <si>
    <t>7617817.0</t>
  </si>
  <si>
    <t>216.46</t>
  </si>
  <si>
    <t>11673.3</t>
  </si>
  <si>
    <t>1106.54221412146</t>
  </si>
  <si>
    <t>22853295.0</t>
  </si>
  <si>
    <t>7802430.0</t>
  </si>
  <si>
    <t>7618835.0</t>
  </si>
  <si>
    <t>7164537.0</t>
  </si>
  <si>
    <t>11893.5</t>
  </si>
  <si>
    <t>1127.41554004896</t>
  </si>
  <si>
    <t>22880838.0</t>
  </si>
  <si>
    <t>7803165.0</t>
  </si>
  <si>
    <t>7619628.0</t>
  </si>
  <si>
    <t>7190157.0</t>
  </si>
  <si>
    <t>12011.5</t>
  </si>
  <si>
    <t>1138.60106438795</t>
  </si>
  <si>
    <t>23051926.0</t>
  </si>
  <si>
    <t>7804023.0</t>
  </si>
  <si>
    <t>7620604.0</t>
  </si>
  <si>
    <t>7358446.0</t>
  </si>
  <si>
    <t>1137.03698683208</t>
  </si>
  <si>
    <t>23373062.0</t>
  </si>
  <si>
    <t>7805198.0</t>
  </si>
  <si>
    <t>7621690.0</t>
  </si>
  <si>
    <t>7675026.0</t>
  </si>
  <si>
    <t>12060.8</t>
  </si>
  <si>
    <t>1143.27433853975</t>
  </si>
  <si>
    <t>44832.0</t>
  </si>
  <si>
    <t>23685669.0</t>
  </si>
  <si>
    <t>7806385.0</t>
  </si>
  <si>
    <t>7622881.0</t>
  </si>
  <si>
    <t>7982565.0</t>
  </si>
  <si>
    <t>44658.0</t>
  </si>
  <si>
    <t>224.52</t>
  </si>
  <si>
    <t>12263.8</t>
  </si>
  <si>
    <t>1162.51723210598</t>
  </si>
  <si>
    <t>44354.0</t>
  </si>
  <si>
    <t>23993303.0</t>
  </si>
  <si>
    <t>7807522.0</t>
  </si>
  <si>
    <t>7624030.0</t>
  </si>
  <si>
    <t>8284511.0</t>
  </si>
  <si>
    <t>227.44</t>
  </si>
  <si>
    <t>12445.6</t>
  </si>
  <si>
    <t>1179.75052299436</t>
  </si>
  <si>
    <t>40165.0</t>
  </si>
  <si>
    <t>24263869.0</t>
  </si>
  <si>
    <t>7808619.0</t>
  </si>
  <si>
    <t>7625205.0</t>
  </si>
  <si>
    <t>8549674.0</t>
  </si>
  <si>
    <t>12641.3</t>
  </si>
  <si>
    <t>1198.30143073283</t>
  </si>
  <si>
    <t>24474381.0</t>
  </si>
  <si>
    <t>7809487.0</t>
  </si>
  <si>
    <t>7626253.0</t>
  </si>
  <si>
    <t>8755321.0</t>
  </si>
  <si>
    <t>12777.7</t>
  </si>
  <si>
    <t>1211.23113852807</t>
  </si>
  <si>
    <t>24647223.0</t>
  </si>
  <si>
    <t>7810303.0</t>
  </si>
  <si>
    <t>7627215.0</t>
  </si>
  <si>
    <t>8923684.0</t>
  </si>
  <si>
    <t>12843.5</t>
  </si>
  <si>
    <t>1217.46849023575</t>
  </si>
  <si>
    <t>24786570.0</t>
  </si>
  <si>
    <t>7811014.0</t>
  </si>
  <si>
    <t>7628148.0</t>
  </si>
  <si>
    <t>9059153.0</t>
  </si>
  <si>
    <t>12876.9</t>
  </si>
  <si>
    <t>1220.63456237916</t>
  </si>
  <si>
    <t>24898107.0</t>
  </si>
  <si>
    <t>7811634.0</t>
  </si>
  <si>
    <t>7629046.0</t>
  </si>
  <si>
    <t>9167127.0</t>
  </si>
  <si>
    <t>12889.1</t>
  </si>
  <si>
    <t>1221.79103184471</t>
  </si>
  <si>
    <t>24963330.0</t>
  </si>
  <si>
    <t>7812190.0</t>
  </si>
  <si>
    <t>7629593.0</t>
  </si>
  <si>
    <t>9229886.0</t>
  </si>
  <si>
    <t>12827.7</t>
  </si>
  <si>
    <t>1215.97076748527</t>
  </si>
  <si>
    <t>25054587.0</t>
  </si>
  <si>
    <t>7812695.0</t>
  </si>
  <si>
    <t>7630166.0</t>
  </si>
  <si>
    <t>9318115.0</t>
  </si>
  <si>
    <t>12850.3</t>
  </si>
  <si>
    <t>1218.11307977393</t>
  </si>
  <si>
    <t>25134187.0</t>
  </si>
  <si>
    <t>7813141.0</t>
  </si>
  <si>
    <t>7630692.0</t>
  </si>
  <si>
    <t>9394972.0</t>
  </si>
  <si>
    <t>25197483.0</t>
  </si>
  <si>
    <t>7813570.0</t>
  </si>
  <si>
    <t>7631224.0</t>
  </si>
  <si>
    <t>9455712.0</t>
  </si>
  <si>
    <t>238.85</t>
  </si>
  <si>
    <t>25254973.0</t>
  </si>
  <si>
    <t>7813980.0</t>
  </si>
  <si>
    <t>7631696.0</t>
  </si>
  <si>
    <t>9510879.0</t>
  </si>
  <si>
    <t>25326702.0</t>
  </si>
  <si>
    <t>7814421.0</t>
  </si>
  <si>
    <t>7632200.0</t>
  </si>
  <si>
    <t>9579783.0</t>
  </si>
  <si>
    <t>240.08</t>
  </si>
  <si>
    <t>25411723.0</t>
  </si>
  <si>
    <t>7814933.0</t>
  </si>
  <si>
    <t>7632713.0</t>
  </si>
  <si>
    <t>9661503.0</t>
  </si>
  <si>
    <t>CHE</t>
  </si>
  <si>
    <t>Switzerland</t>
  </si>
  <si>
    <t>-1082.3</t>
  </si>
  <si>
    <t>-12.11</t>
  </si>
  <si>
    <t>-123.826278927074</t>
  </si>
  <si>
    <t>-1186.0</t>
  </si>
  <si>
    <t>-135.690628113748</t>
  </si>
  <si>
    <t>-1191.9</t>
  </si>
  <si>
    <t>-136.365648945005</t>
  </si>
  <si>
    <t>-1015.2</t>
  </si>
  <si>
    <t>-116.149347100402</t>
  </si>
  <si>
    <t>-681.7</t>
  </si>
  <si>
    <t>-77.9935085878095</t>
  </si>
  <si>
    <t>-116.0</t>
  </si>
  <si>
    <t>-13.2715960043801</t>
  </si>
  <si>
    <t>32.2980306210043</t>
  </si>
  <si>
    <t>616.6</t>
  </si>
  <si>
    <t>70.5453973819031</t>
  </si>
  <si>
    <t>27.573</t>
  </si>
  <si>
    <t>89.4116575639917</t>
  </si>
  <si>
    <t>22.196</t>
  </si>
  <si>
    <t>76.197</t>
  </si>
  <si>
    <t>90.4070272643202</t>
  </si>
  <si>
    <t>87.4895643495642</t>
  </si>
  <si>
    <t>730.2</t>
  </si>
  <si>
    <t>83.542408641365</t>
  </si>
  <si>
    <t>80.0300121126196</t>
  </si>
  <si>
    <t>16.246</t>
  </si>
  <si>
    <t>15.903</t>
  </si>
  <si>
    <t>632.2</t>
  </si>
  <si>
    <t>72.3301982238715</t>
  </si>
  <si>
    <t>12.928</t>
  </si>
  <si>
    <t>46719.0</t>
  </si>
  <si>
    <t>54635.0</t>
  </si>
  <si>
    <t>56164.0</t>
  </si>
  <si>
    <t>627.3</t>
  </si>
  <si>
    <t>71.7695877029968</t>
  </si>
  <si>
    <t>60765.0</t>
  </si>
  <si>
    <t>73698.0</t>
  </si>
  <si>
    <t>8.479</t>
  </si>
  <si>
    <t>79302.0</t>
  </si>
  <si>
    <t>85739.0</t>
  </si>
  <si>
    <t>627.4</t>
  </si>
  <si>
    <t>71.7810287340351</t>
  </si>
  <si>
    <t>98258.0</t>
  </si>
  <si>
    <t>108186.0</t>
  </si>
  <si>
    <t>117709.0</t>
  </si>
  <si>
    <t>13.543</t>
  </si>
  <si>
    <t>126112.0</t>
  </si>
  <si>
    <t>133669.0</t>
  </si>
  <si>
    <t>138366.0</t>
  </si>
  <si>
    <t>16.124</t>
  </si>
  <si>
    <t>588.9</t>
  </si>
  <si>
    <t>67.3762317843055</t>
  </si>
  <si>
    <t>17.064</t>
  </si>
  <si>
    <t>169066.0</t>
  </si>
  <si>
    <t>19.452</t>
  </si>
  <si>
    <t>178306.0</t>
  </si>
  <si>
    <t>21.685</t>
  </si>
  <si>
    <t>22.427</t>
  </si>
  <si>
    <t>197455.0</t>
  </si>
  <si>
    <t>563.6</t>
  </si>
  <si>
    <t>64.481650931626</t>
  </si>
  <si>
    <t>211395.0</t>
  </si>
  <si>
    <t>24.322</t>
  </si>
  <si>
    <t>226325.0</t>
  </si>
  <si>
    <t>237471.0</t>
  </si>
  <si>
    <t>248303.0</t>
  </si>
  <si>
    <t>258646.0</t>
  </si>
  <si>
    <t>264854.0</t>
  </si>
  <si>
    <t>30.473</t>
  </si>
  <si>
    <t>267354.0</t>
  </si>
  <si>
    <t>30.761</t>
  </si>
  <si>
    <t>539.1</t>
  </si>
  <si>
    <t>61.6785983272526</t>
  </si>
  <si>
    <t>285101.0</t>
  </si>
  <si>
    <t>32.803</t>
  </si>
  <si>
    <t>33.819</t>
  </si>
  <si>
    <t>302443.0</t>
  </si>
  <si>
    <t>310115.0</t>
  </si>
  <si>
    <t>35.681</t>
  </si>
  <si>
    <t>314856.0</t>
  </si>
  <si>
    <t>36.226</t>
  </si>
  <si>
    <t>316788.0</t>
  </si>
  <si>
    <t>517.2</t>
  </si>
  <si>
    <t>59.173012529874</t>
  </si>
  <si>
    <t>323486.0</t>
  </si>
  <si>
    <t>37.219</t>
  </si>
  <si>
    <t>332210.0</t>
  </si>
  <si>
    <t>339904.0</t>
  </si>
  <si>
    <t>347152.0</t>
  </si>
  <si>
    <t>39.942</t>
  </si>
  <si>
    <t>353834.0</t>
  </si>
  <si>
    <t>40.711</t>
  </si>
  <si>
    <t>357593.0</t>
  </si>
  <si>
    <t>41.143</t>
  </si>
  <si>
    <t>359357.0</t>
  </si>
  <si>
    <t>41.346</t>
  </si>
  <si>
    <t>45.2721598183897</t>
  </si>
  <si>
    <t>364998.0</t>
  </si>
  <si>
    <t>41.995</t>
  </si>
  <si>
    <t>371790.0</t>
  </si>
  <si>
    <t>42.777</t>
  </si>
  <si>
    <t>378482.0</t>
  </si>
  <si>
    <t>43.547</t>
  </si>
  <si>
    <t>383965.0</t>
  </si>
  <si>
    <t>44.178</t>
  </si>
  <si>
    <t>389482.0</t>
  </si>
  <si>
    <t>44.812</t>
  </si>
  <si>
    <t>393112.0</t>
  </si>
  <si>
    <t>394889.0</t>
  </si>
  <si>
    <t>39.6546135786046</t>
  </si>
  <si>
    <t>400307.0</t>
  </si>
  <si>
    <t>46.058</t>
  </si>
  <si>
    <t>407569.0</t>
  </si>
  <si>
    <t>46.893</t>
  </si>
  <si>
    <t>414338.0</t>
  </si>
  <si>
    <t>47.672</t>
  </si>
  <si>
    <t>427074.0</t>
  </si>
  <si>
    <t>49.488</t>
  </si>
  <si>
    <t>432248.0</t>
  </si>
  <si>
    <t>49.733</t>
  </si>
  <si>
    <t>441.9</t>
  </si>
  <si>
    <t>50.5579161580652</t>
  </si>
  <si>
    <t>438432.0</t>
  </si>
  <si>
    <t>50.444</t>
  </si>
  <si>
    <t>445725.0</t>
  </si>
  <si>
    <t>452490.0</t>
  </si>
  <si>
    <t>52.062</t>
  </si>
  <si>
    <t>459064.0</t>
  </si>
  <si>
    <t>13.844</t>
  </si>
  <si>
    <t>53.524</t>
  </si>
  <si>
    <t>468921.0</t>
  </si>
  <si>
    <t>470937.0</t>
  </si>
  <si>
    <t>54.184</t>
  </si>
  <si>
    <t>435.6</t>
  </si>
  <si>
    <t>49.8371312026549</t>
  </si>
  <si>
    <t>476861.0</t>
  </si>
  <si>
    <t>484132.0</t>
  </si>
  <si>
    <t>490767.0</t>
  </si>
  <si>
    <t>498069.0</t>
  </si>
  <si>
    <t>57.306</t>
  </si>
  <si>
    <t>58.145</t>
  </si>
  <si>
    <t>510208.0</t>
  </si>
  <si>
    <t>58.703</t>
  </si>
  <si>
    <t>512627.0</t>
  </si>
  <si>
    <t>58.981</t>
  </si>
  <si>
    <t>488.5</t>
  </si>
  <si>
    <t>55.8894366218937</t>
  </si>
  <si>
    <t>520804.0</t>
  </si>
  <si>
    <t>59.922</t>
  </si>
  <si>
    <t>531330.0</t>
  </si>
  <si>
    <t>540718.0</t>
  </si>
  <si>
    <t>550752.0</t>
  </si>
  <si>
    <t>63.367</t>
  </si>
  <si>
    <t>560688.0</t>
  </si>
  <si>
    <t>64.511</t>
  </si>
  <si>
    <t>566822.0</t>
  </si>
  <si>
    <t>65.216</t>
  </si>
  <si>
    <t>570121.0</t>
  </si>
  <si>
    <t>516.6</t>
  </si>
  <si>
    <t>59.1043663436444</t>
  </si>
  <si>
    <t>579943.0</t>
  </si>
  <si>
    <t>66.726</t>
  </si>
  <si>
    <t>593037.0</t>
  </si>
  <si>
    <t>68.233</t>
  </si>
  <si>
    <t>605813.0</t>
  </si>
  <si>
    <t>69.703</t>
  </si>
  <si>
    <t>618873.0</t>
  </si>
  <si>
    <t>71.205</t>
  </si>
  <si>
    <t>631304.0</t>
  </si>
  <si>
    <t>72.635</t>
  </si>
  <si>
    <t>639666.0</t>
  </si>
  <si>
    <t>73.598</t>
  </si>
  <si>
    <t>643503.0</t>
  </si>
  <si>
    <t>74.039</t>
  </si>
  <si>
    <t>510.9</t>
  </si>
  <si>
    <t>58.4522275744637</t>
  </si>
  <si>
    <t>654761.0</t>
  </si>
  <si>
    <t>75.334</t>
  </si>
  <si>
    <t>671081.0</t>
  </si>
  <si>
    <t>77.212</t>
  </si>
  <si>
    <t>686976.0</t>
  </si>
  <si>
    <t>79.041</t>
  </si>
  <si>
    <t>702372.0</t>
  </si>
  <si>
    <t>80.812</t>
  </si>
  <si>
    <t>716782.0</t>
  </si>
  <si>
    <t>726302.0</t>
  </si>
  <si>
    <t>730637.0</t>
  </si>
  <si>
    <t>84.064</t>
  </si>
  <si>
    <t>496.8</t>
  </si>
  <si>
    <t>56.8390421980692</t>
  </si>
  <si>
    <t>743862.0</t>
  </si>
  <si>
    <t>85.586</t>
  </si>
  <si>
    <t>761369.0</t>
  </si>
  <si>
    <t>777605.0</t>
  </si>
  <si>
    <t>89.468</t>
  </si>
  <si>
    <t>793162.0</t>
  </si>
  <si>
    <t>91.258</t>
  </si>
  <si>
    <t>807158.0</t>
  </si>
  <si>
    <t>92.869</t>
  </si>
  <si>
    <t>817022.0</t>
  </si>
  <si>
    <t>94.003</t>
  </si>
  <si>
    <t>821161.0</t>
  </si>
  <si>
    <t>549.7</t>
  </si>
  <si>
    <t>62.8913476173081</t>
  </si>
  <si>
    <t>833868.0</t>
  </si>
  <si>
    <t>95.942</t>
  </si>
  <si>
    <t>850574.0</t>
  </si>
  <si>
    <t>97.864</t>
  </si>
  <si>
    <t>865899.0</t>
  </si>
  <si>
    <t>881041.0</t>
  </si>
  <si>
    <t>101.369</t>
  </si>
  <si>
    <t>894398.0</t>
  </si>
  <si>
    <t>102.906</t>
  </si>
  <si>
    <t>902207.0</t>
  </si>
  <si>
    <t>103.804</t>
  </si>
  <si>
    <t>905765.0</t>
  </si>
  <si>
    <t>104.214</t>
  </si>
  <si>
    <t>569.6</t>
  </si>
  <si>
    <t>65.1681127939215</t>
  </si>
  <si>
    <t>915955.0</t>
  </si>
  <si>
    <t>105.386</t>
  </si>
  <si>
    <t>929264.0</t>
  </si>
  <si>
    <t>942051.0</t>
  </si>
  <si>
    <t>108.389</t>
  </si>
  <si>
    <t>953847.0</t>
  </si>
  <si>
    <t>109.746</t>
  </si>
  <si>
    <t>964970.0</t>
  </si>
  <si>
    <t>111.026</t>
  </si>
  <si>
    <t>970962.0</t>
  </si>
  <si>
    <t>973764.0</t>
  </si>
  <si>
    <t>112.038</t>
  </si>
  <si>
    <t>592.7</t>
  </si>
  <si>
    <t>67.8109909637593</t>
  </si>
  <si>
    <t>983033.0</t>
  </si>
  <si>
    <t>113.104</t>
  </si>
  <si>
    <t>995440.0</t>
  </si>
  <si>
    <t>114.532</t>
  </si>
  <si>
    <t>1007263.0</t>
  </si>
  <si>
    <t>1019221.0</t>
  </si>
  <si>
    <t>117.268</t>
  </si>
  <si>
    <t>1030404.0</t>
  </si>
  <si>
    <t>118.554</t>
  </si>
  <si>
    <t>1037995.0</t>
  </si>
  <si>
    <t>1041527.0</t>
  </si>
  <si>
    <t>119.834</t>
  </si>
  <si>
    <t>567.2</t>
  </si>
  <si>
    <t>64.8935280490033</t>
  </si>
  <si>
    <t>1053229.0</t>
  </si>
  <si>
    <t>121.181</t>
  </si>
  <si>
    <t>1067985.0</t>
  </si>
  <si>
    <t>122.878</t>
  </si>
  <si>
    <t>1083246.0</t>
  </si>
  <si>
    <t>124.634</t>
  </si>
  <si>
    <t>1098963.0</t>
  </si>
  <si>
    <t>1114963.0</t>
  </si>
  <si>
    <t>128.283</t>
  </si>
  <si>
    <t>1125778.0</t>
  </si>
  <si>
    <t>1130880.0</t>
  </si>
  <si>
    <t>130.115</t>
  </si>
  <si>
    <t>644.1</t>
  </si>
  <si>
    <t>73.6916809174243</t>
  </si>
  <si>
    <t>33.751</t>
  </si>
  <si>
    <t>1145856.0</t>
  </si>
  <si>
    <t>131.838</t>
  </si>
  <si>
    <t>1166169.0</t>
  </si>
  <si>
    <t>134.175</t>
  </si>
  <si>
    <t>1186418.0</t>
  </si>
  <si>
    <t>1208471.0</t>
  </si>
  <si>
    <t>139.042</t>
  </si>
  <si>
    <t>1248866.0</t>
  </si>
  <si>
    <t>17584.0</t>
  </si>
  <si>
    <t>1257377.0</t>
  </si>
  <si>
    <t>144.669</t>
  </si>
  <si>
    <t>676.4</t>
  </si>
  <si>
    <t>77.3871339427818</t>
  </si>
  <si>
    <t>63.154</t>
  </si>
  <si>
    <t>1278558.0</t>
  </si>
  <si>
    <t>147.106</t>
  </si>
  <si>
    <t>1307451.0</t>
  </si>
  <si>
    <t>150.43</t>
  </si>
  <si>
    <t>1335630.0</t>
  </si>
  <si>
    <t>153.672</t>
  </si>
  <si>
    <t>1366172.0</t>
  </si>
  <si>
    <t>157.187</t>
  </si>
  <si>
    <t>1398507.0</t>
  </si>
  <si>
    <t>160.907</t>
  </si>
  <si>
    <t>1421488.0</t>
  </si>
  <si>
    <t>22981.0</t>
  </si>
  <si>
    <t>163.551</t>
  </si>
  <si>
    <t>1434543.0</t>
  </si>
  <si>
    <t>165.053</t>
  </si>
  <si>
    <t>917.5</t>
  </si>
  <si>
    <t>104.971459776024</t>
  </si>
  <si>
    <t>1463234.0</t>
  </si>
  <si>
    <t>28691.0</t>
  </si>
  <si>
    <t>168.354</t>
  </si>
  <si>
    <t>1501040.0</t>
  </si>
  <si>
    <t>1538394.0</t>
  </si>
  <si>
    <t>37354.0</t>
  </si>
  <si>
    <t>177.002</t>
  </si>
  <si>
    <t>1576405.0</t>
  </si>
  <si>
    <t>181.375</t>
  </si>
  <si>
    <t>1614582.0</t>
  </si>
  <si>
    <t>185.768</t>
  </si>
  <si>
    <t>1639054.0</t>
  </si>
  <si>
    <t>24472.0</t>
  </si>
  <si>
    <t>188.583</t>
  </si>
  <si>
    <t>1651825.0</t>
  </si>
  <si>
    <t>190.053</t>
  </si>
  <si>
    <t>1348.4</t>
  </si>
  <si>
    <t>154.27086251988</t>
  </si>
  <si>
    <t>1681913.0</t>
  </si>
  <si>
    <t>30088.0</t>
  </si>
  <si>
    <t>193.514</t>
  </si>
  <si>
    <t>1720046.0</t>
  </si>
  <si>
    <t>197.902</t>
  </si>
  <si>
    <t>44.734</t>
  </si>
  <si>
    <t>1756453.0</t>
  </si>
  <si>
    <t>202.091</t>
  </si>
  <si>
    <t>1791523.0</t>
  </si>
  <si>
    <t>35070.0</t>
  </si>
  <si>
    <t>1824119.0</t>
  </si>
  <si>
    <t>209.876</t>
  </si>
  <si>
    <t>1846822.0</t>
  </si>
  <si>
    <t>212.488</t>
  </si>
  <si>
    <t>1858644.0</t>
  </si>
  <si>
    <t>2144.1</t>
  </si>
  <si>
    <t>245.307146491305</t>
  </si>
  <si>
    <t>1885992.0</t>
  </si>
  <si>
    <t>216.995</t>
  </si>
  <si>
    <t>29154.0</t>
  </si>
  <si>
    <t>1920460.0</t>
  </si>
  <si>
    <t>220.961</t>
  </si>
  <si>
    <t>1951821.0</t>
  </si>
  <si>
    <t>224.569</t>
  </si>
  <si>
    <t>1982408.0</t>
  </si>
  <si>
    <t>2010635.0</t>
  </si>
  <si>
    <t>231.336</t>
  </si>
  <si>
    <t>2029141.0</t>
  </si>
  <si>
    <t>233.465</t>
  </si>
  <si>
    <t>2038539.0</t>
  </si>
  <si>
    <t>2996.4</t>
  </si>
  <si>
    <t>342.819054030384</t>
  </si>
  <si>
    <t>2064191.0</t>
  </si>
  <si>
    <t>237.498</t>
  </si>
  <si>
    <t>25457.0</t>
  </si>
  <si>
    <t>2093299.0</t>
  </si>
  <si>
    <t>240.847</t>
  </si>
  <si>
    <t>2119564.0</t>
  </si>
  <si>
    <t>243.869</t>
  </si>
  <si>
    <t>2145040.0</t>
  </si>
  <si>
    <t>2170589.0</t>
  </si>
  <si>
    <t>2187074.0</t>
  </si>
  <si>
    <t>251.636</t>
  </si>
  <si>
    <t>2196415.0</t>
  </si>
  <si>
    <t>252.711</t>
  </si>
  <si>
    <t>3864.1</t>
  </si>
  <si>
    <t>442.092880349354</t>
  </si>
  <si>
    <t>2222732.0</t>
  </si>
  <si>
    <t>255.739</t>
  </si>
  <si>
    <t>2252236.0</t>
  </si>
  <si>
    <t>259.134</t>
  </si>
  <si>
    <t>2279805.0</t>
  </si>
  <si>
    <t>262.306</t>
  </si>
  <si>
    <t>2305933.0</t>
  </si>
  <si>
    <t>265.312</t>
  </si>
  <si>
    <t>2331961.0</t>
  </si>
  <si>
    <t>268.307</t>
  </si>
  <si>
    <t>2347730.0</t>
  </si>
  <si>
    <t>270.121</t>
  </si>
  <si>
    <t>2356479.0</t>
  </si>
  <si>
    <t>271.127</t>
  </si>
  <si>
    <t>530.635019554438</t>
  </si>
  <si>
    <t>2381649.0</t>
  </si>
  <si>
    <t>274.023</t>
  </si>
  <si>
    <t>2408683.0</t>
  </si>
  <si>
    <t>277.134</t>
  </si>
  <si>
    <t>2436502.0</t>
  </si>
  <si>
    <t>27819.0</t>
  </si>
  <si>
    <t>280.335</t>
  </si>
  <si>
    <t>2463862.0</t>
  </si>
  <si>
    <t>283.483</t>
  </si>
  <si>
    <t>2492416.0</t>
  </si>
  <si>
    <t>286.768</t>
  </si>
  <si>
    <t>2510645.0</t>
  </si>
  <si>
    <t>2520732.0</t>
  </si>
  <si>
    <t>290.026</t>
  </si>
  <si>
    <t>5483.9</t>
  </si>
  <si>
    <t>627.414701107068</t>
  </si>
  <si>
    <t>2549676.0</t>
  </si>
  <si>
    <t>24004.0</t>
  </si>
  <si>
    <t>2581087.0</t>
  </si>
  <si>
    <t>296.97</t>
  </si>
  <si>
    <t>2613951.0</t>
  </si>
  <si>
    <t>300.751</t>
  </si>
  <si>
    <t>2648542.0</t>
  </si>
  <si>
    <t>304.731</t>
  </si>
  <si>
    <t>2687973.0</t>
  </si>
  <si>
    <t>2714885.0</t>
  </si>
  <si>
    <t>312.364</t>
  </si>
  <si>
    <t>29177.0</t>
  </si>
  <si>
    <t>2730375.0</t>
  </si>
  <si>
    <t>314.147</t>
  </si>
  <si>
    <t>29949.0</t>
  </si>
  <si>
    <t>6361.2</t>
  </si>
  <si>
    <t>727.786866405712</t>
  </si>
  <si>
    <t>2762368.0</t>
  </si>
  <si>
    <t>317.828</t>
  </si>
  <si>
    <t>2801685.0</t>
  </si>
  <si>
    <t>39317.0</t>
  </si>
  <si>
    <t>322.351</t>
  </si>
  <si>
    <t>31514.0</t>
  </si>
  <si>
    <t>2842629.0</t>
  </si>
  <si>
    <t>327.062</t>
  </si>
  <si>
    <t>2886378.0</t>
  </si>
  <si>
    <t>332.096</t>
  </si>
  <si>
    <t>33977.0</t>
  </si>
  <si>
    <t>2931296.0</t>
  </si>
  <si>
    <t>337.264</t>
  </si>
  <si>
    <t>2957641.0</t>
  </si>
  <si>
    <t>340.295</t>
  </si>
  <si>
    <t>2972791.0</t>
  </si>
  <si>
    <t>342.038</t>
  </si>
  <si>
    <t>7168.1</t>
  </si>
  <si>
    <t>820.104545853421</t>
  </si>
  <si>
    <t>3011240.0</t>
  </si>
  <si>
    <t>346.462</t>
  </si>
  <si>
    <t>35553.0</t>
  </si>
  <si>
    <t>3056114.0</t>
  </si>
  <si>
    <t>351.625</t>
  </si>
  <si>
    <t>3102550.0</t>
  </si>
  <si>
    <t>46436.0</t>
  </si>
  <si>
    <t>356.968</t>
  </si>
  <si>
    <t>3137217.0</t>
  </si>
  <si>
    <t>360.956</t>
  </si>
  <si>
    <t>35834.0</t>
  </si>
  <si>
    <t>3150156.0</t>
  </si>
  <si>
    <t>362.445</t>
  </si>
  <si>
    <t>3165372.0</t>
  </si>
  <si>
    <t>364.196</t>
  </si>
  <si>
    <t>3178176.0</t>
  </si>
  <si>
    <t>365.669</t>
  </si>
  <si>
    <t>7888.4</t>
  </si>
  <si>
    <t>902.514292421999</t>
  </si>
  <si>
    <t>3207072.0</t>
  </si>
  <si>
    <t>368.993</t>
  </si>
  <si>
    <t>3236522.0</t>
  </si>
  <si>
    <t>29450.0</t>
  </si>
  <si>
    <t>372.382</t>
  </si>
  <si>
    <t>3264856.0</t>
  </si>
  <si>
    <t>375.642</t>
  </si>
  <si>
    <t>3288431.0</t>
  </si>
  <si>
    <t>378.354</t>
  </si>
  <si>
    <t>3298473.0</t>
  </si>
  <si>
    <t>379.51</t>
  </si>
  <si>
    <t>3314419.0</t>
  </si>
  <si>
    <t>381.344</t>
  </si>
  <si>
    <t>3326777.0</t>
  </si>
  <si>
    <t>382.766</t>
  </si>
  <si>
    <t>8474.7</t>
  </si>
  <si>
    <t>969.593057399309</t>
  </si>
  <si>
    <t>3356191.0</t>
  </si>
  <si>
    <t>386.151</t>
  </si>
  <si>
    <t>3387522.0</t>
  </si>
  <si>
    <t>31331.0</t>
  </si>
  <si>
    <t>389.755</t>
  </si>
  <si>
    <t>3414525.0</t>
  </si>
  <si>
    <t>392.862</t>
  </si>
  <si>
    <t>22692.0</t>
  </si>
  <si>
    <t>3442061.0</t>
  </si>
  <si>
    <t>396.03</t>
  </si>
  <si>
    <t>3468606.0</t>
  </si>
  <si>
    <t>26545.0</t>
  </si>
  <si>
    <t>399.085</t>
  </si>
  <si>
    <t>3484408.0</t>
  </si>
  <si>
    <t>400.903</t>
  </si>
  <si>
    <t>3493302.0</t>
  </si>
  <si>
    <t>8895.2</t>
  </si>
  <si>
    <t>1017.70259291519</t>
  </si>
  <si>
    <t>3520799.0</t>
  </si>
  <si>
    <t>405.09</t>
  </si>
  <si>
    <t>3546516.0</t>
  </si>
  <si>
    <t>408.049</t>
  </si>
  <si>
    <t>58263.0</t>
  </si>
  <si>
    <t>3570996.0</t>
  </si>
  <si>
    <t>410.865</t>
  </si>
  <si>
    <t>3594820.0</t>
  </si>
  <si>
    <t>413.606</t>
  </si>
  <si>
    <t>78531.0</t>
  </si>
  <si>
    <t>3617582.0</t>
  </si>
  <si>
    <t>416.225</t>
  </si>
  <si>
    <t>90688.0</t>
  </si>
  <si>
    <t>89044.0</t>
  </si>
  <si>
    <t>229.736</t>
  </si>
  <si>
    <t>3632010.0</t>
  </si>
  <si>
    <t>417.885</t>
  </si>
  <si>
    <t>93385.0</t>
  </si>
  <si>
    <t>3639924.0</t>
  </si>
  <si>
    <t>418.796</t>
  </si>
  <si>
    <t>9188.7</t>
  </si>
  <si>
    <t>1051.28201901248</t>
  </si>
  <si>
    <t>3667546.0</t>
  </si>
  <si>
    <t>421.974</t>
  </si>
  <si>
    <t>107946.0</t>
  </si>
  <si>
    <t>105417.0</t>
  </si>
  <si>
    <t>3698906.0</t>
  </si>
  <si>
    <t>425.582</t>
  </si>
  <si>
    <t>125233.0</t>
  </si>
  <si>
    <t>3725567.0</t>
  </si>
  <si>
    <t>428.65</t>
  </si>
  <si>
    <t>145674.0</t>
  </si>
  <si>
    <t>141194.0</t>
  </si>
  <si>
    <t>3751519.0</t>
  </si>
  <si>
    <t>431.635</t>
  </si>
  <si>
    <t>168837.0</t>
  </si>
  <si>
    <t>163562.0</t>
  </si>
  <si>
    <t>3778016.0</t>
  </si>
  <si>
    <t>434.684</t>
  </si>
  <si>
    <t>188650.0</t>
  </si>
  <si>
    <t>182666.0</t>
  </si>
  <si>
    <t>3794018.0</t>
  </si>
  <si>
    <t>16002.0</t>
  </si>
  <si>
    <t>436.525</t>
  </si>
  <si>
    <t>194464.0</t>
  </si>
  <si>
    <t>188361.0</t>
  </si>
  <si>
    <t>3802105.0</t>
  </si>
  <si>
    <t>195646.0</t>
  </si>
  <si>
    <t>9442.8</t>
  </si>
  <si>
    <t>1080.35367888069</t>
  </si>
  <si>
    <t>3827746.0</t>
  </si>
  <si>
    <t>440.406</t>
  </si>
  <si>
    <t>22886.0</t>
  </si>
  <si>
    <t>205222.0</t>
  </si>
  <si>
    <t>3855494.0</t>
  </si>
  <si>
    <t>443.598</t>
  </si>
  <si>
    <t>237912.0</t>
  </si>
  <si>
    <t>227349.0</t>
  </si>
  <si>
    <t>15073.0</t>
  </si>
  <si>
    <t>3881207.0</t>
  </si>
  <si>
    <t>446.557</t>
  </si>
  <si>
    <t>249545.0</t>
  </si>
  <si>
    <t>3910038.0</t>
  </si>
  <si>
    <t>449.874</t>
  </si>
  <si>
    <t>289012.0</t>
  </si>
  <si>
    <t>273343.0</t>
  </si>
  <si>
    <t>3939327.0</t>
  </si>
  <si>
    <t>29289.0</t>
  </si>
  <si>
    <t>453.244</t>
  </si>
  <si>
    <t>312954.0</t>
  </si>
  <si>
    <t>294122.0</t>
  </si>
  <si>
    <t>3958184.0</t>
  </si>
  <si>
    <t>455.414</t>
  </si>
  <si>
    <t>319273.0</t>
  </si>
  <si>
    <t>299573.0</t>
  </si>
  <si>
    <t>3969088.0</t>
  </si>
  <si>
    <t>456.668</t>
  </si>
  <si>
    <t>23855.0</t>
  </si>
  <si>
    <t>320764.0</t>
  </si>
  <si>
    <t>301058.0</t>
  </si>
  <si>
    <t>9578.3</t>
  </si>
  <si>
    <t>1095.85627593753</t>
  </si>
  <si>
    <t>3997644.0</t>
  </si>
  <si>
    <t>459.954</t>
  </si>
  <si>
    <t>337052.0</t>
  </si>
  <si>
    <t>312932.0</t>
  </si>
  <si>
    <t>4028081.0</t>
  </si>
  <si>
    <t>463.456</t>
  </si>
  <si>
    <t>356588.0</t>
  </si>
  <si>
    <t>326533.0</t>
  </si>
  <si>
    <t>4059121.0</t>
  </si>
  <si>
    <t>467.027</t>
  </si>
  <si>
    <t>375871.0</t>
  </si>
  <si>
    <t>340228.0</t>
  </si>
  <si>
    <t>4093650.0</t>
  </si>
  <si>
    <t>396503.0</t>
  </si>
  <si>
    <t>353589.0</t>
  </si>
  <si>
    <t>20632.0</t>
  </si>
  <si>
    <t>29.403</t>
  </si>
  <si>
    <t>4125066.0</t>
  </si>
  <si>
    <t>474.614</t>
  </si>
  <si>
    <t>416031.0</t>
  </si>
  <si>
    <t>365903.0</t>
  </si>
  <si>
    <t>4143458.0</t>
  </si>
  <si>
    <t>476.73</t>
  </si>
  <si>
    <t>367719.0</t>
  </si>
  <si>
    <t>4154318.0</t>
  </si>
  <si>
    <t>477.98</t>
  </si>
  <si>
    <t>420580.0</t>
  </si>
  <si>
    <t>368642.0</t>
  </si>
  <si>
    <t>47639.0</t>
  </si>
  <si>
    <t>9532.4</t>
  </si>
  <si>
    <t>1090.60484269097</t>
  </si>
  <si>
    <t>33304.0</t>
  </si>
  <si>
    <t>481.812</t>
  </si>
  <si>
    <t>439061.0</t>
  </si>
  <si>
    <t>378469.0</t>
  </si>
  <si>
    <t>4221011.0</t>
  </si>
  <si>
    <t>485.653</t>
  </si>
  <si>
    <t>464473.0</t>
  </si>
  <si>
    <t>392640.0</t>
  </si>
  <si>
    <t>4252937.0</t>
  </si>
  <si>
    <t>489.327</t>
  </si>
  <si>
    <t>491209.0</t>
  </si>
  <si>
    <t>408915.0</t>
  </si>
  <si>
    <t>4287090.0</t>
  </si>
  <si>
    <t>518662.0</t>
  </si>
  <si>
    <t>424825.0</t>
  </si>
  <si>
    <t>27453.0</t>
  </si>
  <si>
    <t>4319489.0</t>
  </si>
  <si>
    <t>496.984</t>
  </si>
  <si>
    <t>545040.0</t>
  </si>
  <si>
    <t>440690.0</t>
  </si>
  <si>
    <t>98495.0</t>
  </si>
  <si>
    <t>4337986.0</t>
  </si>
  <si>
    <t>499.112</t>
  </si>
  <si>
    <t>551985.0</t>
  </si>
  <si>
    <t>444076.0</t>
  </si>
  <si>
    <t>102044.0</t>
  </si>
  <si>
    <t>4347386.0</t>
  </si>
  <si>
    <t>500.194</t>
  </si>
  <si>
    <t>553332.0</t>
  </si>
  <si>
    <t>444913.0</t>
  </si>
  <si>
    <t>102552.0</t>
  </si>
  <si>
    <t>9422.5</t>
  </si>
  <si>
    <t>1078.03114957993</t>
  </si>
  <si>
    <t>4378194.0</t>
  </si>
  <si>
    <t>503.738</t>
  </si>
  <si>
    <t>572265.0</t>
  </si>
  <si>
    <t>454687.0</t>
  </si>
  <si>
    <t>4409099.0</t>
  </si>
  <si>
    <t>507.294</t>
  </si>
  <si>
    <t>597266.0</t>
  </si>
  <si>
    <t>467161.0</t>
  </si>
  <si>
    <t>123803.0</t>
  </si>
  <si>
    <t>4438558.0</t>
  </si>
  <si>
    <t>510.684</t>
  </si>
  <si>
    <t>621445.0</t>
  </si>
  <si>
    <t>477586.0</t>
  </si>
  <si>
    <t>137313.0</t>
  </si>
  <si>
    <t>4469120.0</t>
  </si>
  <si>
    <t>514.2</t>
  </si>
  <si>
    <t>650027.0</t>
  </si>
  <si>
    <t>489198.0</t>
  </si>
  <si>
    <t>153924.0</t>
  </si>
  <si>
    <t>4499145.0</t>
  </si>
  <si>
    <t>517.654</t>
  </si>
  <si>
    <t>674477.0</t>
  </si>
  <si>
    <t>498764.0</t>
  </si>
  <si>
    <t>168518.0</t>
  </si>
  <si>
    <t>4514746.0</t>
  </si>
  <si>
    <t>519.449</t>
  </si>
  <si>
    <t>681737.0</t>
  </si>
  <si>
    <t>501475.0</t>
  </si>
  <si>
    <t>173054.0</t>
  </si>
  <si>
    <t>4523302.0</t>
  </si>
  <si>
    <t>520.434</t>
  </si>
  <si>
    <t>683392.0</t>
  </si>
  <si>
    <t>502285.0</t>
  </si>
  <si>
    <t>1052.23162458865</t>
  </si>
  <si>
    <t>4549935.0</t>
  </si>
  <si>
    <t>523.498</t>
  </si>
  <si>
    <t>703368.0</t>
  </si>
  <si>
    <t>509223.0</t>
  </si>
  <si>
    <t>186760.0</t>
  </si>
  <si>
    <t>4577428.0</t>
  </si>
  <si>
    <t>526.661</t>
  </si>
  <si>
    <t>729961.0</t>
  </si>
  <si>
    <t>518843.0</t>
  </si>
  <si>
    <t>203404.0</t>
  </si>
  <si>
    <t>4603798.0</t>
  </si>
  <si>
    <t>26370.0</t>
  </si>
  <si>
    <t>529.695</t>
  </si>
  <si>
    <t>758257.0</t>
  </si>
  <si>
    <t>528671.0</t>
  </si>
  <si>
    <t>221550.0</t>
  </si>
  <si>
    <t>19545.0</t>
  </si>
  <si>
    <t>4634558.0</t>
  </si>
  <si>
    <t>533.235</t>
  </si>
  <si>
    <t>787805.0</t>
  </si>
  <si>
    <t>538615.0</t>
  </si>
  <si>
    <t>240786.0</t>
  </si>
  <si>
    <t>4665281.0</t>
  </si>
  <si>
    <t>536.769</t>
  </si>
  <si>
    <t>812574.0</t>
  </si>
  <si>
    <t>546933.0</t>
  </si>
  <si>
    <t>256925.0</t>
  </si>
  <si>
    <t>24769.0</t>
  </si>
  <si>
    <t>4681620.0</t>
  </si>
  <si>
    <t>538.649</t>
  </si>
  <si>
    <t>819107.0</t>
  </si>
  <si>
    <t>549123.0</t>
  </si>
  <si>
    <t>261263.0</t>
  </si>
  <si>
    <t>33.408</t>
  </si>
  <si>
    <t>4690506.0</t>
  </si>
  <si>
    <t>539.672</t>
  </si>
  <si>
    <t>821103.0</t>
  </si>
  <si>
    <t>549738.0</t>
  </si>
  <si>
    <t>262642.0</t>
  </si>
  <si>
    <t>8983.1</t>
  </si>
  <si>
    <t>-14.02</t>
  </si>
  <si>
    <t>1027.75925919782</t>
  </si>
  <si>
    <t>4718266.0</t>
  </si>
  <si>
    <t>542.866</t>
  </si>
  <si>
    <t>843414.0</t>
  </si>
  <si>
    <t>560100.0</t>
  </si>
  <si>
    <t>4748020.0</t>
  </si>
  <si>
    <t>546.289</t>
  </si>
  <si>
    <t>869236.0</t>
  </si>
  <si>
    <t>571261.0</t>
  </si>
  <si>
    <t>288480.0</t>
  </si>
  <si>
    <t>4776640.0</t>
  </si>
  <si>
    <t>549.582</t>
  </si>
  <si>
    <t>901058.0</t>
  </si>
  <si>
    <t>586805.0</t>
  </si>
  <si>
    <t>304377.0</t>
  </si>
  <si>
    <t>4807391.0</t>
  </si>
  <si>
    <t>553.12</t>
  </si>
  <si>
    <t>24690.0</t>
  </si>
  <si>
    <t>934637.0</t>
  </si>
  <si>
    <t>604050.0</t>
  </si>
  <si>
    <t>320310.0</t>
  </si>
  <si>
    <t>4838841.0</t>
  </si>
  <si>
    <t>31450.0</t>
  </si>
  <si>
    <t>556.739</t>
  </si>
  <si>
    <t>963781.0</t>
  </si>
  <si>
    <t>618580.0</t>
  </si>
  <si>
    <t>334542.0</t>
  </si>
  <si>
    <t>4854931.0</t>
  </si>
  <si>
    <t>558.59</t>
  </si>
  <si>
    <t>970068.0</t>
  </si>
  <si>
    <t>621952.0</t>
  </si>
  <si>
    <t>337381.0</t>
  </si>
  <si>
    <t>4863989.0</t>
  </si>
  <si>
    <t>559.632</t>
  </si>
  <si>
    <t>972029.0</t>
  </si>
  <si>
    <t>622983.0</t>
  </si>
  <si>
    <t>338311.0</t>
  </si>
  <si>
    <t>8724.8</t>
  </si>
  <si>
    <t>998.207076025995</t>
  </si>
  <si>
    <t>4895265.0</t>
  </si>
  <si>
    <t>563.231</t>
  </si>
  <si>
    <t>995429.0</t>
  </si>
  <si>
    <t>635773.0</t>
  </si>
  <si>
    <t>348613.0</t>
  </si>
  <si>
    <t>4928549.0</t>
  </si>
  <si>
    <t>567.06</t>
  </si>
  <si>
    <t>1025900.0</t>
  </si>
  <si>
    <t>652999.0</t>
  </si>
  <si>
    <t>361541.0</t>
  </si>
  <si>
    <t>4960393.0</t>
  </si>
  <si>
    <t>570.724</t>
  </si>
  <si>
    <t>1056127.0</t>
  </si>
  <si>
    <t>671638.0</t>
  </si>
  <si>
    <t>372722.0</t>
  </si>
  <si>
    <t>18.992</t>
  </si>
  <si>
    <t>4994936.0</t>
  </si>
  <si>
    <t>574.698</t>
  </si>
  <si>
    <t>1088344.0</t>
  </si>
  <si>
    <t>690605.0</t>
  </si>
  <si>
    <t>385604.0</t>
  </si>
  <si>
    <t>5029171.0</t>
  </si>
  <si>
    <t>34235.0</t>
  </si>
  <si>
    <t>578.637</t>
  </si>
  <si>
    <t>1115924.0</t>
  </si>
  <si>
    <t>706424.0</t>
  </si>
  <si>
    <t>397056.0</t>
  </si>
  <si>
    <t>5046877.0</t>
  </si>
  <si>
    <t>580.674</t>
  </si>
  <si>
    <t>1121938.0</t>
  </si>
  <si>
    <t>399299.0</t>
  </si>
  <si>
    <t>5057200.0</t>
  </si>
  <si>
    <t>581.862</t>
  </si>
  <si>
    <t>1123365.0</t>
  </si>
  <si>
    <t>711155.0</t>
  </si>
  <si>
    <t>8546.7</t>
  </si>
  <si>
    <t>977.830599746856</t>
  </si>
  <si>
    <t>5092811.0</t>
  </si>
  <si>
    <t>585.959</t>
  </si>
  <si>
    <t>1144481.0</t>
  </si>
  <si>
    <t>721885.0</t>
  </si>
  <si>
    <t>5130446.0</t>
  </si>
  <si>
    <t>590.29</t>
  </si>
  <si>
    <t>1173248.0</t>
  </si>
  <si>
    <t>736763.0</t>
  </si>
  <si>
    <t>423519.0</t>
  </si>
  <si>
    <t>5168268.0</t>
  </si>
  <si>
    <t>594.641</t>
  </si>
  <si>
    <t>1204737.0</t>
  </si>
  <si>
    <t>752153.0</t>
  </si>
  <si>
    <t>439184.0</t>
  </si>
  <si>
    <t>5209571.0</t>
  </si>
  <si>
    <t>599.393</t>
  </si>
  <si>
    <t>1238038.0</t>
  </si>
  <si>
    <t>768955.0</t>
  </si>
  <si>
    <t>455264.0</t>
  </si>
  <si>
    <t>5249467.0</t>
  </si>
  <si>
    <t>603.984</t>
  </si>
  <si>
    <t>31471.0</t>
  </si>
  <si>
    <t>1265898.0</t>
  </si>
  <si>
    <t>783574.0</t>
  </si>
  <si>
    <t>468169.0</t>
  </si>
  <si>
    <t>5271989.0</t>
  </si>
  <si>
    <t>606.575</t>
  </si>
  <si>
    <t>1272102.0</t>
  </si>
  <si>
    <t>786956.0</t>
  </si>
  <si>
    <t>470992.0</t>
  </si>
  <si>
    <t>5285276.0</t>
  </si>
  <si>
    <t>608.104</t>
  </si>
  <si>
    <t>1273443.0</t>
  </si>
  <si>
    <t>787905.0</t>
  </si>
  <si>
    <t>471385.0</t>
  </si>
  <si>
    <t>8369.4</t>
  </si>
  <si>
    <t>-12.61</t>
  </si>
  <si>
    <t>957.545651716023</t>
  </si>
  <si>
    <t>5326607.0</t>
  </si>
  <si>
    <t>612.859</t>
  </si>
  <si>
    <t>1298338.0</t>
  </si>
  <si>
    <t>801384.0</t>
  </si>
  <si>
    <t>482494.0</t>
  </si>
  <si>
    <t>5368898.0</t>
  </si>
  <si>
    <t>617.725</t>
  </si>
  <si>
    <t>1330789.0</t>
  </si>
  <si>
    <t>819600.0</t>
  </si>
  <si>
    <t>496325.0</t>
  </si>
  <si>
    <t>5408615.0</t>
  </si>
  <si>
    <t>622.295</t>
  </si>
  <si>
    <t>1365958.0</t>
  </si>
  <si>
    <t>840465.0</t>
  </si>
  <si>
    <t>510123.0</t>
  </si>
  <si>
    <t>5452337.0</t>
  </si>
  <si>
    <t>627.325</t>
  </si>
  <si>
    <t>1405120.0</t>
  </si>
  <si>
    <t>865562.0</t>
  </si>
  <si>
    <t>523812.0</t>
  </si>
  <si>
    <t>5496584.0</t>
  </si>
  <si>
    <t>44247.0</t>
  </si>
  <si>
    <t>632.416</t>
  </si>
  <si>
    <t>35302.0</t>
  </si>
  <si>
    <t>1441328.0</t>
  </si>
  <si>
    <t>888721.0</t>
  </si>
  <si>
    <t>536456.0</t>
  </si>
  <si>
    <t>5523480.0</t>
  </si>
  <si>
    <t>635.511</t>
  </si>
  <si>
    <t>35927.0</t>
  </si>
  <si>
    <t>1451394.0</t>
  </si>
  <si>
    <t>896279.0</t>
  </si>
  <si>
    <t>539002.0</t>
  </si>
  <si>
    <t>5538485.0</t>
  </si>
  <si>
    <t>637.237</t>
  </si>
  <si>
    <t>1454982.0</t>
  </si>
  <si>
    <t>899149.0</t>
  </si>
  <si>
    <t>539713.0</t>
  </si>
  <si>
    <t>8282.7</t>
  </si>
  <si>
    <t>947.626277805853</t>
  </si>
  <si>
    <t>5577607.0</t>
  </si>
  <si>
    <t>641.738</t>
  </si>
  <si>
    <t>1488175.0</t>
  </si>
  <si>
    <t>919792.0</t>
  </si>
  <si>
    <t>551851.0</t>
  </si>
  <si>
    <t>5625369.0</t>
  </si>
  <si>
    <t>647.233</t>
  </si>
  <si>
    <t>36639.0</t>
  </si>
  <si>
    <t>1529697.0</t>
  </si>
  <si>
    <t>947688.0</t>
  </si>
  <si>
    <t>565147.0</t>
  </si>
  <si>
    <t>5682244.0</t>
  </si>
  <si>
    <t>653.777</t>
  </si>
  <si>
    <t>1568493.0</t>
  </si>
  <si>
    <t>971514.0</t>
  </si>
  <si>
    <t>579810.0</t>
  </si>
  <si>
    <t>5739456.0</t>
  </si>
  <si>
    <t>660.36</t>
  </si>
  <si>
    <t>1610128.0</t>
  </si>
  <si>
    <t>995185.0</t>
  </si>
  <si>
    <t>597418.0</t>
  </si>
  <si>
    <t>29287.0</t>
  </si>
  <si>
    <t>5767371.0</t>
  </si>
  <si>
    <t>663.572</t>
  </si>
  <si>
    <t>1620577.0</t>
  </si>
  <si>
    <t>1001291.0</t>
  </si>
  <si>
    <t>601795.0</t>
  </si>
  <si>
    <t>5796145.0</t>
  </si>
  <si>
    <t>666.882</t>
  </si>
  <si>
    <t>1627010.0</t>
  </si>
  <si>
    <t>1005230.0</t>
  </si>
  <si>
    <t>604302.0</t>
  </si>
  <si>
    <t>5813038.0</t>
  </si>
  <si>
    <t>668.826</t>
  </si>
  <si>
    <t>1628752.0</t>
  </si>
  <si>
    <t>1006305.0</t>
  </si>
  <si>
    <t>604979.0</t>
  </si>
  <si>
    <t>8225.8</t>
  </si>
  <si>
    <t>941.116331145084</t>
  </si>
  <si>
    <t>5830880.0</t>
  </si>
  <si>
    <t>670.879</t>
  </si>
  <si>
    <t>1634654.0</t>
  </si>
  <si>
    <t>1010020.0</t>
  </si>
  <si>
    <t>607161.0</t>
  </si>
  <si>
    <t>5868822.0</t>
  </si>
  <si>
    <t>675.244</t>
  </si>
  <si>
    <t>1672983.0</t>
  </si>
  <si>
    <t>626446.0</t>
  </si>
  <si>
    <t>5908041.0</t>
  </si>
  <si>
    <t>39219.0</t>
  </si>
  <si>
    <t>679.757</t>
  </si>
  <si>
    <t>1719532.0</t>
  </si>
  <si>
    <t>1054895.0</t>
  </si>
  <si>
    <t>646492.0</t>
  </si>
  <si>
    <t>46549.0</t>
  </si>
  <si>
    <t>5946592.0</t>
  </si>
  <si>
    <t>684.192</t>
  </si>
  <si>
    <t>1771650.0</t>
  </si>
  <si>
    <t>1085251.0</t>
  </si>
  <si>
    <t>667917.0</t>
  </si>
  <si>
    <t>5982032.0</t>
  </si>
  <si>
    <t>688.27</t>
  </si>
  <si>
    <t>1819463.0</t>
  </si>
  <si>
    <t>1115175.0</t>
  </si>
  <si>
    <t>685578.0</t>
  </si>
  <si>
    <t>6003494.0</t>
  </si>
  <si>
    <t>690.739</t>
  </si>
  <si>
    <t>1834083.0</t>
  </si>
  <si>
    <t>1125574.0</t>
  </si>
  <si>
    <t>689806.0</t>
  </si>
  <si>
    <t>29582.0</t>
  </si>
  <si>
    <t>6015439.0</t>
  </si>
  <si>
    <t>692.113</t>
  </si>
  <si>
    <t>1838201.0</t>
  </si>
  <si>
    <t>1128428.0</t>
  </si>
  <si>
    <t>691098.0</t>
  </si>
  <si>
    <t>8167.1</t>
  </si>
  <si>
    <t>934.400445925626</t>
  </si>
  <si>
    <t>6044213.0</t>
  </si>
  <si>
    <t>695.424</t>
  </si>
  <si>
    <t>1882594.0</t>
  </si>
  <si>
    <t>1159589.0</t>
  </si>
  <si>
    <t>704077.0</t>
  </si>
  <si>
    <t>6075811.0</t>
  </si>
  <si>
    <t>699.06</t>
  </si>
  <si>
    <t>1936851.0</t>
  </si>
  <si>
    <t>1196835.0</t>
  </si>
  <si>
    <t>720822.0</t>
  </si>
  <si>
    <t>6106344.0</t>
  </si>
  <si>
    <t>702.573</t>
  </si>
  <si>
    <t>28329.0</t>
  </si>
  <si>
    <t>1993693.0</t>
  </si>
  <si>
    <t>1236621.0</t>
  </si>
  <si>
    <t>737729.0</t>
  </si>
  <si>
    <t>6139459.0</t>
  </si>
  <si>
    <t>706.383</t>
  </si>
  <si>
    <t>2051980.0</t>
  </si>
  <si>
    <t>1277676.0</t>
  </si>
  <si>
    <t>754825.0</t>
  </si>
  <si>
    <t>58287.0</t>
  </si>
  <si>
    <t>40047.0</t>
  </si>
  <si>
    <t>27489.0</t>
  </si>
  <si>
    <t>6171756.0</t>
  </si>
  <si>
    <t>710.099</t>
  </si>
  <si>
    <t>2106570.0</t>
  </si>
  <si>
    <t>1315991.0</t>
  </si>
  <si>
    <t>771015.0</t>
  </si>
  <si>
    <t>54590.0</t>
  </si>
  <si>
    <t>6190769.0</t>
  </si>
  <si>
    <t>712.286</t>
  </si>
  <si>
    <t>2124567.0</t>
  </si>
  <si>
    <t>774779.0</t>
  </si>
  <si>
    <t>41498.0</t>
  </si>
  <si>
    <t>6201583.0</t>
  </si>
  <si>
    <t>713.53</t>
  </si>
  <si>
    <t>2130949.0</t>
  </si>
  <si>
    <t>1335883.0</t>
  </si>
  <si>
    <t>775704.0</t>
  </si>
  <si>
    <t>934.389004894588</t>
  </si>
  <si>
    <t>6228154.0</t>
  </si>
  <si>
    <t>716.588</t>
  </si>
  <si>
    <t>2182635.0</t>
  </si>
  <si>
    <t>1371991.0</t>
  </si>
  <si>
    <t>790831.0</t>
  </si>
  <si>
    <t>6256569.0</t>
  </si>
  <si>
    <t>719.857</t>
  </si>
  <si>
    <t>2246704.0</t>
  </si>
  <si>
    <t>1415966.0</t>
  </si>
  <si>
    <t>810682.0</t>
  </si>
  <si>
    <t>44265.0</t>
  </si>
  <si>
    <t>31304.0</t>
  </si>
  <si>
    <t>6285378.0</t>
  </si>
  <si>
    <t>723.172</t>
  </si>
  <si>
    <t>25576.0</t>
  </si>
  <si>
    <t>2314295.0</t>
  </si>
  <si>
    <t>1462694.0</t>
  </si>
  <si>
    <t>831336.0</t>
  </si>
  <si>
    <t>6318721.0</t>
  </si>
  <si>
    <t>727.008</t>
  </si>
  <si>
    <t>2388995.0</t>
  </si>
  <si>
    <t>1513388.0</t>
  </si>
  <si>
    <t>855341.0</t>
  </si>
  <si>
    <t>6351755.0</t>
  </si>
  <si>
    <t>33034.0</t>
  </si>
  <si>
    <t>730.809</t>
  </si>
  <si>
    <t>2455402.0</t>
  </si>
  <si>
    <t>1559392.0</t>
  </si>
  <si>
    <t>875740.0</t>
  </si>
  <si>
    <t>49833.0</t>
  </si>
  <si>
    <t>6372678.0</t>
  </si>
  <si>
    <t>733.216</t>
  </si>
  <si>
    <t>2482742.0</t>
  </si>
  <si>
    <t>1580459.0</t>
  </si>
  <si>
    <t>882105.0</t>
  </si>
  <si>
    <t>27340.0</t>
  </si>
  <si>
    <t>35724.0</t>
  </si>
  <si>
    <t>6384174.0</t>
  </si>
  <si>
    <t>734.539</t>
  </si>
  <si>
    <t>2494797.0</t>
  </si>
  <si>
    <t>1589862.0</t>
  </si>
  <si>
    <t>884772.0</t>
  </si>
  <si>
    <t>51978.0</t>
  </si>
  <si>
    <t>8171.9</t>
  </si>
  <si>
    <t>934.949615415462</t>
  </si>
  <si>
    <t>6411268.0</t>
  </si>
  <si>
    <t>737.656</t>
  </si>
  <si>
    <t>2551755.0</t>
  </si>
  <si>
    <t>1627730.0</t>
  </si>
  <si>
    <t>903948.0</t>
  </si>
  <si>
    <t>6440852.0</t>
  </si>
  <si>
    <t>741.06</t>
  </si>
  <si>
    <t>2626180.0</t>
  </si>
  <si>
    <t>1677357.0</t>
  </si>
  <si>
    <t>928753.0</t>
  </si>
  <si>
    <t>54211.0</t>
  </si>
  <si>
    <t>6470591.0</t>
  </si>
  <si>
    <t>29739.0</t>
  </si>
  <si>
    <t>744.482</t>
  </si>
  <si>
    <t>2699806.0</t>
  </si>
  <si>
    <t>1729374.0</t>
  </si>
  <si>
    <t>950532.0</t>
  </si>
  <si>
    <t>38097.0</t>
  </si>
  <si>
    <t>6503745.0</t>
  </si>
  <si>
    <t>748.296</t>
  </si>
  <si>
    <t>2772818.0</t>
  </si>
  <si>
    <t>1779287.0</t>
  </si>
  <si>
    <t>973851.0</t>
  </si>
  <si>
    <t>37986.0</t>
  </si>
  <si>
    <t>6536793.0</t>
  </si>
  <si>
    <t>752.098</t>
  </si>
  <si>
    <t>2837338.0</t>
  </si>
  <si>
    <t>1831941.0</t>
  </si>
  <si>
    <t>986461.0</t>
  </si>
  <si>
    <t>54562.0</t>
  </si>
  <si>
    <t>6555602.0</t>
  </si>
  <si>
    <t>754.263</t>
  </si>
  <si>
    <t>2867460.0</t>
  </si>
  <si>
    <t>1858333.0</t>
  </si>
  <si>
    <t>990411.0</t>
  </si>
  <si>
    <t>6565940.0</t>
  </si>
  <si>
    <t>755.452</t>
  </si>
  <si>
    <t>2880111.0</t>
  </si>
  <si>
    <t>1870185.0</t>
  </si>
  <si>
    <t>991419.0</t>
  </si>
  <si>
    <t>8231.4</t>
  </si>
  <si>
    <t>941.757028883226</t>
  </si>
  <si>
    <t>6591336.0</t>
  </si>
  <si>
    <t>758.374</t>
  </si>
  <si>
    <t>2940801.0</t>
  </si>
  <si>
    <t>1921617.0</t>
  </si>
  <si>
    <t>1001775.0</t>
  </si>
  <si>
    <t>60690.0</t>
  </si>
  <si>
    <t>6618731.0</t>
  </si>
  <si>
    <t>761.526</t>
  </si>
  <si>
    <t>3017018.0</t>
  </si>
  <si>
    <t>1976938.0</t>
  </si>
  <si>
    <t>1023464.0</t>
  </si>
  <si>
    <t>55834.0</t>
  </si>
  <si>
    <t>25.971</t>
  </si>
  <si>
    <t>6647228.0</t>
  </si>
  <si>
    <t>764.805</t>
  </si>
  <si>
    <t>3096040.0</t>
  </si>
  <si>
    <t>2029838.0</t>
  </si>
  <si>
    <t>79022.0</t>
  </si>
  <si>
    <t>6679763.0</t>
  </si>
  <si>
    <t>768.548</t>
  </si>
  <si>
    <t>3186920.0</t>
  </si>
  <si>
    <t>2089735.0</t>
  </si>
  <si>
    <t>1082037.0</t>
  </si>
  <si>
    <t>59157.0</t>
  </si>
  <si>
    <t>6713132.0</t>
  </si>
  <si>
    <t>772.387</t>
  </si>
  <si>
    <t>3273091.0</t>
  </si>
  <si>
    <t>2146009.0</t>
  </si>
  <si>
    <t>1112788.0</t>
  </si>
  <si>
    <t>86171.0</t>
  </si>
  <si>
    <t>44867.0</t>
  </si>
  <si>
    <t>6731403.0</t>
  </si>
  <si>
    <t>774.49</t>
  </si>
  <si>
    <t>3313705.0</t>
  </si>
  <si>
    <t>2176261.0</t>
  </si>
  <si>
    <t>1123449.0</t>
  </si>
  <si>
    <t>6741769.0</t>
  </si>
  <si>
    <t>775.682</t>
  </si>
  <si>
    <t>3329812.0</t>
  </si>
  <si>
    <t>2189264.0</t>
  </si>
  <si>
    <t>1126829.0</t>
  </si>
  <si>
    <t>8204.7</t>
  </si>
  <si>
    <t>938.702273596011</t>
  </si>
  <si>
    <t>6771692.0</t>
  </si>
  <si>
    <t>779.125</t>
  </si>
  <si>
    <t>3411009.0</t>
  </si>
  <si>
    <t>2236761.0</t>
  </si>
  <si>
    <t>1160914.0</t>
  </si>
  <si>
    <t>81197.0</t>
  </si>
  <si>
    <t>6810009.0</t>
  </si>
  <si>
    <t>783.534</t>
  </si>
  <si>
    <t>27325.0</t>
  </si>
  <si>
    <t>3507362.0</t>
  </si>
  <si>
    <t>2293024.0</t>
  </si>
  <si>
    <t>96353.0</t>
  </si>
  <si>
    <t>70049.0</t>
  </si>
  <si>
    <t>45155.0</t>
  </si>
  <si>
    <t>6850261.0</t>
  </si>
  <si>
    <t>40252.0</t>
  </si>
  <si>
    <t>788.165</t>
  </si>
  <si>
    <t>3605566.0</t>
  </si>
  <si>
    <t>2348910.0</t>
  </si>
  <si>
    <t>1244817.0</t>
  </si>
  <si>
    <t>98204.0</t>
  </si>
  <si>
    <t>6866938.0</t>
  </si>
  <si>
    <t>790.084</t>
  </si>
  <si>
    <t>3651595.0</t>
  </si>
  <si>
    <t>2379712.0</t>
  </si>
  <si>
    <t>1260529.0</t>
  </si>
  <si>
    <t>46029.0</t>
  </si>
  <si>
    <t>66382.0</t>
  </si>
  <si>
    <t>6894284.0</t>
  </si>
  <si>
    <t>793.23</t>
  </si>
  <si>
    <t>3733545.0</t>
  </si>
  <si>
    <t>2425774.0</t>
  </si>
  <si>
    <t>1297232.0</t>
  </si>
  <si>
    <t>81950.0</t>
  </si>
  <si>
    <t>6913407.0</t>
  </si>
  <si>
    <t>795.43</t>
  </si>
  <si>
    <t>3777697.0</t>
  </si>
  <si>
    <t>2457434.0</t>
  </si>
  <si>
    <t>1310404.0</t>
  </si>
  <si>
    <t>6924119.0</t>
  </si>
  <si>
    <t>796.663</t>
  </si>
  <si>
    <t>3796710.0</t>
  </si>
  <si>
    <t>2472560.0</t>
  </si>
  <si>
    <t>1314771.0</t>
  </si>
  <si>
    <t>8249.8</t>
  </si>
  <si>
    <t>943.862178594266</t>
  </si>
  <si>
    <t>6950730.0</t>
  </si>
  <si>
    <t>799.724</t>
  </si>
  <si>
    <t>3881557.0</t>
  </si>
  <si>
    <t>2516086.0</t>
  </si>
  <si>
    <t>1356631.0</t>
  </si>
  <si>
    <t>84847.0</t>
  </si>
  <si>
    <t>6979513.0</t>
  </si>
  <si>
    <t>803.036</t>
  </si>
  <si>
    <t>24215.0</t>
  </si>
  <si>
    <t>3982599.0</t>
  </si>
  <si>
    <t>2569725.0</t>
  </si>
  <si>
    <t>1405129.0</t>
  </si>
  <si>
    <t>7012945.0</t>
  </si>
  <si>
    <t>806.883</t>
  </si>
  <si>
    <t>23241.0</t>
  </si>
  <si>
    <t>4085541.0</t>
  </si>
  <si>
    <t>2627046.0</t>
  </si>
  <si>
    <t>1451966.0</t>
  </si>
  <si>
    <t>102942.0</t>
  </si>
  <si>
    <t>68568.0</t>
  </si>
  <si>
    <t>39734.0</t>
  </si>
  <si>
    <t>7053039.0</t>
  </si>
  <si>
    <t>811.496</t>
  </si>
  <si>
    <t>4195802.0</t>
  </si>
  <si>
    <t>2685983.0</t>
  </si>
  <si>
    <t>1504511.0</t>
  </si>
  <si>
    <t>110261.0</t>
  </si>
  <si>
    <t>7091842.0</t>
  </si>
  <si>
    <t>815.96</t>
  </si>
  <si>
    <t>4298177.0</t>
  </si>
  <si>
    <t>2743183.0</t>
  </si>
  <si>
    <t>1550863.0</t>
  </si>
  <si>
    <t>7112495.0</t>
  </si>
  <si>
    <t>818.337</t>
  </si>
  <si>
    <t>4345895.0</t>
  </si>
  <si>
    <t>2774652.0</t>
  </si>
  <si>
    <t>1567882.0</t>
  </si>
  <si>
    <t>7122745.0</t>
  </si>
  <si>
    <t>819.516</t>
  </si>
  <si>
    <t>4364641.0</t>
  </si>
  <si>
    <t>2787758.0</t>
  </si>
  <si>
    <t>1573992.0</t>
  </si>
  <si>
    <t>8248.9</t>
  </si>
  <si>
    <t>943.759209314922</t>
  </si>
  <si>
    <t>7134974.0</t>
  </si>
  <si>
    <t>820.923</t>
  </si>
  <si>
    <t>4415267.0</t>
  </si>
  <si>
    <t>2819245.0</t>
  </si>
  <si>
    <t>1593649.0</t>
  </si>
  <si>
    <t>76244.0</t>
  </si>
  <si>
    <t>7160654.0</t>
  </si>
  <si>
    <t>823.878</t>
  </si>
  <si>
    <t>25877.0</t>
  </si>
  <si>
    <t>4517348.0</t>
  </si>
  <si>
    <t>2869855.0</t>
  </si>
  <si>
    <t>1646336.0</t>
  </si>
  <si>
    <t>76393.0</t>
  </si>
  <si>
    <t>7189410.0</t>
  </si>
  <si>
    <t>827.186</t>
  </si>
  <si>
    <t>4624989.0</t>
  </si>
  <si>
    <t>2925050.0</t>
  </si>
  <si>
    <t>1700028.0</t>
  </si>
  <si>
    <t>107641.0</t>
  </si>
  <si>
    <t>77064.0</t>
  </si>
  <si>
    <t>7219656.0</t>
  </si>
  <si>
    <t>830.666</t>
  </si>
  <si>
    <t>4733665.0</t>
  </si>
  <si>
    <t>2982620.0</t>
  </si>
  <si>
    <t>1752388.0</t>
  </si>
  <si>
    <t>108676.0</t>
  </si>
  <si>
    <t>76838.0</t>
  </si>
  <si>
    <t>7250816.0</t>
  </si>
  <si>
    <t>834.251</t>
  </si>
  <si>
    <t>4839545.0</t>
  </si>
  <si>
    <t>3035815.0</t>
  </si>
  <si>
    <t>1806629.0</t>
  </si>
  <si>
    <t>105880.0</t>
  </si>
  <si>
    <t>41805.0</t>
  </si>
  <si>
    <t>7268696.0</t>
  </si>
  <si>
    <t>836.308</t>
  </si>
  <si>
    <t>3064719.0</t>
  </si>
  <si>
    <t>1833084.0</t>
  </si>
  <si>
    <t>54625.0</t>
  </si>
  <si>
    <t>78325.0</t>
  </si>
  <si>
    <t>7277580.0</t>
  </si>
  <si>
    <t>837.331</t>
  </si>
  <si>
    <t>4918845.0</t>
  </si>
  <si>
    <t>3078827.0</t>
  </si>
  <si>
    <t>1844070.0</t>
  </si>
  <si>
    <t>8232.8</t>
  </si>
  <si>
    <t>941.917203317762</t>
  </si>
  <si>
    <t>7301539.0</t>
  </si>
  <si>
    <t>840.087</t>
  </si>
  <si>
    <t>5012694.0</t>
  </si>
  <si>
    <t>3124218.0</t>
  </si>
  <si>
    <t>1893749.0</t>
  </si>
  <si>
    <t>93849.0</t>
  </si>
  <si>
    <t>85347.0</t>
  </si>
  <si>
    <t>7328633.0</t>
  </si>
  <si>
    <t>843.205</t>
  </si>
  <si>
    <t>5121781.0</t>
  </si>
  <si>
    <t>3180382.0</t>
  </si>
  <si>
    <t>1948433.0</t>
  </si>
  <si>
    <t>109087.0</t>
  </si>
  <si>
    <t>86348.0</t>
  </si>
  <si>
    <t>7359566.0</t>
  </si>
  <si>
    <t>846.764</t>
  </si>
  <si>
    <t>5234891.0</t>
  </si>
  <si>
    <t>3240157.0</t>
  </si>
  <si>
    <t>2003555.0</t>
  </si>
  <si>
    <t>113110.0</t>
  </si>
  <si>
    <t>87129.0</t>
  </si>
  <si>
    <t>7386108.0</t>
  </si>
  <si>
    <t>849.817</t>
  </si>
  <si>
    <t>5338841.0</t>
  </si>
  <si>
    <t>3296263.0</t>
  </si>
  <si>
    <t>2053234.0</t>
  </si>
  <si>
    <t>103950.0</t>
  </si>
  <si>
    <t>7414693.0</t>
  </si>
  <si>
    <t>853.106</t>
  </si>
  <si>
    <t>5450554.0</t>
  </si>
  <si>
    <t>3353273.0</t>
  </si>
  <si>
    <t>2109903.0</t>
  </si>
  <si>
    <t>111713.0</t>
  </si>
  <si>
    <t>87287.0</t>
  </si>
  <si>
    <t>7430983.0</t>
  </si>
  <si>
    <t>854.981</t>
  </si>
  <si>
    <t>5524319.0</t>
  </si>
  <si>
    <t>3398071.0</t>
  </si>
  <si>
    <t>2140292.0</t>
  </si>
  <si>
    <t>73765.0</t>
  </si>
  <si>
    <t>47622.0</t>
  </si>
  <si>
    <t>7439565.0</t>
  </si>
  <si>
    <t>855.968</t>
  </si>
  <si>
    <t>5552059.0</t>
  </si>
  <si>
    <t>3414110.0</t>
  </si>
  <si>
    <t>2152537.0</t>
  </si>
  <si>
    <t>8276.1</t>
  </si>
  <si>
    <t>946.871169757328</t>
  </si>
  <si>
    <t>7460015.0</t>
  </si>
  <si>
    <t>858.321</t>
  </si>
  <si>
    <t>5654397.0</t>
  </si>
  <si>
    <t>3467867.0</t>
  </si>
  <si>
    <t>2202863.0</t>
  </si>
  <si>
    <t>91672.0</t>
  </si>
  <si>
    <t>7481341.0</t>
  </si>
  <si>
    <t>860.775</t>
  </si>
  <si>
    <t>5767132.0</t>
  </si>
  <si>
    <t>3525173.0</t>
  </si>
  <si>
    <t>2260429.0</t>
  </si>
  <si>
    <t>112735.0</t>
  </si>
  <si>
    <t>7503847.0</t>
  </si>
  <si>
    <t>863.364</t>
  </si>
  <si>
    <t>5880736.0</t>
  </si>
  <si>
    <t>3585704.0</t>
  </si>
  <si>
    <t>2315823.0</t>
  </si>
  <si>
    <t>92264.0</t>
  </si>
  <si>
    <t>7530185.0</t>
  </si>
  <si>
    <t>866.394</t>
  </si>
  <si>
    <t>5987000.0</t>
  </si>
  <si>
    <t>3649622.0</t>
  </si>
  <si>
    <t>2361005.0</t>
  </si>
  <si>
    <t>106264.0</t>
  </si>
  <si>
    <t>7558287.0</t>
  </si>
  <si>
    <t>869.628</t>
  </si>
  <si>
    <t>6095986.0</t>
  </si>
  <si>
    <t>3711188.0</t>
  </si>
  <si>
    <t>2410987.0</t>
  </si>
  <si>
    <t>108986.0</t>
  </si>
  <si>
    <t>92205.0</t>
  </si>
  <si>
    <t>7574133.0</t>
  </si>
  <si>
    <t>871.451</t>
  </si>
  <si>
    <t>6167321.0</t>
  </si>
  <si>
    <t>3753893.0</t>
  </si>
  <si>
    <t>2441458.0</t>
  </si>
  <si>
    <t>71335.0</t>
  </si>
  <si>
    <t>7581593.0</t>
  </si>
  <si>
    <t>872.309</t>
  </si>
  <si>
    <t>6194140.0</t>
  </si>
  <si>
    <t>3766016.0</t>
  </si>
  <si>
    <t>2456735.0</t>
  </si>
  <si>
    <t>91726.0</t>
  </si>
  <si>
    <t>8206.8</t>
  </si>
  <si>
    <t>938.942535247815</t>
  </si>
  <si>
    <t>7599856.0</t>
  </si>
  <si>
    <t>19977.0</t>
  </si>
  <si>
    <t>6292536.0</t>
  </si>
  <si>
    <t>3821477.0</t>
  </si>
  <si>
    <t>2502295.0</t>
  </si>
  <si>
    <t>98396.0</t>
  </si>
  <si>
    <t>91163.0</t>
  </si>
  <si>
    <t>7619810.0</t>
  </si>
  <si>
    <t>876.706</t>
  </si>
  <si>
    <t>6397435.0</t>
  </si>
  <si>
    <t>3875839.0</t>
  </si>
  <si>
    <t>2555669.0</t>
  </si>
  <si>
    <t>104899.0</t>
  </si>
  <si>
    <t>7641563.0</t>
  </si>
  <si>
    <t>879.209</t>
  </si>
  <si>
    <t>6501313.0</t>
  </si>
  <si>
    <t>3927423.0</t>
  </si>
  <si>
    <t>2610578.0</t>
  </si>
  <si>
    <t>88654.0</t>
  </si>
  <si>
    <t>7668355.0</t>
  </si>
  <si>
    <t>882.292</t>
  </si>
  <si>
    <t>6608256.0</t>
  </si>
  <si>
    <t>3978900.0</t>
  </si>
  <si>
    <t>2668841.0</t>
  </si>
  <si>
    <t>106943.0</t>
  </si>
  <si>
    <t>7698405.0</t>
  </si>
  <si>
    <t>885.749</t>
  </si>
  <si>
    <t>6711291.0</t>
  </si>
  <si>
    <t>4027253.0</t>
  </si>
  <si>
    <t>2726521.0</t>
  </si>
  <si>
    <t>7714686.0</t>
  </si>
  <si>
    <t>887.622</t>
  </si>
  <si>
    <t>6774613.0</t>
  </si>
  <si>
    <t>4062119.0</t>
  </si>
  <si>
    <t>2757045.0</t>
  </si>
  <si>
    <t>63322.0</t>
  </si>
  <si>
    <t>86756.0</t>
  </si>
  <si>
    <t>7721971.0</t>
  </si>
  <si>
    <t>888.461</t>
  </si>
  <si>
    <t>6795469.0</t>
  </si>
  <si>
    <t>4071973.0</t>
  </si>
  <si>
    <t>2769116.0</t>
  </si>
  <si>
    <t>85904.0</t>
  </si>
  <si>
    <t>8251.5</t>
  </si>
  <si>
    <t>944.056676121916</t>
  </si>
  <si>
    <t>7739894.0</t>
  </si>
  <si>
    <t>890.523</t>
  </si>
  <si>
    <t>6883837.0</t>
  </si>
  <si>
    <t>4118875.0</t>
  </si>
  <si>
    <t>2814430.0</t>
  </si>
  <si>
    <t>88368.0</t>
  </si>
  <si>
    <t>84472.0</t>
  </si>
  <si>
    <t>7758178.0</t>
  </si>
  <si>
    <t>892.626</t>
  </si>
  <si>
    <t>6976473.0</t>
  </si>
  <si>
    <t>4160991.0</t>
  </si>
  <si>
    <t>2867798.0</t>
  </si>
  <si>
    <t>92636.0</t>
  </si>
  <si>
    <t>7778479.0</t>
  </si>
  <si>
    <t>894.962</t>
  </si>
  <si>
    <t>7066805.0</t>
  </si>
  <si>
    <t>4199948.0</t>
  </si>
  <si>
    <t>2921953.0</t>
  </si>
  <si>
    <t>90332.0</t>
  </si>
  <si>
    <t>7803480.0</t>
  </si>
  <si>
    <t>897.839</t>
  </si>
  <si>
    <t>7155649.0</t>
  </si>
  <si>
    <t>4235443.0</t>
  </si>
  <si>
    <t>2977979.0</t>
  </si>
  <si>
    <t>36649.0</t>
  </si>
  <si>
    <t>7830005.0</t>
  </si>
  <si>
    <t>900.89</t>
  </si>
  <si>
    <t>7243848.0</t>
  </si>
  <si>
    <t>4272127.0</t>
  </si>
  <si>
    <t>3032333.0</t>
  </si>
  <si>
    <t>88199.0</t>
  </si>
  <si>
    <t>7846443.0</t>
  </si>
  <si>
    <t>902.782</t>
  </si>
  <si>
    <t>7295166.0</t>
  </si>
  <si>
    <t>4296943.0</t>
  </si>
  <si>
    <t>3060882.0</t>
  </si>
  <si>
    <t>74365.0</t>
  </si>
  <si>
    <t>7853334.0</t>
  </si>
  <si>
    <t>903.575</t>
  </si>
  <si>
    <t>7313713.0</t>
  </si>
  <si>
    <t>4302089.0</t>
  </si>
  <si>
    <t>3074730.0</t>
  </si>
  <si>
    <t>8250.6</t>
  </si>
  <si>
    <t>943.953706842572</t>
  </si>
  <si>
    <t>7870417.0</t>
  </si>
  <si>
    <t>7388694.0</t>
  </si>
  <si>
    <t>4327885.0</t>
  </si>
  <si>
    <t>3125763.0</t>
  </si>
  <si>
    <t>74981.0</t>
  </si>
  <si>
    <t>7887703.0</t>
  </si>
  <si>
    <t>907.529</t>
  </si>
  <si>
    <t>7468376.0</t>
  </si>
  <si>
    <t>4352712.0</t>
  </si>
  <si>
    <t>3182321.0</t>
  </si>
  <si>
    <t>70272.0</t>
  </si>
  <si>
    <t>7910661.0</t>
  </si>
  <si>
    <t>910.17</t>
  </si>
  <si>
    <t>7551654.0</t>
  </si>
  <si>
    <t>4375713.0</t>
  </si>
  <si>
    <t>3244410.0</t>
  </si>
  <si>
    <t>83278.0</t>
  </si>
  <si>
    <t>7942492.0</t>
  </si>
  <si>
    <t>913.833</t>
  </si>
  <si>
    <t>7624682.0</t>
  </si>
  <si>
    <t>4395623.0</t>
  </si>
  <si>
    <t>3299090.0</t>
  </si>
  <si>
    <t>7981754.0</t>
  </si>
  <si>
    <t>918.35</t>
  </si>
  <si>
    <t>7699086.0</t>
  </si>
  <si>
    <t>4415810.0</t>
  </si>
  <si>
    <t>3355180.0</t>
  </si>
  <si>
    <t>8007854.0</t>
  </si>
  <si>
    <t>921.353</t>
  </si>
  <si>
    <t>7746613.0</t>
  </si>
  <si>
    <t>4426072.0</t>
  </si>
  <si>
    <t>3393245.0</t>
  </si>
  <si>
    <t>47527.0</t>
  </si>
  <si>
    <t>8019830.0</t>
  </si>
  <si>
    <t>922.731</t>
  </si>
  <si>
    <t>23785.0</t>
  </si>
  <si>
    <t>7761563.0</t>
  </si>
  <si>
    <t>4428772.0</t>
  </si>
  <si>
    <t>3405694.0</t>
  </si>
  <si>
    <t>63979.0</t>
  </si>
  <si>
    <t>8230.9</t>
  </si>
  <si>
    <t>941.699823728035</t>
  </si>
  <si>
    <t>8041729.0</t>
  </si>
  <si>
    <t>925.251</t>
  </si>
  <si>
    <t>7833337.0</t>
  </si>
  <si>
    <t>4444445.0</t>
  </si>
  <si>
    <t>3462786.0</t>
  </si>
  <si>
    <t>8062716.0</t>
  </si>
  <si>
    <t>927.665</t>
  </si>
  <si>
    <t>7906837.0</t>
  </si>
  <si>
    <t>4462827.0</t>
  </si>
  <si>
    <t>3519211.0</t>
  </si>
  <si>
    <t>62637.0</t>
  </si>
  <si>
    <t>9.038</t>
  </si>
  <si>
    <t>8087523.0</t>
  </si>
  <si>
    <t>930.52</t>
  </si>
  <si>
    <t>7977523.0</t>
  </si>
  <si>
    <t>4479120.0</t>
  </si>
  <si>
    <t>3574680.0</t>
  </si>
  <si>
    <t>8121728.0</t>
  </si>
  <si>
    <t>934.455</t>
  </si>
  <si>
    <t>8049290.0</t>
  </si>
  <si>
    <t>4492815.0</t>
  </si>
  <si>
    <t>3633444.0</t>
  </si>
  <si>
    <t>71767.0</t>
  </si>
  <si>
    <t>60658.0</t>
  </si>
  <si>
    <t>8165574.0</t>
  </si>
  <si>
    <t>939.5</t>
  </si>
  <si>
    <t>8120147.0</t>
  </si>
  <si>
    <t>4506855.0</t>
  </si>
  <si>
    <t>3691023.0</t>
  </si>
  <si>
    <t>8194022.0</t>
  </si>
  <si>
    <t>942.773</t>
  </si>
  <si>
    <t>8162351.0</t>
  </si>
  <si>
    <t>4513221.0</t>
  </si>
  <si>
    <t>3727035.0</t>
  </si>
  <si>
    <t>59391.0</t>
  </si>
  <si>
    <t>8206759.0</t>
  </si>
  <si>
    <t>944.238</t>
  </si>
  <si>
    <t>8175256.0</t>
  </si>
  <si>
    <t>4515724.0</t>
  </si>
  <si>
    <t>3737574.0</t>
  </si>
  <si>
    <t>937.363672964535</t>
  </si>
  <si>
    <t>8229320.0</t>
  </si>
  <si>
    <t>946.834</t>
  </si>
  <si>
    <t>8245764.0</t>
  </si>
  <si>
    <t>4529200.0</t>
  </si>
  <si>
    <t>3795042.0</t>
  </si>
  <si>
    <t>8251088.0</t>
  </si>
  <si>
    <t>949.339</t>
  </si>
  <si>
    <t>26910.0</t>
  </si>
  <si>
    <t>8315830.0</t>
  </si>
  <si>
    <t>4543624.0</t>
  </si>
  <si>
    <t>3850949.0</t>
  </si>
  <si>
    <t>70066.0</t>
  </si>
  <si>
    <t>8278569.0</t>
  </si>
  <si>
    <t>952.501</t>
  </si>
  <si>
    <t>8378652.0</t>
  </si>
  <si>
    <t>4558283.0</t>
  </si>
  <si>
    <t>3900054.0</t>
  </si>
  <si>
    <t>62822.0</t>
  </si>
  <si>
    <t>57304.0</t>
  </si>
  <si>
    <t>8316890.0</t>
  </si>
  <si>
    <t>956.91</t>
  </si>
  <si>
    <t>8440731.0</t>
  </si>
  <si>
    <t>4572170.0</t>
  </si>
  <si>
    <t>3948599.0</t>
  </si>
  <si>
    <t>62079.0</t>
  </si>
  <si>
    <t>8356643.0</t>
  </si>
  <si>
    <t>39753.0</t>
  </si>
  <si>
    <t>961.483</t>
  </si>
  <si>
    <t>8502067.0</t>
  </si>
  <si>
    <t>4586532.0</t>
  </si>
  <si>
    <t>3996072.0</t>
  </si>
  <si>
    <t>61336.0</t>
  </si>
  <si>
    <t>8381558.0</t>
  </si>
  <si>
    <t>964.35</t>
  </si>
  <si>
    <t>8535315.0</t>
  </si>
  <si>
    <t>4592246.0</t>
  </si>
  <si>
    <t>4023495.0</t>
  </si>
  <si>
    <t>33248.0</t>
  </si>
  <si>
    <t>8394144.0</t>
  </si>
  <si>
    <t>965.798</t>
  </si>
  <si>
    <t>8543194.0</t>
  </si>
  <si>
    <t>4593014.0</t>
  </si>
  <si>
    <t>4030562.0</t>
  </si>
  <si>
    <t>8176.7</t>
  </si>
  <si>
    <t>935.498784905299</t>
  </si>
  <si>
    <t>8414179.0</t>
  </si>
  <si>
    <t>968.103</t>
  </si>
  <si>
    <t>8607401.0</t>
  </si>
  <si>
    <t>4605058.0</t>
  </si>
  <si>
    <t>4082783.0</t>
  </si>
  <si>
    <t>8433356.0</t>
  </si>
  <si>
    <t>970.31</t>
  </si>
  <si>
    <t>8663268.0</t>
  </si>
  <si>
    <t>4617896.0</t>
  </si>
  <si>
    <t>4126051.0</t>
  </si>
  <si>
    <t>55867.0</t>
  </si>
  <si>
    <t>8455211.0</t>
  </si>
  <si>
    <t>972.824</t>
  </si>
  <si>
    <t>8713108.0</t>
  </si>
  <si>
    <t>4631266.0</t>
  </si>
  <si>
    <t>4162934.0</t>
  </si>
  <si>
    <t>49840.0</t>
  </si>
  <si>
    <t>47779.0</t>
  </si>
  <si>
    <t>8484266.0</t>
  </si>
  <si>
    <t>976.167</t>
  </si>
  <si>
    <t>8758342.0</t>
  </si>
  <si>
    <t>4642957.0</t>
  </si>
  <si>
    <t>4196974.0</t>
  </si>
  <si>
    <t>45373.0</t>
  </si>
  <si>
    <t>8519617.0</t>
  </si>
  <si>
    <t>980.235</t>
  </si>
  <si>
    <t>8807247.0</t>
  </si>
  <si>
    <t>4656586.0</t>
  </si>
  <si>
    <t>4232742.0</t>
  </si>
  <si>
    <t>48905.0</t>
  </si>
  <si>
    <t>8542483.0</t>
  </si>
  <si>
    <t>982.865</t>
  </si>
  <si>
    <t>8832905.0</t>
  </si>
  <si>
    <t>4662120.0</t>
  </si>
  <si>
    <t>4253023.0</t>
  </si>
  <si>
    <t>101.06</t>
  </si>
  <si>
    <t>8553565.0</t>
  </si>
  <si>
    <t>984.141</t>
  </si>
  <si>
    <t>8837812.0</t>
  </si>
  <si>
    <t>4662929.0</t>
  </si>
  <si>
    <t>4257089.0</t>
  </si>
  <si>
    <t>8156.8</t>
  </si>
  <si>
    <t>933.222019728685</t>
  </si>
  <si>
    <t>8573207.0</t>
  </si>
  <si>
    <t>986.4</t>
  </si>
  <si>
    <t>8880945.0</t>
  </si>
  <si>
    <t>4287409.0</t>
  </si>
  <si>
    <t>8591027.0</t>
  </si>
  <si>
    <t>988.451</t>
  </si>
  <si>
    <t>8916918.0</t>
  </si>
  <si>
    <t>4688071.0</t>
  </si>
  <si>
    <t>4312257.0</t>
  </si>
  <si>
    <t>8609506.0</t>
  </si>
  <si>
    <t>990.577</t>
  </si>
  <si>
    <t>8949011.0</t>
  </si>
  <si>
    <t>4700065.0</t>
  </si>
  <si>
    <t>4332938.0</t>
  </si>
  <si>
    <t>8632876.0</t>
  </si>
  <si>
    <t>993.266</t>
  </si>
  <si>
    <t>8980175.0</t>
  </si>
  <si>
    <t>4711300.0</t>
  </si>
  <si>
    <t>4353399.0</t>
  </si>
  <si>
    <t>8662300.0</t>
  </si>
  <si>
    <t>29424.0</t>
  </si>
  <si>
    <t>996.651</t>
  </si>
  <si>
    <t>9012473.0</t>
  </si>
  <si>
    <t>4724034.0</t>
  </si>
  <si>
    <t>4373691.0</t>
  </si>
  <si>
    <t>8685661.0</t>
  </si>
  <si>
    <t>999.339</t>
  </si>
  <si>
    <t>9023912.0</t>
  </si>
  <si>
    <t>4728545.0</t>
  </si>
  <si>
    <t>4380900.0</t>
  </si>
  <si>
    <t>8696781.0</t>
  </si>
  <si>
    <t>1000.618</t>
  </si>
  <si>
    <t>9025387.0</t>
  </si>
  <si>
    <t>4728875.0</t>
  </si>
  <si>
    <t>4382041.0</t>
  </si>
  <si>
    <t>8113.3</t>
  </si>
  <si>
    <t>928.245171227043</t>
  </si>
  <si>
    <t>8715027.0</t>
  </si>
  <si>
    <t>1002.718</t>
  </si>
  <si>
    <t>9047381.0</t>
  </si>
  <si>
    <t>4736761.0</t>
  </si>
  <si>
    <t>4396589.0</t>
  </si>
  <si>
    <t>8731443.0</t>
  </si>
  <si>
    <t>1004.607</t>
  </si>
  <si>
    <t>9074310.0</t>
  </si>
  <si>
    <t>4745866.0</t>
  </si>
  <si>
    <t>4414691.0</t>
  </si>
  <si>
    <t>103.82</t>
  </si>
  <si>
    <t>8749049.0</t>
  </si>
  <si>
    <t>1006.632</t>
  </si>
  <si>
    <t>9098541.0</t>
  </si>
  <si>
    <t>4756435.0</t>
  </si>
  <si>
    <t>4429092.0</t>
  </si>
  <si>
    <t>8769849.0</t>
  </si>
  <si>
    <t>1009.025</t>
  </si>
  <si>
    <t>9124013.0</t>
  </si>
  <si>
    <t>4766835.0</t>
  </si>
  <si>
    <t>4444952.0</t>
  </si>
  <si>
    <t>8796957.0</t>
  </si>
  <si>
    <t>1012.144</t>
  </si>
  <si>
    <t>9152271.0</t>
  </si>
  <si>
    <t>4778467.0</t>
  </si>
  <si>
    <t>4462299.0</t>
  </si>
  <si>
    <t>104.71</t>
  </si>
  <si>
    <t>8816087.0</t>
  </si>
  <si>
    <t>1014.345</t>
  </si>
  <si>
    <t>9161541.0</t>
  </si>
  <si>
    <t>4782653.0</t>
  </si>
  <si>
    <t>4467630.0</t>
  </si>
  <si>
    <t>8826481.0</t>
  </si>
  <si>
    <t>9162368.0</t>
  </si>
  <si>
    <t>4782890.0</t>
  </si>
  <si>
    <t>8094.2</t>
  </si>
  <si>
    <t>926.059934298735</t>
  </si>
  <si>
    <t>8845321.0</t>
  </si>
  <si>
    <t>1017.709</t>
  </si>
  <si>
    <t>9185060.0</t>
  </si>
  <si>
    <t>4792296.0</t>
  </si>
  <si>
    <t>4482220.0</t>
  </si>
  <si>
    <t>8864099.0</t>
  </si>
  <si>
    <t>1019.869</t>
  </si>
  <si>
    <t>9208490.0</t>
  </si>
  <si>
    <t>4802356.0</t>
  </si>
  <si>
    <t>4496314.0</t>
  </si>
  <si>
    <t>8883168.0</t>
  </si>
  <si>
    <t>1022.063</t>
  </si>
  <si>
    <t>9233324.0</t>
  </si>
  <si>
    <t>4813043.0</t>
  </si>
  <si>
    <t>4511016.0</t>
  </si>
  <si>
    <t>8906051.0</t>
  </si>
  <si>
    <t>1024.696</t>
  </si>
  <si>
    <t>9259946.0</t>
  </si>
  <si>
    <t>4825710.0</t>
  </si>
  <si>
    <t>4525835.0</t>
  </si>
  <si>
    <t>8934116.0</t>
  </si>
  <si>
    <t>1027.925</t>
  </si>
  <si>
    <t>9288308.0</t>
  </si>
  <si>
    <t>4839011.0</t>
  </si>
  <si>
    <t>4541641.0</t>
  </si>
  <si>
    <t>8955090.0</t>
  </si>
  <si>
    <t>1030.338</t>
  </si>
  <si>
    <t>9298797.0</t>
  </si>
  <si>
    <t>4844825.0</t>
  </si>
  <si>
    <t>4546619.0</t>
  </si>
  <si>
    <t>19608.0</t>
  </si>
  <si>
    <t>8965751.0</t>
  </si>
  <si>
    <t>1031.565</t>
  </si>
  <si>
    <t>9299381.0</t>
  </si>
  <si>
    <t>4845137.0</t>
  </si>
  <si>
    <t>4546922.0</t>
  </si>
  <si>
    <t>8229.5</t>
  </si>
  <si>
    <t>941.5396492935</t>
  </si>
  <si>
    <t>8986862.0</t>
  </si>
  <si>
    <t>1033.994</t>
  </si>
  <si>
    <t>20220.0</t>
  </si>
  <si>
    <t>9322105.0</t>
  </si>
  <si>
    <t>4854868.0</t>
  </si>
  <si>
    <t>4560613.0</t>
  </si>
  <si>
    <t>106.65</t>
  </si>
  <si>
    <t>9009544.0</t>
  </si>
  <si>
    <t>1036.604</t>
  </si>
  <si>
    <t>9345780.0</t>
  </si>
  <si>
    <t>4866002.0</t>
  </si>
  <si>
    <t>4573807.0</t>
  </si>
  <si>
    <t>106.93</t>
  </si>
  <si>
    <t>9032066.0</t>
  </si>
  <si>
    <t>1039.195</t>
  </si>
  <si>
    <t>9372621.0</t>
  </si>
  <si>
    <t>4878871.0</t>
  </si>
  <si>
    <t>4588479.0</t>
  </si>
  <si>
    <t>9059396.0</t>
  </si>
  <si>
    <t>1042.34</t>
  </si>
  <si>
    <t>9398690.0</t>
  </si>
  <si>
    <t>4892913.0</t>
  </si>
  <si>
    <t>4601376.0</t>
  </si>
  <si>
    <t>26069.0</t>
  </si>
  <si>
    <t>9093130.0</t>
  </si>
  <si>
    <t>1046.221</t>
  </si>
  <si>
    <t>9430915.0</t>
  </si>
  <si>
    <t>4909509.0</t>
  </si>
  <si>
    <t>4618028.0</t>
  </si>
  <si>
    <t>9116209.0</t>
  </si>
  <si>
    <t>1048.876</t>
  </si>
  <si>
    <t>9442965.0</t>
  </si>
  <si>
    <t>4916999.0</t>
  </si>
  <si>
    <t>4623240.0</t>
  </si>
  <si>
    <t>9127894.0</t>
  </si>
  <si>
    <t>1050.221</t>
  </si>
  <si>
    <t>9443852.0</t>
  </si>
  <si>
    <t>4917465.0</t>
  </si>
  <si>
    <t>4623687.0</t>
  </si>
  <si>
    <t>949.94880710662</t>
  </si>
  <si>
    <t>9152318.0</t>
  </si>
  <si>
    <t>1053.031</t>
  </si>
  <si>
    <t>9466452.0</t>
  </si>
  <si>
    <t>4929212.0</t>
  </si>
  <si>
    <t>4635366.0</t>
  </si>
  <si>
    <t>9178087.0</t>
  </si>
  <si>
    <t>1055.996</t>
  </si>
  <si>
    <t>9491178.0</t>
  </si>
  <si>
    <t>4942114.0</t>
  </si>
  <si>
    <t>4647812.0</t>
  </si>
  <si>
    <t>24726.0</t>
  </si>
  <si>
    <t>108.59</t>
  </si>
  <si>
    <t>9205884.0</t>
  </si>
  <si>
    <t>1059.194</t>
  </si>
  <si>
    <t>9520182.0</t>
  </si>
  <si>
    <t>4958153.0</t>
  </si>
  <si>
    <t>4661784.0</t>
  </si>
  <si>
    <t>9237925.0</t>
  </si>
  <si>
    <t>32041.0</t>
  </si>
  <si>
    <t>1062.88</t>
  </si>
  <si>
    <t>9549594.0</t>
  </si>
  <si>
    <t>4975405.0</t>
  </si>
  <si>
    <t>4675101.0</t>
  </si>
  <si>
    <t>9278378.0</t>
  </si>
  <si>
    <t>40453.0</t>
  </si>
  <si>
    <t>1067.535</t>
  </si>
  <si>
    <t>9584370.0</t>
  </si>
  <si>
    <t>4995790.0</t>
  </si>
  <si>
    <t>4690935.0</t>
  </si>
  <si>
    <t>9304704.0</t>
  </si>
  <si>
    <t>1070.564</t>
  </si>
  <si>
    <t>9601750.0</t>
  </si>
  <si>
    <t>5007627.0</t>
  </si>
  <si>
    <t>4697383.0</t>
  </si>
  <si>
    <t>9318484.0</t>
  </si>
  <si>
    <t>1072.149</t>
  </si>
  <si>
    <t>27227.0</t>
  </si>
  <si>
    <t>9603677.0</t>
  </si>
  <si>
    <t>5009174.0</t>
  </si>
  <si>
    <t>4697895.0</t>
  </si>
  <si>
    <t>109.88</t>
  </si>
  <si>
    <t>8348.7</t>
  </si>
  <si>
    <t>955.177358291104</t>
  </si>
  <si>
    <t>9345920.0</t>
  </si>
  <si>
    <t>1075.306</t>
  </si>
  <si>
    <t>27657.0</t>
  </si>
  <si>
    <t>9626651.0</t>
  </si>
  <si>
    <t>5024006.0</t>
  </si>
  <si>
    <t>4707057.0</t>
  </si>
  <si>
    <t>110.14</t>
  </si>
  <si>
    <t>9377967.0</t>
  </si>
  <si>
    <t>1078.993</t>
  </si>
  <si>
    <t>9651050.0</t>
  </si>
  <si>
    <t>5039526.0</t>
  </si>
  <si>
    <t>4717082.0</t>
  </si>
  <si>
    <t>9408455.0</t>
  </si>
  <si>
    <t>1082.501</t>
  </si>
  <si>
    <t>9679340.0</t>
  </si>
  <si>
    <t>5057156.0</t>
  </si>
  <si>
    <t>4729101.0</t>
  </si>
  <si>
    <t>9445323.0</t>
  </si>
  <si>
    <t>1086.743</t>
  </si>
  <si>
    <t>9707622.0</t>
  </si>
  <si>
    <t>5075740.0</t>
  </si>
  <si>
    <t>4740334.0</t>
  </si>
  <si>
    <t>9492874.0</t>
  </si>
  <si>
    <t>1092.214</t>
  </si>
  <si>
    <t>9740520.0</t>
  </si>
  <si>
    <t>5097410.0</t>
  </si>
  <si>
    <t>4753354.0</t>
  </si>
  <si>
    <t>9527225.0</t>
  </si>
  <si>
    <t>1096.166</t>
  </si>
  <si>
    <t>9757075.0</t>
  </si>
  <si>
    <t>5109207.0</t>
  </si>
  <si>
    <t>4759117.0</t>
  </si>
  <si>
    <t>9542729.0</t>
  </si>
  <si>
    <t>1097.95</t>
  </si>
  <si>
    <t>9759732.0</t>
  </si>
  <si>
    <t>5111591.0</t>
  </si>
  <si>
    <t>4759640.0</t>
  </si>
  <si>
    <t>8502.6</t>
  </si>
  <si>
    <t>972.785105058984</t>
  </si>
  <si>
    <t>9575202.0</t>
  </si>
  <si>
    <t>1101.686</t>
  </si>
  <si>
    <t>9783234.0</t>
  </si>
  <si>
    <t>5127070.0</t>
  </si>
  <si>
    <t>4769030.0</t>
  </si>
  <si>
    <t>111.93</t>
  </si>
  <si>
    <t>9609677.0</t>
  </si>
  <si>
    <t>1105.653</t>
  </si>
  <si>
    <t>9809013.0</t>
  </si>
  <si>
    <t>5143336.0</t>
  </si>
  <si>
    <t>4779756.0</t>
  </si>
  <si>
    <t>9645035.0</t>
  </si>
  <si>
    <t>35358.0</t>
  </si>
  <si>
    <t>1109.721</t>
  </si>
  <si>
    <t>9842344.0</t>
  </si>
  <si>
    <t>5165512.0</t>
  </si>
  <si>
    <t>4792757.0</t>
  </si>
  <si>
    <t>23286.0</t>
  </si>
  <si>
    <t>9684648.0</t>
  </si>
  <si>
    <t>1114.279</t>
  </si>
  <si>
    <t>9876756.0</t>
  </si>
  <si>
    <t>5190058.0</t>
  </si>
  <si>
    <t>4805067.0</t>
  </si>
  <si>
    <t>9731892.0</t>
  </si>
  <si>
    <t>47244.0</t>
  </si>
  <si>
    <t>1119.714</t>
  </si>
  <si>
    <t>9920625.0</t>
  </si>
  <si>
    <t>5219760.0</t>
  </si>
  <si>
    <t>4822297.0</t>
  </si>
  <si>
    <t>25729.0</t>
  </si>
  <si>
    <t>9763528.0</t>
  </si>
  <si>
    <t>1123.354</t>
  </si>
  <si>
    <t>9947701.0</t>
  </si>
  <si>
    <t>5240531.0</t>
  </si>
  <si>
    <t>4831007.0</t>
  </si>
  <si>
    <t>27076.0</t>
  </si>
  <si>
    <t>113.81</t>
  </si>
  <si>
    <t>9778817.0</t>
  </si>
  <si>
    <t>1125.113</t>
  </si>
  <si>
    <t>9952078.0</t>
  </si>
  <si>
    <t>5244456.0</t>
  </si>
  <si>
    <t>4831980.0</t>
  </si>
  <si>
    <t>8656.1</t>
  </si>
  <si>
    <t>990.347087702711</t>
  </si>
  <si>
    <t>9815396.0</t>
  </si>
  <si>
    <t>1129.322</t>
  </si>
  <si>
    <t>34313.0</t>
  </si>
  <si>
    <t>9984643.0</t>
  </si>
  <si>
    <t>5267850.0</t>
  </si>
  <si>
    <t>4843675.0</t>
  </si>
  <si>
    <t>32565.0</t>
  </si>
  <si>
    <t>28773.0</t>
  </si>
  <si>
    <t>9856182.0</t>
  </si>
  <si>
    <t>1134.015</t>
  </si>
  <si>
    <t>35215.0</t>
  </si>
  <si>
    <t>10020300.0</t>
  </si>
  <si>
    <t>5292942.0</t>
  </si>
  <si>
    <t>4856895.0</t>
  </si>
  <si>
    <t>35657.0</t>
  </si>
  <si>
    <t>9896196.0</t>
  </si>
  <si>
    <t>1138.619</t>
  </si>
  <si>
    <t>10062195.0</t>
  </si>
  <si>
    <t>5321688.0</t>
  </si>
  <si>
    <t>4873301.0</t>
  </si>
  <si>
    <t>9940363.0</t>
  </si>
  <si>
    <t>44167.0</t>
  </si>
  <si>
    <t>1143.7</t>
  </si>
  <si>
    <t>36531.0</t>
  </si>
  <si>
    <t>10100772.0</t>
  </si>
  <si>
    <t>5347103.0</t>
  </si>
  <si>
    <t>4889453.0</t>
  </si>
  <si>
    <t>9996215.0</t>
  </si>
  <si>
    <t>1150.126</t>
  </si>
  <si>
    <t>10145257.0</t>
  </si>
  <si>
    <t>5374710.0</t>
  </si>
  <si>
    <t>4909583.0</t>
  </si>
  <si>
    <t>44485.0</t>
  </si>
  <si>
    <t>10029526.0</t>
  </si>
  <si>
    <t>33311.0</t>
  </si>
  <si>
    <t>1153.959</t>
  </si>
  <si>
    <t>10168845.0</t>
  </si>
  <si>
    <t>5390312.0</t>
  </si>
  <si>
    <t>4919481.0</t>
  </si>
  <si>
    <t>31592.0</t>
  </si>
  <si>
    <t>10044534.0</t>
  </si>
  <si>
    <t>1155.686</t>
  </si>
  <si>
    <t>10172369.0</t>
  </si>
  <si>
    <t>5393392.0</t>
  </si>
  <si>
    <t>4920268.0</t>
  </si>
  <si>
    <t>8792.6</t>
  </si>
  <si>
    <t>1005.96409506993</t>
  </si>
  <si>
    <t>10077614.0</t>
  </si>
  <si>
    <t>1159.492</t>
  </si>
  <si>
    <t>10200844.0</t>
  </si>
  <si>
    <t>5411305.0</t>
  </si>
  <si>
    <t>4932773.0</t>
  </si>
  <si>
    <t>10116175.0</t>
  </si>
  <si>
    <t>1163.928</t>
  </si>
  <si>
    <t>37142.0</t>
  </si>
  <si>
    <t>10233212.0</t>
  </si>
  <si>
    <t>5431698.0</t>
  </si>
  <si>
    <t>4947027.0</t>
  </si>
  <si>
    <t>10153648.0</t>
  </si>
  <si>
    <t>1168.24</t>
  </si>
  <si>
    <t>10267951.0</t>
  </si>
  <si>
    <t>5452693.0</t>
  </si>
  <si>
    <t>4963329.0</t>
  </si>
  <si>
    <t>10193353.0</t>
  </si>
  <si>
    <t>1172.808</t>
  </si>
  <si>
    <t>10302856.0</t>
  </si>
  <si>
    <t>5472355.0</t>
  </si>
  <si>
    <t>4980907.0</t>
  </si>
  <si>
    <t>10248616.0</t>
  </si>
  <si>
    <t>1179.167</t>
  </si>
  <si>
    <t>10340641.0</t>
  </si>
  <si>
    <t>5490925.0</t>
  </si>
  <si>
    <t>5002061.0</t>
  </si>
  <si>
    <t>29.632</t>
  </si>
  <si>
    <t>10285512.0</t>
  </si>
  <si>
    <t>1183.412</t>
  </si>
  <si>
    <t>10363581.0</t>
  </si>
  <si>
    <t>5501929.0</t>
  </si>
  <si>
    <t>5015119.0</t>
  </si>
  <si>
    <t>22940.0</t>
  </si>
  <si>
    <t>10301174.0</t>
  </si>
  <si>
    <t>1185.214</t>
  </si>
  <si>
    <t>10366812.0</t>
  </si>
  <si>
    <t>5504079.0</t>
  </si>
  <si>
    <t>5016452.0</t>
  </si>
  <si>
    <t>8874.1</t>
  </si>
  <si>
    <t>1015.28853536612</t>
  </si>
  <si>
    <t>10334726.0</t>
  </si>
  <si>
    <t>1189.074</t>
  </si>
  <si>
    <t>10393453.0</t>
  </si>
  <si>
    <t>5516267.0</t>
  </si>
  <si>
    <t>5031989.0</t>
  </si>
  <si>
    <t>10369607.0</t>
  </si>
  <si>
    <t>1193.087</t>
  </si>
  <si>
    <t>36205.0</t>
  </si>
  <si>
    <t>10419361.0</t>
  </si>
  <si>
    <t>5529336.0</t>
  </si>
  <si>
    <t>5045940.0</t>
  </si>
  <si>
    <t>10406131.0</t>
  </si>
  <si>
    <t>1197.29</t>
  </si>
  <si>
    <t>10450107.0</t>
  </si>
  <si>
    <t>5542880.0</t>
  </si>
  <si>
    <t>5064446.0</t>
  </si>
  <si>
    <t>26022.0</t>
  </si>
  <si>
    <t>10451012.0</t>
  </si>
  <si>
    <t>1202.454</t>
  </si>
  <si>
    <t>10478138.0</t>
  </si>
  <si>
    <t>5554278.0</t>
  </si>
  <si>
    <t>5082108.0</t>
  </si>
  <si>
    <t>10504096.0</t>
  </si>
  <si>
    <t>1208.561</t>
  </si>
  <si>
    <t>10511011.0</t>
  </si>
  <si>
    <t>5566699.0</t>
  </si>
  <si>
    <t>5103663.0</t>
  </si>
  <si>
    <t>32873.0</t>
  </si>
  <si>
    <t>10537531.0</t>
  </si>
  <si>
    <t>1212.408</t>
  </si>
  <si>
    <t>10528691.0</t>
  </si>
  <si>
    <t>5573689.0</t>
  </si>
  <si>
    <t>5115033.0</t>
  </si>
  <si>
    <t>10552574.0</t>
  </si>
  <si>
    <t>1214.139</t>
  </si>
  <si>
    <t>10532102.0</t>
  </si>
  <si>
    <t>5575194.0</t>
  </si>
  <si>
    <t>5117103.0</t>
  </si>
  <si>
    <t>8957.8</t>
  </si>
  <si>
    <t>1024.86467834514</t>
  </si>
  <si>
    <t>10583326.0</t>
  </si>
  <si>
    <t>1217.677</t>
  </si>
  <si>
    <t>10557197.0</t>
  </si>
  <si>
    <t>5583694.0</t>
  </si>
  <si>
    <t>5134345.0</t>
  </si>
  <si>
    <t>10615519.0</t>
  </si>
  <si>
    <t>1221.381</t>
  </si>
  <si>
    <t>10581865.0</t>
  </si>
  <si>
    <t>5592501.0</t>
  </si>
  <si>
    <t>5150822.0</t>
  </si>
  <si>
    <t>10648687.0</t>
  </si>
  <si>
    <t>1225.197</t>
  </si>
  <si>
    <t>10611635.0</t>
  </si>
  <si>
    <t>5602718.0</t>
  </si>
  <si>
    <t>5171337.0</t>
  </si>
  <si>
    <t>10684750.0</t>
  </si>
  <si>
    <t>1229.347</t>
  </si>
  <si>
    <t>10638970.0</t>
  </si>
  <si>
    <t>5611116.0</t>
  </si>
  <si>
    <t>5191511.0</t>
  </si>
  <si>
    <t>10735014.0</t>
  </si>
  <si>
    <t>50264.0</t>
  </si>
  <si>
    <t>1235.13</t>
  </si>
  <si>
    <t>10673046.0</t>
  </si>
  <si>
    <t>5620728.0</t>
  </si>
  <si>
    <t>5217580.0</t>
  </si>
  <si>
    <t>10767260.0</t>
  </si>
  <si>
    <t>32246.0</t>
  </si>
  <si>
    <t>1238.84</t>
  </si>
  <si>
    <t>10693518.0</t>
  </si>
  <si>
    <t>5626711.0</t>
  </si>
  <si>
    <t>5232936.0</t>
  </si>
  <si>
    <t>10782747.0</t>
  </si>
  <si>
    <t>1240.622</t>
  </si>
  <si>
    <t>10696792.0</t>
  </si>
  <si>
    <t>5627642.0</t>
  </si>
  <si>
    <t>5235415.0</t>
  </si>
  <si>
    <t>8933.9</t>
  </si>
  <si>
    <t>1022.13027192699</t>
  </si>
  <si>
    <t>10806500.0</t>
  </si>
  <si>
    <t>1243.355</t>
  </si>
  <si>
    <t>10722310.0</t>
  </si>
  <si>
    <t>5634989.0</t>
  </si>
  <si>
    <t>5254838.0</t>
  </si>
  <si>
    <t>10831652.0</t>
  </si>
  <si>
    <t>25152.0</t>
  </si>
  <si>
    <t>1246.249</t>
  </si>
  <si>
    <t>10748433.0</t>
  </si>
  <si>
    <t>5642713.0</t>
  </si>
  <si>
    <t>5274672.0</t>
  </si>
  <si>
    <t>10857605.0</t>
  </si>
  <si>
    <t>1249.235</t>
  </si>
  <si>
    <t>29845.0</t>
  </si>
  <si>
    <t>10781529.0</t>
  </si>
  <si>
    <t>5651779.0</t>
  </si>
  <si>
    <t>5300434.0</t>
  </si>
  <si>
    <t>10885232.0</t>
  </si>
  <si>
    <t>1252.413</t>
  </si>
  <si>
    <t>28640.0</t>
  </si>
  <si>
    <t>10810690.0</t>
  </si>
  <si>
    <t>5659767.0</t>
  </si>
  <si>
    <t>5323272.0</t>
  </si>
  <si>
    <t>10919142.0</t>
  </si>
  <si>
    <t>1256.315</t>
  </si>
  <si>
    <t>10846638.0</t>
  </si>
  <si>
    <t>5668918.0</t>
  </si>
  <si>
    <t>5351654.0</t>
  </si>
  <si>
    <t>10939319.0</t>
  </si>
  <si>
    <t>1258.636</t>
  </si>
  <si>
    <t>10864859.0</t>
  </si>
  <si>
    <t>5674253.0</t>
  </si>
  <si>
    <t>5365557.0</t>
  </si>
  <si>
    <t>10948495.0</t>
  </si>
  <si>
    <t>1259.692</t>
  </si>
  <si>
    <t>23678.0</t>
  </si>
  <si>
    <t>10866713.0</t>
  </si>
  <si>
    <t>5674764.0</t>
  </si>
  <si>
    <t>5367027.0</t>
  </si>
  <si>
    <t>8985.4</t>
  </si>
  <si>
    <t>1028.0224029117</t>
  </si>
  <si>
    <t>10972987.0</t>
  </si>
  <si>
    <t>1262.51</t>
  </si>
  <si>
    <t>10890275.0</t>
  </si>
  <si>
    <t>5680915.0</t>
  </si>
  <si>
    <t>5385515.0</t>
  </si>
  <si>
    <t>10997443.0</t>
  </si>
  <si>
    <t>1265.324</t>
  </si>
  <si>
    <t>10914562.0</t>
  </si>
  <si>
    <t>5687398.0</t>
  </si>
  <si>
    <t>5404524.0</t>
  </si>
  <si>
    <t>11024904.0</t>
  </si>
  <si>
    <t>1268.483</t>
  </si>
  <si>
    <t>10941708.0</t>
  </si>
  <si>
    <t>5694487.0</t>
  </si>
  <si>
    <t>5426092.0</t>
  </si>
  <si>
    <t>11053169.0</t>
  </si>
  <si>
    <t>28265.0</t>
  </si>
  <si>
    <t>1271.735</t>
  </si>
  <si>
    <t>10965333.0</t>
  </si>
  <si>
    <t>5700568.0</t>
  </si>
  <si>
    <t>5444702.0</t>
  </si>
  <si>
    <t>11086746.0</t>
  </si>
  <si>
    <t>1275.599</t>
  </si>
  <si>
    <t>10991890.0</t>
  </si>
  <si>
    <t>5707714.0</t>
  </si>
  <si>
    <t>5465233.0</t>
  </si>
  <si>
    <t>11106253.0</t>
  </si>
  <si>
    <t>1277.843</t>
  </si>
  <si>
    <t>11006857.0</t>
  </si>
  <si>
    <t>5711974.0</t>
  </si>
  <si>
    <t>5476557.0</t>
  </si>
  <si>
    <t>11115382.0</t>
  </si>
  <si>
    <t>1278.893</t>
  </si>
  <si>
    <t>11008564.0</t>
  </si>
  <si>
    <t>5712434.0</t>
  </si>
  <si>
    <t>5477853.0</t>
  </si>
  <si>
    <t>125.95</t>
  </si>
  <si>
    <t>9061.3</t>
  </si>
  <si>
    <t>1036.70614546974</t>
  </si>
  <si>
    <t>11139803.0</t>
  </si>
  <si>
    <t>1281.703</t>
  </si>
  <si>
    <t>11025501.0</t>
  </si>
  <si>
    <t>5716972.0</t>
  </si>
  <si>
    <t>5490834.0</t>
  </si>
  <si>
    <t>11166190.0</t>
  </si>
  <si>
    <t>1284.739</t>
  </si>
  <si>
    <t>11043242.0</t>
  </si>
  <si>
    <t>5721804.0</t>
  </si>
  <si>
    <t>5504290.0</t>
  </si>
  <si>
    <t>11192952.0</t>
  </si>
  <si>
    <t>1287.818</t>
  </si>
  <si>
    <t>11063385.0</t>
  </si>
  <si>
    <t>5727535.0</t>
  </si>
  <si>
    <t>5519268.0</t>
  </si>
  <si>
    <t>11222505.0</t>
  </si>
  <si>
    <t>1291.219</t>
  </si>
  <si>
    <t>11079735.0</t>
  </si>
  <si>
    <t>5732294.0</t>
  </si>
  <si>
    <t>5531481.0</t>
  </si>
  <si>
    <t>11259675.0</t>
  </si>
  <si>
    <t>37170.0</t>
  </si>
  <si>
    <t>1295.495</t>
  </si>
  <si>
    <t>11100257.0</t>
  </si>
  <si>
    <t>5738023.0</t>
  </si>
  <si>
    <t>5546559.0</t>
  </si>
  <si>
    <t>11281456.0</t>
  </si>
  <si>
    <t>1298.001</t>
  </si>
  <si>
    <t>11108938.0</t>
  </si>
  <si>
    <t>5740799.0</t>
  </si>
  <si>
    <t>5552688.0</t>
  </si>
  <si>
    <t>11291969.0</t>
  </si>
  <si>
    <t>11109587.0</t>
  </si>
  <si>
    <t>5741032.0</t>
  </si>
  <si>
    <t>5553161.0</t>
  </si>
  <si>
    <t>1050.40105962253</t>
  </si>
  <si>
    <t>11315277.0</t>
  </si>
  <si>
    <t>1301.893</t>
  </si>
  <si>
    <t>11118809.0</t>
  </si>
  <si>
    <t>5744085.0</t>
  </si>
  <si>
    <t>5559614.0</t>
  </si>
  <si>
    <t>11343881.0</t>
  </si>
  <si>
    <t>1305.184</t>
  </si>
  <si>
    <t>11132377.0</t>
  </si>
  <si>
    <t>5748400.0</t>
  </si>
  <si>
    <t>5568867.0</t>
  </si>
  <si>
    <t>11376203.0</t>
  </si>
  <si>
    <t>1308.902</t>
  </si>
  <si>
    <t>11147823.0</t>
  </si>
  <si>
    <t>5753400.0</t>
  </si>
  <si>
    <t>5579361.0</t>
  </si>
  <si>
    <t>127.54</t>
  </si>
  <si>
    <t>11412245.0</t>
  </si>
  <si>
    <t>1313.049</t>
  </si>
  <si>
    <t>11160408.0</t>
  </si>
  <si>
    <t>5757770.0</t>
  </si>
  <si>
    <t>5587450.0</t>
  </si>
  <si>
    <t>11453741.0</t>
  </si>
  <si>
    <t>1317.824</t>
  </si>
  <si>
    <t>11177106.0</t>
  </si>
  <si>
    <t>5763137.0</t>
  </si>
  <si>
    <t>5598248.0</t>
  </si>
  <si>
    <t>11480134.0</t>
  </si>
  <si>
    <t>1320.86</t>
  </si>
  <si>
    <t>11185883.0</t>
  </si>
  <si>
    <t>5765952.0</t>
  </si>
  <si>
    <t>5603594.0</t>
  </si>
  <si>
    <t>11491574.0</t>
  </si>
  <si>
    <t>1322.177</t>
  </si>
  <si>
    <t>11186370.0</t>
  </si>
  <si>
    <t>5766138.0</t>
  </si>
  <si>
    <t>5603890.0</t>
  </si>
  <si>
    <t>9232.5</t>
  </si>
  <si>
    <t>1056.29319060723</t>
  </si>
  <si>
    <t>11523967.0</t>
  </si>
  <si>
    <t>1325.904</t>
  </si>
  <si>
    <t>11201632.0</t>
  </si>
  <si>
    <t>5771259.0</t>
  </si>
  <si>
    <t>5611167.0</t>
  </si>
  <si>
    <t>11560955.0</t>
  </si>
  <si>
    <t>1330.159</t>
  </si>
  <si>
    <t>11220338.0</t>
  </si>
  <si>
    <t>5776906.0</t>
  </si>
  <si>
    <t>5618243.0</t>
  </si>
  <si>
    <t>11599844.0</t>
  </si>
  <si>
    <t>1334.634</t>
  </si>
  <si>
    <t>11243174.0</t>
  </si>
  <si>
    <t>5783552.0</t>
  </si>
  <si>
    <t>5626977.0</t>
  </si>
  <si>
    <t>11639925.0</t>
  </si>
  <si>
    <t>1339.245</t>
  </si>
  <si>
    <t>11266176.0</t>
  </si>
  <si>
    <t>5788742.0</t>
  </si>
  <si>
    <t>5633949.0</t>
  </si>
  <si>
    <t>11687869.0</t>
  </si>
  <si>
    <t>1344.762</t>
  </si>
  <si>
    <t>11294410.0</t>
  </si>
  <si>
    <t>5795939.0</t>
  </si>
  <si>
    <t>5643408.0</t>
  </si>
  <si>
    <t>11716385.0</t>
  </si>
  <si>
    <t>1348.043</t>
  </si>
  <si>
    <t>11310165.0</t>
  </si>
  <si>
    <t>5800650.0</t>
  </si>
  <si>
    <t>5648684.0</t>
  </si>
  <si>
    <t>11730600.0</t>
  </si>
  <si>
    <t>1349.678</t>
  </si>
  <si>
    <t>11312718.0</t>
  </si>
  <si>
    <t>5801392.0</t>
  </si>
  <si>
    <t>5649121.0</t>
  </si>
  <si>
    <t>9385.8</t>
  </si>
  <si>
    <t>1073.83229118888</t>
  </si>
  <si>
    <t>11770330.0</t>
  </si>
  <si>
    <t>1354.249</t>
  </si>
  <si>
    <t>11347405.0</t>
  </si>
  <si>
    <t>5805285.0</t>
  </si>
  <si>
    <t>5654650.0</t>
  </si>
  <si>
    <t>11814975.0</t>
  </si>
  <si>
    <t>1359.386</t>
  </si>
  <si>
    <t>11386529.0</t>
  </si>
  <si>
    <t>5809372.0</t>
  </si>
  <si>
    <t>5659604.0</t>
  </si>
  <si>
    <t>104938.0</t>
  </si>
  <si>
    <t>11861599.0</t>
  </si>
  <si>
    <t>1364.75</t>
  </si>
  <si>
    <t>11433333.0</t>
  </si>
  <si>
    <t>5814191.0</t>
  </si>
  <si>
    <t>5665997.0</t>
  </si>
  <si>
    <t>11911941.0</t>
  </si>
  <si>
    <t>1370.542</t>
  </si>
  <si>
    <t>38859.0</t>
  </si>
  <si>
    <t>11481004.0</t>
  </si>
  <si>
    <t>5818466.0</t>
  </si>
  <si>
    <t>5671492.0</t>
  </si>
  <si>
    <t>177893.0</t>
  </si>
  <si>
    <t>11967637.0</t>
  </si>
  <si>
    <t>55696.0</t>
  </si>
  <si>
    <t>1376.951</t>
  </si>
  <si>
    <t>11529456.0</t>
  </si>
  <si>
    <t>5823690.0</t>
  </si>
  <si>
    <t>5678639.0</t>
  </si>
  <si>
    <t>213596.0</t>
  </si>
  <si>
    <t>12001333.0</t>
  </si>
  <si>
    <t>1380.828</t>
  </si>
  <si>
    <t>40707.0</t>
  </si>
  <si>
    <t>11550939.0</t>
  </si>
  <si>
    <t>5826656.0</t>
  </si>
  <si>
    <t>5682284.0</t>
  </si>
  <si>
    <t>12016980.0</t>
  </si>
  <si>
    <t>1382.628</t>
  </si>
  <si>
    <t>11554851.0</t>
  </si>
  <si>
    <t>5827010.0</t>
  </si>
  <si>
    <t>5682636.0</t>
  </si>
  <si>
    <t>231725.0</t>
  </si>
  <si>
    <t>9600.7</t>
  </si>
  <si>
    <t>1098.4190668901</t>
  </si>
  <si>
    <t>12066284.0</t>
  </si>
  <si>
    <t>1388.301</t>
  </si>
  <si>
    <t>11598835.0</t>
  </si>
  <si>
    <t>5830752.0</t>
  </si>
  <si>
    <t>5687134.0</t>
  </si>
  <si>
    <t>266955.0</t>
  </si>
  <si>
    <t>12124023.0</t>
  </si>
  <si>
    <t>57739.0</t>
  </si>
  <si>
    <t>1394.944</t>
  </si>
  <si>
    <t>11650033.0</t>
  </si>
  <si>
    <t>5834404.0</t>
  </si>
  <si>
    <t>5691151.0</t>
  </si>
  <si>
    <t>309769.0</t>
  </si>
  <si>
    <t>51198.0</t>
  </si>
  <si>
    <t>12182782.0</t>
  </si>
  <si>
    <t>58759.0</t>
  </si>
  <si>
    <t>1401.704</t>
  </si>
  <si>
    <t>11707620.0</t>
  </si>
  <si>
    <t>5839134.0</t>
  </si>
  <si>
    <t>5696681.0</t>
  </si>
  <si>
    <t>356260.0</t>
  </si>
  <si>
    <t>12240907.0</t>
  </si>
  <si>
    <t>1408.392</t>
  </si>
  <si>
    <t>11762730.0</t>
  </si>
  <si>
    <t>5842746.0</t>
  </si>
  <si>
    <t>5701002.0</t>
  </si>
  <si>
    <t>402619.0</t>
  </si>
  <si>
    <t>12310657.0</t>
  </si>
  <si>
    <t>69750.0</t>
  </si>
  <si>
    <t>1416.417</t>
  </si>
  <si>
    <t>11819492.0</t>
  </si>
  <si>
    <t>5847028.0</t>
  </si>
  <si>
    <t>5706925.0</t>
  </si>
  <si>
    <t>448115.0</t>
  </si>
  <si>
    <t>56762.0</t>
  </si>
  <si>
    <t>12349459.0</t>
  </si>
  <si>
    <t>1420.882</t>
  </si>
  <si>
    <t>49732.0</t>
  </si>
  <si>
    <t>11842499.0</t>
  </si>
  <si>
    <t>5849666.0</t>
  </si>
  <si>
    <t>5710039.0</t>
  </si>
  <si>
    <t>465135.0</t>
  </si>
  <si>
    <t>12369372.0</t>
  </si>
  <si>
    <t>1423.173</t>
  </si>
  <si>
    <t>11847224.0</t>
  </si>
  <si>
    <t>5850017.0</t>
  </si>
  <si>
    <t>5710399.0</t>
  </si>
  <si>
    <t>469154.0</t>
  </si>
  <si>
    <t>1132.43325216685</t>
  </si>
  <si>
    <t>12425955.0</t>
  </si>
  <si>
    <t>1429.683</t>
  </si>
  <si>
    <t>11901492.0</t>
  </si>
  <si>
    <t>5853765.0</t>
  </si>
  <si>
    <t>5714083.0</t>
  </si>
  <si>
    <t>515016.0</t>
  </si>
  <si>
    <t>54268.0</t>
  </si>
  <si>
    <t>12491381.0</t>
  </si>
  <si>
    <t>65426.0</t>
  </si>
  <si>
    <t>1437.211</t>
  </si>
  <si>
    <t>52480.0</t>
  </si>
  <si>
    <t>11961668.0</t>
  </si>
  <si>
    <t>5857526.0</t>
  </si>
  <si>
    <t>5718225.0</t>
  </si>
  <si>
    <t>566712.0</t>
  </si>
  <si>
    <t>12558376.0</t>
  </si>
  <si>
    <t>1444.919</t>
  </si>
  <si>
    <t>53656.0</t>
  </si>
  <si>
    <t>12032962.0</t>
  </si>
  <si>
    <t>5862144.0</t>
  </si>
  <si>
    <t>5723484.0</t>
  </si>
  <si>
    <t>627007.0</t>
  </si>
  <si>
    <t>71294.0</t>
  </si>
  <si>
    <t>137.67</t>
  </si>
  <si>
    <t>12629374.0</t>
  </si>
  <si>
    <t>70998.0</t>
  </si>
  <si>
    <t>1453.088</t>
  </si>
  <si>
    <t>12099974.0</t>
  </si>
  <si>
    <t>5866206.0</t>
  </si>
  <si>
    <t>5727636.0</t>
  </si>
  <si>
    <t>684661.0</t>
  </si>
  <si>
    <t>67012.0</t>
  </si>
  <si>
    <t>12707007.0</t>
  </si>
  <si>
    <t>1462.02</t>
  </si>
  <si>
    <t>6.515</t>
  </si>
  <si>
    <t>12171557.0</t>
  </si>
  <si>
    <t>5871205.0</t>
  </si>
  <si>
    <t>5733522.0</t>
  </si>
  <si>
    <t>743562.0</t>
  </si>
  <si>
    <t>71583.0</t>
  </si>
  <si>
    <t>50295.0</t>
  </si>
  <si>
    <t>12756729.0</t>
  </si>
  <si>
    <t>1467.741</t>
  </si>
  <si>
    <t>58181.0</t>
  </si>
  <si>
    <t>12206670.0</t>
  </si>
  <si>
    <t>5874918.0</t>
  </si>
  <si>
    <t>5736948.0</t>
  </si>
  <si>
    <t>771330.0</t>
  </si>
  <si>
    <t>52024.0</t>
  </si>
  <si>
    <t>12781441.0</t>
  </si>
  <si>
    <t>1470.584</t>
  </si>
  <si>
    <t>58867.0</t>
  </si>
  <si>
    <t>12216072.0</t>
  </si>
  <si>
    <t>5875776.0</t>
  </si>
  <si>
    <t>5737374.0</t>
  </si>
  <si>
    <t>779436.0</t>
  </si>
  <si>
    <t>10263.5</t>
  </si>
  <si>
    <t>1174.25022061168</t>
  </si>
  <si>
    <t>12845853.0</t>
  </si>
  <si>
    <t>1477.995</t>
  </si>
  <si>
    <t>12280673.0</t>
  </si>
  <si>
    <t>5880376.0</t>
  </si>
  <si>
    <t>5742118.0</t>
  </si>
  <si>
    <t>833324.0</t>
  </si>
  <si>
    <t>64601.0</t>
  </si>
  <si>
    <t>12919825.0</t>
  </si>
  <si>
    <t>1486.506</t>
  </si>
  <si>
    <t>12361010.0</t>
  </si>
  <si>
    <t>5885405.0</t>
  </si>
  <si>
    <t>5746822.0</t>
  </si>
  <si>
    <t>902274.0</t>
  </si>
  <si>
    <t>80337.0</t>
  </si>
  <si>
    <t>12989126.0</t>
  </si>
  <si>
    <t>1494.479</t>
  </si>
  <si>
    <t>12433964.0</t>
  </si>
  <si>
    <t>5890532.0</t>
  </si>
  <si>
    <t>5752326.0</t>
  </si>
  <si>
    <t>963855.0</t>
  </si>
  <si>
    <t>72954.0</t>
  </si>
  <si>
    <t>57286.0</t>
  </si>
  <si>
    <t>13062181.0</t>
  </si>
  <si>
    <t>73055.0</t>
  </si>
  <si>
    <t>1502.885</t>
  </si>
  <si>
    <t>12519804.0</t>
  </si>
  <si>
    <t>5895631.0</t>
  </si>
  <si>
    <t>5757307.0</t>
  </si>
  <si>
    <t>1038004.0</t>
  </si>
  <si>
    <t>13134272.0</t>
  </si>
  <si>
    <t>1511.179</t>
  </si>
  <si>
    <t>61038.0</t>
  </si>
  <si>
    <t>12606136.0</t>
  </si>
  <si>
    <t>5901317.0</t>
  </si>
  <si>
    <t>5764173.0</t>
  </si>
  <si>
    <t>13180191.0</t>
  </si>
  <si>
    <t>1516.462</t>
  </si>
  <si>
    <t>12654014.0</t>
  </si>
  <si>
    <t>5905421.0</t>
  </si>
  <si>
    <t>5767644.0</t>
  </si>
  <si>
    <t>1150176.0</t>
  </si>
  <si>
    <t>144.77</t>
  </si>
  <si>
    <t>13203806.0</t>
  </si>
  <si>
    <t>1519.18</t>
  </si>
  <si>
    <t>12669842.0</t>
  </si>
  <si>
    <t>5906401.0</t>
  </si>
  <si>
    <t>5768168.0</t>
  </si>
  <si>
    <t>1164554.0</t>
  </si>
  <si>
    <t>64824.0</t>
  </si>
  <si>
    <t>1226.36411699095</t>
  </si>
  <si>
    <t>13268359.0</t>
  </si>
  <si>
    <t>1526.607</t>
  </si>
  <si>
    <t>12745595.0</t>
  </si>
  <si>
    <t>5911176.0</t>
  </si>
  <si>
    <t>5773294.0</t>
  </si>
  <si>
    <t>1229280.0</t>
  </si>
  <si>
    <t>66417.0</t>
  </si>
  <si>
    <t>13339617.0</t>
  </si>
  <si>
    <t>71258.0</t>
  </si>
  <si>
    <t>1534.805</t>
  </si>
  <si>
    <t>59970.0</t>
  </si>
  <si>
    <t>12831005.0</t>
  </si>
  <si>
    <t>5915850.0</t>
  </si>
  <si>
    <t>5777714.0</t>
  </si>
  <si>
    <t>1303934.0</t>
  </si>
  <si>
    <t>13413279.0</t>
  </si>
  <si>
    <t>73662.0</t>
  </si>
  <si>
    <t>1543.281</t>
  </si>
  <si>
    <t>60593.0</t>
  </si>
  <si>
    <t>12917390.0</t>
  </si>
  <si>
    <t>5920912.0</t>
  </si>
  <si>
    <t>5783263.0</t>
  </si>
  <si>
    <t>1378341.0</t>
  </si>
  <si>
    <t>86385.0</t>
  </si>
  <si>
    <t>13486905.0</t>
  </si>
  <si>
    <t>1551.752</t>
  </si>
  <si>
    <t>60675.0</t>
  </si>
  <si>
    <t>13006761.0</t>
  </si>
  <si>
    <t>5925877.0</t>
  </si>
  <si>
    <t>5788017.0</t>
  </si>
  <si>
    <t>1456398.0</t>
  </si>
  <si>
    <t>89371.0</t>
  </si>
  <si>
    <t>13559145.0</t>
  </si>
  <si>
    <t>72240.0</t>
  </si>
  <si>
    <t>1560.063</t>
  </si>
  <si>
    <t>13094231.0</t>
  </si>
  <si>
    <t>5931087.0</t>
  </si>
  <si>
    <t>5793948.0</t>
  </si>
  <si>
    <t>1531416.0</t>
  </si>
  <si>
    <t>87470.0</t>
  </si>
  <si>
    <t>69728.0</t>
  </si>
  <si>
    <t>13605331.0</t>
  </si>
  <si>
    <t>1565.377</t>
  </si>
  <si>
    <t>13146334.0</t>
  </si>
  <si>
    <t>5934716.0</t>
  </si>
  <si>
    <t>5797234.0</t>
  </si>
  <si>
    <t>1576277.0</t>
  </si>
  <si>
    <t>13630207.0</t>
  </si>
  <si>
    <t>1568.24</t>
  </si>
  <si>
    <t>7.009</t>
  </si>
  <si>
    <t>13169912.0</t>
  </si>
  <si>
    <t>5935796.0</t>
  </si>
  <si>
    <t>5797827.0</t>
  </si>
  <si>
    <t>1598108.0</t>
  </si>
  <si>
    <t>150.68</t>
  </si>
  <si>
    <t>11088.9</t>
  </si>
  <si>
    <t>1268.68449080147</t>
  </si>
  <si>
    <t>13689984.0</t>
  </si>
  <si>
    <t>59777.0</t>
  </si>
  <si>
    <t>1575.117</t>
  </si>
  <si>
    <t>60232.0</t>
  </si>
  <si>
    <t>13253343.0</t>
  </si>
  <si>
    <t>5940440.0</t>
  </si>
  <si>
    <t>5802682.0</t>
  </si>
  <si>
    <t>1670797.0</t>
  </si>
  <si>
    <t>151.63</t>
  </si>
  <si>
    <t>13758991.0</t>
  </si>
  <si>
    <t>1583.057</t>
  </si>
  <si>
    <t>13347644.0</t>
  </si>
  <si>
    <t>5806859.0</t>
  </si>
  <si>
    <t>1754900.0</t>
  </si>
  <si>
    <t>73806.0</t>
  </si>
  <si>
    <t>13831254.0</t>
  </si>
  <si>
    <t>1591.371</t>
  </si>
  <si>
    <t>13440192.0</t>
  </si>
  <si>
    <t>5949645.0</t>
  </si>
  <si>
    <t>5811819.0</t>
  </si>
  <si>
    <t>1836635.0</t>
  </si>
  <si>
    <t>74686.0</t>
  </si>
  <si>
    <t>13908108.0</t>
  </si>
  <si>
    <t>1600.214</t>
  </si>
  <si>
    <t>8.843</t>
  </si>
  <si>
    <t>13518992.0</t>
  </si>
  <si>
    <t>5953204.0</t>
  </si>
  <si>
    <t>5815227.0</t>
  </si>
  <si>
    <t>1907395.0</t>
  </si>
  <si>
    <t>78800.0</t>
  </si>
  <si>
    <t>154.67</t>
  </si>
  <si>
    <t>13975908.0</t>
  </si>
  <si>
    <t>67800.0</t>
  </si>
  <si>
    <t>1608.015</t>
  </si>
  <si>
    <t>59538.0</t>
  </si>
  <si>
    <t>13537826.0</t>
  </si>
  <si>
    <t>5954024.0</t>
  </si>
  <si>
    <t>5816026.0</t>
  </si>
  <si>
    <t>1924487.0</t>
  </si>
  <si>
    <t>63371.0</t>
  </si>
  <si>
    <t>14008537.0</t>
  </si>
  <si>
    <t>1611.769</t>
  </si>
  <si>
    <t>13538651.0</t>
  </si>
  <si>
    <t>5954042.0</t>
  </si>
  <si>
    <t>5816066.0</t>
  </si>
  <si>
    <t>1925232.0</t>
  </si>
  <si>
    <t>56045.0</t>
  </si>
  <si>
    <t>14035041.0</t>
  </si>
  <si>
    <t>1614.818</t>
  </si>
  <si>
    <t>13541705.0</t>
  </si>
  <si>
    <t>5954057.0</t>
  </si>
  <si>
    <t>5816095.0</t>
  </si>
  <si>
    <t>1928131.0</t>
  </si>
  <si>
    <t>53113.0</t>
  </si>
  <si>
    <t>11293.4</t>
  </si>
  <si>
    <t>1292.08139927471</t>
  </si>
  <si>
    <t>14093106.0</t>
  </si>
  <si>
    <t>13610946.0</t>
  </si>
  <si>
    <t>5957235.0</t>
  </si>
  <si>
    <t>5820368.0</t>
  </si>
  <si>
    <t>1989299.0</t>
  </si>
  <si>
    <t>69241.0</t>
  </si>
  <si>
    <t>51086.0</t>
  </si>
  <si>
    <t>14159370.0</t>
  </si>
  <si>
    <t>1629.123</t>
  </si>
  <si>
    <t>57197.0</t>
  </si>
  <si>
    <t>13685438.0</t>
  </si>
  <si>
    <t>5960179.0</t>
  </si>
  <si>
    <t>5823905.0</t>
  </si>
  <si>
    <t>48256.0</t>
  </si>
  <si>
    <t>14229622.0</t>
  </si>
  <si>
    <t>70252.0</t>
  </si>
  <si>
    <t>1637.206</t>
  </si>
  <si>
    <t>13761781.0</t>
  </si>
  <si>
    <t>5963440.0</t>
  </si>
  <si>
    <t>5827449.0</t>
  </si>
  <si>
    <t>2125239.0</t>
  </si>
  <si>
    <t>76343.0</t>
  </si>
  <si>
    <t>157.45</t>
  </si>
  <si>
    <t>14305607.0</t>
  </si>
  <si>
    <t>75985.0</t>
  </si>
  <si>
    <t>1645.949</t>
  </si>
  <si>
    <t>13827665.0</t>
  </si>
  <si>
    <t>5965790.0</t>
  </si>
  <si>
    <t>5829976.0</t>
  </si>
  <si>
    <t>2185586.0</t>
  </si>
  <si>
    <t>44096.0</t>
  </si>
  <si>
    <t>14378598.0</t>
  </si>
  <si>
    <t>1654.347</t>
  </si>
  <si>
    <t>13846315.0</t>
  </si>
  <si>
    <t>5966455.0</t>
  </si>
  <si>
    <t>5830535.0</t>
  </si>
  <si>
    <t>2202873.0</t>
  </si>
  <si>
    <t>44070.0</t>
  </si>
  <si>
    <t>14411713.0</t>
  </si>
  <si>
    <t>1658.157</t>
  </si>
  <si>
    <t>57597.0</t>
  </si>
  <si>
    <t>13847625.0</t>
  </si>
  <si>
    <t>5966466.0</t>
  </si>
  <si>
    <t>5830555.0</t>
  </si>
  <si>
    <t>2204127.0</t>
  </si>
  <si>
    <t>158.43</t>
  </si>
  <si>
    <t>14443837.0</t>
  </si>
  <si>
    <t>1661.853</t>
  </si>
  <si>
    <t>58399.0</t>
  </si>
  <si>
    <t>13853356.0</t>
  </si>
  <si>
    <t>5966488.0</t>
  </si>
  <si>
    <t>5830593.0</t>
  </si>
  <si>
    <t>2209651.0</t>
  </si>
  <si>
    <t>11526.3</t>
  </si>
  <si>
    <t>1318.72756056281</t>
  </si>
  <si>
    <t>34.323</t>
  </si>
  <si>
    <t>14518406.0</t>
  </si>
  <si>
    <t>74569.0</t>
  </si>
  <si>
    <t>1670.432</t>
  </si>
  <si>
    <t>60757.0</t>
  </si>
  <si>
    <t>13926328.0</t>
  </si>
  <si>
    <t>5969543.0</t>
  </si>
  <si>
    <t>5835728.0</t>
  </si>
  <si>
    <t>2273592.0</t>
  </si>
  <si>
    <t>159.33</t>
  </si>
  <si>
    <t>14616322.0</t>
  </si>
  <si>
    <t>97916.0</t>
  </si>
  <si>
    <t>1681.698</t>
  </si>
  <si>
    <t>7.511</t>
  </si>
  <si>
    <t>14012645.0</t>
  </si>
  <si>
    <t>5973063.0</t>
  </si>
  <si>
    <t>5840682.0</t>
  </si>
  <si>
    <t>2350308.0</t>
  </si>
  <si>
    <t>46744.0</t>
  </si>
  <si>
    <t>14714167.0</t>
  </si>
  <si>
    <t>97845.0</t>
  </si>
  <si>
    <t>1692.956</t>
  </si>
  <si>
    <t>11.258</t>
  </si>
  <si>
    <t>14098954.0</t>
  </si>
  <si>
    <t>5977999.0</t>
  </si>
  <si>
    <t>5845988.0</t>
  </si>
  <si>
    <t>2425455.0</t>
  </si>
  <si>
    <t>48168.0</t>
  </si>
  <si>
    <t>14805896.0</t>
  </si>
  <si>
    <t>91729.0</t>
  </si>
  <si>
    <t>1703.51</t>
  </si>
  <si>
    <t>14185742.0</t>
  </si>
  <si>
    <t>5981821.0</t>
  </si>
  <si>
    <t>5850925.0</t>
  </si>
  <si>
    <t>2502442.0</t>
  </si>
  <si>
    <t>86788.0</t>
  </si>
  <si>
    <t>51154.0</t>
  </si>
  <si>
    <t>14904661.0</t>
  </si>
  <si>
    <t>98765.0</t>
  </si>
  <si>
    <t>1714.873</t>
  </si>
  <si>
    <t>11.364</t>
  </si>
  <si>
    <t>75152.0</t>
  </si>
  <si>
    <t>14274803.0</t>
  </si>
  <si>
    <t>5985980.0</t>
  </si>
  <si>
    <t>5856555.0</t>
  </si>
  <si>
    <t>2580693.0</t>
  </si>
  <si>
    <t>89061.0</t>
  </si>
  <si>
    <t>14970720.0</t>
  </si>
  <si>
    <t>1722.474</t>
  </si>
  <si>
    <t>79858.0</t>
  </si>
  <si>
    <t>14325215.0</t>
  </si>
  <si>
    <t>5991644.0</t>
  </si>
  <si>
    <t>5859728.0</t>
  </si>
  <si>
    <t>2621898.0</t>
  </si>
  <si>
    <t>68227.0</t>
  </si>
  <si>
    <t>15010595.0</t>
  </si>
  <si>
    <t>1727.062</t>
  </si>
  <si>
    <t>14348589.0</t>
  </si>
  <si>
    <t>5993949.0</t>
  </si>
  <si>
    <t>5860355.0</t>
  </si>
  <si>
    <t>2642283.0</t>
  </si>
  <si>
    <t>70748.0</t>
  </si>
  <si>
    <t>11579.3</t>
  </si>
  <si>
    <t>1324.79130701309</t>
  </si>
  <si>
    <t>15100955.0</t>
  </si>
  <si>
    <t>90360.0</t>
  </si>
  <si>
    <t>1737.458</t>
  </si>
  <si>
    <t>14420292.0</t>
  </si>
  <si>
    <t>5997322.0</t>
  </si>
  <si>
    <t>5864841.0</t>
  </si>
  <si>
    <t>2705169.0</t>
  </si>
  <si>
    <t>70566.0</t>
  </si>
  <si>
    <t>15211299.0</t>
  </si>
  <si>
    <t>110344.0</t>
  </si>
  <si>
    <t>1750.154</t>
  </si>
  <si>
    <t>84997.0</t>
  </si>
  <si>
    <t>14500087.0</t>
  </si>
  <si>
    <t>6000699.0</t>
  </si>
  <si>
    <t>5869165.0</t>
  </si>
  <si>
    <t>2775798.0</t>
  </si>
  <si>
    <t>79795.0</t>
  </si>
  <si>
    <t>69635.0</t>
  </si>
  <si>
    <t>15311562.0</t>
  </si>
  <si>
    <t>1761.69</t>
  </si>
  <si>
    <t>85342.0</t>
  </si>
  <si>
    <t>14575638.0</t>
  </si>
  <si>
    <t>6007112.0</t>
  </si>
  <si>
    <t>5873840.0</t>
  </si>
  <si>
    <t>2839300.0</t>
  </si>
  <si>
    <t>15408357.0</t>
  </si>
  <si>
    <t>96795.0</t>
  </si>
  <si>
    <t>1772.827</t>
  </si>
  <si>
    <t>11.137</t>
  </si>
  <si>
    <t>9.902</t>
  </si>
  <si>
    <t>14652351.0</t>
  </si>
  <si>
    <t>6011219.0</t>
  </si>
  <si>
    <t>5878284.0</t>
  </si>
  <si>
    <t>2906207.0</t>
  </si>
  <si>
    <t>15504115.0</t>
  </si>
  <si>
    <t>95758.0</t>
  </si>
  <si>
    <t>1783.844</t>
  </si>
  <si>
    <t>14731302.0</t>
  </si>
  <si>
    <t>6014839.0</t>
  </si>
  <si>
    <t>5883534.0</t>
  </si>
  <si>
    <t>2975121.0</t>
  </si>
  <si>
    <t>78951.0</t>
  </si>
  <si>
    <t>65214.0</t>
  </si>
  <si>
    <t>15574066.0</t>
  </si>
  <si>
    <t>1791.893</t>
  </si>
  <si>
    <t>14773807.0</t>
  </si>
  <si>
    <t>6021499.0</t>
  </si>
  <si>
    <t>5886326.0</t>
  </si>
  <si>
    <t>3007912.0</t>
  </si>
  <si>
    <t>15614566.0</t>
  </si>
  <si>
    <t>40500.0</t>
  </si>
  <si>
    <t>1796.552</t>
  </si>
  <si>
    <t>86282.0</t>
  </si>
  <si>
    <t>14786746.0</t>
  </si>
  <si>
    <t>6024170.0</t>
  </si>
  <si>
    <t>5886856.0</t>
  </si>
  <si>
    <t>3017653.0</t>
  </si>
  <si>
    <t>62594.0</t>
  </si>
  <si>
    <t>11590.3</t>
  </si>
  <si>
    <t>1326.0498204273</t>
  </si>
  <si>
    <t>15704354.0</t>
  </si>
  <si>
    <t>89788.0</t>
  </si>
  <si>
    <t>1806.883</t>
  </si>
  <si>
    <t>86200.0</t>
  </si>
  <si>
    <t>14842579.0</t>
  </si>
  <si>
    <t>6027033.0</t>
  </si>
  <si>
    <t>5890458.0</t>
  </si>
  <si>
    <t>3066198.0</t>
  </si>
  <si>
    <t>55833.0</t>
  </si>
  <si>
    <t>60327.0</t>
  </si>
  <si>
    <t>15811668.0</t>
  </si>
  <si>
    <t>107314.0</t>
  </si>
  <si>
    <t>1819.23</t>
  </si>
  <si>
    <t>85767.0</t>
  </si>
  <si>
    <t>14903203.0</t>
  </si>
  <si>
    <t>6030356.0</t>
  </si>
  <si>
    <t>5893828.0</t>
  </si>
  <si>
    <t>3119004.0</t>
  </si>
  <si>
    <t>60624.0</t>
  </si>
  <si>
    <t>15923120.0</t>
  </si>
  <si>
    <t>111452.0</t>
  </si>
  <si>
    <t>1832.053</t>
  </si>
  <si>
    <t>12.823</t>
  </si>
  <si>
    <t>87365.0</t>
  </si>
  <si>
    <t>14958451.0</t>
  </si>
  <si>
    <t>6035782.0</t>
  </si>
  <si>
    <t>5897708.0</t>
  </si>
  <si>
    <t>3164158.0</t>
  </si>
  <si>
    <t>16034927.0</t>
  </si>
  <si>
    <t>111807.0</t>
  </si>
  <si>
    <t>1844.917</t>
  </si>
  <si>
    <t>89510.0</t>
  </si>
  <si>
    <t>15011352.0</t>
  </si>
  <si>
    <t>6039142.0</t>
  </si>
  <si>
    <t>5901050.0</t>
  </si>
  <si>
    <t>3209384.0</t>
  </si>
  <si>
    <t>16148800.0</t>
  </si>
  <si>
    <t>1858.019</t>
  </si>
  <si>
    <t>13.102</t>
  </si>
  <si>
    <t>10.596</t>
  </si>
  <si>
    <t>15066099.0</t>
  </si>
  <si>
    <t>6042089.0</t>
  </si>
  <si>
    <t>5903983.0</t>
  </si>
  <si>
    <t>3257490.0</t>
  </si>
  <si>
    <t>54747.0</t>
  </si>
  <si>
    <t>172.37</t>
  </si>
  <si>
    <t>16225705.0</t>
  </si>
  <si>
    <t>1866.868</t>
  </si>
  <si>
    <t>93091.0</t>
  </si>
  <si>
    <t>15094934.0</t>
  </si>
  <si>
    <t>6045899.0</t>
  </si>
  <si>
    <t>5905463.0</t>
  </si>
  <si>
    <t>3280786.0</t>
  </si>
  <si>
    <t>16270451.0</t>
  </si>
  <si>
    <t>1872.016</t>
  </si>
  <si>
    <t>93698.0</t>
  </si>
  <si>
    <t>10.781</t>
  </si>
  <si>
    <t>15100939.0</t>
  </si>
  <si>
    <t>6047397.0</t>
  </si>
  <si>
    <t>5905715.0</t>
  </si>
  <si>
    <t>3285052.0</t>
  </si>
  <si>
    <t>172.77</t>
  </si>
  <si>
    <t>11565.9</t>
  </si>
  <si>
    <t>1323.25820885396</t>
  </si>
  <si>
    <t>16375540.0</t>
  </si>
  <si>
    <t>105089.0</t>
  </si>
  <si>
    <t>1884.107</t>
  </si>
  <si>
    <t>95884.0</t>
  </si>
  <si>
    <t>15137392.0</t>
  </si>
  <si>
    <t>6049205.0</t>
  </si>
  <si>
    <t>5907951.0</t>
  </si>
  <si>
    <t>3316933.0</t>
  </si>
  <si>
    <t>16500683.0</t>
  </si>
  <si>
    <t>125143.0</t>
  </si>
  <si>
    <t>1898.506</t>
  </si>
  <si>
    <t>15174039.0</t>
  </si>
  <si>
    <t>6051117.0</t>
  </si>
  <si>
    <t>5910004.0</t>
  </si>
  <si>
    <t>3348843.0</t>
  </si>
  <si>
    <t>16626420.0</t>
  </si>
  <si>
    <t>125737.0</t>
  </si>
  <si>
    <t>1912.972</t>
  </si>
  <si>
    <t>100471.0</t>
  </si>
  <si>
    <t>15208076.0</t>
  </si>
  <si>
    <t>6054277.0</t>
  </si>
  <si>
    <t>5912626.0</t>
  </si>
  <si>
    <t>3376700.0</t>
  </si>
  <si>
    <t>16746144.0</t>
  </si>
  <si>
    <t>119724.0</t>
  </si>
  <si>
    <t>1926.747</t>
  </si>
  <si>
    <t>101602.0</t>
  </si>
  <si>
    <t>15239503.0</t>
  </si>
  <si>
    <t>6055947.0</t>
  </si>
  <si>
    <t>5914711.0</t>
  </si>
  <si>
    <t>3403779.0</t>
  </si>
  <si>
    <t>16858530.0</t>
  </si>
  <si>
    <t>112386.0</t>
  </si>
  <si>
    <t>1939.678</t>
  </si>
  <si>
    <t>15276508.0</t>
  </si>
  <si>
    <t>6057622.0</t>
  </si>
  <si>
    <t>5917233.0</t>
  </si>
  <si>
    <t>3435993.0</t>
  </si>
  <si>
    <t>16932047.0</t>
  </si>
  <si>
    <t>1948.137</t>
  </si>
  <si>
    <t>100906.0</t>
  </si>
  <si>
    <t>15293977.0</t>
  </si>
  <si>
    <t>6059769.0</t>
  </si>
  <si>
    <t>5918521.0</t>
  </si>
  <si>
    <t>3449920.0</t>
  </si>
  <si>
    <t>174.98</t>
  </si>
  <si>
    <t>16978847.0</t>
  </si>
  <si>
    <t>1953.521</t>
  </si>
  <si>
    <t>15296449.0</t>
  </si>
  <si>
    <t>6060109.0</t>
  </si>
  <si>
    <t>5918701.0</t>
  </si>
  <si>
    <t>3451841.0</t>
  </si>
  <si>
    <t>17077438.0</t>
  </si>
  <si>
    <t>98591.0</t>
  </si>
  <si>
    <t>1964.865</t>
  </si>
  <si>
    <t>100271.0</t>
  </si>
  <si>
    <t>15318132.0</t>
  </si>
  <si>
    <t>6061185.0</t>
  </si>
  <si>
    <t>5920781.0</t>
  </si>
  <si>
    <t>3470023.0</t>
  </si>
  <si>
    <t>17188874.0</t>
  </si>
  <si>
    <t>111436.0</t>
  </si>
  <si>
    <t>1977.686</t>
  </si>
  <si>
    <t>98313.0</t>
  </si>
  <si>
    <t>15337182.0</t>
  </si>
  <si>
    <t>6062044.0</t>
  </si>
  <si>
    <t>5922579.0</t>
  </si>
  <si>
    <t>3486081.0</t>
  </si>
  <si>
    <t>17290512.0</t>
  </si>
  <si>
    <t>101638.0</t>
  </si>
  <si>
    <t>1989.38</t>
  </si>
  <si>
    <t>15357332.0</t>
  </si>
  <si>
    <t>6063710.0</t>
  </si>
  <si>
    <t>5925883.0</t>
  </si>
  <si>
    <t>3500989.0</t>
  </si>
  <si>
    <t>17384835.0</t>
  </si>
  <si>
    <t>2000.233</t>
  </si>
  <si>
    <t>10.498</t>
  </si>
  <si>
    <t>15374768.0</t>
  </si>
  <si>
    <t>6064609.0</t>
  </si>
  <si>
    <t>5928203.0</t>
  </si>
  <si>
    <t>3514919.0</t>
  </si>
  <si>
    <t>17466887.0</t>
  </si>
  <si>
    <t>82052.0</t>
  </si>
  <si>
    <t>2009.673</t>
  </si>
  <si>
    <t>86908.0</t>
  </si>
  <si>
    <t>15396589.0</t>
  </si>
  <si>
    <t>6065494.0</t>
  </si>
  <si>
    <t>5931035.0</t>
  </si>
  <si>
    <t>3532659.0</t>
  </si>
  <si>
    <t>176.15</t>
  </si>
  <si>
    <t>17522895.0</t>
  </si>
  <si>
    <t>2016.117</t>
  </si>
  <si>
    <t>9.712</t>
  </si>
  <si>
    <t>15408995.0</t>
  </si>
  <si>
    <t>6066269.0</t>
  </si>
  <si>
    <t>5934676.0</t>
  </si>
  <si>
    <t>3540482.0</t>
  </si>
  <si>
    <t>17555847.0</t>
  </si>
  <si>
    <t>32952.0</t>
  </si>
  <si>
    <t>2019.909</t>
  </si>
  <si>
    <t>82429.0</t>
  </si>
  <si>
    <t>15411060.0</t>
  </si>
  <si>
    <t>6066383.0</t>
  </si>
  <si>
    <t>5935723.0</t>
  </si>
  <si>
    <t>3541291.0</t>
  </si>
  <si>
    <t>11547.5</t>
  </si>
  <si>
    <t>1321.15305914292</t>
  </si>
  <si>
    <t>17636980.0</t>
  </si>
  <si>
    <t>2029.244</t>
  </si>
  <si>
    <t>15423898.0</t>
  </si>
  <si>
    <t>6066972.0</t>
  </si>
  <si>
    <t>5938016.0</t>
  </si>
  <si>
    <t>3550982.0</t>
  </si>
  <si>
    <t>176.47</t>
  </si>
  <si>
    <t>17722823.0</t>
  </si>
  <si>
    <t>85843.0</t>
  </si>
  <si>
    <t>2039.12</t>
  </si>
  <si>
    <t>9.877</t>
  </si>
  <si>
    <t>76278.0</t>
  </si>
  <si>
    <t>8.776</t>
  </si>
  <si>
    <t>15436090.0</t>
  </si>
  <si>
    <t>6067471.0</t>
  </si>
  <si>
    <t>5940037.0</t>
  </si>
  <si>
    <t>3560408.0</t>
  </si>
  <si>
    <t>12192.0</t>
  </si>
  <si>
    <t>17803730.0</t>
  </si>
  <si>
    <t>2048.429</t>
  </si>
  <si>
    <t>73317.0</t>
  </si>
  <si>
    <t>15451071.0</t>
  </si>
  <si>
    <t>6068431.0</t>
  </si>
  <si>
    <t>5944353.0</t>
  </si>
  <si>
    <t>3569912.0</t>
  </si>
  <si>
    <t>17878937.0</t>
  </si>
  <si>
    <t>2057.082</t>
  </si>
  <si>
    <t>15462666.0</t>
  </si>
  <si>
    <t>6068921.0</t>
  </si>
  <si>
    <t>5946752.0</t>
  </si>
  <si>
    <t>3578305.0</t>
  </si>
  <si>
    <t>17948559.0</t>
  </si>
  <si>
    <t>2065.093</t>
  </si>
  <si>
    <t>15476906.0</t>
  </si>
  <si>
    <t>6069545.0</t>
  </si>
  <si>
    <t>5949285.0</t>
  </si>
  <si>
    <t>3589104.0</t>
  </si>
  <si>
    <t>17993836.0</t>
  </si>
  <si>
    <t>45277.0</t>
  </si>
  <si>
    <t>2070.302</t>
  </si>
  <si>
    <t>67277.0</t>
  </si>
  <si>
    <t>15486325.0</t>
  </si>
  <si>
    <t>6070047.0</t>
  </si>
  <si>
    <t>5953526.0</t>
  </si>
  <si>
    <t>3593537.0</t>
  </si>
  <si>
    <t>18021444.0</t>
  </si>
  <si>
    <t>27608.0</t>
  </si>
  <si>
    <t>2073.479</t>
  </si>
  <si>
    <t>15488390.0</t>
  </si>
  <si>
    <t>6070123.0</t>
  </si>
  <si>
    <t>5955165.0</t>
  </si>
  <si>
    <t>3593888.0</t>
  </si>
  <si>
    <t>11485.1</t>
  </si>
  <si>
    <t>1314.01385577505</t>
  </si>
  <si>
    <t>18089571.0</t>
  </si>
  <si>
    <t>68127.0</t>
  </si>
  <si>
    <t>2081.317</t>
  </si>
  <si>
    <t>64656.0</t>
  </si>
  <si>
    <t>15496823.0</t>
  </si>
  <si>
    <t>6070463.0</t>
  </si>
  <si>
    <t>3599950.0</t>
  </si>
  <si>
    <t>18161578.0</t>
  </si>
  <si>
    <t>2089.602</t>
  </si>
  <si>
    <t>62679.0</t>
  </si>
  <si>
    <t>15504623.0</t>
  </si>
  <si>
    <t>6070804.0</t>
  </si>
  <si>
    <t>5958671.0</t>
  </si>
  <si>
    <t>3605623.0</t>
  </si>
  <si>
    <t>18227861.0</t>
  </si>
  <si>
    <t>2097.228</t>
  </si>
  <si>
    <t>60590.0</t>
  </si>
  <si>
    <t>15514202.0</t>
  </si>
  <si>
    <t>6071357.0</t>
  </si>
  <si>
    <t>5962079.0</t>
  </si>
  <si>
    <t>3611069.0</t>
  </si>
  <si>
    <t>191.18</t>
  </si>
  <si>
    <t>18281966.0</t>
  </si>
  <si>
    <t>2103.453</t>
  </si>
  <si>
    <t>15521382.0</t>
  </si>
  <si>
    <t>6071704.0</t>
  </si>
  <si>
    <t>5963998.0</t>
  </si>
  <si>
    <t>3615760.0</t>
  </si>
  <si>
    <t>177.58</t>
  </si>
  <si>
    <t>18327723.0</t>
  </si>
  <si>
    <t>2108.718</t>
  </si>
  <si>
    <t>15530011.0</t>
  </si>
  <si>
    <t>6072002.0</t>
  </si>
  <si>
    <t>5965772.0</t>
  </si>
  <si>
    <t>3622047.0</t>
  </si>
  <si>
    <t>18355315.0</t>
  </si>
  <si>
    <t>2111.892</t>
  </si>
  <si>
    <t>15536108.0</t>
  </si>
  <si>
    <t>6072357.0</t>
  </si>
  <si>
    <t>5968679.0</t>
  </si>
  <si>
    <t>3624783.0</t>
  </si>
  <si>
    <t>18375007.0</t>
  </si>
  <si>
    <t>2114.158</t>
  </si>
  <si>
    <t>15537282.0</t>
  </si>
  <si>
    <t>6072387.0</t>
  </si>
  <si>
    <t>5969698.0</t>
  </si>
  <si>
    <t>3624908.0</t>
  </si>
  <si>
    <t>11524.1</t>
  </si>
  <si>
    <t>1318.47585787997</t>
  </si>
  <si>
    <t>18427232.0</t>
  </si>
  <si>
    <t>52225.0</t>
  </si>
  <si>
    <t>2120.167</t>
  </si>
  <si>
    <t>15542548.0</t>
  </si>
  <si>
    <t>6072610.0</t>
  </si>
  <si>
    <t>5971054.0</t>
  </si>
  <si>
    <t>3628497.0</t>
  </si>
  <si>
    <t>18479707.0</t>
  </si>
  <si>
    <t>2126.205</t>
  </si>
  <si>
    <t>15547018.0</t>
  </si>
  <si>
    <t>6072788.0</t>
  </si>
  <si>
    <t>5972203.0</t>
  </si>
  <si>
    <t>3631545.0</t>
  </si>
  <si>
    <t>177.87</t>
  </si>
  <si>
    <t>18531399.0</t>
  </si>
  <si>
    <t>51692.0</t>
  </si>
  <si>
    <t>2132.152</t>
  </si>
  <si>
    <t>15553429.0</t>
  </si>
  <si>
    <t>6073236.0</t>
  </si>
  <si>
    <t>5974626.0</t>
  </si>
  <si>
    <t>3635010.0</t>
  </si>
  <si>
    <t>18579653.0</t>
  </si>
  <si>
    <t>2137.704</t>
  </si>
  <si>
    <t>42527.0</t>
  </si>
  <si>
    <t>15557809.0</t>
  </si>
  <si>
    <t>6073481.0</t>
  </si>
  <si>
    <t>5975805.0</t>
  </si>
  <si>
    <t>3637795.0</t>
  </si>
  <si>
    <t>18623827.0</t>
  </si>
  <si>
    <t>2142.786</t>
  </si>
  <si>
    <t>15563811.0</t>
  </si>
  <si>
    <t>6073743.0</t>
  </si>
  <si>
    <t>5977115.0</t>
  </si>
  <si>
    <t>3642066.0</t>
  </si>
  <si>
    <t>18652647.0</t>
  </si>
  <si>
    <t>2146.102</t>
  </si>
  <si>
    <t>15567554.0</t>
  </si>
  <si>
    <t>6073967.0</t>
  </si>
  <si>
    <t>5978728.0</t>
  </si>
  <si>
    <t>3643915.0</t>
  </si>
  <si>
    <t>178.11</t>
  </si>
  <si>
    <t>18673050.0</t>
  </si>
  <si>
    <t>2148.45</t>
  </si>
  <si>
    <t>15567789.0</t>
  </si>
  <si>
    <t>6073983.0</t>
  </si>
  <si>
    <t>5978846.0</t>
  </si>
  <si>
    <t>3644005.0</t>
  </si>
  <si>
    <t>11438.7</t>
  </si>
  <si>
    <t>1308.7052173733</t>
  </si>
  <si>
    <t>18721963.0</t>
  </si>
  <si>
    <t>48913.0</t>
  </si>
  <si>
    <t>2154.078</t>
  </si>
  <si>
    <t>42104.0</t>
  </si>
  <si>
    <t>15571697.0</t>
  </si>
  <si>
    <t>6074151.0</t>
  </si>
  <si>
    <t>5979876.0</t>
  </si>
  <si>
    <t>3646665.0</t>
  </si>
  <si>
    <t>18778106.0</t>
  </si>
  <si>
    <t>56143.0</t>
  </si>
  <si>
    <t>2160.537</t>
  </si>
  <si>
    <t>15574206.0</t>
  </si>
  <si>
    <t>6074263.0</t>
  </si>
  <si>
    <t>5980466.0</t>
  </si>
  <si>
    <t>3648382.0</t>
  </si>
  <si>
    <t>18832134.0</t>
  </si>
  <si>
    <t>2166.753</t>
  </si>
  <si>
    <t>4.943</t>
  </si>
  <si>
    <t>15578842.0</t>
  </si>
  <si>
    <t>6074620.0</t>
  </si>
  <si>
    <t>5981978.0</t>
  </si>
  <si>
    <t>3651062.0</t>
  </si>
  <si>
    <t>178.24</t>
  </si>
  <si>
    <t>18891475.0</t>
  </si>
  <si>
    <t>2173.581</t>
  </si>
  <si>
    <t>6.828</t>
  </si>
  <si>
    <t>15581009.0</t>
  </si>
  <si>
    <t>6074724.0</t>
  </si>
  <si>
    <t>5982481.0</t>
  </si>
  <si>
    <t>3652562.0</t>
  </si>
  <si>
    <t>18947082.0</t>
  </si>
  <si>
    <t>55607.0</t>
  </si>
  <si>
    <t>2179.979</t>
  </si>
  <si>
    <t>46179.0</t>
  </si>
  <si>
    <t>15584849.0</t>
  </si>
  <si>
    <t>6074929.0</t>
  </si>
  <si>
    <t>5983199.0</t>
  </si>
  <si>
    <t>3655418.0</t>
  </si>
  <si>
    <t>18985454.0</t>
  </si>
  <si>
    <t>2184.394</t>
  </si>
  <si>
    <t>47544.0</t>
  </si>
  <si>
    <t>15586892.0</t>
  </si>
  <si>
    <t>6075031.0</t>
  </si>
  <si>
    <t>5983783.0</t>
  </si>
  <si>
    <t>3656741.0</t>
  </si>
  <si>
    <t>19013429.0</t>
  </si>
  <si>
    <t>2187.613</t>
  </si>
  <si>
    <t>15587062.0</t>
  </si>
  <si>
    <t>6075050.0</t>
  </si>
  <si>
    <t>5983891.0</t>
  </si>
  <si>
    <t>3656782.0</t>
  </si>
  <si>
    <t>11363.9</t>
  </si>
  <si>
    <t>1300.14732615668</t>
  </si>
  <si>
    <t>19075107.0</t>
  </si>
  <si>
    <t>61678.0</t>
  </si>
  <si>
    <t>2194.709</t>
  </si>
  <si>
    <t>50449.0</t>
  </si>
  <si>
    <t>15589316.0</t>
  </si>
  <si>
    <t>6075197.0</t>
  </si>
  <si>
    <t>5984265.0</t>
  </si>
  <si>
    <t>3658486.0</t>
  </si>
  <si>
    <t>178.36</t>
  </si>
  <si>
    <t>19146312.0</t>
  </si>
  <si>
    <t>2202.902</t>
  </si>
  <si>
    <t>8.193</t>
  </si>
  <si>
    <t>15591272.0</t>
  </si>
  <si>
    <t>6075311.0</t>
  </si>
  <si>
    <t>5984551.0</t>
  </si>
  <si>
    <t>3659980.0</t>
  </si>
  <si>
    <t>19214169.0</t>
  </si>
  <si>
    <t>67857.0</t>
  </si>
  <si>
    <t>2210.709</t>
  </si>
  <si>
    <t>54576.0</t>
  </si>
  <si>
    <t>15595504.0</t>
  </si>
  <si>
    <t>6075666.0</t>
  </si>
  <si>
    <t>5985727.0</t>
  </si>
  <si>
    <t>3662636.0</t>
  </si>
  <si>
    <t>19281071.0</t>
  </si>
  <si>
    <t>66902.0</t>
  </si>
  <si>
    <t>2218.406</t>
  </si>
  <si>
    <t>55657.0</t>
  </si>
  <si>
    <t>15597298.0</t>
  </si>
  <si>
    <t>6075781.0</t>
  </si>
  <si>
    <t>5986060.0</t>
  </si>
  <si>
    <t>3663873.0</t>
  </si>
  <si>
    <t>178.45</t>
  </si>
  <si>
    <t>19347028.0</t>
  </si>
  <si>
    <t>65957.0</t>
  </si>
  <si>
    <t>2225.995</t>
  </si>
  <si>
    <t>15601326.0</t>
  </si>
  <si>
    <t>6075996.0</t>
  </si>
  <si>
    <t>5986680.0</t>
  </si>
  <si>
    <t>3666998.0</t>
  </si>
  <si>
    <t>19391676.0</t>
  </si>
  <si>
    <t>2231.132</t>
  </si>
  <si>
    <t>58032.0</t>
  </si>
  <si>
    <t>15603482.0</t>
  </si>
  <si>
    <t>6076121.0</t>
  </si>
  <si>
    <t>5987053.0</t>
  </si>
  <si>
    <t>3668605.0</t>
  </si>
  <si>
    <t>19421811.0</t>
  </si>
  <si>
    <t>30135.0</t>
  </si>
  <si>
    <t>2234.599</t>
  </si>
  <si>
    <t>58340.0</t>
  </si>
  <si>
    <t>15603488.0</t>
  </si>
  <si>
    <t>6076124.0</t>
  </si>
  <si>
    <t>3668608.0</t>
  </si>
  <si>
    <t>11381.3</t>
  </si>
  <si>
    <t>1302.13806555734</t>
  </si>
  <si>
    <t>19498603.0</t>
  </si>
  <si>
    <t>2243.435</t>
  </si>
  <si>
    <t>8.835</t>
  </si>
  <si>
    <t>15605770.0</t>
  </si>
  <si>
    <t>6076231.0</t>
  </si>
  <si>
    <t>5987293.0</t>
  </si>
  <si>
    <t>3670505.0</t>
  </si>
  <si>
    <t>19578286.0</t>
  </si>
  <si>
    <t>2252.603</t>
  </si>
  <si>
    <t>15607444.0</t>
  </si>
  <si>
    <t>6076326.0</t>
  </si>
  <si>
    <t>5987517.0</t>
  </si>
  <si>
    <t>3671828.0</t>
  </si>
  <si>
    <t>19652248.0</t>
  </si>
  <si>
    <t>73962.0</t>
  </si>
  <si>
    <t>2261.113</t>
  </si>
  <si>
    <t>15611523.0</t>
  </si>
  <si>
    <t>6076644.0</t>
  </si>
  <si>
    <t>5988375.0</t>
  </si>
  <si>
    <t>3674668.0</t>
  </si>
  <si>
    <t>19718229.0</t>
  </si>
  <si>
    <t>2268.704</t>
  </si>
  <si>
    <t>15613013.0</t>
  </si>
  <si>
    <t>6076727.0</t>
  </si>
  <si>
    <t>5988580.0</t>
  </si>
  <si>
    <t>3675828.0</t>
  </si>
  <si>
    <t>19776021.0</t>
  </si>
  <si>
    <t>2275.353</t>
  </si>
  <si>
    <t>61285.0</t>
  </si>
  <si>
    <t>15616973.0</t>
  </si>
  <si>
    <t>6076905.0</t>
  </si>
  <si>
    <t>5988950.0</t>
  </si>
  <si>
    <t>3679142.0</t>
  </si>
  <si>
    <t>19814872.0</t>
  </si>
  <si>
    <t>2279.824</t>
  </si>
  <si>
    <t>15618816.0</t>
  </si>
  <si>
    <t>6077028.0</t>
  </si>
  <si>
    <t>5989214.0</t>
  </si>
  <si>
    <t>3680550.0</t>
  </si>
  <si>
    <t>19840878.0</t>
  </si>
  <si>
    <t>2282.816</t>
  </si>
  <si>
    <t>11521.5</t>
  </si>
  <si>
    <t>1318.17839107298</t>
  </si>
  <si>
    <t>19906309.0</t>
  </si>
  <si>
    <t>65431.0</t>
  </si>
  <si>
    <t>2290.344</t>
  </si>
  <si>
    <t>58244.0</t>
  </si>
  <si>
    <t>15621029.0</t>
  </si>
  <si>
    <t>6077132.0</t>
  </si>
  <si>
    <t>5989437.0</t>
  </si>
  <si>
    <t>3682387.0</t>
  </si>
  <si>
    <t>19970833.0</t>
  </si>
  <si>
    <t>64524.0</t>
  </si>
  <si>
    <t>2297.768</t>
  </si>
  <si>
    <t>6.452</t>
  </si>
  <si>
    <t>15622720.0</t>
  </si>
  <si>
    <t>6077197.0</t>
  </si>
  <si>
    <t>5989556.0</t>
  </si>
  <si>
    <t>3683841.0</t>
  </si>
  <si>
    <t>178.74</t>
  </si>
  <si>
    <t>20025736.0</t>
  </si>
  <si>
    <t>54903.0</t>
  </si>
  <si>
    <t>2304.085</t>
  </si>
  <si>
    <t>15626765.0</t>
  </si>
  <si>
    <t>6077487.0</t>
  </si>
  <si>
    <t>5990224.0</t>
  </si>
  <si>
    <t>3686881.0</t>
  </si>
  <si>
    <t>20075797.0</t>
  </si>
  <si>
    <t>50061.0</t>
  </si>
  <si>
    <t>2309.845</t>
  </si>
  <si>
    <t>15628475.0</t>
  </si>
  <si>
    <t>6077589.0</t>
  </si>
  <si>
    <t>5990404.0</t>
  </si>
  <si>
    <t>3688263.0</t>
  </si>
  <si>
    <t>20119341.0</t>
  </si>
  <si>
    <t>43544.0</t>
  </si>
  <si>
    <t>2314.855</t>
  </si>
  <si>
    <t>49046.0</t>
  </si>
  <si>
    <t>15632705.0</t>
  </si>
  <si>
    <t>6077783.0</t>
  </si>
  <si>
    <t>5990759.0</t>
  </si>
  <si>
    <t>3691896.0</t>
  </si>
  <si>
    <t>178.85</t>
  </si>
  <si>
    <t>20146102.0</t>
  </si>
  <si>
    <t>2317.934</t>
  </si>
  <si>
    <t>15634665.0</t>
  </si>
  <si>
    <t>6077876.0</t>
  </si>
  <si>
    <t>5990952.0</t>
  </si>
  <si>
    <t>3693533.0</t>
  </si>
  <si>
    <t>178.88</t>
  </si>
  <si>
    <t>20163415.0</t>
  </si>
  <si>
    <t>2319.926</t>
  </si>
  <si>
    <t>15634671.0</t>
  </si>
  <si>
    <t>3693539.0</t>
  </si>
  <si>
    <t>11720.3</t>
  </si>
  <si>
    <t>1340.92316077703</t>
  </si>
  <si>
    <t>20212589.0</t>
  </si>
  <si>
    <t>2325.583</t>
  </si>
  <si>
    <t>15636918.0</t>
  </si>
  <si>
    <t>6077988.0</t>
  </si>
  <si>
    <t>5991127.0</t>
  </si>
  <si>
    <t>3695464.0</t>
  </si>
  <si>
    <t>20258532.0</t>
  </si>
  <si>
    <t>45943.0</t>
  </si>
  <si>
    <t>2330.869</t>
  </si>
  <si>
    <t>41100.0</t>
  </si>
  <si>
    <t>15638935.0</t>
  </si>
  <si>
    <t>6078059.0</t>
  </si>
  <si>
    <t>5991250.0</t>
  </si>
  <si>
    <t>3697213.0</t>
  </si>
  <si>
    <t>20298964.0</t>
  </si>
  <si>
    <t>40432.0</t>
  </si>
  <si>
    <t>2335.521</t>
  </si>
  <si>
    <t>15643430.0</t>
  </si>
  <si>
    <t>6078370.0</t>
  </si>
  <si>
    <t>5991834.0</t>
  </si>
  <si>
    <t>3700717.0</t>
  </si>
  <si>
    <t>20331993.0</t>
  </si>
  <si>
    <t>2339.322</t>
  </si>
  <si>
    <t>36599.0</t>
  </si>
  <si>
    <t>15645493.0</t>
  </si>
  <si>
    <t>6078471.0</t>
  </si>
  <si>
    <t>5992068.0</t>
  </si>
  <si>
    <t>3702397.0</t>
  </si>
  <si>
    <t>20356913.0</t>
  </si>
  <si>
    <t>2342.189</t>
  </si>
  <si>
    <t>15648416.0</t>
  </si>
  <si>
    <t>6078630.0</t>
  </si>
  <si>
    <t>5992295.0</t>
  </si>
  <si>
    <t>3704856.0</t>
  </si>
  <si>
    <t>20371647.0</t>
  </si>
  <si>
    <t>2343.884</t>
  </si>
  <si>
    <t>15649998.0</t>
  </si>
  <si>
    <t>6078719.0</t>
  </si>
  <si>
    <t>5992457.0</t>
  </si>
  <si>
    <t>3706161.0</t>
  </si>
  <si>
    <t>20381644.0</t>
  </si>
  <si>
    <t>2345.034</t>
  </si>
  <si>
    <t>31176.0</t>
  </si>
  <si>
    <t>11966.9</t>
  </si>
  <si>
    <t>1369.13674331738</t>
  </si>
  <si>
    <t>20407864.0</t>
  </si>
  <si>
    <t>2348.051</t>
  </si>
  <si>
    <t>15652072.0</t>
  </si>
  <si>
    <t>6078815.0</t>
  </si>
  <si>
    <t>5992601.0</t>
  </si>
  <si>
    <t>3707904.0</t>
  </si>
  <si>
    <t>179.08</t>
  </si>
  <si>
    <t>20433497.0</t>
  </si>
  <si>
    <t>15653742.0</t>
  </si>
  <si>
    <t>6078898.0</t>
  </si>
  <si>
    <t>5992724.0</t>
  </si>
  <si>
    <t>3709342.0</t>
  </si>
  <si>
    <t>20458332.0</t>
  </si>
  <si>
    <t>2353.858</t>
  </si>
  <si>
    <t>15656759.0</t>
  </si>
  <si>
    <t>6079109.0</t>
  </si>
  <si>
    <t>5993036.0</t>
  </si>
  <si>
    <t>179.13</t>
  </si>
  <si>
    <t>61.667</t>
  </si>
  <si>
    <t>20482785.0</t>
  </si>
  <si>
    <t>2356.671</t>
  </si>
  <si>
    <t>15658228.0</t>
  </si>
  <si>
    <t>6079187.0</t>
  </si>
  <si>
    <t>5993131.0</t>
  </si>
  <si>
    <t>3713080.0</t>
  </si>
  <si>
    <t>20506216.0</t>
  </si>
  <si>
    <t>2359.367</t>
  </si>
  <si>
    <t>15661003.0</t>
  </si>
  <si>
    <t>6079313.0</t>
  </si>
  <si>
    <t>5993304.0</t>
  </si>
  <si>
    <t>3715499.0</t>
  </si>
  <si>
    <t>20520618.0</t>
  </si>
  <si>
    <t>2361.024</t>
  </si>
  <si>
    <t>15662619.0</t>
  </si>
  <si>
    <t>6079412.0</t>
  </si>
  <si>
    <t>5993440.0</t>
  </si>
  <si>
    <t>3716866.0</t>
  </si>
  <si>
    <t>20530754.0</t>
  </si>
  <si>
    <t>2362.19</t>
  </si>
  <si>
    <t>15662620.0</t>
  </si>
  <si>
    <t>3716867.0</t>
  </si>
  <si>
    <t>12109.7</t>
  </si>
  <si>
    <t>1385.47453564001</t>
  </si>
  <si>
    <t>20555098.0</t>
  </si>
  <si>
    <t>2364.991</t>
  </si>
  <si>
    <t>15664510.0</t>
  </si>
  <si>
    <t>6079508.0</t>
  </si>
  <si>
    <t>5993562.0</t>
  </si>
  <si>
    <t>3718518.0</t>
  </si>
  <si>
    <t>20578627.0</t>
  </si>
  <si>
    <t>23529.0</t>
  </si>
  <si>
    <t>2367.698</t>
  </si>
  <si>
    <t>15666257.0</t>
  </si>
  <si>
    <t>6079595.0</t>
  </si>
  <si>
    <t>5993684.0</t>
  </si>
  <si>
    <t>3720041.0</t>
  </si>
  <si>
    <t>20601849.0</t>
  </si>
  <si>
    <t>2370.37</t>
  </si>
  <si>
    <t>15668944.0</t>
  </si>
  <si>
    <t>6079807.0</t>
  </si>
  <si>
    <t>5993983.0</t>
  </si>
  <si>
    <t>3722202.0</t>
  </si>
  <si>
    <t>20625527.0</t>
  </si>
  <si>
    <t>2373.094</t>
  </si>
  <si>
    <t>15670442.0</t>
  </si>
  <si>
    <t>6079871.0</t>
  </si>
  <si>
    <t>5994069.0</t>
  </si>
  <si>
    <t>3723504.0</t>
  </si>
  <si>
    <t>20639101.0</t>
  </si>
  <si>
    <t>2374.656</t>
  </si>
  <si>
    <t>15670729.0</t>
  </si>
  <si>
    <t>6079877.0</t>
  </si>
  <si>
    <t>5994083.0</t>
  </si>
  <si>
    <t>3723760.0</t>
  </si>
  <si>
    <t>20651385.0</t>
  </si>
  <si>
    <t>2376.07</t>
  </si>
  <si>
    <t>15671244.0</t>
  </si>
  <si>
    <t>6079916.0</t>
  </si>
  <si>
    <t>5994129.0</t>
  </si>
  <si>
    <t>3724184.0</t>
  </si>
  <si>
    <t>20660152.0</t>
  </si>
  <si>
    <t>2377.078</t>
  </si>
  <si>
    <t>15671246.0</t>
  </si>
  <si>
    <t>3724186.0</t>
  </si>
  <si>
    <t>12197.1</t>
  </si>
  <si>
    <t>1395.47399676745</t>
  </si>
  <si>
    <t>20670330.0</t>
  </si>
  <si>
    <t>2378.249</t>
  </si>
  <si>
    <t>15671306.0</t>
  </si>
  <si>
    <t>6079918.0</t>
  </si>
  <si>
    <t>5994131.0</t>
  </si>
  <si>
    <t>3724237.0</t>
  </si>
  <si>
    <t>20690050.0</t>
  </si>
  <si>
    <t>2380.518</t>
  </si>
  <si>
    <t>15672637.0</t>
  </si>
  <si>
    <t>6079998.0</t>
  </si>
  <si>
    <t>5994227.0</t>
  </si>
  <si>
    <t>3725381.0</t>
  </si>
  <si>
    <t>179.31</t>
  </si>
  <si>
    <t>20707305.0</t>
  </si>
  <si>
    <t>2382.503</t>
  </si>
  <si>
    <t>15674877.0</t>
  </si>
  <si>
    <t>6080183.0</t>
  </si>
  <si>
    <t>5994436.0</t>
  </si>
  <si>
    <t>3727195.0</t>
  </si>
  <si>
    <t>20724004.0</t>
  </si>
  <si>
    <t>2384.425</t>
  </si>
  <si>
    <t>15676012.0</t>
  </si>
  <si>
    <t>6080248.0</t>
  </si>
  <si>
    <t>5994525.0</t>
  </si>
  <si>
    <t>3728128.0</t>
  </si>
  <si>
    <t>179.35</t>
  </si>
  <si>
    <t>20740029.0</t>
  </si>
  <si>
    <t>2386.269</t>
  </si>
  <si>
    <t>15678334.0</t>
  </si>
  <si>
    <t>6080407.0</t>
  </si>
  <si>
    <t>5994690.0</t>
  </si>
  <si>
    <t>3730092.0</t>
  </si>
  <si>
    <t>20749906.0</t>
  </si>
  <si>
    <t>2387.405</t>
  </si>
  <si>
    <t>15679532.0</t>
  </si>
  <si>
    <t>6080494.0</t>
  </si>
  <si>
    <t>5994792.0</t>
  </si>
  <si>
    <t>20756812.0</t>
  </si>
  <si>
    <t>2388.2</t>
  </si>
  <si>
    <t>15679549.0</t>
  </si>
  <si>
    <t>5994793.0</t>
  </si>
  <si>
    <t>3731117.0</t>
  </si>
  <si>
    <t>12318.5</t>
  </si>
  <si>
    <t>1409.3634084479</t>
  </si>
  <si>
    <t>20773225.0</t>
  </si>
  <si>
    <t>2390.088</t>
  </si>
  <si>
    <t>15681193.0</t>
  </si>
  <si>
    <t>6080611.0</t>
  </si>
  <si>
    <t>5994943.0</t>
  </si>
  <si>
    <t>3732482.0</t>
  </si>
  <si>
    <t>20788289.0</t>
  </si>
  <si>
    <t>2391.821</t>
  </si>
  <si>
    <t>15682508.0</t>
  </si>
  <si>
    <t>6080703.0</t>
  </si>
  <si>
    <t>5995052.0</t>
  </si>
  <si>
    <t>3733595.0</t>
  </si>
  <si>
    <t>179.42</t>
  </si>
  <si>
    <t>20801572.0</t>
  </si>
  <si>
    <t>2393.349</t>
  </si>
  <si>
    <t>15684901.0</t>
  </si>
  <si>
    <t>6080948.0</t>
  </si>
  <si>
    <t>5995341.0</t>
  </si>
  <si>
    <t>3735460.0</t>
  </si>
  <si>
    <t>20815648.0</t>
  </si>
  <si>
    <t>2394.969</t>
  </si>
  <si>
    <t>15685875.0</t>
  </si>
  <si>
    <t>6081005.0</t>
  </si>
  <si>
    <t>5995422.0</t>
  </si>
  <si>
    <t>3736282.0</t>
  </si>
  <si>
    <t>20828447.0</t>
  </si>
  <si>
    <t>2396.442</t>
  </si>
  <si>
    <t>15688270.0</t>
  </si>
  <si>
    <t>6081163.0</t>
  </si>
  <si>
    <t>5995633.0</t>
  </si>
  <si>
    <t>3738295.0</t>
  </si>
  <si>
    <t>20836632.0</t>
  </si>
  <si>
    <t>2397.383</t>
  </si>
  <si>
    <t>15689213.0</t>
  </si>
  <si>
    <t>6081241.0</t>
  </si>
  <si>
    <t>5995706.0</t>
  </si>
  <si>
    <t>3739072.0</t>
  </si>
  <si>
    <t>20842247.0</t>
  </si>
  <si>
    <t>2398.029</t>
  </si>
  <si>
    <t>15689229.0</t>
  </si>
  <si>
    <t>6081242.0</t>
  </si>
  <si>
    <t>3739087.0</t>
  </si>
  <si>
    <t>12387.5</t>
  </si>
  <si>
    <t>1417.2577198643</t>
  </si>
  <si>
    <t>20856691.0</t>
  </si>
  <si>
    <t>2399.691</t>
  </si>
  <si>
    <t>15690386.0</t>
  </si>
  <si>
    <t>6081336.0</t>
  </si>
  <si>
    <t>5995795.0</t>
  </si>
  <si>
    <t>3740032.0</t>
  </si>
  <si>
    <t>179.51</t>
  </si>
  <si>
    <t>20869186.0</t>
  </si>
  <si>
    <t>2401.129</t>
  </si>
  <si>
    <t>15691532.0</t>
  </si>
  <si>
    <t>6081402.0</t>
  </si>
  <si>
    <t>5995878.0</t>
  </si>
  <si>
    <t>3740994.0</t>
  </si>
  <si>
    <t>20881363.0</t>
  </si>
  <si>
    <t>2402.53</t>
  </si>
  <si>
    <t>15693906.0</t>
  </si>
  <si>
    <t>6081676.0</t>
  </si>
  <si>
    <t>5996157.0</t>
  </si>
  <si>
    <t>3742811.0</t>
  </si>
  <si>
    <t>20893590.0</t>
  </si>
  <si>
    <t>2403.937</t>
  </si>
  <si>
    <t>15695023.0</t>
  </si>
  <si>
    <t>6081765.0</t>
  </si>
  <si>
    <t>5996255.0</t>
  </si>
  <si>
    <t>3743728.0</t>
  </si>
  <si>
    <t>179.57</t>
  </si>
  <si>
    <t>20905583.0</t>
  </si>
  <si>
    <t>2405.317</t>
  </si>
  <si>
    <t>15696913.0</t>
  </si>
  <si>
    <t>6081908.0</t>
  </si>
  <si>
    <t>5996383.0</t>
  </si>
  <si>
    <t>3745325.0</t>
  </si>
  <si>
    <t>20912910.0</t>
  </si>
  <si>
    <t>2406.16</t>
  </si>
  <si>
    <t>15697656.0</t>
  </si>
  <si>
    <t>6081991.0</t>
  </si>
  <si>
    <t>5996448.0</t>
  </si>
  <si>
    <t>3745937.0</t>
  </si>
  <si>
    <t>20918157.0</t>
  </si>
  <si>
    <t>2406.763</t>
  </si>
  <si>
    <t>15697666.0</t>
  </si>
  <si>
    <t>3745947.0</t>
  </si>
  <si>
    <t>12402.3</t>
  </si>
  <si>
    <t>1418.95099245796</t>
  </si>
  <si>
    <t>20931447.0</t>
  </si>
  <si>
    <t>2408.292</t>
  </si>
  <si>
    <t>15698906.0</t>
  </si>
  <si>
    <t>6082077.0</t>
  </si>
  <si>
    <t>5996541.0</t>
  </si>
  <si>
    <t>20942967.0</t>
  </si>
  <si>
    <t>2409.618</t>
  </si>
  <si>
    <t>15700174.0</t>
  </si>
  <si>
    <t>6082148.0</t>
  </si>
  <si>
    <t>5996622.0</t>
  </si>
  <si>
    <t>3748080.0</t>
  </si>
  <si>
    <t>179.63</t>
  </si>
  <si>
    <t>20953742.0</t>
  </si>
  <si>
    <t>2410.858</t>
  </si>
  <si>
    <t>15702636.0</t>
  </si>
  <si>
    <t>6082471.0</t>
  </si>
  <si>
    <t>5996874.0</t>
  </si>
  <si>
    <t>3749974.0</t>
  </si>
  <si>
    <t>179.65</t>
  </si>
  <si>
    <t>20964339.0</t>
  </si>
  <si>
    <t>2412.077</t>
  </si>
  <si>
    <t>15703732.0</t>
  </si>
  <si>
    <t>6082545.0</t>
  </si>
  <si>
    <t>5996958.0</t>
  </si>
  <si>
    <t>3750906.0</t>
  </si>
  <si>
    <t>20974897.0</t>
  </si>
  <si>
    <t>2413.292</t>
  </si>
  <si>
    <t>15705826.0</t>
  </si>
  <si>
    <t>6082696.0</t>
  </si>
  <si>
    <t>5997093.0</t>
  </si>
  <si>
    <t>3752685.0</t>
  </si>
  <si>
    <t>20981471.0</t>
  </si>
  <si>
    <t>2414.048</t>
  </si>
  <si>
    <t>15706809.0</t>
  </si>
  <si>
    <t>6082822.0</t>
  </si>
  <si>
    <t>5997185.0</t>
  </si>
  <si>
    <t>3753448.0</t>
  </si>
  <si>
    <t>179.7</t>
  </si>
  <si>
    <t>20985947.0</t>
  </si>
  <si>
    <t>2414.563</t>
  </si>
  <si>
    <t>15706815.0</t>
  </si>
  <si>
    <t>6082824.0</t>
  </si>
  <si>
    <t>3753452.0</t>
  </si>
  <si>
    <t>12416.9</t>
  </si>
  <si>
    <t>1420.62138298954</t>
  </si>
  <si>
    <t>20996521.0</t>
  </si>
  <si>
    <t>2415.78</t>
  </si>
  <si>
    <t>15708067.0</t>
  </si>
  <si>
    <t>6082916.0</t>
  </si>
  <si>
    <t>5997250.0</t>
  </si>
  <si>
    <t>3754527.0</t>
  </si>
  <si>
    <t>21006427.0</t>
  </si>
  <si>
    <t>2416.919</t>
  </si>
  <si>
    <t>15709205.0</t>
  </si>
  <si>
    <t>6083011.0</t>
  </si>
  <si>
    <t>5997315.0</t>
  </si>
  <si>
    <t>3755494.0</t>
  </si>
  <si>
    <t>21015692.0</t>
  </si>
  <si>
    <t>2417.985</t>
  </si>
  <si>
    <t>15711392.0</t>
  </si>
  <si>
    <t>5997571.0</t>
  </si>
  <si>
    <t>3757141.0</t>
  </si>
  <si>
    <t>21025257.0</t>
  </si>
  <si>
    <t>2419.086</t>
  </si>
  <si>
    <t>15712551.0</t>
  </si>
  <si>
    <t>6083417.0</t>
  </si>
  <si>
    <t>5997673.0</t>
  </si>
  <si>
    <t>3758107.0</t>
  </si>
  <si>
    <t>21035287.0</t>
  </si>
  <si>
    <t>2420.24</t>
  </si>
  <si>
    <t>15714361.0</t>
  </si>
  <si>
    <t>6083572.0</t>
  </si>
  <si>
    <t>5997791.0</t>
  </si>
  <si>
    <t>3759608.0</t>
  </si>
  <si>
    <t>21041944.0</t>
  </si>
  <si>
    <t>2421.006</t>
  </si>
  <si>
    <t>15715327.0</t>
  </si>
  <si>
    <t>6083678.0</t>
  </si>
  <si>
    <t>5997880.0</t>
  </si>
  <si>
    <t>3760365.0</t>
  </si>
  <si>
    <t>21048246.0</t>
  </si>
  <si>
    <t>2421.731</t>
  </si>
  <si>
    <t>12503.5</t>
  </si>
  <si>
    <t>1430.52931586868</t>
  </si>
  <si>
    <t>21058479.0</t>
  </si>
  <si>
    <t>2422.908</t>
  </si>
  <si>
    <t>15716610.0</t>
  </si>
  <si>
    <t>6083787.0</t>
  </si>
  <si>
    <t>5997978.0</t>
  </si>
  <si>
    <t>3761416.0</t>
  </si>
  <si>
    <t>21068332.0</t>
  </si>
  <si>
    <t>2424.042</t>
  </si>
  <si>
    <t>15718070.0</t>
  </si>
  <si>
    <t>6083882.0</t>
  </si>
  <si>
    <t>5998077.0</t>
  </si>
  <si>
    <t>3762655.0</t>
  </si>
  <si>
    <t>21078254.0</t>
  </si>
  <si>
    <t>2425.183</t>
  </si>
  <si>
    <t>15720843.0</t>
  </si>
  <si>
    <t>6084294.0</t>
  </si>
  <si>
    <t>5998450.0</t>
  </si>
  <si>
    <t>3764658.0</t>
  </si>
  <si>
    <t>21083151.0</t>
  </si>
  <si>
    <t>2425.747</t>
  </si>
  <si>
    <t>15720961.0</t>
  </si>
  <si>
    <t>6084310.0</t>
  </si>
  <si>
    <t>5998459.0</t>
  </si>
  <si>
    <t>3764756.0</t>
  </si>
  <si>
    <t>21090562.0</t>
  </si>
  <si>
    <t>15722478.0</t>
  </si>
  <si>
    <t>6084424.0</t>
  </si>
  <si>
    <t>5998562.0</t>
  </si>
  <si>
    <t>3765952.0</t>
  </si>
  <si>
    <t>21095472.0</t>
  </si>
  <si>
    <t>2427.164</t>
  </si>
  <si>
    <t>15723090.0</t>
  </si>
  <si>
    <t>6084487.0</t>
  </si>
  <si>
    <t>5998609.0</t>
  </si>
  <si>
    <t>3766445.0</t>
  </si>
  <si>
    <t>21099594.0</t>
  </si>
  <si>
    <t>2427.639</t>
  </si>
  <si>
    <t>12481.9</t>
  </si>
  <si>
    <t>1428.05805316441</t>
  </si>
  <si>
    <t>21108656.0</t>
  </si>
  <si>
    <t>2428.681</t>
  </si>
  <si>
    <t>15724317.0</t>
  </si>
  <si>
    <t>6084563.0</t>
  </si>
  <si>
    <t>5998708.0</t>
  </si>
  <si>
    <t>3767472.0</t>
  </si>
  <si>
    <t>21117316.0</t>
  </si>
  <si>
    <t>2429.678</t>
  </si>
  <si>
    <t>15725527.0</t>
  </si>
  <si>
    <t>6084625.0</t>
  </si>
  <si>
    <t>5998808.0</t>
  </si>
  <si>
    <t>3768473.0</t>
  </si>
  <si>
    <t>179.92</t>
  </si>
  <si>
    <t>21125730.0</t>
  </si>
  <si>
    <t>2430.646</t>
  </si>
  <si>
    <t>15727929.0</t>
  </si>
  <si>
    <t>6084903.0</t>
  </si>
  <si>
    <t>5999106.0</t>
  </si>
  <si>
    <t>3770270.0</t>
  </si>
  <si>
    <t>21133891.0</t>
  </si>
  <si>
    <t>2431.585</t>
  </si>
  <si>
    <t>15729027.0</t>
  </si>
  <si>
    <t>6084978.0</t>
  </si>
  <si>
    <t>5999205.0</t>
  </si>
  <si>
    <t>3771175.0</t>
  </si>
  <si>
    <t>179.96</t>
  </si>
  <si>
    <t>21142022.0</t>
  </si>
  <si>
    <t>2432.52</t>
  </si>
  <si>
    <t>15731139.0</t>
  </si>
  <si>
    <t>6085118.0</t>
  </si>
  <si>
    <t>5999370.0</t>
  </si>
  <si>
    <t>3772955.0</t>
  </si>
  <si>
    <t>21147264.0</t>
  </si>
  <si>
    <t>2433.123</t>
  </si>
  <si>
    <t>15731903.0</t>
  </si>
  <si>
    <t>6085212.0</t>
  </si>
  <si>
    <t>5999471.0</t>
  </si>
  <si>
    <t>3773510.0</t>
  </si>
  <si>
    <t>21151079.0</t>
  </si>
  <si>
    <t>2433.562</t>
  </si>
  <si>
    <t>15731917.0</t>
  </si>
  <si>
    <t>5999474.0</t>
  </si>
  <si>
    <t>3773521.0</t>
  </si>
  <si>
    <t>12503.7</t>
  </si>
  <si>
    <t>1430.55219793075</t>
  </si>
  <si>
    <t>21155796.0</t>
  </si>
  <si>
    <t>2434.105</t>
  </si>
  <si>
    <t>15732129.0</t>
  </si>
  <si>
    <t>6085232.0</t>
  </si>
  <si>
    <t>5999486.0</t>
  </si>
  <si>
    <t>3773641.0</t>
  </si>
  <si>
    <t>21165623.0</t>
  </si>
  <si>
    <t>2435.236</t>
  </si>
  <si>
    <t>15733420.0</t>
  </si>
  <si>
    <t>6085300.0</t>
  </si>
  <si>
    <t>5999591.0</t>
  </si>
  <si>
    <t>3774682.0</t>
  </si>
  <si>
    <t>21175073.0</t>
  </si>
  <si>
    <t>2436.323</t>
  </si>
  <si>
    <t>15736214.0</t>
  </si>
  <si>
    <t>6085564.0</t>
  </si>
  <si>
    <t>5999938.0</t>
  </si>
  <si>
    <t>3776805.0</t>
  </si>
  <si>
    <t>21184137.0</t>
  </si>
  <si>
    <t>2437.366</t>
  </si>
  <si>
    <t>15737337.0</t>
  </si>
  <si>
    <t>6085649.0</t>
  </si>
  <si>
    <t>6000038.0</t>
  </si>
  <si>
    <t>3777730.0</t>
  </si>
  <si>
    <t>21193378.0</t>
  </si>
  <si>
    <t>2438.429</t>
  </si>
  <si>
    <t>15739435.0</t>
  </si>
  <si>
    <t>6085763.0</t>
  </si>
  <si>
    <t>6000195.0</t>
  </si>
  <si>
    <t>3779497.0</t>
  </si>
  <si>
    <t>21199457.0</t>
  </si>
  <si>
    <t>2439.129</t>
  </si>
  <si>
    <t>15740408.0</t>
  </si>
  <si>
    <t>6085844.0</t>
  </si>
  <si>
    <t>6000312.0</t>
  </si>
  <si>
    <t>3780267.0</t>
  </si>
  <si>
    <t>180.09</t>
  </si>
  <si>
    <t>21203351.0</t>
  </si>
  <si>
    <t>2439.577</t>
  </si>
  <si>
    <t>15740409.0</t>
  </si>
  <si>
    <t>6085845.0</t>
  </si>
  <si>
    <t>12525.9</t>
  </si>
  <si>
    <t>1433.09210682125</t>
  </si>
  <si>
    <t>21214082.0</t>
  </si>
  <si>
    <t>2440.811</t>
  </si>
  <si>
    <t>15741833.0</t>
  </si>
  <si>
    <t>6085941.0</t>
  </si>
  <si>
    <t>6000451.0</t>
  </si>
  <si>
    <t>3781452.0</t>
  </si>
  <si>
    <t>21224992.0</t>
  </si>
  <si>
    <t>2442.067</t>
  </si>
  <si>
    <t>15743093.0</t>
  </si>
  <si>
    <t>6086009.0</t>
  </si>
  <si>
    <t>6000549.0</t>
  </si>
  <si>
    <t>3782508.0</t>
  </si>
  <si>
    <t>21235610.0</t>
  </si>
  <si>
    <t>2443.288</t>
  </si>
  <si>
    <t>15746114.0</t>
  </si>
  <si>
    <t>6086254.0</t>
  </si>
  <si>
    <t>6000952.0</t>
  </si>
  <si>
    <t>3784813.0</t>
  </si>
  <si>
    <t>21245630.0</t>
  </si>
  <si>
    <t>2444.441</t>
  </si>
  <si>
    <t>15747289.0</t>
  </si>
  <si>
    <t>6086316.0</t>
  </si>
  <si>
    <t>6001034.0</t>
  </si>
  <si>
    <t>3785780.0</t>
  </si>
  <si>
    <t>21256420.0</t>
  </si>
  <si>
    <t>2445.683</t>
  </si>
  <si>
    <t>15749563.0</t>
  </si>
  <si>
    <t>6086430.0</t>
  </si>
  <si>
    <t>6001212.0</t>
  </si>
  <si>
    <t>3787728.0</t>
  </si>
  <si>
    <t>180.19</t>
  </si>
  <si>
    <t>21263412.0</t>
  </si>
  <si>
    <t>2446.487</t>
  </si>
  <si>
    <t>15750204.0</t>
  </si>
  <si>
    <t>6086472.0</t>
  </si>
  <si>
    <t>6001280.0</t>
  </si>
  <si>
    <t>3788196.0</t>
  </si>
  <si>
    <t>21267945.0</t>
  </si>
  <si>
    <t>2447.009</t>
  </si>
  <si>
    <t>12720.1</t>
  </si>
  <si>
    <t>1455.31058909754</t>
  </si>
  <si>
    <t>21277734.0</t>
  </si>
  <si>
    <t>2448.135</t>
  </si>
  <si>
    <t>15751635.0</t>
  </si>
  <si>
    <t>6086534.0</t>
  </si>
  <si>
    <t>6001373.0</t>
  </si>
  <si>
    <t>3789428.0</t>
  </si>
  <si>
    <t>180.21</t>
  </si>
  <si>
    <t>15753150.0</t>
  </si>
  <si>
    <t>6086593.0</t>
  </si>
  <si>
    <t>6001480.0</t>
  </si>
  <si>
    <t>3790734.0</t>
  </si>
  <si>
    <t>15756689.0</t>
  </si>
  <si>
    <t>6086829.0</t>
  </si>
  <si>
    <t>6001910.0</t>
  </si>
  <si>
    <t>3793528.0</t>
  </si>
  <si>
    <t>15758168.0</t>
  </si>
  <si>
    <t>6086880.0</t>
  </si>
  <si>
    <t>6001975.0</t>
  </si>
  <si>
    <t>3794857.0</t>
  </si>
  <si>
    <t>15760545.0</t>
  </si>
  <si>
    <t>6086984.0</t>
  </si>
  <si>
    <t>6002150.0</t>
  </si>
  <si>
    <t>3796902.0</t>
  </si>
  <si>
    <t>15761639.0</t>
  </si>
  <si>
    <t>6087046.0</t>
  </si>
  <si>
    <t>6002222.0</t>
  </si>
  <si>
    <t>3797806.0</t>
  </si>
  <si>
    <t>15761640.0</t>
  </si>
  <si>
    <t>6002223.0</t>
  </si>
  <si>
    <t>12902.7</t>
  </si>
  <si>
    <t>1476.2019117734</t>
  </si>
  <si>
    <t>15763178.0</t>
  </si>
  <si>
    <t>6087119.0</t>
  </si>
  <si>
    <t>6002314.0</t>
  </si>
  <si>
    <t>3799153.0</t>
  </si>
  <si>
    <t>15764773.0</t>
  </si>
  <si>
    <t>6087169.0</t>
  </si>
  <si>
    <t>6002401.0</t>
  </si>
  <si>
    <t>3800554.0</t>
  </si>
  <si>
    <t>15768527.0</t>
  </si>
  <si>
    <t>6087388.0</t>
  </si>
  <si>
    <t>6002739.0</t>
  </si>
  <si>
    <t>3803681.0</t>
  </si>
  <si>
    <t>180.41</t>
  </si>
  <si>
    <t>15770338.0</t>
  </si>
  <si>
    <t>6087445.0</t>
  </si>
  <si>
    <t>6002818.0</t>
  </si>
  <si>
    <t>3805301.0</t>
  </si>
  <si>
    <t>15773152.0</t>
  </si>
  <si>
    <t>6087551.0</t>
  </si>
  <si>
    <t>6002983.0</t>
  </si>
  <si>
    <t>3807777.0</t>
  </si>
  <si>
    <t>15774371.0</t>
  </si>
  <si>
    <t>6087613.0</t>
  </si>
  <si>
    <t>6003075.0</t>
  </si>
  <si>
    <t>3808802.0</t>
  </si>
  <si>
    <t>13032.5</t>
  </si>
  <si>
    <t>1491.05237006106</t>
  </si>
  <si>
    <t>15776074.0</t>
  </si>
  <si>
    <t>6087679.0</t>
  </si>
  <si>
    <t>6003148.0</t>
  </si>
  <si>
    <t>3810315.0</t>
  </si>
  <si>
    <t>180.49</t>
  </si>
  <si>
    <t>15778290.0</t>
  </si>
  <si>
    <t>6087747.0</t>
  </si>
  <si>
    <t>6003234.0</t>
  </si>
  <si>
    <t>3812290.0</t>
  </si>
  <si>
    <t>118.071</t>
  </si>
  <si>
    <t>15783126.0</t>
  </si>
  <si>
    <t>6087940.0</t>
  </si>
  <si>
    <t>6003504.0</t>
  </si>
  <si>
    <t>3816583.0</t>
  </si>
  <si>
    <t>15786533.0</t>
  </si>
  <si>
    <t>6088001.0</t>
  </si>
  <si>
    <t>6003604.0</t>
  </si>
  <si>
    <t>3819726.0</t>
  </si>
  <si>
    <t>180.61</t>
  </si>
  <si>
    <t>15791558.0</t>
  </si>
  <si>
    <t>6088099.0</t>
  </si>
  <si>
    <t>6003742.0</t>
  </si>
  <si>
    <t>3824391.0</t>
  </si>
  <si>
    <t>15793077.0</t>
  </si>
  <si>
    <t>6088146.0</t>
  </si>
  <si>
    <t>6003790.0</t>
  </si>
  <si>
    <t>3825787.0</t>
  </si>
  <si>
    <t>180.69</t>
  </si>
  <si>
    <t>15793103.0</t>
  </si>
  <si>
    <t>3825813.0</t>
  </si>
  <si>
    <t>13155.1</t>
  </si>
  <si>
    <t>1505.07907411397</t>
  </si>
  <si>
    <t>15796750.0</t>
  </si>
  <si>
    <t>6088231.0</t>
  </si>
  <si>
    <t>6003888.0</t>
  </si>
  <si>
    <t>3829173.0</t>
  </si>
  <si>
    <t>15800999.0</t>
  </si>
  <si>
    <t>6088321.0</t>
  </si>
  <si>
    <t>6003977.0</t>
  </si>
  <si>
    <t>3833097.0</t>
  </si>
  <si>
    <t>15809058.0</t>
  </si>
  <si>
    <t>6088471.0</t>
  </si>
  <si>
    <t>6004161.0</t>
  </si>
  <si>
    <t>3840598.0</t>
  </si>
  <si>
    <t>15815190.0</t>
  </si>
  <si>
    <t>6088531.0</t>
  </si>
  <si>
    <t>6004222.0</t>
  </si>
  <si>
    <t>3846387.0</t>
  </si>
  <si>
    <t>15822555.0</t>
  </si>
  <si>
    <t>6088669.0</t>
  </si>
  <si>
    <t>6004363.0</t>
  </si>
  <si>
    <t>3853329.0</t>
  </si>
  <si>
    <t>15824194.0</t>
  </si>
  <si>
    <t>6088711.0</t>
  </si>
  <si>
    <t>6004410.0</t>
  </si>
  <si>
    <t>181.05</t>
  </si>
  <si>
    <t>15824374.0</t>
  </si>
  <si>
    <t>6004411.0</t>
  </si>
  <si>
    <t>3855023.0</t>
  </si>
  <si>
    <t>13297.3</t>
  </si>
  <si>
    <t>1521.34822025037</t>
  </si>
  <si>
    <t>15828969.0</t>
  </si>
  <si>
    <t>6088773.0</t>
  </si>
  <si>
    <t>6004475.0</t>
  </si>
  <si>
    <t>3859384.0</t>
  </si>
  <si>
    <t>15835452.0</t>
  </si>
  <si>
    <t>6088852.0</t>
  </si>
  <si>
    <t>6004555.0</t>
  </si>
  <si>
    <t>3865584.0</t>
  </si>
  <si>
    <t>15844096.0</t>
  </si>
  <si>
    <t>6088988.0</t>
  </si>
  <si>
    <t>6004699.0</t>
  </si>
  <si>
    <t>3873713.0</t>
  </si>
  <si>
    <t>15850917.0</t>
  </si>
  <si>
    <t>6089058.0</t>
  </si>
  <si>
    <t>6004772.0</t>
  </si>
  <si>
    <t>3880249.0</t>
  </si>
  <si>
    <t>15858082.0</t>
  </si>
  <si>
    <t>6089158.0</t>
  </si>
  <si>
    <t>6004862.0</t>
  </si>
  <si>
    <t>3887057.0</t>
  </si>
  <si>
    <t>48.739</t>
  </si>
  <si>
    <t>15859484.0</t>
  </si>
  <si>
    <t>6089190.0</t>
  </si>
  <si>
    <t>6004891.0</t>
  </si>
  <si>
    <t>3888371.0</t>
  </si>
  <si>
    <t>15859714.0</t>
  </si>
  <si>
    <t>3888597.0</t>
  </si>
  <si>
    <t>13535.9</t>
  </si>
  <si>
    <t>1548.64652030766</t>
  </si>
  <si>
    <t>15864057.0</t>
  </si>
  <si>
    <t>6089244.0</t>
  </si>
  <si>
    <t>6004957.0</t>
  </si>
  <si>
    <t>3892689.0</t>
  </si>
  <si>
    <t>15870259.0</t>
  </si>
  <si>
    <t>6089337.0</t>
  </si>
  <si>
    <t>6005021.0</t>
  </si>
  <si>
    <t>3898563.0</t>
  </si>
  <si>
    <t>15879246.0</t>
  </si>
  <si>
    <t>6089478.0</t>
  </si>
  <si>
    <t>6005154.0</t>
  </si>
  <si>
    <t>3907068.0</t>
  </si>
  <si>
    <t>15885517.0</t>
  </si>
  <si>
    <t>6089539.0</t>
  </si>
  <si>
    <t>6005206.0</t>
  </si>
  <si>
    <t>3913091.0</t>
  </si>
  <si>
    <t>15891648.0</t>
  </si>
  <si>
    <t>6089657.0</t>
  </si>
  <si>
    <t>6005308.0</t>
  </si>
  <si>
    <t>3918889.0</t>
  </si>
  <si>
    <t>15892776.0</t>
  </si>
  <si>
    <t>6089683.0</t>
  </si>
  <si>
    <t>6005328.0</t>
  </si>
  <si>
    <t>3919946.0</t>
  </si>
  <si>
    <t>15892797.0</t>
  </si>
  <si>
    <t>6089685.0</t>
  </si>
  <si>
    <t>3919965.0</t>
  </si>
  <si>
    <t>13810.9</t>
  </si>
  <si>
    <t>1580.10935566287</t>
  </si>
  <si>
    <t>15892904.0</t>
  </si>
  <si>
    <t>6089687.0</t>
  </si>
  <si>
    <t>6005329.0</t>
  </si>
  <si>
    <t>3920070.0</t>
  </si>
  <si>
    <t>15896198.0</t>
  </si>
  <si>
    <t>6089750.0</t>
  </si>
  <si>
    <t>6005382.0</t>
  </si>
  <si>
    <t>3923141.0</t>
  </si>
  <si>
    <t>15903064.0</t>
  </si>
  <si>
    <t>6089859.0</t>
  </si>
  <si>
    <t>6005486.0</t>
  </si>
  <si>
    <t>3929593.0</t>
  </si>
  <si>
    <t>15908222.0</t>
  </si>
  <si>
    <t>6089930.0</t>
  </si>
  <si>
    <t>6005564.0</t>
  </si>
  <si>
    <t>3934505.0</t>
  </si>
  <si>
    <t>15912417.0</t>
  </si>
  <si>
    <t>6090029.0</t>
  </si>
  <si>
    <t>6005636.0</t>
  </si>
  <si>
    <t>3938401.0</t>
  </si>
  <si>
    <t>15913269.0</t>
  </si>
  <si>
    <t>6090048.0</t>
  </si>
  <si>
    <t>6005663.0</t>
  </si>
  <si>
    <t>3939186.0</t>
  </si>
  <si>
    <t>15913325.0</t>
  </si>
  <si>
    <t>6005664.0</t>
  </si>
  <si>
    <t>3939241.0</t>
  </si>
  <si>
    <t>13967.3</t>
  </si>
  <si>
    <t>1598.00312820671</t>
  </si>
  <si>
    <t>15916366.0</t>
  </si>
  <si>
    <t>6090104.0</t>
  </si>
  <si>
    <t>6005736.0</t>
  </si>
  <si>
    <t>3942096.0</t>
  </si>
  <si>
    <t>15920192.0</t>
  </si>
  <si>
    <t>6090176.0</t>
  </si>
  <si>
    <t>6005809.0</t>
  </si>
  <si>
    <t>3945680.0</t>
  </si>
  <si>
    <t>15926457.0</t>
  </si>
  <si>
    <t>6090316.0</t>
  </si>
  <si>
    <t>6005979.0</t>
  </si>
  <si>
    <t>3951428.0</t>
  </si>
  <si>
    <t>15930246.0</t>
  </si>
  <si>
    <t>6090371.0</t>
  </si>
  <si>
    <t>6006021.0</t>
  </si>
  <si>
    <t>3955003.0</t>
  </si>
  <si>
    <t>182.26</t>
  </si>
  <si>
    <t>15935113.0</t>
  </si>
  <si>
    <t>6090472.0</t>
  </si>
  <si>
    <t>6006117.0</t>
  </si>
  <si>
    <t>3959547.0</t>
  </si>
  <si>
    <t>15935458.0</t>
  </si>
  <si>
    <t>6090481.0</t>
  </si>
  <si>
    <t>6006124.0</t>
  </si>
  <si>
    <t>3959868.0</t>
  </si>
  <si>
    <t>15935466.0</t>
  </si>
  <si>
    <t>3959876.0</t>
  </si>
  <si>
    <t>14114.1</t>
  </si>
  <si>
    <t>1614.79856177087</t>
  </si>
  <si>
    <t>15937691.0</t>
  </si>
  <si>
    <t>6090528.0</t>
  </si>
  <si>
    <t>6006164.0</t>
  </si>
  <si>
    <t>3961965.0</t>
  </si>
  <si>
    <t>15940953.0</t>
  </si>
  <si>
    <t>6090576.0</t>
  </si>
  <si>
    <t>6006217.0</t>
  </si>
  <si>
    <t>3965027.0</t>
  </si>
  <si>
    <t>15946416.0</t>
  </si>
  <si>
    <t>6090728.0</t>
  </si>
  <si>
    <t>6006362.0</t>
  </si>
  <si>
    <t>3970006.0</t>
  </si>
  <si>
    <t>15950882.0</t>
  </si>
  <si>
    <t>6090778.0</t>
  </si>
  <si>
    <t>6006425.0</t>
  </si>
  <si>
    <t>3974227.0</t>
  </si>
  <si>
    <t>15954949.0</t>
  </si>
  <si>
    <t>6090888.0</t>
  </si>
  <si>
    <t>6006534.0</t>
  </si>
  <si>
    <t>3977915.0</t>
  </si>
  <si>
    <t>15955777.0</t>
  </si>
  <si>
    <t>6090911.0</t>
  </si>
  <si>
    <t>6006563.0</t>
  </si>
  <si>
    <t>3978665.0</t>
  </si>
  <si>
    <t>15955781.0</t>
  </si>
  <si>
    <t>3978669.0</t>
  </si>
  <si>
    <t>14234.1</t>
  </si>
  <si>
    <t>1628.52779901678</t>
  </si>
  <si>
    <t>15958454.0</t>
  </si>
  <si>
    <t>6090951.0</t>
  </si>
  <si>
    <t>6006611.0</t>
  </si>
  <si>
    <t>3981166.0</t>
  </si>
  <si>
    <t>15961334.0</t>
  </si>
  <si>
    <t>6090986.0</t>
  </si>
  <si>
    <t>6006648.0</t>
  </si>
  <si>
    <t>3983894.0</t>
  </si>
  <si>
    <t>15965841.0</t>
  </si>
  <si>
    <t>6091135.0</t>
  </si>
  <si>
    <t>6006827.0</t>
  </si>
  <si>
    <t>3987933.0</t>
  </si>
  <si>
    <t>182.67</t>
  </si>
  <si>
    <t>15969303.0</t>
  </si>
  <si>
    <t>6091187.0</t>
  </si>
  <si>
    <t>6006891.0</t>
  </si>
  <si>
    <t>3991188.0</t>
  </si>
  <si>
    <t>182.71</t>
  </si>
  <si>
    <t>15972484.0</t>
  </si>
  <si>
    <t>6091247.0</t>
  </si>
  <si>
    <t>6006973.0</t>
  </si>
  <si>
    <t>3994140.0</t>
  </si>
  <si>
    <t>15973057.0</t>
  </si>
  <si>
    <t>6091289.0</t>
  </si>
  <si>
    <t>6007012.0</t>
  </si>
  <si>
    <t>3994598.0</t>
  </si>
  <si>
    <t>15973066.0</t>
  </si>
  <si>
    <t>3994607.0</t>
  </si>
  <si>
    <t>14356.3</t>
  </si>
  <si>
    <t>1642.50873894553</t>
  </si>
  <si>
    <t>15975123.0</t>
  </si>
  <si>
    <t>6091332.0</t>
  </si>
  <si>
    <t>6007057.0</t>
  </si>
  <si>
    <t>3996520.0</t>
  </si>
  <si>
    <t>15977188.0</t>
  </si>
  <si>
    <t>6091364.0</t>
  </si>
  <si>
    <t>6007085.0</t>
  </si>
  <si>
    <t>3998476.0</t>
  </si>
  <si>
    <t>15981309.0</t>
  </si>
  <si>
    <t>6091502.0</t>
  </si>
  <si>
    <t>6007232.0</t>
  </si>
  <si>
    <t>4002151.0</t>
  </si>
  <si>
    <t>15983642.0</t>
  </si>
  <si>
    <t>6091563.0</t>
  </si>
  <si>
    <t>6007294.0</t>
  </si>
  <si>
    <t>4004201.0</t>
  </si>
  <si>
    <t>15986454.0</t>
  </si>
  <si>
    <t>6091626.0</t>
  </si>
  <si>
    <t>6007389.0</t>
  </si>
  <si>
    <t>4006741.0</t>
  </si>
  <si>
    <t>15986827.0</t>
  </si>
  <si>
    <t>6091645.0</t>
  </si>
  <si>
    <t>6007405.0</t>
  </si>
  <si>
    <t>4007071.0</t>
  </si>
  <si>
    <t>14380.7</t>
  </si>
  <si>
    <t>1645.30035051887</t>
  </si>
  <si>
    <t>15988892.0</t>
  </si>
  <si>
    <t>6091693.0</t>
  </si>
  <si>
    <t>6007464.0</t>
  </si>
  <si>
    <t>4008942.0</t>
  </si>
  <si>
    <t>182.93</t>
  </si>
  <si>
    <t>15990579.0</t>
  </si>
  <si>
    <t>6091714.0</t>
  </si>
  <si>
    <t>6007500.0</t>
  </si>
  <si>
    <t>4010506.0</t>
  </si>
  <si>
    <t>15993818.0</t>
  </si>
  <si>
    <t>6091838.0</t>
  </si>
  <si>
    <t>6007629.0</t>
  </si>
  <si>
    <t>4013373.0</t>
  </si>
  <si>
    <t>15995642.0</t>
  </si>
  <si>
    <t>6091876.0</t>
  </si>
  <si>
    <t>6007664.0</t>
  </si>
  <si>
    <t>4015077.0</t>
  </si>
  <si>
    <t>183.01</t>
  </si>
  <si>
    <t>15998202.0</t>
  </si>
  <si>
    <t>6091924.0</t>
  </si>
  <si>
    <t>6007763.0</t>
  </si>
  <si>
    <t>4017428.0</t>
  </si>
  <si>
    <t>15998635.0</t>
  </si>
  <si>
    <t>6091953.0</t>
  </si>
  <si>
    <t>6007780.0</t>
  </si>
  <si>
    <t>4017784.0</t>
  </si>
  <si>
    <t>15998636.0</t>
  </si>
  <si>
    <t>6007781.0</t>
  </si>
  <si>
    <t>14442.7</t>
  </si>
  <si>
    <t>1652.39378976259</t>
  </si>
  <si>
    <t>16000248.0</t>
  </si>
  <si>
    <t>6091999.0</t>
  </si>
  <si>
    <t>6007829.0</t>
  </si>
  <si>
    <t>4019250.0</t>
  </si>
  <si>
    <t>16001790.0</t>
  </si>
  <si>
    <t>6092036.0</t>
  </si>
  <si>
    <t>6007877.0</t>
  </si>
  <si>
    <t>4020637.0</t>
  </si>
  <si>
    <t>16004307.0</t>
  </si>
  <si>
    <t>6092124.0</t>
  </si>
  <si>
    <t>6008024.0</t>
  </si>
  <si>
    <t>4022792.0</t>
  </si>
  <si>
    <t>16005870.0</t>
  </si>
  <si>
    <t>6092164.0</t>
  </si>
  <si>
    <t>6008089.0</t>
  </si>
  <si>
    <t>4024190.0</t>
  </si>
  <si>
    <t>183.12</t>
  </si>
  <si>
    <t>16007909.0</t>
  </si>
  <si>
    <t>6092210.0</t>
  </si>
  <si>
    <t>6008152.0</t>
  </si>
  <si>
    <t>4026023.0</t>
  </si>
  <si>
    <t>16008216.0</t>
  </si>
  <si>
    <t>6092224.0</t>
  </si>
  <si>
    <t>6008181.0</t>
  </si>
  <si>
    <t>4026286.0</t>
  </si>
  <si>
    <t>16008217.0</t>
  </si>
  <si>
    <t>14514.7</t>
  </si>
  <si>
    <t>1660.63133211013</t>
  </si>
  <si>
    <t>16009378.0</t>
  </si>
  <si>
    <t>6092250.0</t>
  </si>
  <si>
    <t>6008225.0</t>
  </si>
  <si>
    <t>4027357.0</t>
  </si>
  <si>
    <t>16010422.0</t>
  </si>
  <si>
    <t>6092281.0</t>
  </si>
  <si>
    <t>6008265.0</t>
  </si>
  <si>
    <t>4028293.0</t>
  </si>
  <si>
    <t>16012301.0</t>
  </si>
  <si>
    <t>6092362.0</t>
  </si>
  <si>
    <t>6008385.0</t>
  </si>
  <si>
    <t>4029888.0</t>
  </si>
  <si>
    <t>16013466.0</t>
  </si>
  <si>
    <t>6092384.0</t>
  </si>
  <si>
    <t>6008418.0</t>
  </si>
  <si>
    <t>4030960.0</t>
  </si>
  <si>
    <t>16015102.0</t>
  </si>
  <si>
    <t>6092419.0</t>
  </si>
  <si>
    <t>6008501.0</t>
  </si>
  <si>
    <t>4032435.0</t>
  </si>
  <si>
    <t>16015587.0</t>
  </si>
  <si>
    <t>6092443.0</t>
  </si>
  <si>
    <t>6008536.0</t>
  </si>
  <si>
    <t>4032845.0</t>
  </si>
  <si>
    <t>14487.7</t>
  </si>
  <si>
    <t>1657.54225372981</t>
  </si>
  <si>
    <t>16016526.0</t>
  </si>
  <si>
    <t>6092470.0</t>
  </si>
  <si>
    <t>6008573.0</t>
  </si>
  <si>
    <t>4033691.0</t>
  </si>
  <si>
    <t>38.099</t>
  </si>
  <si>
    <t>16017307.0</t>
  </si>
  <si>
    <t>6092484.0</t>
  </si>
  <si>
    <t>6008600.0</t>
  </si>
  <si>
    <t>4034401.0</t>
  </si>
  <si>
    <t>16019027.0</t>
  </si>
  <si>
    <t>6092554.0</t>
  </si>
  <si>
    <t>6008723.0</t>
  </si>
  <si>
    <t>4035872.0</t>
  </si>
  <si>
    <t>16020013.0</t>
  </si>
  <si>
    <t>6092577.0</t>
  </si>
  <si>
    <t>6008765.0</t>
  </si>
  <si>
    <t>4036776.0</t>
  </si>
  <si>
    <t>183.29</t>
  </si>
  <si>
    <t>16021164.0</t>
  </si>
  <si>
    <t>6092610.0</t>
  </si>
  <si>
    <t>6008816.0</t>
  </si>
  <si>
    <t>4037806.0</t>
  </si>
  <si>
    <t>16021417.0</t>
  </si>
  <si>
    <t>6092614.0</t>
  </si>
  <si>
    <t>6008832.0</t>
  </si>
  <si>
    <t>4038031.0</t>
  </si>
  <si>
    <t>14687.9</t>
  </si>
  <si>
    <t>1680.4471978684</t>
  </si>
  <si>
    <t>16022285.0</t>
  </si>
  <si>
    <t>6092642.0</t>
  </si>
  <si>
    <t>6008867.0</t>
  </si>
  <si>
    <t>4038813.0</t>
  </si>
  <si>
    <t>183.31</t>
  </si>
  <si>
    <t>16022914.0</t>
  </si>
  <si>
    <t>6092667.0</t>
  </si>
  <si>
    <t>6008890.0</t>
  </si>
  <si>
    <t>4039380.0</t>
  </si>
  <si>
    <t>16024205.0</t>
  </si>
  <si>
    <t>6092716.0</t>
  </si>
  <si>
    <t>6008975.0</t>
  </si>
  <si>
    <t>4040478.0</t>
  </si>
  <si>
    <t>16025230.0</t>
  </si>
  <si>
    <t>6092737.0</t>
  </si>
  <si>
    <t>6009008.0</t>
  </si>
  <si>
    <t>4041416.0</t>
  </si>
  <si>
    <t>16027005.0</t>
  </si>
  <si>
    <t>6092774.0</t>
  </si>
  <si>
    <t>6009057.0</t>
  </si>
  <si>
    <t>4043067.0</t>
  </si>
  <si>
    <t>16027321.0</t>
  </si>
  <si>
    <t>6092782.0</t>
  </si>
  <si>
    <t>6009082.0</t>
  </si>
  <si>
    <t>4043341.0</t>
  </si>
  <si>
    <t>14812.5</t>
  </si>
  <si>
    <t>1694.70272254207</t>
  </si>
  <si>
    <t>16046344.0</t>
  </si>
  <si>
    <t>6092810.0</t>
  </si>
  <si>
    <t>6009121.0</t>
  </si>
  <si>
    <t>4061741.0</t>
  </si>
  <si>
    <t>16067076.0</t>
  </si>
  <si>
    <t>6092863.0</t>
  </si>
  <si>
    <t>6009170.0</t>
  </si>
  <si>
    <t>4081746.0</t>
  </si>
  <si>
    <t>16090943.0</t>
  </si>
  <si>
    <t>6092938.0</t>
  </si>
  <si>
    <t>6009237.0</t>
  </si>
  <si>
    <t>4104746.0</t>
  </si>
  <si>
    <t>16111992.0</t>
  </si>
  <si>
    <t>6092970.0</t>
  </si>
  <si>
    <t>6009268.0</t>
  </si>
  <si>
    <t>4125020.0</t>
  </si>
  <si>
    <t>16136378.0</t>
  </si>
  <si>
    <t>6093012.0</t>
  </si>
  <si>
    <t>6009320.0</t>
  </si>
  <si>
    <t>4148430.0</t>
  </si>
  <si>
    <t>16146992.0</t>
  </si>
  <si>
    <t>6093039.0</t>
  </si>
  <si>
    <t>6009339.0</t>
  </si>
  <si>
    <t>4158820.0</t>
  </si>
  <si>
    <t>184.74</t>
  </si>
  <si>
    <t>16147445.0</t>
  </si>
  <si>
    <t>4159267.0</t>
  </si>
  <si>
    <t>14962.5</t>
  </si>
  <si>
    <t>1711.86426909946</t>
  </si>
  <si>
    <t>16167719.0</t>
  </si>
  <si>
    <t>6093089.0</t>
  </si>
  <si>
    <t>6009377.0</t>
  </si>
  <si>
    <t>4178817.0</t>
  </si>
  <si>
    <t>16191194.0</t>
  </si>
  <si>
    <t>6093134.0</t>
  </si>
  <si>
    <t>6009420.0</t>
  </si>
  <si>
    <t>4201513.0</t>
  </si>
  <si>
    <t>16216353.0</t>
  </si>
  <si>
    <t>6093227.0</t>
  </si>
  <si>
    <t>6009511.0</t>
  </si>
  <si>
    <t>4225844.0</t>
  </si>
  <si>
    <t>16237932.0</t>
  </si>
  <si>
    <t>6093260.0</t>
  </si>
  <si>
    <t>4246686.0</t>
  </si>
  <si>
    <t>16263125.0</t>
  </si>
  <si>
    <t>6093311.0</t>
  </si>
  <si>
    <t>6009590.0</t>
  </si>
  <si>
    <t>4271086.0</t>
  </si>
  <si>
    <t>25193.0</t>
  </si>
  <si>
    <t>16273072.0</t>
  </si>
  <si>
    <t>6093343.0</t>
  </si>
  <si>
    <t>6009612.0</t>
  </si>
  <si>
    <t>4280742.0</t>
  </si>
  <si>
    <t>18011.0</t>
  </si>
  <si>
    <t>16273440.0</t>
  </si>
  <si>
    <t>4281105.0</t>
  </si>
  <si>
    <t>15020.9</t>
  </si>
  <si>
    <t>1718.5458312258</t>
  </si>
  <si>
    <t>16294861.0</t>
  </si>
  <si>
    <t>6093396.0</t>
  </si>
  <si>
    <t>6009652.0</t>
  </si>
  <si>
    <t>4301861.0</t>
  </si>
  <si>
    <t>16318000.0</t>
  </si>
  <si>
    <t>6093449.0</t>
  </si>
  <si>
    <t>6009700.0</t>
  </si>
  <si>
    <t>4324079.0</t>
  </si>
  <si>
    <t>16343506.0</t>
  </si>
  <si>
    <t>6093541.0</t>
  </si>
  <si>
    <t>6009781.0</t>
  </si>
  <si>
    <t>4348689.0</t>
  </si>
  <si>
    <t>16365896.0</t>
  </si>
  <si>
    <t>6093603.0</t>
  </si>
  <si>
    <t>6009833.0</t>
  </si>
  <si>
    <t>4370233.0</t>
  </si>
  <si>
    <t>16392020.0</t>
  </si>
  <si>
    <t>6093663.0</t>
  </si>
  <si>
    <t>6009890.0</t>
  </si>
  <si>
    <t>4395348.0</t>
  </si>
  <si>
    <t>16400296.0</t>
  </si>
  <si>
    <t>6093686.0</t>
  </si>
  <si>
    <t>6009911.0</t>
  </si>
  <si>
    <t>4403286.0</t>
  </si>
  <si>
    <t>16400487.0</t>
  </si>
  <si>
    <t>4403469.0</t>
  </si>
  <si>
    <t>15161.1</t>
  </si>
  <si>
    <t>1734.58615674144</t>
  </si>
  <si>
    <t>16418883.0</t>
  </si>
  <si>
    <t>6093723.0</t>
  </si>
  <si>
    <t>6009945.0</t>
  </si>
  <si>
    <t>4421302.0</t>
  </si>
  <si>
    <t>16433277.0</t>
  </si>
  <si>
    <t>6093750.0</t>
  </si>
  <si>
    <t>6009963.0</t>
  </si>
  <si>
    <t>4435189.0</t>
  </si>
  <si>
    <t>16455829.0</t>
  </si>
  <si>
    <t>6093842.0</t>
  </si>
  <si>
    <t>6010049.0</t>
  </si>
  <si>
    <t>4456816.0</t>
  </si>
  <si>
    <t>16475141.0</t>
  </si>
  <si>
    <t>6093900.0</t>
  </si>
  <si>
    <t>6010081.0</t>
  </si>
  <si>
    <t>4475304.0</t>
  </si>
  <si>
    <t>16497700.0</t>
  </si>
  <si>
    <t>6093950.0</t>
  </si>
  <si>
    <t>6010116.0</t>
  </si>
  <si>
    <t>4496966.0</t>
  </si>
  <si>
    <t>16503882.0</t>
  </si>
  <si>
    <t>6093965.0</t>
  </si>
  <si>
    <t>6010130.0</t>
  </si>
  <si>
    <t>4502870.0</t>
  </si>
  <si>
    <t>16504026.0</t>
  </si>
  <si>
    <t>4503010.0</t>
  </si>
  <si>
    <t>15245.1</t>
  </si>
  <si>
    <t>1744.19662281358</t>
  </si>
  <si>
    <t>16519366.0</t>
  </si>
  <si>
    <t>6094013.0</t>
  </si>
  <si>
    <t>6010169.0</t>
  </si>
  <si>
    <t>4517751.0</t>
  </si>
  <si>
    <t>16536548.0</t>
  </si>
  <si>
    <t>6094053.0</t>
  </si>
  <si>
    <t>6010192.0</t>
  </si>
  <si>
    <t>4534107.0</t>
  </si>
  <si>
    <t>16555339.0</t>
  </si>
  <si>
    <t>6094130.0</t>
  </si>
  <si>
    <t>6010262.0</t>
  </si>
  <si>
    <t>4551909.0</t>
  </si>
  <si>
    <t>16570511.0</t>
  </si>
  <si>
    <t>6094160.0</t>
  </si>
  <si>
    <t>6010293.0</t>
  </si>
  <si>
    <t>4566357.0</t>
  </si>
  <si>
    <t>16588254.0</t>
  </si>
  <si>
    <t>6094205.0</t>
  </si>
  <si>
    <t>6010342.0</t>
  </si>
  <si>
    <t>4583320.0</t>
  </si>
  <si>
    <t>16593593.0</t>
  </si>
  <si>
    <t>6094218.0</t>
  </si>
  <si>
    <t>6010356.0</t>
  </si>
  <si>
    <t>4588493.0</t>
  </si>
  <si>
    <t>16593699.0</t>
  </si>
  <si>
    <t>6010357.0</t>
  </si>
  <si>
    <t>4588592.0</t>
  </si>
  <si>
    <t>15302.9</t>
  </si>
  <si>
    <t>1750.80953875369</t>
  </si>
  <si>
    <t>16607794.0</t>
  </si>
  <si>
    <t>6094245.0</t>
  </si>
  <si>
    <t>6010391.0</t>
  </si>
  <si>
    <t>4602003.0</t>
  </si>
  <si>
    <t>190.01</t>
  </si>
  <si>
    <t>16621718.0</t>
  </si>
  <si>
    <t>6094282.0</t>
  </si>
  <si>
    <t>6010420.0</t>
  </si>
  <si>
    <t>4615111.0</t>
  </si>
  <si>
    <t>16636854.0</t>
  </si>
  <si>
    <t>6094351.0</t>
  </si>
  <si>
    <t>6010501.0</t>
  </si>
  <si>
    <t>16649315.0</t>
  </si>
  <si>
    <t>6094378.0</t>
  </si>
  <si>
    <t>6010525.0</t>
  </si>
  <si>
    <t>4640882.0</t>
  </si>
  <si>
    <t>16664002.0</t>
  </si>
  <si>
    <t>6094428.0</t>
  </si>
  <si>
    <t>6010573.0</t>
  </si>
  <si>
    <t>4654736.0</t>
  </si>
  <si>
    <t>16667918.0</t>
  </si>
  <si>
    <t>6094445.0</t>
  </si>
  <si>
    <t>6010597.0</t>
  </si>
  <si>
    <t>4658417.0</t>
  </si>
  <si>
    <t>16667981.0</t>
  </si>
  <si>
    <t>4658473.0</t>
  </si>
  <si>
    <t>15362.3</t>
  </si>
  <si>
    <t>1757.60551119042</t>
  </si>
  <si>
    <t>16678222.0</t>
  </si>
  <si>
    <t>6094469.0</t>
  </si>
  <si>
    <t>6010635.0</t>
  </si>
  <si>
    <t>4667944.0</t>
  </si>
  <si>
    <t>16689137.0</t>
  </si>
  <si>
    <t>6094496.0</t>
  </si>
  <si>
    <t>6010653.0</t>
  </si>
  <si>
    <t>4677822.0</t>
  </si>
  <si>
    <t>16701663.0</t>
  </si>
  <si>
    <t>6094561.0</t>
  </si>
  <si>
    <t>6010722.0</t>
  </si>
  <si>
    <t>4689239.0</t>
  </si>
  <si>
    <t>16710787.0</t>
  </si>
  <si>
    <t>6094593.0</t>
  </si>
  <si>
    <t>6010763.0</t>
  </si>
  <si>
    <t>4697479.0</t>
  </si>
  <si>
    <t>16721488.0</t>
  </si>
  <si>
    <t>6094626.0</t>
  </si>
  <si>
    <t>6010790.0</t>
  </si>
  <si>
    <t>4707391.0</t>
  </si>
  <si>
    <t>191.31</t>
  </si>
  <si>
    <t>16724166.0</t>
  </si>
  <si>
    <t>6094637.0</t>
  </si>
  <si>
    <t>6010803.0</t>
  </si>
  <si>
    <t>4709874.0</t>
  </si>
  <si>
    <t>16724199.0</t>
  </si>
  <si>
    <t>4709906.0</t>
  </si>
  <si>
    <t>15441.1</t>
  </si>
  <si>
    <t>1766.62104364856</t>
  </si>
  <si>
    <t>16732601.0</t>
  </si>
  <si>
    <t>6094678.0</t>
  </si>
  <si>
    <t>6010841.0</t>
  </si>
  <si>
    <t>4717501.0</t>
  </si>
  <si>
    <t>16741654.0</t>
  </si>
  <si>
    <t>6094700.0</t>
  </si>
  <si>
    <t>6010865.0</t>
  </si>
  <si>
    <t>4725357.0</t>
  </si>
  <si>
    <t>191.54</t>
  </si>
  <si>
    <t>16752514.0</t>
  </si>
  <si>
    <t>6094763.0</t>
  </si>
  <si>
    <t>6010942.0</t>
  </si>
  <si>
    <t>4734981.0</t>
  </si>
  <si>
    <t>191.67</t>
  </si>
  <si>
    <t>16760360.0</t>
  </si>
  <si>
    <t>6094783.0</t>
  </si>
  <si>
    <t>6010971.0</t>
  </si>
  <si>
    <t>4741672.0</t>
  </si>
  <si>
    <t>16770560.0</t>
  </si>
  <si>
    <t>6094808.0</t>
  </si>
  <si>
    <t>6011006.0</t>
  </si>
  <si>
    <t>4750722.0</t>
  </si>
  <si>
    <t>16772750.0</t>
  </si>
  <si>
    <t>6094821.0</t>
  </si>
  <si>
    <t>6011025.0</t>
  </si>
  <si>
    <t>4752670.0</t>
  </si>
  <si>
    <t>16772784.0</t>
  </si>
  <si>
    <t>4752702.0</t>
  </si>
  <si>
    <t>15394.1</t>
  </si>
  <si>
    <t>1761.24375906058</t>
  </si>
  <si>
    <t>16779996.0</t>
  </si>
  <si>
    <t>6094848.0</t>
  </si>
  <si>
    <t>6011055.0</t>
  </si>
  <si>
    <t>4758924.0</t>
  </si>
  <si>
    <t>16787222.0</t>
  </si>
  <si>
    <t>6094867.0</t>
  </si>
  <si>
    <t>6011082.0</t>
  </si>
  <si>
    <t>4765045.0</t>
  </si>
  <si>
    <t>16797308.0</t>
  </si>
  <si>
    <t>6094920.0</t>
  </si>
  <si>
    <t>6011164.0</t>
  </si>
  <si>
    <t>4773692.0</t>
  </si>
  <si>
    <t>16802975.0</t>
  </si>
  <si>
    <t>6094941.0</t>
  </si>
  <si>
    <t>6011187.0</t>
  </si>
  <si>
    <t>4778389.0</t>
  </si>
  <si>
    <t>16810743.0</t>
  </si>
  <si>
    <t>6094964.0</t>
  </si>
  <si>
    <t>6011222.0</t>
  </si>
  <si>
    <t>4785319.0</t>
  </si>
  <si>
    <t>16812605.0</t>
  </si>
  <si>
    <t>6094974.0</t>
  </si>
  <si>
    <t>6011242.0</t>
  </si>
  <si>
    <t>4787030.0</t>
  </si>
  <si>
    <t>16812627.0</t>
  </si>
  <si>
    <t>4787049.0</t>
  </si>
  <si>
    <t>16818650.0</t>
  </si>
  <si>
    <t>6094995.0</t>
  </si>
  <si>
    <t>6011260.0</t>
  </si>
  <si>
    <t>4791959.0</t>
  </si>
  <si>
    <t>16826161.0</t>
  </si>
  <si>
    <t>6095017.0</t>
  </si>
  <si>
    <t>6011276.0</t>
  </si>
  <si>
    <t>4797807.0</t>
  </si>
  <si>
    <t>16834320.0</t>
  </si>
  <si>
    <t>6095071.0</t>
  </si>
  <si>
    <t>6011342.0</t>
  </si>
  <si>
    <t>4804383.0</t>
  </si>
  <si>
    <t>16840916.0</t>
  </si>
  <si>
    <t>6095101.0</t>
  </si>
  <si>
    <t>6011372.0</t>
  </si>
  <si>
    <t>4809172.0</t>
  </si>
  <si>
    <t>16848180.0</t>
  </si>
  <si>
    <t>6095125.0</t>
  </si>
  <si>
    <t>6011400.0</t>
  </si>
  <si>
    <t>4815360.0</t>
  </si>
  <si>
    <t>16849621.0</t>
  </si>
  <si>
    <t>6095129.0</t>
  </si>
  <si>
    <t>6011415.0</t>
  </si>
  <si>
    <t>4816664.0</t>
  </si>
  <si>
    <t>16849636.0</t>
  </si>
  <si>
    <t>4816677.0</t>
  </si>
  <si>
    <t>16854164.0</t>
  </si>
  <si>
    <t>6095148.0</t>
  </si>
  <si>
    <t>6011432.0</t>
  </si>
  <si>
    <t>4820391.0</t>
  </si>
  <si>
    <t>16858756.0</t>
  </si>
  <si>
    <t>6095167.0</t>
  </si>
  <si>
    <t>6011447.0</t>
  </si>
  <si>
    <t>4823955.0</t>
  </si>
  <si>
    <t>16864090.0</t>
  </si>
  <si>
    <t>6095215.0</t>
  </si>
  <si>
    <t>6011492.0</t>
  </si>
  <si>
    <t>4828157.0</t>
  </si>
  <si>
    <t>16866904.0</t>
  </si>
  <si>
    <t>6095228.0</t>
  </si>
  <si>
    <t>6011511.0</t>
  </si>
  <si>
    <t>4830409.0</t>
  </si>
  <si>
    <t>16868720.0</t>
  </si>
  <si>
    <t>6095245.0</t>
  </si>
  <si>
    <t>6011527.0</t>
  </si>
  <si>
    <t>4831974.0</t>
  </si>
  <si>
    <t>16868855.0</t>
  </si>
  <si>
    <t>6011530.0</t>
  </si>
  <si>
    <t>4832088.0</t>
  </si>
  <si>
    <t>16868870.0</t>
  </si>
  <si>
    <t>4832103.0</t>
  </si>
  <si>
    <t>16869088.0</t>
  </si>
  <si>
    <t>6011532.0</t>
  </si>
  <si>
    <t>4832289.0</t>
  </si>
  <si>
    <t>16870147.0</t>
  </si>
  <si>
    <t>6095251.0</t>
  </si>
  <si>
    <t>6011535.0</t>
  </si>
  <si>
    <t>4833236.0</t>
  </si>
  <si>
    <t>16872000.0</t>
  </si>
  <si>
    <t>6095265.0</t>
  </si>
  <si>
    <t>6011557.0</t>
  </si>
  <si>
    <t>4834805.0</t>
  </si>
  <si>
    <t>16873306.0</t>
  </si>
  <si>
    <t>6095273.0</t>
  </si>
  <si>
    <t>6011565.0</t>
  </si>
  <si>
    <t>4835911.0</t>
  </si>
  <si>
    <t>16874410.0</t>
  </si>
  <si>
    <t>6095281.0</t>
  </si>
  <si>
    <t>6011573.0</t>
  </si>
  <si>
    <t>4836842.0</t>
  </si>
  <si>
    <t>16874506.0</t>
  </si>
  <si>
    <t>4836930.0</t>
  </si>
  <si>
    <t>16874507.0</t>
  </si>
  <si>
    <t>4836931.0</t>
  </si>
  <si>
    <t>16874808.0</t>
  </si>
  <si>
    <t>6095283.0</t>
  </si>
  <si>
    <t>6011575.0</t>
  </si>
  <si>
    <t>4837201.0</t>
  </si>
  <si>
    <t>16876171.0</t>
  </si>
  <si>
    <t>6095298.0</t>
  </si>
  <si>
    <t>6011594.0</t>
  </si>
  <si>
    <t>4838377.0</t>
  </si>
  <si>
    <t>16878918.0</t>
  </si>
  <si>
    <t>6095341.0</t>
  </si>
  <si>
    <t>6011639.0</t>
  </si>
  <si>
    <t>4840655.0</t>
  </si>
  <si>
    <t>SYR</t>
  </si>
  <si>
    <t>Syria</t>
  </si>
  <si>
    <t>102319.0</t>
  </si>
  <si>
    <t>131221.0</t>
  </si>
  <si>
    <t>121909.0</t>
  </si>
  <si>
    <t>388520.0</t>
  </si>
  <si>
    <t>403254.0</t>
  </si>
  <si>
    <t>533949.0</t>
  </si>
  <si>
    <t>285087.0</t>
  </si>
  <si>
    <t>248862.0</t>
  </si>
  <si>
    <t>18435.0</t>
  </si>
  <si>
    <t>17369.0</t>
  </si>
  <si>
    <t>811852.0</t>
  </si>
  <si>
    <t>613263.0</t>
  </si>
  <si>
    <t>321276.0</t>
  </si>
  <si>
    <t>963477.0</t>
  </si>
  <si>
    <t>714300.0</t>
  </si>
  <si>
    <t>407405.0</t>
  </si>
  <si>
    <t>977122.0</t>
  </si>
  <si>
    <t>720552.0</t>
  </si>
  <si>
    <t>1125146.0</t>
  </si>
  <si>
    <t>807249.0</t>
  </si>
  <si>
    <t>503394.0</t>
  </si>
  <si>
    <t>1414665.0</t>
  </si>
  <si>
    <t>890111.0</t>
  </si>
  <si>
    <t>732224.0</t>
  </si>
  <si>
    <t>1422377.0</t>
  </si>
  <si>
    <t>890837.0</t>
  </si>
  <si>
    <t>739210.0</t>
  </si>
  <si>
    <t>1548574.0</t>
  </si>
  <si>
    <t>1002945.0</t>
  </si>
  <si>
    <t>763025.0</t>
  </si>
  <si>
    <t>23570.0</t>
  </si>
  <si>
    <t>1737980.0</t>
  </si>
  <si>
    <t>1186091.0</t>
  </si>
  <si>
    <t>774866.0</t>
  </si>
  <si>
    <t>27058.0</t>
  </si>
  <si>
    <t>1753522.0</t>
  </si>
  <si>
    <t>1194896.0</t>
  </si>
  <si>
    <t>781603.0</t>
  </si>
  <si>
    <t>39576.0</t>
  </si>
  <si>
    <t>48590.0</t>
  </si>
  <si>
    <t>2925563.0</t>
  </si>
  <si>
    <t>883478.0</t>
  </si>
  <si>
    <t>77860.0</t>
  </si>
  <si>
    <t>2974507.0</t>
  </si>
  <si>
    <t>932422.0</t>
  </si>
  <si>
    <t>3053717.0</t>
  </si>
  <si>
    <t>2125205.0</t>
  </si>
  <si>
    <t>1163125.0</t>
  </si>
  <si>
    <t>3073678.0</t>
  </si>
  <si>
    <t>2135220.0</t>
  </si>
  <si>
    <t>1171878.0</t>
  </si>
  <si>
    <t>3187594.0</t>
  </si>
  <si>
    <t>2197941.0</t>
  </si>
  <si>
    <t>1229358.0</t>
  </si>
  <si>
    <t>156185.0</t>
  </si>
  <si>
    <t>3264756.0</t>
  </si>
  <si>
    <t>2239981.0</t>
  </si>
  <si>
    <t>1269123.0</t>
  </si>
  <si>
    <t>0.5305</t>
  </si>
  <si>
    <t>0.4641</t>
  </si>
  <si>
    <t>158382.0</t>
  </si>
  <si>
    <t>3358229.0</t>
  </si>
  <si>
    <t>2301422.0</t>
  </si>
  <si>
    <t>1315550.0</t>
  </si>
  <si>
    <t>164365.0</t>
  </si>
  <si>
    <t>3369196.0</t>
  </si>
  <si>
    <t>2308843.0</t>
  </si>
  <si>
    <t>1318742.0</t>
  </si>
  <si>
    <t>165175.0</t>
  </si>
  <si>
    <t>3442389.0</t>
  </si>
  <si>
    <t>2353234.0</t>
  </si>
  <si>
    <t>1359342.0</t>
  </si>
  <si>
    <t>166309.0</t>
  </si>
  <si>
    <t>167063.0</t>
  </si>
  <si>
    <t>3538630.0</t>
  </si>
  <si>
    <t>2415416.0</t>
  </si>
  <si>
    <t>1411054.0</t>
  </si>
  <si>
    <t>3609370.0</t>
  </si>
  <si>
    <t>2438338.0</t>
  </si>
  <si>
    <t>1467482.0</t>
  </si>
  <si>
    <t>3621847.0</t>
  </si>
  <si>
    <t>2442426.0</t>
  </si>
  <si>
    <t>1474047.0</t>
  </si>
  <si>
    <t>3684389.0</t>
  </si>
  <si>
    <t>2459791.0</t>
  </si>
  <si>
    <t>1524341.0</t>
  </si>
  <si>
    <t>3687404.0</t>
  </si>
  <si>
    <t>2467704.0</t>
  </si>
  <si>
    <t>1530672.0</t>
  </si>
  <si>
    <t>3743771.0</t>
  </si>
  <si>
    <t>2484582.0</t>
  </si>
  <si>
    <t>1563875.0</t>
  </si>
  <si>
    <t>3801752.0</t>
  </si>
  <si>
    <t>2512115.0</t>
  </si>
  <si>
    <t>1598343.0</t>
  </si>
  <si>
    <t>175957.0</t>
  </si>
  <si>
    <t>3870173.0</t>
  </si>
  <si>
    <t>2544641.0</t>
  </si>
  <si>
    <t>1633948.0</t>
  </si>
  <si>
    <t>4105439.0</t>
  </si>
  <si>
    <t>2677389.0</t>
  </si>
  <si>
    <t>1761054.0</t>
  </si>
  <si>
    <t>4144083.0</t>
  </si>
  <si>
    <t>2694839.0</t>
  </si>
  <si>
    <t>1785107.0</t>
  </si>
  <si>
    <t>4160201.0</t>
  </si>
  <si>
    <t>28686.0</t>
  </si>
  <si>
    <t>4232490.0</t>
  </si>
  <si>
    <t>2748571.0</t>
  </si>
  <si>
    <t>1831005.0</t>
  </si>
  <si>
    <t>4256291.0</t>
  </si>
  <si>
    <t>2758742.0</t>
  </si>
  <si>
    <t>1839872.0</t>
  </si>
  <si>
    <t>33449.0</t>
  </si>
  <si>
    <t>4389805.0</t>
  </si>
  <si>
    <t>2842478.0</t>
  </si>
  <si>
    <t>1914784.0</t>
  </si>
  <si>
    <t>4494350.0</t>
  </si>
  <si>
    <t>2892516.0</t>
  </si>
  <si>
    <t>1975069.0</t>
  </si>
  <si>
    <t>4553467.0</t>
  </si>
  <si>
    <t>2927070.0</t>
  </si>
  <si>
    <t>2012886.0</t>
  </si>
  <si>
    <t>4583601.0</t>
  </si>
  <si>
    <t>2940095.0</t>
  </si>
  <si>
    <t>2023735.0</t>
  </si>
  <si>
    <t>4649982.0</t>
  </si>
  <si>
    <t>2983214.0</t>
  </si>
  <si>
    <t>2065659.0</t>
  </si>
  <si>
    <t>4709714.0</t>
  </si>
  <si>
    <t>3015708.0</t>
  </si>
  <si>
    <t>2088765.0</t>
  </si>
  <si>
    <t>4777586.0</t>
  </si>
  <si>
    <t>3050850.0</t>
  </si>
  <si>
    <t>2105113.0</t>
  </si>
  <si>
    <t>75881.0</t>
  </si>
  <si>
    <t>4940436.0</t>
  </si>
  <si>
    <t>3179030.0</t>
  </si>
  <si>
    <t>2226318.0</t>
  </si>
  <si>
    <t>TWN</t>
  </si>
  <si>
    <t>Taiwan</t>
  </si>
  <si>
    <t>-922.4</t>
  </si>
  <si>
    <t>-38.6048094628323</t>
  </si>
  <si>
    <t>583.9</t>
  </si>
  <si>
    <t>444.1</t>
  </si>
  <si>
    <t>568.3</t>
  </si>
  <si>
    <t>506.6</t>
  </si>
  <si>
    <t>551.2</t>
  </si>
  <si>
    <t>577.4</t>
  </si>
  <si>
    <t>436.6</t>
  </si>
  <si>
    <t>273.6</t>
  </si>
  <si>
    <t>602.6</t>
  </si>
  <si>
    <t>25.2203579599987</t>
  </si>
  <si>
    <t>305.1</t>
  </si>
  <si>
    <t>266.6</t>
  </si>
  <si>
    <t>292.2</t>
  </si>
  <si>
    <t>688.3</t>
  </si>
  <si>
    <t>515.4</t>
  </si>
  <si>
    <t>595.2</t>
  </si>
  <si>
    <t>24579.0</t>
  </si>
  <si>
    <t>29900.0</t>
  </si>
  <si>
    <t>-900.2</t>
  </si>
  <si>
    <t>-37.6756824354311</t>
  </si>
  <si>
    <t>35393.0</t>
  </si>
  <si>
    <t>48531.0</t>
  </si>
  <si>
    <t>533.1</t>
  </si>
  <si>
    <t>514.7</t>
  </si>
  <si>
    <t>52985.0</t>
  </si>
  <si>
    <t>55444.0</t>
  </si>
  <si>
    <t>60429.0</t>
  </si>
  <si>
    <t>60924.0</t>
  </si>
  <si>
    <t>812.6</t>
  </si>
  <si>
    <t>62358.0</t>
  </si>
  <si>
    <t>1622.4</t>
  </si>
  <si>
    <t>2174.8</t>
  </si>
  <si>
    <t>-1231.8</t>
  </si>
  <si>
    <t>-51.5539942501267</t>
  </si>
  <si>
    <t>1219.1</t>
  </si>
  <si>
    <t>366.3</t>
  </si>
  <si>
    <t>65592.0</t>
  </si>
  <si>
    <t>67131.0</t>
  </si>
  <si>
    <t>379.7</t>
  </si>
  <si>
    <t>742.6</t>
  </si>
  <si>
    <t>1258.7</t>
  </si>
  <si>
    <t>68386.0</t>
  </si>
  <si>
    <t>68660.0</t>
  </si>
  <si>
    <t>69203.0</t>
  </si>
  <si>
    <t>70106.0</t>
  </si>
  <si>
    <t>70342.0</t>
  </si>
  <si>
    <t>70882.0</t>
  </si>
  <si>
    <t>1489.5</t>
  </si>
  <si>
    <t>71104.0</t>
  </si>
  <si>
    <t>1447.6</t>
  </si>
  <si>
    <t>1524.5</t>
  </si>
  <si>
    <t>71756.0</t>
  </si>
  <si>
    <t>1412.6</t>
  </si>
  <si>
    <t>71912.0</t>
  </si>
  <si>
    <t>72323.0</t>
  </si>
  <si>
    <t>1440.6</t>
  </si>
  <si>
    <t>-2578.6</t>
  </si>
  <si>
    <t>-107.921033912467</t>
  </si>
  <si>
    <t>702.8</t>
  </si>
  <si>
    <t>639.9</t>
  </si>
  <si>
    <t>73229.0</t>
  </si>
  <si>
    <t>1314.7</t>
  </si>
  <si>
    <t>1279.7</t>
  </si>
  <si>
    <t>1153.8</t>
  </si>
  <si>
    <t>73756.0</t>
  </si>
  <si>
    <t>73908.0</t>
  </si>
  <si>
    <t>74185.0</t>
  </si>
  <si>
    <t>74303.0</t>
  </si>
  <si>
    <t>74559.0</t>
  </si>
  <si>
    <t>75146.0</t>
  </si>
  <si>
    <t>75260.0</t>
  </si>
  <si>
    <t>75364.0</t>
  </si>
  <si>
    <t>75646.0</t>
  </si>
  <si>
    <t>75819.0</t>
  </si>
  <si>
    <t>76036.0</t>
  </si>
  <si>
    <t>1062.9</t>
  </si>
  <si>
    <t>76366.0</t>
  </si>
  <si>
    <t>1104.9</t>
  </si>
  <si>
    <t>1125.9</t>
  </si>
  <si>
    <t>76677.0</t>
  </si>
  <si>
    <t>-2908.0</t>
  </si>
  <si>
    <t>-121.707270075798</t>
  </si>
  <si>
    <t>1209.8</t>
  </si>
  <si>
    <t>77157.0</t>
  </si>
  <si>
    <t>1118.9</t>
  </si>
  <si>
    <t>77297.0</t>
  </si>
  <si>
    <t>531.5</t>
  </si>
  <si>
    <t>78021.0</t>
  </si>
  <si>
    <t>78209.0</t>
  </si>
  <si>
    <t>78618.0</t>
  </si>
  <si>
    <t>79254.0</t>
  </si>
  <si>
    <t>79510.0</t>
  </si>
  <si>
    <t>79949.0</t>
  </si>
  <si>
    <t>253.9</t>
  </si>
  <si>
    <t>80498.0</t>
  </si>
  <si>
    <t>80621.0</t>
  </si>
  <si>
    <t>81383.0</t>
  </si>
  <si>
    <t>81586.0</t>
  </si>
  <si>
    <t>81821.0</t>
  </si>
  <si>
    <t>-3446.6</t>
  </si>
  <si>
    <t>-144.249063632478</t>
  </si>
  <si>
    <t>81925.0</t>
  </si>
  <si>
    <t>82057.0</t>
  </si>
  <si>
    <t>82947.0</t>
  </si>
  <si>
    <t>83111.0</t>
  </si>
  <si>
    <t>83284.0</t>
  </si>
  <si>
    <t>84570.0</t>
  </si>
  <si>
    <t>84954.0</t>
  </si>
  <si>
    <t>85341.0</t>
  </si>
  <si>
    <t>85900.0</t>
  </si>
  <si>
    <t>1251.7</t>
  </si>
  <si>
    <t>86800.0</t>
  </si>
  <si>
    <t>1244.8</t>
  </si>
  <si>
    <t>87125.0</t>
  </si>
  <si>
    <t>1223.8</t>
  </si>
  <si>
    <t>87282.0</t>
  </si>
  <si>
    <t>1265.7</t>
  </si>
  <si>
    <t>-4878.2</t>
  </si>
  <si>
    <t>-9.72</t>
  </si>
  <si>
    <t>-204.165201129216</t>
  </si>
  <si>
    <t>87641.0</t>
  </si>
  <si>
    <t>87793.0</t>
  </si>
  <si>
    <t>88025.0</t>
  </si>
  <si>
    <t>611.9</t>
  </si>
  <si>
    <t>88379.0</t>
  </si>
  <si>
    <t>88740.0</t>
  </si>
  <si>
    <t>89082.0</t>
  </si>
  <si>
    <t>89492.0</t>
  </si>
  <si>
    <t>89828.0</t>
  </si>
  <si>
    <t>90142.0</t>
  </si>
  <si>
    <t>304.7</t>
  </si>
  <si>
    <t>90424.0</t>
  </si>
  <si>
    <t>91104.0</t>
  </si>
  <si>
    <t>91455.0</t>
  </si>
  <si>
    <t>91648.0</t>
  </si>
  <si>
    <t>91931.0</t>
  </si>
  <si>
    <t>92106.0</t>
  </si>
  <si>
    <t>92561.0</t>
  </si>
  <si>
    <t>92698.0</t>
  </si>
  <si>
    <t>355.5</t>
  </si>
  <si>
    <t>93177.0</t>
  </si>
  <si>
    <t>93647.0</t>
  </si>
  <si>
    <t>3.925</t>
  </si>
  <si>
    <t>385.3</t>
  </si>
  <si>
    <t>93907.0</t>
  </si>
  <si>
    <t>309.5</t>
  </si>
  <si>
    <t>-4742.4</t>
  </si>
  <si>
    <t>-198.481622285924</t>
  </si>
  <si>
    <t>94451.0</t>
  </si>
  <si>
    <t>94727.0</t>
  </si>
  <si>
    <t>95083.0</t>
  </si>
  <si>
    <t>329.1</t>
  </si>
  <si>
    <t>95253.0</t>
  </si>
  <si>
    <t>96614.0</t>
  </si>
  <si>
    <t>96851.0</t>
  </si>
  <si>
    <t>97156.0</t>
  </si>
  <si>
    <t>97427.0</t>
  </si>
  <si>
    <t>98743.0</t>
  </si>
  <si>
    <t>98875.0</t>
  </si>
  <si>
    <t>99051.0</t>
  </si>
  <si>
    <t>99588.0</t>
  </si>
  <si>
    <t>100132.0</t>
  </si>
  <si>
    <t>100309.0</t>
  </si>
  <si>
    <t>100406.0</t>
  </si>
  <si>
    <t>100524.0</t>
  </si>
  <si>
    <t>100817.0</t>
  </si>
  <si>
    <t>101790.0</t>
  </si>
  <si>
    <t>101946.0</t>
  </si>
  <si>
    <t>102039.0</t>
  </si>
  <si>
    <t>326.3</t>
  </si>
  <si>
    <t>-6122.2</t>
  </si>
  <si>
    <t>-256.229796718725</t>
  </si>
  <si>
    <t>102155.0</t>
  </si>
  <si>
    <t>103392.0</t>
  </si>
  <si>
    <t>103786.0</t>
  </si>
  <si>
    <t>103900.0</t>
  </si>
  <si>
    <t>104018.0</t>
  </si>
  <si>
    <t>104630.0</t>
  </si>
  <si>
    <t>104917.0</t>
  </si>
  <si>
    <t>105501.0</t>
  </si>
  <si>
    <t>105599.0</t>
  </si>
  <si>
    <t>106083.0</t>
  </si>
  <si>
    <t>106298.0</t>
  </si>
  <si>
    <t>107213.0</t>
  </si>
  <si>
    <t>107890.0</t>
  </si>
  <si>
    <t>108561.0</t>
  </si>
  <si>
    <t>109624.0</t>
  </si>
  <si>
    <t>110681.0</t>
  </si>
  <si>
    <t>-6157.4</t>
  </si>
  <si>
    <t>-257.70300714055</t>
  </si>
  <si>
    <t>111044.0</t>
  </si>
  <si>
    <t>112126.0</t>
  </si>
  <si>
    <t>112409.0</t>
  </si>
  <si>
    <t>112555.0</t>
  </si>
  <si>
    <t>112692.0</t>
  </si>
  <si>
    <t>115162.0</t>
  </si>
  <si>
    <t>115378.0</t>
  </si>
  <si>
    <t>116225.0</t>
  </si>
  <si>
    <t>117783.0</t>
  </si>
  <si>
    <t>118573.0</t>
  </si>
  <si>
    <t>119150.0</t>
  </si>
  <si>
    <t>119390.0</t>
  </si>
  <si>
    <t>119573.0</t>
  </si>
  <si>
    <t>121133.0</t>
  </si>
  <si>
    <t>122531.0</t>
  </si>
  <si>
    <t>123290.0</t>
  </si>
  <si>
    <t>123614.0</t>
  </si>
  <si>
    <t>124996.0</t>
  </si>
  <si>
    <t>125806.0</t>
  </si>
  <si>
    <t>126987.0</t>
  </si>
  <si>
    <t>-5737.8</t>
  </si>
  <si>
    <t>-240.141669271292</t>
  </si>
  <si>
    <t>127187.0</t>
  </si>
  <si>
    <t>127597.0</t>
  </si>
  <si>
    <t>130186.0</t>
  </si>
  <si>
    <t>130885.0</t>
  </si>
  <si>
    <t>131482.0</t>
  </si>
  <si>
    <t>186.9</t>
  </si>
  <si>
    <t>131731.0</t>
  </si>
  <si>
    <t>132007.0</t>
  </si>
  <si>
    <t>132992.0</t>
  </si>
  <si>
    <t>133604.0</t>
  </si>
  <si>
    <t>134362.0</t>
  </si>
  <si>
    <t>135329.0</t>
  </si>
  <si>
    <t>136503.0</t>
  </si>
  <si>
    <t>137046.0</t>
  </si>
  <si>
    <t>137493.0</t>
  </si>
  <si>
    <t>139011.0</t>
  </si>
  <si>
    <t>139960.0</t>
  </si>
  <si>
    <t>141204.0</t>
  </si>
  <si>
    <t>142391.0</t>
  </si>
  <si>
    <t>143714.0</t>
  </si>
  <si>
    <t>144721.0</t>
  </si>
  <si>
    <t>145314.0</t>
  </si>
  <si>
    <t>147049.0</t>
  </si>
  <si>
    <t>148565.0</t>
  </si>
  <si>
    <t>150194.0</t>
  </si>
  <si>
    <t>553.5</t>
  </si>
  <si>
    <t>155030.0</t>
  </si>
  <si>
    <t>481.4</t>
  </si>
  <si>
    <t>-5211.6</t>
  </si>
  <si>
    <t>-218.118847567755</t>
  </si>
  <si>
    <t>157112.0</t>
  </si>
  <si>
    <t>471.9</t>
  </si>
  <si>
    <t>162449.0</t>
  </si>
  <si>
    <t>163326.0</t>
  </si>
  <si>
    <t>164634.0</t>
  </si>
  <si>
    <t>298.7</t>
  </si>
  <si>
    <t>167452.0</t>
  </si>
  <si>
    <t>7.018</t>
  </si>
  <si>
    <t>167776.0</t>
  </si>
  <si>
    <t>168110.0</t>
  </si>
  <si>
    <t>168435.0</t>
  </si>
  <si>
    <t>869.5</t>
  </si>
  <si>
    <t>170211.0</t>
  </si>
  <si>
    <t>760.1</t>
  </si>
  <si>
    <t>171050.0</t>
  </si>
  <si>
    <t>7.169</t>
  </si>
  <si>
    <t>900.2</t>
  </si>
  <si>
    <t>171421.0</t>
  </si>
  <si>
    <t>729.7</t>
  </si>
  <si>
    <t>171652.0</t>
  </si>
  <si>
    <t>172387.0</t>
  </si>
  <si>
    <t>791.3</t>
  </si>
  <si>
    <t>172874.0</t>
  </si>
  <si>
    <t>823.5</t>
  </si>
  <si>
    <t>488.2</t>
  </si>
  <si>
    <t>174381.0</t>
  </si>
  <si>
    <t>333.1</t>
  </si>
  <si>
    <t>174602.0</t>
  </si>
  <si>
    <t>264.9</t>
  </si>
  <si>
    <t>-5252.0</t>
  </si>
  <si>
    <t>-219.80969134735</t>
  </si>
  <si>
    <t>175075.0</t>
  </si>
  <si>
    <t>175509.0</t>
  </si>
  <si>
    <t>175797.0</t>
  </si>
  <si>
    <t>176472.0</t>
  </si>
  <si>
    <t>177178.0</t>
  </si>
  <si>
    <t>178796.0</t>
  </si>
  <si>
    <t>179643.0</t>
  </si>
  <si>
    <t>180910.0</t>
  </si>
  <si>
    <t>181799.0</t>
  </si>
  <si>
    <t>182448.0</t>
  </si>
  <si>
    <t>182933.0</t>
  </si>
  <si>
    <t>183293.0</t>
  </si>
  <si>
    <t>183725.0</t>
  </si>
  <si>
    <t>183944.0</t>
  </si>
  <si>
    <t>7.709</t>
  </si>
  <si>
    <t>184107.0</t>
  </si>
  <si>
    <t>184910.0</t>
  </si>
  <si>
    <t>185347.0</t>
  </si>
  <si>
    <t>185915.0</t>
  </si>
  <si>
    <t>186631.0</t>
  </si>
  <si>
    <t>187259.0</t>
  </si>
  <si>
    <t>392.7</t>
  </si>
  <si>
    <t>187510.0</t>
  </si>
  <si>
    <t>187674.0</t>
  </si>
  <si>
    <t>7.866</t>
  </si>
  <si>
    <t>188523.0</t>
  </si>
  <si>
    <t>190322.0</t>
  </si>
  <si>
    <t>-6610.2</t>
  </si>
  <si>
    <t>-276.653850294031</t>
  </si>
  <si>
    <t>190926.0</t>
  </si>
  <si>
    <t>191201.0</t>
  </si>
  <si>
    <t>191491.0</t>
  </si>
  <si>
    <t>191952.0</t>
  </si>
  <si>
    <t>193111.0</t>
  </si>
  <si>
    <t>8.094</t>
  </si>
  <si>
    <t>194438.0</t>
  </si>
  <si>
    <t>195284.0</t>
  </si>
  <si>
    <t>195514.0</t>
  </si>
  <si>
    <t>24658.0</t>
  </si>
  <si>
    <t>195673.0</t>
  </si>
  <si>
    <t>321.5</t>
  </si>
  <si>
    <t>197563.0</t>
  </si>
  <si>
    <t>198089.0</t>
  </si>
  <si>
    <t>198775.0</t>
  </si>
  <si>
    <t>199622.0</t>
  </si>
  <si>
    <t>200983.0</t>
  </si>
  <si>
    <t>8.423</t>
  </si>
  <si>
    <t>201653.0</t>
  </si>
  <si>
    <t>202484.0</t>
  </si>
  <si>
    <t>203640.0</t>
  </si>
  <si>
    <t>204739.0</t>
  </si>
  <si>
    <t>205491.0</t>
  </si>
  <si>
    <t>206255.0</t>
  </si>
  <si>
    <t>207398.0</t>
  </si>
  <si>
    <t>208252.0</t>
  </si>
  <si>
    <t>57884.0</t>
  </si>
  <si>
    <t>-7299.2</t>
  </si>
  <si>
    <t>-305.49027019851</t>
  </si>
  <si>
    <t>208635.0</t>
  </si>
  <si>
    <t>209053.0</t>
  </si>
  <si>
    <t>58252.0</t>
  </si>
  <si>
    <t>210444.0</t>
  </si>
  <si>
    <t>211432.0</t>
  </si>
  <si>
    <t>67931.0</t>
  </si>
  <si>
    <t>212526.0</t>
  </si>
  <si>
    <t>142.5</t>
  </si>
  <si>
    <t>213531.0</t>
  </si>
  <si>
    <t>80861.0</t>
  </si>
  <si>
    <t>214597.0</t>
  </si>
  <si>
    <t>215690.0</t>
  </si>
  <si>
    <t>92049.0</t>
  </si>
  <si>
    <t>216927.0</t>
  </si>
  <si>
    <t>218144.0</t>
  </si>
  <si>
    <t>112543.0</t>
  </si>
  <si>
    <t>220565.0</t>
  </si>
  <si>
    <t>129669.0</t>
  </si>
  <si>
    <t>224456.0</t>
  </si>
  <si>
    <t>230597.0</t>
  </si>
  <si>
    <t>186149.0</t>
  </si>
  <si>
    <t>237093.0</t>
  </si>
  <si>
    <t>245488.0</t>
  </si>
  <si>
    <t>10.289</t>
  </si>
  <si>
    <t>194678.0</t>
  </si>
  <si>
    <t>260920.0</t>
  </si>
  <si>
    <t>10.935</t>
  </si>
  <si>
    <t>220352.0</t>
  </si>
  <si>
    <t>278992.0</t>
  </si>
  <si>
    <t>18072.0</t>
  </si>
  <si>
    <t>11.693</t>
  </si>
  <si>
    <t>245008.0</t>
  </si>
  <si>
    <t>18924.0</t>
  </si>
  <si>
    <t>296506.0</t>
  </si>
  <si>
    <t>264589.0</t>
  </si>
  <si>
    <t>281647.0</t>
  </si>
  <si>
    <t>335990.0</t>
  </si>
  <si>
    <t>299844.0</t>
  </si>
  <si>
    <t>350419.0</t>
  </si>
  <si>
    <t>14.687</t>
  </si>
  <si>
    <t>363273.0</t>
  </si>
  <si>
    <t>15.225</t>
  </si>
  <si>
    <t>302698.0</t>
  </si>
  <si>
    <t>386179.0</t>
  </si>
  <si>
    <t>16.185</t>
  </si>
  <si>
    <t>311678.0</t>
  </si>
  <si>
    <t>410538.0</t>
  </si>
  <si>
    <t>319665.0</t>
  </si>
  <si>
    <t>451164.0</t>
  </si>
  <si>
    <t>481554.0</t>
  </si>
  <si>
    <t>500089.0</t>
  </si>
  <si>
    <t>20.959</t>
  </si>
  <si>
    <t>512938.0</t>
  </si>
  <si>
    <t>21.498</t>
  </si>
  <si>
    <t>541366.0</t>
  </si>
  <si>
    <t>-7020.4</t>
  </si>
  <si>
    <t>-293.821774016552</t>
  </si>
  <si>
    <t>570299.0</t>
  </si>
  <si>
    <t>23.902</t>
  </si>
  <si>
    <t>599375.0</t>
  </si>
  <si>
    <t>29076.0</t>
  </si>
  <si>
    <t>25.121</t>
  </si>
  <si>
    <t>562029.0</t>
  </si>
  <si>
    <t>627811.0</t>
  </si>
  <si>
    <t>624132.0</t>
  </si>
  <si>
    <t>34839.0</t>
  </si>
  <si>
    <t>658747.0</t>
  </si>
  <si>
    <t>25313.0</t>
  </si>
  <si>
    <t>678418.0</t>
  </si>
  <si>
    <t>678251.0</t>
  </si>
  <si>
    <t>35422.0</t>
  </si>
  <si>
    <t>693622.0</t>
  </si>
  <si>
    <t>699187.0</t>
  </si>
  <si>
    <t>727959.0</t>
  </si>
  <si>
    <t>34337.0</t>
  </si>
  <si>
    <t>724819.0</t>
  </si>
  <si>
    <t>759870.0</t>
  </si>
  <si>
    <t>31.847</t>
  </si>
  <si>
    <t>743578.0</t>
  </si>
  <si>
    <t>793643.0</t>
  </si>
  <si>
    <t>759746.0</t>
  </si>
  <si>
    <t>16168.0</t>
  </si>
  <si>
    <t>34.701</t>
  </si>
  <si>
    <t>782300.0</t>
  </si>
  <si>
    <t>865295.0</t>
  </si>
  <si>
    <t>29507.0</t>
  </si>
  <si>
    <t>799129.0</t>
  </si>
  <si>
    <t>887203.0</t>
  </si>
  <si>
    <t>37.184</t>
  </si>
  <si>
    <t>903029.0</t>
  </si>
  <si>
    <t>37.847</t>
  </si>
  <si>
    <t>922230.0</t>
  </si>
  <si>
    <t>38.652</t>
  </si>
  <si>
    <t>855125.0</t>
  </si>
  <si>
    <t>952947.0</t>
  </si>
  <si>
    <t>27582.0</t>
  </si>
  <si>
    <t>1009160.0</t>
  </si>
  <si>
    <t>985084.0</t>
  </si>
  <si>
    <t>154035.0</t>
  </si>
  <si>
    <t>986798.0</t>
  </si>
  <si>
    <t>41.358</t>
  </si>
  <si>
    <t>1178104.0</t>
  </si>
  <si>
    <t>168944.0</t>
  </si>
  <si>
    <t>59765.0</t>
  </si>
  <si>
    <t>46536.0</t>
  </si>
  <si>
    <t>1023706.0</t>
  </si>
  <si>
    <t>42.905</t>
  </si>
  <si>
    <t>1321839.0</t>
  </si>
  <si>
    <t>77077.0</t>
  </si>
  <si>
    <t>57659.0</t>
  </si>
  <si>
    <t>1056032.0</t>
  </si>
  <si>
    <t>1429514.0</t>
  </si>
  <si>
    <t>107675.0</t>
  </si>
  <si>
    <t>69600.0</t>
  </si>
  <si>
    <t>1074380.0</t>
  </si>
  <si>
    <t>45.029</t>
  </si>
  <si>
    <t>95404.0</t>
  </si>
  <si>
    <t>81279.0</t>
  </si>
  <si>
    <t>1088366.0</t>
  </si>
  <si>
    <t>45.615</t>
  </si>
  <si>
    <t>1541732.0</t>
  </si>
  <si>
    <t>100753.0</t>
  </si>
  <si>
    <t>1120763.0</t>
  </si>
  <si>
    <t>46.973</t>
  </si>
  <si>
    <t>1616384.0</t>
  </si>
  <si>
    <t>108751.0</t>
  </si>
  <si>
    <t>104637.0</t>
  </si>
  <si>
    <t>1155565.0</t>
  </si>
  <si>
    <t>34802.0</t>
  </si>
  <si>
    <t>48.431</t>
  </si>
  <si>
    <t>1681936.0</t>
  </si>
  <si>
    <t>1652232.0</t>
  </si>
  <si>
    <t>29704.0</t>
  </si>
  <si>
    <t>95307.0</t>
  </si>
  <si>
    <t>1188029.0</t>
  </si>
  <si>
    <t>32464.0</t>
  </si>
  <si>
    <t>49.792</t>
  </si>
  <si>
    <t>1746130.0</t>
  </si>
  <si>
    <t>1714268.0</t>
  </si>
  <si>
    <t>64194.0</t>
  </si>
  <si>
    <t>81147.0</t>
  </si>
  <si>
    <t>1221046.0</t>
  </si>
  <si>
    <t>51.176</t>
  </si>
  <si>
    <t>1835225.0</t>
  </si>
  <si>
    <t>1801743.0</t>
  </si>
  <si>
    <t>89095.0</t>
  </si>
  <si>
    <t>73341.0</t>
  </si>
  <si>
    <t>87975.0</t>
  </si>
  <si>
    <t>1251089.0</t>
  </si>
  <si>
    <t>52.435</t>
  </si>
  <si>
    <t>1905474.0</t>
  </si>
  <si>
    <t>1869105.0</t>
  </si>
  <si>
    <t>36369.0</t>
  </si>
  <si>
    <t>67994.0</t>
  </si>
  <si>
    <t>1271182.0</t>
  </si>
  <si>
    <t>53.277</t>
  </si>
  <si>
    <t>28115.0</t>
  </si>
  <si>
    <t>61514.0</t>
  </si>
  <si>
    <t>70421.0</t>
  </si>
  <si>
    <t>1285423.0</t>
  </si>
  <si>
    <t>53.874</t>
  </si>
  <si>
    <t>28151.0</t>
  </si>
  <si>
    <t>313.3</t>
  </si>
  <si>
    <t>1926973.0</t>
  </si>
  <si>
    <t>1890292.0</t>
  </si>
  <si>
    <t>55034.0</t>
  </si>
  <si>
    <t>1322788.0</t>
  </si>
  <si>
    <t>1964592.0</t>
  </si>
  <si>
    <t>1926572.0</t>
  </si>
  <si>
    <t>1357216.0</t>
  </si>
  <si>
    <t>56.883</t>
  </si>
  <si>
    <t>2002677.0</t>
  </si>
  <si>
    <t>1962990.0</t>
  </si>
  <si>
    <t>1388130.0</t>
  </si>
  <si>
    <t>58.178</t>
  </si>
  <si>
    <t>28586.0</t>
  </si>
  <si>
    <t>367.8</t>
  </si>
  <si>
    <t>2043218.0</t>
  </si>
  <si>
    <t>2001418.0</t>
  </si>
  <si>
    <t>41021.0</t>
  </si>
  <si>
    <t>-4814.2</t>
  </si>
  <si>
    <t>-201.486636725897</t>
  </si>
  <si>
    <t>1417921.0</t>
  </si>
  <si>
    <t>59.427</t>
  </si>
  <si>
    <t>28125.0</t>
  </si>
  <si>
    <t>2087587.0</t>
  </si>
  <si>
    <t>2044241.0</t>
  </si>
  <si>
    <t>36052.0</t>
  </si>
  <si>
    <t>1445987.0</t>
  </si>
  <si>
    <t>2278338.0</t>
  </si>
  <si>
    <t>2232145.0</t>
  </si>
  <si>
    <t>46193.0</t>
  </si>
  <si>
    <t>190751.0</t>
  </si>
  <si>
    <t>51863.0</t>
  </si>
  <si>
    <t>1465328.0</t>
  </si>
  <si>
    <t>68911.0</t>
  </si>
  <si>
    <t>1481738.0</t>
  </si>
  <si>
    <t>62.102</t>
  </si>
  <si>
    <t>2518860.0</t>
  </si>
  <si>
    <t>2472399.0</t>
  </si>
  <si>
    <t>84555.0</t>
  </si>
  <si>
    <t>83158.0</t>
  </si>
  <si>
    <t>1515161.0</t>
  </si>
  <si>
    <t>63.502</t>
  </si>
  <si>
    <t>524.2</t>
  </si>
  <si>
    <t>2628789.0</t>
  </si>
  <si>
    <t>2581047.0</t>
  </si>
  <si>
    <t>109929.0</t>
  </si>
  <si>
    <t>94885.0</t>
  </si>
  <si>
    <t>93496.0</t>
  </si>
  <si>
    <t>1541560.0</t>
  </si>
  <si>
    <t>64.609</t>
  </si>
  <si>
    <t>2740540.0</t>
  </si>
  <si>
    <t>2691066.0</t>
  </si>
  <si>
    <t>1568455.0</t>
  </si>
  <si>
    <t>65.736</t>
  </si>
  <si>
    <t>556.6</t>
  </si>
  <si>
    <t>2899997.0</t>
  </si>
  <si>
    <t>2847653.0</t>
  </si>
  <si>
    <t>52344.0</t>
  </si>
  <si>
    <t>159457.0</t>
  </si>
  <si>
    <t>122397.0</t>
  </si>
  <si>
    <t>120891.0</t>
  </si>
  <si>
    <t>1592882.0</t>
  </si>
  <si>
    <t>591.1</t>
  </si>
  <si>
    <t>3121081.0</t>
  </si>
  <si>
    <t>3060361.0</t>
  </si>
  <si>
    <t>221084.0</t>
  </si>
  <si>
    <t>145160.0</t>
  </si>
  <si>
    <t>1616287.0</t>
  </si>
  <si>
    <t>621.5</t>
  </si>
  <si>
    <t>3357000.0</t>
  </si>
  <si>
    <t>3284679.0</t>
  </si>
  <si>
    <t>72321.0</t>
  </si>
  <si>
    <t>235919.0</t>
  </si>
  <si>
    <t>154095.0</t>
  </si>
  <si>
    <t>150362.0</t>
  </si>
  <si>
    <t>1633228.0</t>
  </si>
  <si>
    <t>68.451</t>
  </si>
  <si>
    <t>23986.0</t>
  </si>
  <si>
    <t>739.6</t>
  </si>
  <si>
    <t>151832.0</t>
  </si>
  <si>
    <t>148028.0</t>
  </si>
  <si>
    <t>1646755.0</t>
  </si>
  <si>
    <t>69.018</t>
  </si>
  <si>
    <t>753.5</t>
  </si>
  <si>
    <t>3565840.0</t>
  </si>
  <si>
    <t>3492257.0</t>
  </si>
  <si>
    <t>73583.0</t>
  </si>
  <si>
    <t>149569.0</t>
  </si>
  <si>
    <t>145694.0</t>
  </si>
  <si>
    <t>1674603.0</t>
  </si>
  <si>
    <t>70.185</t>
  </si>
  <si>
    <t>3821539.0</t>
  </si>
  <si>
    <t>3742680.0</t>
  </si>
  <si>
    <t>255699.0</t>
  </si>
  <si>
    <t>170393.0</t>
  </si>
  <si>
    <t>165948.0</t>
  </si>
  <si>
    <t>1697588.0</t>
  </si>
  <si>
    <t>71.148</t>
  </si>
  <si>
    <t>729.1</t>
  </si>
  <si>
    <t>4084061.0</t>
  </si>
  <si>
    <t>3998233.0</t>
  </si>
  <si>
    <t>85828.0</t>
  </si>
  <si>
    <t>262522.0</t>
  </si>
  <si>
    <t>191932.0</t>
  </si>
  <si>
    <t>186738.0</t>
  </si>
  <si>
    <t>1720043.0</t>
  </si>
  <si>
    <t>72.089</t>
  </si>
  <si>
    <t>757.9</t>
  </si>
  <si>
    <t>4337272.0</t>
  </si>
  <si>
    <t>4242075.0</t>
  </si>
  <si>
    <t>95197.0</t>
  </si>
  <si>
    <t>253211.0</t>
  </si>
  <si>
    <t>205325.0</t>
  </si>
  <si>
    <t>199203.0</t>
  </si>
  <si>
    <t>72.865</t>
  </si>
  <si>
    <t>20811.0</t>
  </si>
  <si>
    <t>739.5</t>
  </si>
  <si>
    <t>4603639.0</t>
  </si>
  <si>
    <t>4496176.0</t>
  </si>
  <si>
    <t>107463.0</t>
  </si>
  <si>
    <t>266367.0</t>
  </si>
  <si>
    <t>211794.0</t>
  </si>
  <si>
    <t>205116.0</t>
  </si>
  <si>
    <t>1762028.0</t>
  </si>
  <si>
    <t>73.849</t>
  </si>
  <si>
    <t>755.1</t>
  </si>
  <si>
    <t>4790949.0</t>
  </si>
  <si>
    <t>313013.0</t>
  </si>
  <si>
    <t>215181.0</t>
  </si>
  <si>
    <t>1777925.0</t>
  </si>
  <si>
    <t>74.515</t>
  </si>
  <si>
    <t>227708.0</t>
  </si>
  <si>
    <t>219859.0</t>
  </si>
  <si>
    <t>1790501.0</t>
  </si>
  <si>
    <t>75.042</t>
  </si>
  <si>
    <t>904.1</t>
  </si>
  <si>
    <t>5194107.0</t>
  </si>
  <si>
    <t>5064007.0</t>
  </si>
  <si>
    <t>130100.0</t>
  </si>
  <si>
    <t>232610.0</t>
  </si>
  <si>
    <t>224536.0</t>
  </si>
  <si>
    <t>1818045.0</t>
  </si>
  <si>
    <t>919.5</t>
  </si>
  <si>
    <t>5419988.0</t>
  </si>
  <si>
    <t>5279558.0</t>
  </si>
  <si>
    <t>225881.0</t>
  </si>
  <si>
    <t>228350.0</t>
  </si>
  <si>
    <t>219554.0</t>
  </si>
  <si>
    <t>1842304.0</t>
  </si>
  <si>
    <t>958.4</t>
  </si>
  <si>
    <t>5674553.0</t>
  </si>
  <si>
    <t>5520060.0</t>
  </si>
  <si>
    <t>154493.0</t>
  </si>
  <si>
    <t>254565.0</t>
  </si>
  <si>
    <t>1867518.0</t>
  </si>
  <si>
    <t>983.2</t>
  </si>
  <si>
    <t>5894500.0</t>
  </si>
  <si>
    <t>5718272.0</t>
  </si>
  <si>
    <t>176228.0</t>
  </si>
  <si>
    <t>219947.0</t>
  </si>
  <si>
    <t>222461.0</t>
  </si>
  <si>
    <t>210885.0</t>
  </si>
  <si>
    <t>1887164.0</t>
  </si>
  <si>
    <t>79.094</t>
  </si>
  <si>
    <t>900.6</t>
  </si>
  <si>
    <t>6059596.0</t>
  </si>
  <si>
    <t>5858787.0</t>
  </si>
  <si>
    <t>200809.0</t>
  </si>
  <si>
    <t>165096.0</t>
  </si>
  <si>
    <t>207994.0</t>
  </si>
  <si>
    <t>194659.0</t>
  </si>
  <si>
    <t>1907685.0</t>
  </si>
  <si>
    <t>79.954</t>
  </si>
  <si>
    <t>927.7</t>
  </si>
  <si>
    <t>6347065.0</t>
  </si>
  <si>
    <t>6117598.0</t>
  </si>
  <si>
    <t>229467.0</t>
  </si>
  <si>
    <t>287469.0</t>
  </si>
  <si>
    <t>204345.0</t>
  </si>
  <si>
    <t>189521.0</t>
  </si>
  <si>
    <t>1922313.0</t>
  </si>
  <si>
    <t>80.567</t>
  </si>
  <si>
    <t>859.5</t>
  </si>
  <si>
    <t>207888.0</t>
  </si>
  <si>
    <t>1935396.0</t>
  </si>
  <si>
    <t>81.115</t>
  </si>
  <si>
    <t>888.9</t>
  </si>
  <si>
    <t>6674129.0</t>
  </si>
  <si>
    <t>6433287.0</t>
  </si>
  <si>
    <t>240842.0</t>
  </si>
  <si>
    <t>195611.0</t>
  </si>
  <si>
    <t>1964209.0</t>
  </si>
  <si>
    <t>82.323</t>
  </si>
  <si>
    <t>955.3</t>
  </si>
  <si>
    <t>7013130.0</t>
  </si>
  <si>
    <t>6751025.0</t>
  </si>
  <si>
    <t>262105.0</t>
  </si>
  <si>
    <t>339001.0</t>
  </si>
  <si>
    <t>227592.0</t>
  </si>
  <si>
    <t>210210.0</t>
  </si>
  <si>
    <t>1006.5</t>
  </si>
  <si>
    <t>7318286.0</t>
  </si>
  <si>
    <t>7030253.0</t>
  </si>
  <si>
    <t>288033.0</t>
  </si>
  <si>
    <t>305156.0</t>
  </si>
  <si>
    <t>234819.0</t>
  </si>
  <si>
    <t>215742.0</t>
  </si>
  <si>
    <t>2012915.0</t>
  </si>
  <si>
    <t>84.364</t>
  </si>
  <si>
    <t>1031.2</t>
  </si>
  <si>
    <t>7588692.0</t>
  </si>
  <si>
    <t>7273091.0</t>
  </si>
  <si>
    <t>315601.0</t>
  </si>
  <si>
    <t>270406.0</t>
  </si>
  <si>
    <t>242027.0</t>
  </si>
  <si>
    <t>222117.0</t>
  </si>
  <si>
    <t>2033485.0</t>
  </si>
  <si>
    <t>85.226</t>
  </si>
  <si>
    <t>1161.3</t>
  </si>
  <si>
    <t>7826972.0</t>
  </si>
  <si>
    <t>7484172.0</t>
  </si>
  <si>
    <t>342800.0</t>
  </si>
  <si>
    <t>238280.0</t>
  </si>
  <si>
    <t>252482.0</t>
  </si>
  <si>
    <t>232198.0</t>
  </si>
  <si>
    <t>2059290.0</t>
  </si>
  <si>
    <t>86.308</t>
  </si>
  <si>
    <t>1193.7</t>
  </si>
  <si>
    <t>8088871.0</t>
  </si>
  <si>
    <t>7707830.0</t>
  </si>
  <si>
    <t>381041.0</t>
  </si>
  <si>
    <t>248829.0</t>
  </si>
  <si>
    <t>227176.0</t>
  </si>
  <si>
    <t>2076813.0</t>
  </si>
  <si>
    <t>87.042</t>
  </si>
  <si>
    <t>1331.9</t>
  </si>
  <si>
    <t>238421.0</t>
  </si>
  <si>
    <t>217048.0</t>
  </si>
  <si>
    <t>-4573.2</t>
  </si>
  <si>
    <t>-191.40016764465</t>
  </si>
  <si>
    <t>2089822.0</t>
  </si>
  <si>
    <t>87.587</t>
  </si>
  <si>
    <t>1319.9</t>
  </si>
  <si>
    <t>8270213.0</t>
  </si>
  <si>
    <t>7881726.0</t>
  </si>
  <si>
    <t>388487.0</t>
  </si>
  <si>
    <t>228012.0</t>
  </si>
  <si>
    <t>2118242.0</t>
  </si>
  <si>
    <t>28420.0</t>
  </si>
  <si>
    <t>1283.6</t>
  </si>
  <si>
    <t>8405085.0</t>
  </si>
  <si>
    <t>8001300.0</t>
  </si>
  <si>
    <t>403785.0</t>
  </si>
  <si>
    <t>134872.0</t>
  </si>
  <si>
    <t>198851.0</t>
  </si>
  <si>
    <t>178611.0</t>
  </si>
  <si>
    <t>2142533.0</t>
  </si>
  <si>
    <t>89.796</t>
  </si>
  <si>
    <t>1256.4</t>
  </si>
  <si>
    <t>8501137.0</t>
  </si>
  <si>
    <t>8083073.0</t>
  </si>
  <si>
    <t>418064.0</t>
  </si>
  <si>
    <t>168979.0</t>
  </si>
  <si>
    <t>2165865.0</t>
  </si>
  <si>
    <t>1243.5</t>
  </si>
  <si>
    <t>8607387.0</t>
  </si>
  <si>
    <t>8170117.0</t>
  </si>
  <si>
    <t>437270.0</t>
  </si>
  <si>
    <t>106250.0</t>
  </si>
  <si>
    <t>145528.0</t>
  </si>
  <si>
    <t>2184225.0</t>
  </si>
  <si>
    <t>91.544</t>
  </si>
  <si>
    <t>1299.5</t>
  </si>
  <si>
    <t>8875048.0</t>
  </si>
  <si>
    <t>8418179.0</t>
  </si>
  <si>
    <t>456869.0</t>
  </si>
  <si>
    <t>267661.0</t>
  </si>
  <si>
    <t>149725.0</t>
  </si>
  <si>
    <t>133430.0</t>
  </si>
  <si>
    <t>2206876.0</t>
  </si>
  <si>
    <t>92.493</t>
  </si>
  <si>
    <t>9154501.0</t>
  </si>
  <si>
    <t>8661701.0</t>
  </si>
  <si>
    <t>492800.0</t>
  </si>
  <si>
    <t>152233.0</t>
  </si>
  <si>
    <t>136267.0</t>
  </si>
  <si>
    <t>2221221.0</t>
  </si>
  <si>
    <t>93.094</t>
  </si>
  <si>
    <t>1429.8</t>
  </si>
  <si>
    <t>141122.0</t>
  </si>
  <si>
    <t>2233775.0</t>
  </si>
  <si>
    <t>1531.4</t>
  </si>
  <si>
    <t>9180297.0</t>
  </si>
  <si>
    <t>8679320.0</t>
  </si>
  <si>
    <t>500977.0</t>
  </si>
  <si>
    <t>130012.0</t>
  </si>
  <si>
    <t>2260209.0</t>
  </si>
  <si>
    <t>94.728</t>
  </si>
  <si>
    <t>1613.3</t>
  </si>
  <si>
    <t>9228263.0</t>
  </si>
  <si>
    <t>8709234.0</t>
  </si>
  <si>
    <t>519029.0</t>
  </si>
  <si>
    <t>117597.0</t>
  </si>
  <si>
    <t>2283282.0</t>
  </si>
  <si>
    <t>95.695</t>
  </si>
  <si>
    <t>1827.9</t>
  </si>
  <si>
    <t>9265758.0</t>
  </si>
  <si>
    <t>8725490.0</t>
  </si>
  <si>
    <t>540268.0</t>
  </si>
  <si>
    <t>37495.0</t>
  </si>
  <si>
    <t>109232.0</t>
  </si>
  <si>
    <t>2305772.0</t>
  </si>
  <si>
    <t>96.638</t>
  </si>
  <si>
    <t>1943.1</t>
  </si>
  <si>
    <t>9433236.0</t>
  </si>
  <si>
    <t>8867289.0</t>
  </si>
  <si>
    <t>565947.0</t>
  </si>
  <si>
    <t>167478.0</t>
  </si>
  <si>
    <t>99596.0</t>
  </si>
  <si>
    <t>2323835.0</t>
  </si>
  <si>
    <t>97.395</t>
  </si>
  <si>
    <t>2083.8</t>
  </si>
  <si>
    <t>9602785.0</t>
  </si>
  <si>
    <t>9006569.0</t>
  </si>
  <si>
    <t>596216.0</t>
  </si>
  <si>
    <t>169549.0</t>
  </si>
  <si>
    <t>103962.0</t>
  </si>
  <si>
    <t>84056.0</t>
  </si>
  <si>
    <t>2346581.0</t>
  </si>
  <si>
    <t>98.348</t>
  </si>
  <si>
    <t>1967.7</t>
  </si>
  <si>
    <t>9749241.0</t>
  </si>
  <si>
    <t>9100495.0</t>
  </si>
  <si>
    <t>648746.0</t>
  </si>
  <si>
    <t>146456.0</t>
  </si>
  <si>
    <t>2362885.0</t>
  </si>
  <si>
    <t>99.032</t>
  </si>
  <si>
    <t>2083.4</t>
  </si>
  <si>
    <t>88520.0</t>
  </si>
  <si>
    <t>2375639.0</t>
  </si>
  <si>
    <t>99.566</t>
  </si>
  <si>
    <t>20266.0</t>
  </si>
  <si>
    <t>2026.6</t>
  </si>
  <si>
    <t>9824837.0</t>
  </si>
  <si>
    <t>9162953.0</t>
  </si>
  <si>
    <t>661884.0</t>
  </si>
  <si>
    <t>92077.0</t>
  </si>
  <si>
    <t>69090.0</t>
  </si>
  <si>
    <t>2401518.0</t>
  </si>
  <si>
    <t>100.651</t>
  </si>
  <si>
    <t>1962.6</t>
  </si>
  <si>
    <t>9887295.0</t>
  </si>
  <si>
    <t>9203556.0</t>
  </si>
  <si>
    <t>683739.0</t>
  </si>
  <si>
    <t>94147.0</t>
  </si>
  <si>
    <t>2424547.0</t>
  </si>
  <si>
    <t>101.616</t>
  </si>
  <si>
    <t>1722.8</t>
  </si>
  <si>
    <t>9951034.0</t>
  </si>
  <si>
    <t>9247088.0</t>
  </si>
  <si>
    <t>703946.0</t>
  </si>
  <si>
    <t>63739.0</t>
  </si>
  <si>
    <t>2447705.0</t>
  </si>
  <si>
    <t>102.587</t>
  </si>
  <si>
    <t>1843.3</t>
  </si>
  <si>
    <t>9985997.0</t>
  </si>
  <si>
    <t>9260988.0</t>
  </si>
  <si>
    <t>725009.0</t>
  </si>
  <si>
    <t>78966.0</t>
  </si>
  <si>
    <t>2467505.0</t>
  </si>
  <si>
    <t>103.416</t>
  </si>
  <si>
    <t>1865.8</t>
  </si>
  <si>
    <t>10014566.0</t>
  </si>
  <si>
    <t>9269265.0</t>
  </si>
  <si>
    <t>745301.0</t>
  </si>
  <si>
    <t>28569.0</t>
  </si>
  <si>
    <t>2489298.0</t>
  </si>
  <si>
    <t>20388.0</t>
  </si>
  <si>
    <t>2038.8</t>
  </si>
  <si>
    <t>10057641.0</t>
  </si>
  <si>
    <t>9285878.0</t>
  </si>
  <si>
    <t>771763.0</t>
  </si>
  <si>
    <t>2505182.0</t>
  </si>
  <si>
    <t>1949.2</t>
  </si>
  <si>
    <t>2517181.0</t>
  </si>
  <si>
    <t>105.498</t>
  </si>
  <si>
    <t>1912.8</t>
  </si>
  <si>
    <t>10067762.0</t>
  </si>
  <si>
    <t>9290591.0</t>
  </si>
  <si>
    <t>777171.0</t>
  </si>
  <si>
    <t>2543323.0</t>
  </si>
  <si>
    <t>106.594</t>
  </si>
  <si>
    <t>2025.8</t>
  </si>
  <si>
    <t>10246977.0</t>
  </si>
  <si>
    <t>9463223.0</t>
  </si>
  <si>
    <t>783754.0</t>
  </si>
  <si>
    <t>179215.0</t>
  </si>
  <si>
    <t>51383.0</t>
  </si>
  <si>
    <t>2567079.0</t>
  </si>
  <si>
    <t>2457.4</t>
  </si>
  <si>
    <t>10404722.0</t>
  </si>
  <si>
    <t>9602065.0</t>
  </si>
  <si>
    <t>802657.0</t>
  </si>
  <si>
    <t>2591197.0</t>
  </si>
  <si>
    <t>24118.0</t>
  </si>
  <si>
    <t>2989.5</t>
  </si>
  <si>
    <t>10497159.0</t>
  </si>
  <si>
    <t>9678947.0</t>
  </si>
  <si>
    <t>2611440.0</t>
  </si>
  <si>
    <t>109.449</t>
  </si>
  <si>
    <t>2878.6</t>
  </si>
  <si>
    <t>10586017.0</t>
  </si>
  <si>
    <t>9742912.0</t>
  </si>
  <si>
    <t>843105.0</t>
  </si>
  <si>
    <t>88858.0</t>
  </si>
  <si>
    <t>81636.0</t>
  </si>
  <si>
    <t>67664.0</t>
  </si>
  <si>
    <t>2634715.0</t>
  </si>
  <si>
    <t>110.424</t>
  </si>
  <si>
    <t>3029.6</t>
  </si>
  <si>
    <t>10779334.0</t>
  </si>
  <si>
    <t>9908979.0</t>
  </si>
  <si>
    <t>193317.0</t>
  </si>
  <si>
    <t>103099.0</t>
  </si>
  <si>
    <t>89014.0</t>
  </si>
  <si>
    <t>2652198.0</t>
  </si>
  <si>
    <t>111.157</t>
  </si>
  <si>
    <t>3341.1</t>
  </si>
  <si>
    <t>110007.0</t>
  </si>
  <si>
    <t>95555.0</t>
  </si>
  <si>
    <t>2665234.0</t>
  </si>
  <si>
    <t>2597.3</t>
  </si>
  <si>
    <t>10886165.0</t>
  </si>
  <si>
    <t>10005255.0</t>
  </si>
  <si>
    <t>880910.0</t>
  </si>
  <si>
    <t>102095.0</t>
  </si>
  <si>
    <t>2697244.0</t>
  </si>
  <si>
    <t>113.045</t>
  </si>
  <si>
    <t>2608.7</t>
  </si>
  <si>
    <t>10928720.0</t>
  </si>
  <si>
    <t>10028069.0</t>
  </si>
  <si>
    <t>900651.0</t>
  </si>
  <si>
    <t>97392.0</t>
  </si>
  <si>
    <t>80692.0</t>
  </si>
  <si>
    <t>2725791.0</t>
  </si>
  <si>
    <t>114.241</t>
  </si>
  <si>
    <t>2784.4</t>
  </si>
  <si>
    <t>10958966.0</t>
  </si>
  <si>
    <t>10038004.0</t>
  </si>
  <si>
    <t>920962.0</t>
  </si>
  <si>
    <t>79178.0</t>
  </si>
  <si>
    <t>-4564.2</t>
  </si>
  <si>
    <t>-191.023494525433</t>
  </si>
  <si>
    <t>2751375.0</t>
  </si>
  <si>
    <t>115.314</t>
  </si>
  <si>
    <t>2583.6</t>
  </si>
  <si>
    <t>10982471.0</t>
  </si>
  <si>
    <t>10046132.0</t>
  </si>
  <si>
    <t>936339.0</t>
  </si>
  <si>
    <t>69330.0</t>
  </si>
  <si>
    <t>52455.0</t>
  </si>
  <si>
    <t>2772214.0</t>
  </si>
  <si>
    <t>2724.9</t>
  </si>
  <si>
    <t>11004240.0</t>
  </si>
  <si>
    <t>10051070.0</t>
  </si>
  <si>
    <t>953170.0</t>
  </si>
  <si>
    <t>117.324</t>
  </si>
  <si>
    <t>2838.2</t>
  </si>
  <si>
    <t>11243600.0</t>
  </si>
  <si>
    <t>10272559.0</t>
  </si>
  <si>
    <t>971041.0</t>
  </si>
  <si>
    <t>239360.0</t>
  </si>
  <si>
    <t>2819455.0</t>
  </si>
  <si>
    <t>118.167</t>
  </si>
  <si>
    <t>2835840.0</t>
  </si>
  <si>
    <t>118.854</t>
  </si>
  <si>
    <t>4738.9</t>
  </si>
  <si>
    <t>11380968.0</t>
  </si>
  <si>
    <t>10399097.0</t>
  </si>
  <si>
    <t>981871.0</t>
  </si>
  <si>
    <t>2870549.0</t>
  </si>
  <si>
    <t>34709.0</t>
  </si>
  <si>
    <t>120.308</t>
  </si>
  <si>
    <t>3938.6</t>
  </si>
  <si>
    <t>11456359.0</t>
  </si>
  <si>
    <t>10468680.0</t>
  </si>
  <si>
    <t>987679.0</t>
  </si>
  <si>
    <t>62944.0</t>
  </si>
  <si>
    <t>2901132.0</t>
  </si>
  <si>
    <t>3371.8</t>
  </si>
  <si>
    <t>11548606.0</t>
  </si>
  <si>
    <t>10552459.0</t>
  </si>
  <si>
    <t>996147.0</t>
  </si>
  <si>
    <t>92247.0</t>
  </si>
  <si>
    <t>2930987.0</t>
  </si>
  <si>
    <t>122.841</t>
  </si>
  <si>
    <t>25659.0</t>
  </si>
  <si>
    <t>3265.8</t>
  </si>
  <si>
    <t>11660683.0</t>
  </si>
  <si>
    <t>10652241.0</t>
  </si>
  <si>
    <t>1008442.0</t>
  </si>
  <si>
    <t>112077.0</t>
  </si>
  <si>
    <t>96887.0</t>
  </si>
  <si>
    <t>86587.0</t>
  </si>
  <si>
    <t>2955857.0</t>
  </si>
  <si>
    <t>123.884</t>
  </si>
  <si>
    <t>3279.4</t>
  </si>
  <si>
    <t>11961678.0</t>
  </si>
  <si>
    <t>10941158.0</t>
  </si>
  <si>
    <t>1020520.0</t>
  </si>
  <si>
    <t>2985182.0</t>
  </si>
  <si>
    <t>125.113</t>
  </si>
  <si>
    <t>3260.3</t>
  </si>
  <si>
    <t>12301555.0</t>
  </si>
  <si>
    <t>11263210.0</t>
  </si>
  <si>
    <t>1038345.0</t>
  </si>
  <si>
    <t>339877.0</t>
  </si>
  <si>
    <t>151136.0</t>
  </si>
  <si>
    <t>141522.0</t>
  </si>
  <si>
    <t>3007232.0</t>
  </si>
  <si>
    <t>126.037</t>
  </si>
  <si>
    <t>3078.4</t>
  </si>
  <si>
    <t>152870.0</t>
  </si>
  <si>
    <t>143436.0</t>
  </si>
  <si>
    <t>3017124.0</t>
  </si>
  <si>
    <t>126.452</t>
  </si>
  <si>
    <t>2627.4</t>
  </si>
  <si>
    <t>12463192.0</t>
  </si>
  <si>
    <t>11416544.0</t>
  </si>
  <si>
    <t>1046648.0</t>
  </si>
  <si>
    <t>154603.0</t>
  </si>
  <si>
    <t>145350.0</t>
  </si>
  <si>
    <t>3048181.0</t>
  </si>
  <si>
    <t>127.753</t>
  </si>
  <si>
    <t>3062.5</t>
  </si>
  <si>
    <t>12488096.0</t>
  </si>
  <si>
    <t>11433445.0</t>
  </si>
  <si>
    <t>1054651.0</t>
  </si>
  <si>
    <t>147391.0</t>
  </si>
  <si>
    <t>137824.0</t>
  </si>
  <si>
    <t>3074540.0</t>
  </si>
  <si>
    <t>128.858</t>
  </si>
  <si>
    <t>3400.1</t>
  </si>
  <si>
    <t>12504662.0</t>
  </si>
  <si>
    <t>11442116.0</t>
  </si>
  <si>
    <t>1062546.0</t>
  </si>
  <si>
    <t>16566.0</t>
  </si>
  <si>
    <t>136579.0</t>
  </si>
  <si>
    <t>127094.0</t>
  </si>
  <si>
    <t>3099674.0</t>
  </si>
  <si>
    <t>129.911</t>
  </si>
  <si>
    <t>3589.2</t>
  </si>
  <si>
    <t>12708428.0</t>
  </si>
  <si>
    <t>11483332.0</t>
  </si>
  <si>
    <t>1225096.0</t>
  </si>
  <si>
    <t>203766.0</t>
  </si>
  <si>
    <t>149678.0</t>
  </si>
  <si>
    <t>118727.0</t>
  </si>
  <si>
    <t>3121022.0</t>
  </si>
  <si>
    <t>130.806</t>
  </si>
  <si>
    <t>3116.5</t>
  </si>
  <si>
    <t>12938098.0</t>
  </si>
  <si>
    <t>11536036.0</t>
  </si>
  <si>
    <t>1402062.0</t>
  </si>
  <si>
    <t>229670.0</t>
  </si>
  <si>
    <t>139489.0</t>
  </si>
  <si>
    <t>84983.0</t>
  </si>
  <si>
    <t>3141185.0</t>
  </si>
  <si>
    <t>131.651</t>
  </si>
  <si>
    <t>13171843.0</t>
  </si>
  <si>
    <t>11593038.0</t>
  </si>
  <si>
    <t>1578805.0</t>
  </si>
  <si>
    <t>124327.0</t>
  </si>
  <si>
    <t>3156561.0</t>
  </si>
  <si>
    <t>132.296</t>
  </si>
  <si>
    <t>2715.2</t>
  </si>
  <si>
    <t>121121.0</t>
  </si>
  <si>
    <t>3169453.0</t>
  </si>
  <si>
    <t>132.836</t>
  </si>
  <si>
    <t>2874.3</t>
  </si>
  <si>
    <t>117915.0</t>
  </si>
  <si>
    <t>3192209.0</t>
  </si>
  <si>
    <t>2667.2</t>
  </si>
  <si>
    <t>3206528.0</t>
  </si>
  <si>
    <t>2444.3</t>
  </si>
  <si>
    <t>13405357.0</t>
  </si>
  <si>
    <t>11689760.0</t>
  </si>
  <si>
    <t>1715597.0</t>
  </si>
  <si>
    <t>128671.0</t>
  </si>
  <si>
    <t>35378.0</t>
  </si>
  <si>
    <t>3235758.0</t>
  </si>
  <si>
    <t>135.615</t>
  </si>
  <si>
    <t>19441.0</t>
  </si>
  <si>
    <t>2430.1</t>
  </si>
  <si>
    <t>13589767.0</t>
  </si>
  <si>
    <t>11763739.0</t>
  </si>
  <si>
    <t>1826028.0</t>
  </si>
  <si>
    <t>3256382.0</t>
  </si>
  <si>
    <t>136.479</t>
  </si>
  <si>
    <t>2554.1</t>
  </si>
  <si>
    <t>13856466.0</t>
  </si>
  <si>
    <t>11912534.0</t>
  </si>
  <si>
    <t>1943932.0</t>
  </si>
  <si>
    <t>266699.0</t>
  </si>
  <si>
    <t>131195.0</t>
  </si>
  <si>
    <t>3284234.0</t>
  </si>
  <si>
    <t>137.647</t>
  </si>
  <si>
    <t>2699.2</t>
  </si>
  <si>
    <t>14142461.0</t>
  </si>
  <si>
    <t>12075243.0</t>
  </si>
  <si>
    <t>2067218.0</t>
  </si>
  <si>
    <t>285995.0</t>
  </si>
  <si>
    <t>3304082.0</t>
  </si>
  <si>
    <t>138.478</t>
  </si>
  <si>
    <t>2836.7</t>
  </si>
  <si>
    <t>150864.0</t>
  </si>
  <si>
    <t>3318780.0</t>
  </si>
  <si>
    <t>139.094</t>
  </si>
  <si>
    <t>14430076.0</t>
  </si>
  <si>
    <t>12278191.0</t>
  </si>
  <si>
    <t>2151885.0</t>
  </si>
  <si>
    <t>163068.0</t>
  </si>
  <si>
    <t>3349491.0</t>
  </si>
  <si>
    <t>140.382</t>
  </si>
  <si>
    <t>3083.9</t>
  </si>
  <si>
    <t>14763330.0</t>
  </si>
  <si>
    <t>12551676.0</t>
  </si>
  <si>
    <t>2211654.0</t>
  </si>
  <si>
    <t>333254.0</t>
  </si>
  <si>
    <t>202336.0</t>
  </si>
  <si>
    <t>126585.0</t>
  </si>
  <si>
    <t>3374620.0</t>
  </si>
  <si>
    <t>141.435</t>
  </si>
  <si>
    <t>15091281.0</t>
  </si>
  <si>
    <t>12812763.0</t>
  </si>
  <si>
    <t>2278518.0</t>
  </si>
  <si>
    <t>327951.0</t>
  </si>
  <si>
    <t>240846.0</t>
  </si>
  <si>
    <t>160429.0</t>
  </si>
  <si>
    <t>3399113.0</t>
  </si>
  <si>
    <t>142.461</t>
  </si>
  <si>
    <t>2865.8</t>
  </si>
  <si>
    <t>15441421.0</t>
  </si>
  <si>
    <t>13065648.0</t>
  </si>
  <si>
    <t>2375773.0</t>
  </si>
  <si>
    <t>350140.0</t>
  </si>
  <si>
    <t>264522.0</t>
  </si>
  <si>
    <t>185987.0</t>
  </si>
  <si>
    <t>3419079.0</t>
  </si>
  <si>
    <t>143.298</t>
  </si>
  <si>
    <t>2958.1</t>
  </si>
  <si>
    <t>15880889.0</t>
  </si>
  <si>
    <t>13243149.0</t>
  </si>
  <si>
    <t>2637740.0</t>
  </si>
  <si>
    <t>439468.0</t>
  </si>
  <si>
    <t>289203.0</t>
  </si>
  <si>
    <t>-4620.8</t>
  </si>
  <si>
    <t>-193.392349919618</t>
  </si>
  <si>
    <t>3442796.0</t>
  </si>
  <si>
    <t>144.292</t>
  </si>
  <si>
    <t>2733.8</t>
  </si>
  <si>
    <t>16277198.0</t>
  </si>
  <si>
    <t>13424778.0</t>
  </si>
  <si>
    <t>2852420.0</t>
  </si>
  <si>
    <t>396309.0</t>
  </si>
  <si>
    <t>304962.0</t>
  </si>
  <si>
    <t>192791.0</t>
  </si>
  <si>
    <t>3460766.0</t>
  </si>
  <si>
    <t>145.045</t>
  </si>
  <si>
    <t>304544.0</t>
  </si>
  <si>
    <t>182074.0</t>
  </si>
  <si>
    <t>3473758.0</t>
  </si>
  <si>
    <t>2540.7</t>
  </si>
  <si>
    <t>16558959.0</t>
  </si>
  <si>
    <t>13477691.0</t>
  </si>
  <si>
    <t>3081268.0</t>
  </si>
  <si>
    <t>304126.0</t>
  </si>
  <si>
    <t>3501515.0</t>
  </si>
  <si>
    <t>146.753</t>
  </si>
  <si>
    <t>2667.1</t>
  </si>
  <si>
    <t>16820590.0</t>
  </si>
  <si>
    <t>13524914.0</t>
  </si>
  <si>
    <t>3295676.0</t>
  </si>
  <si>
    <t>261631.0</t>
  </si>
  <si>
    <t>293894.0</t>
  </si>
  <si>
    <t>139034.0</t>
  </si>
  <si>
    <t>3524749.0</t>
  </si>
  <si>
    <t>147.727</t>
  </si>
  <si>
    <t>2633.8</t>
  </si>
  <si>
    <t>17021317.0</t>
  </si>
  <si>
    <t>13577317.0</t>
  </si>
  <si>
    <t>3444000.0</t>
  </si>
  <si>
    <t>200727.0</t>
  </si>
  <si>
    <t>109222.0</t>
  </si>
  <si>
    <t>3547301.0</t>
  </si>
  <si>
    <t>148.672</t>
  </si>
  <si>
    <t>2905.6</t>
  </si>
  <si>
    <t>17218445.0</t>
  </si>
  <si>
    <t>13616764.0</t>
  </si>
  <si>
    <t>3601681.0</t>
  </si>
  <si>
    <t>197128.0</t>
  </si>
  <si>
    <t>253861.0</t>
  </si>
  <si>
    <t>78731.0</t>
  </si>
  <si>
    <t>3565670.0</t>
  </si>
  <si>
    <t>149.442</t>
  </si>
  <si>
    <t>3054.1</t>
  </si>
  <si>
    <t>17541591.0</t>
  </si>
  <si>
    <t>13666555.0</t>
  </si>
  <si>
    <t>3875036.0</t>
  </si>
  <si>
    <t>323146.0</t>
  </si>
  <si>
    <t>237243.0</t>
  </si>
  <si>
    <t>60487.0</t>
  </si>
  <si>
    <t>3587006.0</t>
  </si>
  <si>
    <t>150.336</t>
  </si>
  <si>
    <t>20601.0</t>
  </si>
  <si>
    <t>17887465.0</t>
  </si>
  <si>
    <t>13711680.0</t>
  </si>
  <si>
    <t>4175785.0</t>
  </si>
  <si>
    <t>345874.0</t>
  </si>
  <si>
    <t>230038.0</t>
  </si>
  <si>
    <t>3603730.0</t>
  </si>
  <si>
    <t>3324.6</t>
  </si>
  <si>
    <t>226740.0</t>
  </si>
  <si>
    <t>3615692.0</t>
  </si>
  <si>
    <t>151.538</t>
  </si>
  <si>
    <t>3225.6</t>
  </si>
  <si>
    <t>223443.0</t>
  </si>
  <si>
    <t>3635493.0</t>
  </si>
  <si>
    <t>152.368</t>
  </si>
  <si>
    <t>2679.5</t>
  </si>
  <si>
    <t>18240856.0</t>
  </si>
  <si>
    <t>13759882.0</t>
  </si>
  <si>
    <t>4480974.0</t>
  </si>
  <si>
    <t>202895.0</t>
  </si>
  <si>
    <t>3661265.0</t>
  </si>
  <si>
    <t>153.448</t>
  </si>
  <si>
    <t>2904.7</t>
  </si>
  <si>
    <t>18497356.0</t>
  </si>
  <si>
    <t>13797381.0</t>
  </si>
  <si>
    <t>4699975.0</t>
  </si>
  <si>
    <t>31438.0</t>
  </si>
  <si>
    <t>3683125.0</t>
  </si>
  <si>
    <t>154.365</t>
  </si>
  <si>
    <t>2952.8</t>
  </si>
  <si>
    <t>18766730.0</t>
  </si>
  <si>
    <t>13980025.0</t>
  </si>
  <si>
    <t>4786705.0</t>
  </si>
  <si>
    <t>269374.0</t>
  </si>
  <si>
    <t>221184.0</t>
  </si>
  <si>
    <t>3700560.0</t>
  </si>
  <si>
    <t>155.095</t>
  </si>
  <si>
    <t>2697.7</t>
  </si>
  <si>
    <t>19026022.0</t>
  </si>
  <si>
    <t>14152139.0</t>
  </si>
  <si>
    <t>4873883.0</t>
  </si>
  <si>
    <t>259292.0</t>
  </si>
  <si>
    <t>212062.0</t>
  </si>
  <si>
    <t>3723730.0</t>
  </si>
  <si>
    <t>3255.3</t>
  </si>
  <si>
    <t>19435019.0</t>
  </si>
  <si>
    <t>14395967.0</t>
  </si>
  <si>
    <t>5039052.0</t>
  </si>
  <si>
    <t>408997.0</t>
  </si>
  <si>
    <t>221079.0</t>
  </si>
  <si>
    <t>3739960.0</t>
  </si>
  <si>
    <t>156.747</t>
  </si>
  <si>
    <t>2780.1</t>
  </si>
  <si>
    <t>232156.0</t>
  </si>
  <si>
    <t>3751050.0</t>
  </si>
  <si>
    <t>157.211</t>
  </si>
  <si>
    <t>3147.8</t>
  </si>
  <si>
    <t>19825683.0</t>
  </si>
  <si>
    <t>14620207.0</t>
  </si>
  <si>
    <t>5205476.0</t>
  </si>
  <si>
    <t>243232.0</t>
  </si>
  <si>
    <t>125199.0</t>
  </si>
  <si>
    <t>3774747.0</t>
  </si>
  <si>
    <t>20204959.0</t>
  </si>
  <si>
    <t>14877506.0</t>
  </si>
  <si>
    <t>5327453.0</t>
  </si>
  <si>
    <t>379276.0</t>
  </si>
  <si>
    <t>280586.0</t>
  </si>
  <si>
    <t>3793806.0</t>
  </si>
  <si>
    <t>159.003</t>
  </si>
  <si>
    <t>3898.3</t>
  </si>
  <si>
    <t>20541421.0</t>
  </si>
  <si>
    <t>15063365.0</t>
  </si>
  <si>
    <t>5478056.0</t>
  </si>
  <si>
    <t>336462.0</t>
  </si>
  <si>
    <t>292009.0</t>
  </si>
  <si>
    <t>180855.0</t>
  </si>
  <si>
    <t>3813775.0</t>
  </si>
  <si>
    <t>159.84</t>
  </si>
  <si>
    <t>3842.7</t>
  </si>
  <si>
    <t>20920995.0</t>
  </si>
  <si>
    <t>15229608.0</t>
  </si>
  <si>
    <t>5691387.0</t>
  </si>
  <si>
    <t>379574.0</t>
  </si>
  <si>
    <t>178512.0</t>
  </si>
  <si>
    <t>3829315.0</t>
  </si>
  <si>
    <t>160.492</t>
  </si>
  <si>
    <t>4598.5</t>
  </si>
  <si>
    <t>21264787.0</t>
  </si>
  <si>
    <t>15353595.0</t>
  </si>
  <si>
    <t>5911192.0</t>
  </si>
  <si>
    <t>343792.0</t>
  </si>
  <si>
    <t>319824.0</t>
  </si>
  <si>
    <t>171637.0</t>
  </si>
  <si>
    <t>3847948.0</t>
  </si>
  <si>
    <t>161.273</t>
  </si>
  <si>
    <t>3882.1</t>
  </si>
  <si>
    <t>21717020.0</t>
  </si>
  <si>
    <t>15555520.0</t>
  </si>
  <si>
    <t>6161500.0</t>
  </si>
  <si>
    <t>452233.0</t>
  </si>
  <si>
    <t>326000.0</t>
  </si>
  <si>
    <t>3861996.0</t>
  </si>
  <si>
    <t>161.861</t>
  </si>
  <si>
    <t>338542.0</t>
  </si>
  <si>
    <t>171795.0</t>
  </si>
  <si>
    <t>3872171.0</t>
  </si>
  <si>
    <t>162.288</t>
  </si>
  <si>
    <t>3906.8</t>
  </si>
  <si>
    <t>22283271.0</t>
  </si>
  <si>
    <t>15865789.0</t>
  </si>
  <si>
    <t>6417482.0</t>
  </si>
  <si>
    <t>351084.0</t>
  </si>
  <si>
    <t>93.26</t>
  </si>
  <si>
    <t>177940.0</t>
  </si>
  <si>
    <t>3894678.0</t>
  </si>
  <si>
    <t>163.231</t>
  </si>
  <si>
    <t>3075.4</t>
  </si>
  <si>
    <t>22783694.0</t>
  </si>
  <si>
    <t>16105123.0</t>
  </si>
  <si>
    <t>6678571.0</t>
  </si>
  <si>
    <t>500423.0</t>
  </si>
  <si>
    <t>368391.0</t>
  </si>
  <si>
    <t>3913046.0</t>
  </si>
  <si>
    <t>164.001</t>
  </si>
  <si>
    <t>3222.5</t>
  </si>
  <si>
    <t>23217629.0</t>
  </si>
  <si>
    <t>16281201.0</t>
  </si>
  <si>
    <t>6936428.0</t>
  </si>
  <si>
    <t>433935.0</t>
  </si>
  <si>
    <t>382315.0</t>
  </si>
  <si>
    <t>3931465.0</t>
  </si>
  <si>
    <t>164.773</t>
  </si>
  <si>
    <t>2870.6</t>
  </si>
  <si>
    <t>23637150.0</t>
  </si>
  <si>
    <t>16404793.0</t>
  </si>
  <si>
    <t>7232357.0</t>
  </si>
  <si>
    <t>388022.0</t>
  </si>
  <si>
    <t>167884.0</t>
  </si>
  <si>
    <t>3946928.0</t>
  </si>
  <si>
    <t>165.421</t>
  </si>
  <si>
    <t>2613.5</t>
  </si>
  <si>
    <t>24048734.0</t>
  </si>
  <si>
    <t>16656545.0</t>
  </si>
  <si>
    <t>7392189.0</t>
  </si>
  <si>
    <t>397707.0</t>
  </si>
  <si>
    <t>186136.0</t>
  </si>
  <si>
    <t>3966011.0</t>
  </si>
  <si>
    <t>166.221</t>
  </si>
  <si>
    <t>24481074.0</t>
  </si>
  <si>
    <t>16951012.0</t>
  </si>
  <si>
    <t>7530062.0</t>
  </si>
  <si>
    <t>432340.0</t>
  </si>
  <si>
    <t>394865.0</t>
  </si>
  <si>
    <t>102.46</t>
  </si>
  <si>
    <t>199356.0</t>
  </si>
  <si>
    <t>3980708.0</t>
  </si>
  <si>
    <t>166.837</t>
  </si>
  <si>
    <t>2826.5</t>
  </si>
  <si>
    <t>382210.0</t>
  </si>
  <si>
    <t>196030.0</t>
  </si>
  <si>
    <t>3991774.0</t>
  </si>
  <si>
    <t>2718.1</t>
  </si>
  <si>
    <t>24870150.0</t>
  </si>
  <si>
    <t>17214718.0</t>
  </si>
  <si>
    <t>7655432.0</t>
  </si>
  <si>
    <t>369554.0</t>
  </si>
  <si>
    <t>-5338.0</t>
  </si>
  <si>
    <t>-223.409012264309</t>
  </si>
  <si>
    <t>4015333.0</t>
  </si>
  <si>
    <t>23559.0</t>
  </si>
  <si>
    <t>168.288</t>
  </si>
  <si>
    <t>2942.8</t>
  </si>
  <si>
    <t>25182013.0</t>
  </si>
  <si>
    <t>17286000.0</t>
  </si>
  <si>
    <t>7896013.0</t>
  </si>
  <si>
    <t>311863.0</t>
  </si>
  <si>
    <t>342617.0</t>
  </si>
  <si>
    <t>168697.0</t>
  </si>
  <si>
    <t>4034560.0</t>
  </si>
  <si>
    <t>169.094</t>
  </si>
  <si>
    <t>2963.8</t>
  </si>
  <si>
    <t>25486269.0</t>
  </si>
  <si>
    <t>17331396.0</t>
  </si>
  <si>
    <t>8154873.0</t>
  </si>
  <si>
    <t>324091.0</t>
  </si>
  <si>
    <t>150028.0</t>
  </si>
  <si>
    <t>4053589.0</t>
  </si>
  <si>
    <t>169.891</t>
  </si>
  <si>
    <t>3053.2</t>
  </si>
  <si>
    <t>25778064.0</t>
  </si>
  <si>
    <t>17384932.0</t>
  </si>
  <si>
    <t>8393132.0</t>
  </si>
  <si>
    <t>291795.0</t>
  </si>
  <si>
    <t>305845.0</t>
  </si>
  <si>
    <t>140020.0</t>
  </si>
  <si>
    <t>4069104.0</t>
  </si>
  <si>
    <t>170.541</t>
  </si>
  <si>
    <t>3393.7</t>
  </si>
  <si>
    <t>25851240.0</t>
  </si>
  <si>
    <t>17399450.0</t>
  </si>
  <si>
    <t>8451790.0</t>
  </si>
  <si>
    <t>257501.0</t>
  </si>
  <si>
    <t>106129.0</t>
  </si>
  <si>
    <t>4089561.0</t>
  </si>
  <si>
    <t>171.399</t>
  </si>
  <si>
    <t>3251.1</t>
  </si>
  <si>
    <t>26080250.0</t>
  </si>
  <si>
    <t>17436784.0</t>
  </si>
  <si>
    <t>8643466.0</t>
  </si>
  <si>
    <t>229010.0</t>
  </si>
  <si>
    <t>228454.0</t>
  </si>
  <si>
    <t>4104303.0</t>
  </si>
  <si>
    <t>172.017</t>
  </si>
  <si>
    <t>3862.6</t>
  </si>
  <si>
    <t>215068.0</t>
  </si>
  <si>
    <t>4115003.0</t>
  </si>
  <si>
    <t>172.465</t>
  </si>
  <si>
    <t>4107.3</t>
  </si>
  <si>
    <t>26281921.0</t>
  </si>
  <si>
    <t>17484037.0</t>
  </si>
  <si>
    <t>8797884.0</t>
  </si>
  <si>
    <t>201682.0</t>
  </si>
  <si>
    <t>4135346.0</t>
  </si>
  <si>
    <t>173.318</t>
  </si>
  <si>
    <t>4286.2</t>
  </si>
  <si>
    <t>26542566.0</t>
  </si>
  <si>
    <t>17557602.0</t>
  </si>
  <si>
    <t>8984964.0</t>
  </si>
  <si>
    <t>260645.0</t>
  </si>
  <si>
    <t>194365.0</t>
  </si>
  <si>
    <t>4152226.0</t>
  </si>
  <si>
    <t>174.025</t>
  </si>
  <si>
    <t>3921.8</t>
  </si>
  <si>
    <t>26768810.0</t>
  </si>
  <si>
    <t>17622921.0</t>
  </si>
  <si>
    <t>9145889.0</t>
  </si>
  <si>
    <t>226244.0</t>
  </si>
  <si>
    <t>183220.0</t>
  </si>
  <si>
    <t>4169523.0</t>
  </si>
  <si>
    <t>4140.5</t>
  </si>
  <si>
    <t>27004426.0</t>
  </si>
  <si>
    <t>17689522.0</t>
  </si>
  <si>
    <t>9314904.0</t>
  </si>
  <si>
    <t>235616.0</t>
  </si>
  <si>
    <t>175195.0</t>
  </si>
  <si>
    <t>113.02</t>
  </si>
  <si>
    <t>4183506.0</t>
  </si>
  <si>
    <t>175.336</t>
  </si>
  <si>
    <t>3268.6</t>
  </si>
  <si>
    <t>27210265.0</t>
  </si>
  <si>
    <t>17744846.0</t>
  </si>
  <si>
    <t>9465419.0</t>
  </si>
  <si>
    <t>205839.0</t>
  </si>
  <si>
    <t>49342.0</t>
  </si>
  <si>
    <t>4200868.0</t>
  </si>
  <si>
    <t>176.064</t>
  </si>
  <si>
    <t>2928.9</t>
  </si>
  <si>
    <t>27479599.0</t>
  </si>
  <si>
    <t>17808765.0</t>
  </si>
  <si>
    <t>9670834.0</t>
  </si>
  <si>
    <t>269334.0</t>
  </si>
  <si>
    <t>199907.0</t>
  </si>
  <si>
    <t>4213756.0</t>
  </si>
  <si>
    <t>176.604</t>
  </si>
  <si>
    <t>2669.6</t>
  </si>
  <si>
    <t>200493.0</t>
  </si>
  <si>
    <t>4223565.0</t>
  </si>
  <si>
    <t>177.015</t>
  </si>
  <si>
    <t>2412.4</t>
  </si>
  <si>
    <t>27689479.0</t>
  </si>
  <si>
    <t>17851199.0</t>
  </si>
  <si>
    <t>9838280.0</t>
  </si>
  <si>
    <t>201080.0</t>
  </si>
  <si>
    <t>4245916.0</t>
  </si>
  <si>
    <t>177.952</t>
  </si>
  <si>
    <t>27927621.0</t>
  </si>
  <si>
    <t>17891819.0</t>
  </si>
  <si>
    <t>10035802.0</t>
  </si>
  <si>
    <t>238142.0</t>
  </si>
  <si>
    <t>47745.0</t>
  </si>
  <si>
    <t>4264176.0</t>
  </si>
  <si>
    <t>178.717</t>
  </si>
  <si>
    <t>28161546.0</t>
  </si>
  <si>
    <t>17931470.0</t>
  </si>
  <si>
    <t>10230076.0</t>
  </si>
  <si>
    <t>233925.0</t>
  </si>
  <si>
    <t>198962.0</t>
  </si>
  <si>
    <t>117.86</t>
  </si>
  <si>
    <t>4281486.0</t>
  </si>
  <si>
    <t>179.443</t>
  </si>
  <si>
    <t>2382.3</t>
  </si>
  <si>
    <t>28403884.0</t>
  </si>
  <si>
    <t>17961336.0</t>
  </si>
  <si>
    <t>10442548.0</t>
  </si>
  <si>
    <t>242338.0</t>
  </si>
  <si>
    <t>4295795.0</t>
  </si>
  <si>
    <t>180.042</t>
  </si>
  <si>
    <t>2738.8</t>
  </si>
  <si>
    <t>28679327.0</t>
  </si>
  <si>
    <t>17981769.0</t>
  </si>
  <si>
    <t>10697558.0</t>
  </si>
  <si>
    <t>275443.0</t>
  </si>
  <si>
    <t>209866.0</t>
  </si>
  <si>
    <t>4313410.0</t>
  </si>
  <si>
    <t>180.781</t>
  </si>
  <si>
    <t>2744.9</t>
  </si>
  <si>
    <t>28986957.0</t>
  </si>
  <si>
    <t>18016118.0</t>
  </si>
  <si>
    <t>10970839.0</t>
  </si>
  <si>
    <t>307630.0</t>
  </si>
  <si>
    <t>215337.0</t>
  </si>
  <si>
    <t>29622.0</t>
  </si>
  <si>
    <t>4326470.0</t>
  </si>
  <si>
    <t>181.328</t>
  </si>
  <si>
    <t>2749.2</t>
  </si>
  <si>
    <t>225500.0</t>
  </si>
  <si>
    <t>181.761</t>
  </si>
  <si>
    <t>2696.3</t>
  </si>
  <si>
    <t>235664.0</t>
  </si>
  <si>
    <t>4356884.0</t>
  </si>
  <si>
    <t>182.603</t>
  </si>
  <si>
    <t>3082.4</t>
  </si>
  <si>
    <t>29515207.0</t>
  </si>
  <si>
    <t>18064753.0</t>
  </si>
  <si>
    <t>11450454.0</t>
  </si>
  <si>
    <t>226798.0</t>
  </si>
  <si>
    <t>4373638.0</t>
  </si>
  <si>
    <t>183.305</t>
  </si>
  <si>
    <t>2669.8</t>
  </si>
  <si>
    <t>29749086.0</t>
  </si>
  <si>
    <t>18087393.0</t>
  </si>
  <si>
    <t>11661693.0</t>
  </si>
  <si>
    <t>233879.0</t>
  </si>
  <si>
    <t>226791.0</t>
  </si>
  <si>
    <t>4390214.0</t>
  </si>
  <si>
    <t>29932419.0</t>
  </si>
  <si>
    <t>18109173.0</t>
  </si>
  <si>
    <t>11823246.0</t>
  </si>
  <si>
    <t>183333.0</t>
  </si>
  <si>
    <t>218362.0</t>
  </si>
  <si>
    <t>125.27</t>
  </si>
  <si>
    <t>4404465.0</t>
  </si>
  <si>
    <t>184.597</t>
  </si>
  <si>
    <t>30254219.0</t>
  </si>
  <si>
    <t>18136444.0</t>
  </si>
  <si>
    <t>12117775.0</t>
  </si>
  <si>
    <t>321800.0</t>
  </si>
  <si>
    <t>4423139.0</t>
  </si>
  <si>
    <t>2194.6</t>
  </si>
  <si>
    <t>30648405.0</t>
  </si>
  <si>
    <t>18168092.0</t>
  </si>
  <si>
    <t>12480313.0</t>
  </si>
  <si>
    <t>394186.0</t>
  </si>
  <si>
    <t>237350.0</t>
  </si>
  <si>
    <t>4435973.0</t>
  </si>
  <si>
    <t>185.917</t>
  </si>
  <si>
    <t>1887.9</t>
  </si>
  <si>
    <t>4445777.0</t>
  </si>
  <si>
    <t>186.328</t>
  </si>
  <si>
    <t>1846.8</t>
  </si>
  <si>
    <t>30965234.0</t>
  </si>
  <si>
    <t>18193419.0</t>
  </si>
  <si>
    <t>12771815.0</t>
  </si>
  <si>
    <t>232301.0</t>
  </si>
  <si>
    <t>4468092.0</t>
  </si>
  <si>
    <t>187.264</t>
  </si>
  <si>
    <t>1737.6</t>
  </si>
  <si>
    <t>31255998.0</t>
  </si>
  <si>
    <t>18216396.0</t>
  </si>
  <si>
    <t>13039602.0</t>
  </si>
  <si>
    <t>290764.0</t>
  </si>
  <si>
    <t>248684.0</t>
  </si>
  <si>
    <t>4485461.0</t>
  </si>
  <si>
    <t>187.992</t>
  </si>
  <si>
    <t>1803.7</t>
  </si>
  <si>
    <t>31546833.0</t>
  </si>
  <si>
    <t>18246772.0</t>
  </si>
  <si>
    <t>13300061.0</t>
  </si>
  <si>
    <t>290835.0</t>
  </si>
  <si>
    <t>256821.0</t>
  </si>
  <si>
    <t>-4164.6</t>
  </si>
  <si>
    <t>-174.299208032211</t>
  </si>
  <si>
    <t>4502543.0</t>
  </si>
  <si>
    <t>188.707</t>
  </si>
  <si>
    <t>1728.1</t>
  </si>
  <si>
    <t>31810156.0</t>
  </si>
  <si>
    <t>18272135.0</t>
  </si>
  <si>
    <t>13538021.0</t>
  </si>
  <si>
    <t>263323.0</t>
  </si>
  <si>
    <t>268248.0</t>
  </si>
  <si>
    <t>133.13</t>
  </si>
  <si>
    <t>4515945.0</t>
  </si>
  <si>
    <t>189.269</t>
  </si>
  <si>
    <t>1548.3</t>
  </si>
  <si>
    <t>31998733.0</t>
  </si>
  <si>
    <t>18281218.0</t>
  </si>
  <si>
    <t>13717515.0</t>
  </si>
  <si>
    <t>188577.0</t>
  </si>
  <si>
    <t>249216.0</t>
  </si>
  <si>
    <t>4534073.0</t>
  </si>
  <si>
    <t>190.029</t>
  </si>
  <si>
    <t>1562.5</t>
  </si>
  <si>
    <t>32273067.0</t>
  </si>
  <si>
    <t>18290428.0</t>
  </si>
  <si>
    <t>13982639.0</t>
  </si>
  <si>
    <t>274334.0</t>
  </si>
  <si>
    <t>232095.0</t>
  </si>
  <si>
    <t>4546342.0</t>
  </si>
  <si>
    <t>190.543</t>
  </si>
  <si>
    <t>1576.7</t>
  </si>
  <si>
    <t>223646.0</t>
  </si>
  <si>
    <t>4556503.0</t>
  </si>
  <si>
    <t>190.969</t>
  </si>
  <si>
    <t>1730.1</t>
  </si>
  <si>
    <t>32471621.0</t>
  </si>
  <si>
    <t>18302323.0</t>
  </si>
  <si>
    <t>14169298.0</t>
  </si>
  <si>
    <t>4577376.0</t>
  </si>
  <si>
    <t>191.844</t>
  </si>
  <si>
    <t>1655.7</t>
  </si>
  <si>
    <t>32680126.0</t>
  </si>
  <si>
    <t>18317806.0</t>
  </si>
  <si>
    <t>14362320.0</t>
  </si>
  <si>
    <t>208505.0</t>
  </si>
  <si>
    <t>203447.0</t>
  </si>
  <si>
    <t>4594605.0</t>
  </si>
  <si>
    <t>192.566</t>
  </si>
  <si>
    <t>1331.1</t>
  </si>
  <si>
    <t>32885283.0</t>
  </si>
  <si>
    <t>18338424.0</t>
  </si>
  <si>
    <t>14546859.0</t>
  </si>
  <si>
    <t>205157.0</t>
  </si>
  <si>
    <t>4611463.0</t>
  </si>
  <si>
    <t>193.272</t>
  </si>
  <si>
    <t>1378.7</t>
  </si>
  <si>
    <t>33071707.0</t>
  </si>
  <si>
    <t>18355174.0</t>
  </si>
  <si>
    <t>14716533.0</t>
  </si>
  <si>
    <t>186424.0</t>
  </si>
  <si>
    <t>180222.0</t>
  </si>
  <si>
    <t>4625335.0</t>
  </si>
  <si>
    <t>193.854</t>
  </si>
  <si>
    <t>1402.4</t>
  </si>
  <si>
    <t>33200156.0</t>
  </si>
  <si>
    <t>18391917.0</t>
  </si>
  <si>
    <t>14808239.0</t>
  </si>
  <si>
    <t>128449.0</t>
  </si>
  <si>
    <t>171632.0</t>
  </si>
  <si>
    <t>4643785.0</t>
  </si>
  <si>
    <t>194.627</t>
  </si>
  <si>
    <t>33374778.0</t>
  </si>
  <si>
    <t>18436686.0</t>
  </si>
  <si>
    <t>14938092.0</t>
  </si>
  <si>
    <t>174622.0</t>
  </si>
  <si>
    <t>20894.0</t>
  </si>
  <si>
    <t>4656124.0</t>
  </si>
  <si>
    <t>195.144</t>
  </si>
  <si>
    <t>1322.7</t>
  </si>
  <si>
    <t>4665612.0</t>
  </si>
  <si>
    <t>195.542</t>
  </si>
  <si>
    <t>33497204.0</t>
  </si>
  <si>
    <t>18472049.0</t>
  </si>
  <si>
    <t>15025155.0</t>
  </si>
  <si>
    <t>146512.0</t>
  </si>
  <si>
    <t>24247.0</t>
  </si>
  <si>
    <t>4683432.0</t>
  </si>
  <si>
    <t>196.289</t>
  </si>
  <si>
    <t>1325.7</t>
  </si>
  <si>
    <t>33607831.0</t>
  </si>
  <si>
    <t>18503657.0</t>
  </si>
  <si>
    <t>15104174.0</t>
  </si>
  <si>
    <t>110627.0</t>
  </si>
  <si>
    <t>4704058.0</t>
  </si>
  <si>
    <t>1586.3</t>
  </si>
  <si>
    <t>33681869.0</t>
  </si>
  <si>
    <t>18525192.0</t>
  </si>
  <si>
    <t>15156677.0</t>
  </si>
  <si>
    <t>35964.0</t>
  </si>
  <si>
    <t>74038.0</t>
  </si>
  <si>
    <t>113798.0</t>
  </si>
  <si>
    <t>4724618.0</t>
  </si>
  <si>
    <t>198.015</t>
  </si>
  <si>
    <t>1593.7</t>
  </si>
  <si>
    <t>33752634.0</t>
  </si>
  <si>
    <t>18544759.0</t>
  </si>
  <si>
    <t>15207875.0</t>
  </si>
  <si>
    <t>70765.0</t>
  </si>
  <si>
    <t>4740656.0</t>
  </si>
  <si>
    <t>198.687</t>
  </si>
  <si>
    <t>1721.2</t>
  </si>
  <si>
    <t>33814393.0</t>
  </si>
  <si>
    <t>18562693.0</t>
  </si>
  <si>
    <t>15251700.0</t>
  </si>
  <si>
    <t>61759.0</t>
  </si>
  <si>
    <t>87748.0</t>
  </si>
  <si>
    <t>4760079.0</t>
  </si>
  <si>
    <t>199.501</t>
  </si>
  <si>
    <t>16613.0</t>
  </si>
  <si>
    <t>33911110.0</t>
  </si>
  <si>
    <t>18585322.0</t>
  </si>
  <si>
    <t>15325788.0</t>
  </si>
  <si>
    <t>96717.0</t>
  </si>
  <si>
    <t>76619.0</t>
  </si>
  <si>
    <t>4772886.0</t>
  </si>
  <si>
    <t>200.038</t>
  </si>
  <si>
    <t>1717.1</t>
  </si>
  <si>
    <t>19918.0</t>
  </si>
  <si>
    <t>4783441.0</t>
  </si>
  <si>
    <t>1732.9</t>
  </si>
  <si>
    <t>33972881.0</t>
  </si>
  <si>
    <t>18602263.0</t>
  </si>
  <si>
    <t>15370618.0</t>
  </si>
  <si>
    <t>4804948.0</t>
  </si>
  <si>
    <t>201.382</t>
  </si>
  <si>
    <t>1642.1</t>
  </si>
  <si>
    <t>34033524.0</t>
  </si>
  <si>
    <t>18616700.0</t>
  </si>
  <si>
    <t>15416824.0</t>
  </si>
  <si>
    <t>64155.0</t>
  </si>
  <si>
    <t>60813.0</t>
  </si>
  <si>
    <t>4822253.0</t>
  </si>
  <si>
    <t>202.107</t>
  </si>
  <si>
    <t>1597.3</t>
  </si>
  <si>
    <t>34094516.0</t>
  </si>
  <si>
    <t>18631066.0</t>
  </si>
  <si>
    <t>15463450.0</t>
  </si>
  <si>
    <t>142.69</t>
  </si>
  <si>
    <t>4838459.0</t>
  </si>
  <si>
    <t>202.786</t>
  </si>
  <si>
    <t>1405.5</t>
  </si>
  <si>
    <t>34156661.0</t>
  </si>
  <si>
    <t>18643736.0</t>
  </si>
  <si>
    <t>15512925.0</t>
  </si>
  <si>
    <t>62145.0</t>
  </si>
  <si>
    <t>4852623.0</t>
  </si>
  <si>
    <t>1365.5</t>
  </si>
  <si>
    <t>34207789.0</t>
  </si>
  <si>
    <t>18651286.0</t>
  </si>
  <si>
    <t>15556503.0</t>
  </si>
  <si>
    <t>82316.0</t>
  </si>
  <si>
    <t>4869281.0</t>
  </si>
  <si>
    <t>204.078</t>
  </si>
  <si>
    <t>1255.1</t>
  </si>
  <si>
    <t>34323445.0</t>
  </si>
  <si>
    <t>18660339.0</t>
  </si>
  <si>
    <t>15663106.0</t>
  </si>
  <si>
    <t>115656.0</t>
  </si>
  <si>
    <t>4882129.0</t>
  </si>
  <si>
    <t>204.616</t>
  </si>
  <si>
    <t>1187.4</t>
  </si>
  <si>
    <t>4892586.0</t>
  </si>
  <si>
    <t>205.055</t>
  </si>
  <si>
    <t>34352780.0</t>
  </si>
  <si>
    <t>18667883.0</t>
  </si>
  <si>
    <t>15684897.0</t>
  </si>
  <si>
    <t>97913.0</t>
  </si>
  <si>
    <t>4910270.0</t>
  </si>
  <si>
    <t>205.796</t>
  </si>
  <si>
    <t>915.8</t>
  </si>
  <si>
    <t>34412193.0</t>
  </si>
  <si>
    <t>18676061.0</t>
  </si>
  <si>
    <t>15736132.0</t>
  </si>
  <si>
    <t>105759.0</t>
  </si>
  <si>
    <t>4925465.0</t>
  </si>
  <si>
    <t>206.433</t>
  </si>
  <si>
    <t>34493865.0</t>
  </si>
  <si>
    <t>18684915.0</t>
  </si>
  <si>
    <t>15808950.0</t>
  </si>
  <si>
    <t>81672.0</t>
  </si>
  <si>
    <t>57050.0</t>
  </si>
  <si>
    <t>4940594.0</t>
  </si>
  <si>
    <t>207.067</t>
  </si>
  <si>
    <t>823.7</t>
  </si>
  <si>
    <t>4954386.0</t>
  </si>
  <si>
    <t>207.645</t>
  </si>
  <si>
    <t>753.8</t>
  </si>
  <si>
    <t>34824423.0</t>
  </si>
  <si>
    <t>18706490.0</t>
  </si>
  <si>
    <t>16117933.0</t>
  </si>
  <si>
    <t>151423.0</t>
  </si>
  <si>
    <t>4968777.0</t>
  </si>
  <si>
    <t>208.248</t>
  </si>
  <si>
    <t>34872136.0</t>
  </si>
  <si>
    <t>18712858.0</t>
  </si>
  <si>
    <t>16159278.0</t>
  </si>
  <si>
    <t>158706.0</t>
  </si>
  <si>
    <t>-3424.4</t>
  </si>
  <si>
    <t>-143.319936605077</t>
  </si>
  <si>
    <t>4979115.0</t>
  </si>
  <si>
    <t>208.681</t>
  </si>
  <si>
    <t>77572.0</t>
  </si>
  <si>
    <t>4989137.0</t>
  </si>
  <si>
    <t>209.101</t>
  </si>
  <si>
    <t>622.9</t>
  </si>
  <si>
    <t>34890100.0</t>
  </si>
  <si>
    <t>18716801.0</t>
  </si>
  <si>
    <t>16173299.0</t>
  </si>
  <si>
    <t>161763.0</t>
  </si>
  <si>
    <t>76760.0</t>
  </si>
  <si>
    <t>5008435.0</t>
  </si>
  <si>
    <t>598.6</t>
  </si>
  <si>
    <t>34936462.0</t>
  </si>
  <si>
    <t>18724023.0</t>
  </si>
  <si>
    <t>16212439.0</t>
  </si>
  <si>
    <t>169098.0</t>
  </si>
  <si>
    <t>74896.0</t>
  </si>
  <si>
    <t>5027048.0</t>
  </si>
  <si>
    <t>567.5</t>
  </si>
  <si>
    <t>34993341.0</t>
  </si>
  <si>
    <t>18732602.0</t>
  </si>
  <si>
    <t>16260739.0</t>
  </si>
  <si>
    <t>180662.0</t>
  </si>
  <si>
    <t>146.46</t>
  </si>
  <si>
    <t>5047043.0</t>
  </si>
  <si>
    <t>211.528</t>
  </si>
  <si>
    <t>557.3</t>
  </si>
  <si>
    <t>35055472.0</t>
  </si>
  <si>
    <t>18741943.0</t>
  </si>
  <si>
    <t>16313529.0</t>
  </si>
  <si>
    <t>194422.0</t>
  </si>
  <si>
    <t>56618.0</t>
  </si>
  <si>
    <t>146.72</t>
  </si>
  <si>
    <t>5064730.0</t>
  </si>
  <si>
    <t>212.269</t>
  </si>
  <si>
    <t>525.4</t>
  </si>
  <si>
    <t>35147108.0</t>
  </si>
  <si>
    <t>18751788.0</t>
  </si>
  <si>
    <t>16395320.0</t>
  </si>
  <si>
    <t>217245.0</t>
  </si>
  <si>
    <t>5087353.0</t>
  </si>
  <si>
    <t>213.218</t>
  </si>
  <si>
    <t>517.8</t>
  </si>
  <si>
    <t>35306926.0</t>
  </si>
  <si>
    <t>18766646.0</t>
  </si>
  <si>
    <t>16540280.0</t>
  </si>
  <si>
    <t>274304.0</t>
  </si>
  <si>
    <t>5104904.0</t>
  </si>
  <si>
    <t>17551.0</t>
  </si>
  <si>
    <t>213.953</t>
  </si>
  <si>
    <t>499.2</t>
  </si>
  <si>
    <t>5126020.0</t>
  </si>
  <si>
    <t>214.838</t>
  </si>
  <si>
    <t>468.8</t>
  </si>
  <si>
    <t>5152776.0</t>
  </si>
  <si>
    <t>482.7</t>
  </si>
  <si>
    <t>72815.0</t>
  </si>
  <si>
    <t>5176739.0</t>
  </si>
  <si>
    <t>216.964</t>
  </si>
  <si>
    <t>448.2</t>
  </si>
  <si>
    <t>71320.0</t>
  </si>
  <si>
    <t>5199892.0</t>
  </si>
  <si>
    <t>217.934</t>
  </si>
  <si>
    <t>35538991.0</t>
  </si>
  <si>
    <t>18812827.0</t>
  </si>
  <si>
    <t>16726164.0</t>
  </si>
  <si>
    <t>852096.0</t>
  </si>
  <si>
    <t>69074.0</t>
  </si>
  <si>
    <t>5221808.0</t>
  </si>
  <si>
    <t>218.853</t>
  </si>
  <si>
    <t>5247708.0</t>
  </si>
  <si>
    <t>219.938</t>
  </si>
  <si>
    <t>35698752.0</t>
  </si>
  <si>
    <t>18846087.0</t>
  </si>
  <si>
    <t>16852665.0</t>
  </si>
  <si>
    <t>1432500.0</t>
  </si>
  <si>
    <t>5270640.0</t>
  </si>
  <si>
    <t>220.899</t>
  </si>
  <si>
    <t>175774.0</t>
  </si>
  <si>
    <t>5291927.0</t>
  </si>
  <si>
    <t>221.792</t>
  </si>
  <si>
    <t>362.2</t>
  </si>
  <si>
    <t>37468756.0</t>
  </si>
  <si>
    <t>18865900.0</t>
  </si>
  <si>
    <t>16906379.0</t>
  </si>
  <si>
    <t>1696477.0</t>
  </si>
  <si>
    <t>295572.0</t>
  </si>
  <si>
    <t>5321117.0</t>
  </si>
  <si>
    <t>223.015</t>
  </si>
  <si>
    <t>37917556.0</t>
  </si>
  <si>
    <t>18881397.0</t>
  </si>
  <si>
    <t>16950016.0</t>
  </si>
  <si>
    <t>2086143.0</t>
  </si>
  <si>
    <t>448800.0</t>
  </si>
  <si>
    <t>353056.0</t>
  </si>
  <si>
    <t>5351761.0</t>
  </si>
  <si>
    <t>224.299</t>
  </si>
  <si>
    <t>38359182.0</t>
  </si>
  <si>
    <t>18897143.0</t>
  </si>
  <si>
    <t>16991717.0</t>
  </si>
  <si>
    <t>2470322.0</t>
  </si>
  <si>
    <t>441626.0</t>
  </si>
  <si>
    <t>409515.0</t>
  </si>
  <si>
    <t>5382449.0</t>
  </si>
  <si>
    <t>225.585</t>
  </si>
  <si>
    <t>409.3</t>
  </si>
  <si>
    <t>38825635.0</t>
  </si>
  <si>
    <t>18913497.0</t>
  </si>
  <si>
    <t>17032790.0</t>
  </si>
  <si>
    <t>2879348.0</t>
  </si>
  <si>
    <t>466453.0</t>
  </si>
  <si>
    <t>469521.0</t>
  </si>
  <si>
    <t>5406789.0</t>
  </si>
  <si>
    <t>226.606</t>
  </si>
  <si>
    <t>26426.0</t>
  </si>
  <si>
    <t>39296381.0</t>
  </si>
  <si>
    <t>18930412.0</t>
  </si>
  <si>
    <t>17103848.0</t>
  </si>
  <si>
    <t>3262121.0</t>
  </si>
  <si>
    <t>525358.0</t>
  </si>
  <si>
    <t>5433316.0</t>
  </si>
  <si>
    <t>26527.0</t>
  </si>
  <si>
    <t>227.717</t>
  </si>
  <si>
    <t>445.1</t>
  </si>
  <si>
    <t>39795263.0</t>
  </si>
  <si>
    <t>18949968.0</t>
  </si>
  <si>
    <t>17157687.0</t>
  </si>
  <si>
    <t>3687608.0</t>
  </si>
  <si>
    <t>498882.0</t>
  </si>
  <si>
    <t>585216.0</t>
  </si>
  <si>
    <t>5458365.0</t>
  </si>
  <si>
    <t>400.3</t>
  </si>
  <si>
    <t>488355.0</t>
  </si>
  <si>
    <t>5486267.0</t>
  </si>
  <si>
    <t>229.937</t>
  </si>
  <si>
    <t>40209215.0</t>
  </si>
  <si>
    <t>18971987.0</t>
  </si>
  <si>
    <t>17203039.0</t>
  </si>
  <si>
    <t>4034189.0</t>
  </si>
  <si>
    <t>391494.0</t>
  </si>
  <si>
    <t>5530584.0</t>
  </si>
  <si>
    <t>231.794</t>
  </si>
  <si>
    <t>40597586.0</t>
  </si>
  <si>
    <t>18995846.0</t>
  </si>
  <si>
    <t>17252125.0</t>
  </si>
  <si>
    <t>4349615.0</t>
  </si>
  <si>
    <t>388371.0</t>
  </si>
  <si>
    <t>5566195.0</t>
  </si>
  <si>
    <t>233.286</t>
  </si>
  <si>
    <t>40955834.0</t>
  </si>
  <si>
    <t>19020549.0</t>
  </si>
  <si>
    <t>17301857.0</t>
  </si>
  <si>
    <t>4633428.0</t>
  </si>
  <si>
    <t>358248.0</t>
  </si>
  <si>
    <t>370950.0</t>
  </si>
  <si>
    <t>5599513.0</t>
  </si>
  <si>
    <t>234.683</t>
  </si>
  <si>
    <t>435.9</t>
  </si>
  <si>
    <t>41313585.0</t>
  </si>
  <si>
    <t>19045429.0</t>
  </si>
  <si>
    <t>17349229.0</t>
  </si>
  <si>
    <t>4918927.0</t>
  </si>
  <si>
    <t>357751.0</t>
  </si>
  <si>
    <t>355421.0</t>
  </si>
  <si>
    <t>172.91</t>
  </si>
  <si>
    <t>5629227.0</t>
  </si>
  <si>
    <t>235.928</t>
  </si>
  <si>
    <t>423.7</t>
  </si>
  <si>
    <t>41659662.0</t>
  </si>
  <si>
    <t>19070001.0</t>
  </si>
  <si>
    <t>17395522.0</t>
  </si>
  <si>
    <t>5194139.0</t>
  </si>
  <si>
    <t>346077.0</t>
  </si>
  <si>
    <t>337612.0</t>
  </si>
  <si>
    <t>19941.0</t>
  </si>
  <si>
    <t>5652507.0</t>
  </si>
  <si>
    <t>236.904</t>
  </si>
  <si>
    <t>41984449.0</t>
  </si>
  <si>
    <t>19091332.0</t>
  </si>
  <si>
    <t>17443080.0</t>
  </si>
  <si>
    <t>5450037.0</t>
  </si>
  <si>
    <t>324787.0</t>
  </si>
  <si>
    <t>312741.0</t>
  </si>
  <si>
    <t>175.72</t>
  </si>
  <si>
    <t>5668383.0</t>
  </si>
  <si>
    <t>237.569</t>
  </si>
  <si>
    <t>474.1</t>
  </si>
  <si>
    <t>288248.0</t>
  </si>
  <si>
    <t>5681423.0</t>
  </si>
  <si>
    <t>238.116</t>
  </si>
  <si>
    <t>263755.0</t>
  </si>
  <si>
    <t>5691944.0</t>
  </si>
  <si>
    <t>238.557</t>
  </si>
  <si>
    <t>389.8</t>
  </si>
  <si>
    <t>213348.0</t>
  </si>
  <si>
    <t>-3486.7</t>
  </si>
  <si>
    <t>-145.927351641433</t>
  </si>
  <si>
    <t>5703008.0</t>
  </si>
  <si>
    <t>239.02</t>
  </si>
  <si>
    <t>167245.0</t>
  </si>
  <si>
    <t>5714233.0</t>
  </si>
  <si>
    <t>239.491</t>
  </si>
  <si>
    <t>121213.0</t>
  </si>
  <si>
    <t>5727782.0</t>
  </si>
  <si>
    <t>240.059</t>
  </si>
  <si>
    <t>76848.0</t>
  </si>
  <si>
    <t>5748175.0</t>
  </si>
  <si>
    <t>240.914</t>
  </si>
  <si>
    <t>5769725.0</t>
  </si>
  <si>
    <t>241.817</t>
  </si>
  <si>
    <t>5794984.0</t>
  </si>
  <si>
    <t>242.875</t>
  </si>
  <si>
    <t>42304177.0</t>
  </si>
  <si>
    <t>19128417.0</t>
  </si>
  <si>
    <t>17500885.0</t>
  </si>
  <si>
    <t>5674875.0</t>
  </si>
  <si>
    <t>5842096.0</t>
  </si>
  <si>
    <t>21450.0</t>
  </si>
  <si>
    <t>373.5</t>
  </si>
  <si>
    <t>42494576.0</t>
  </si>
  <si>
    <t>19143317.0</t>
  </si>
  <si>
    <t>17522132.0</t>
  </si>
  <si>
    <t>5829127.0</t>
  </si>
  <si>
    <t>57650.0</t>
  </si>
  <si>
    <t>5876356.0</t>
  </si>
  <si>
    <t>246.286</t>
  </si>
  <si>
    <t>42711112.0</t>
  </si>
  <si>
    <t>19158088.0</t>
  </si>
  <si>
    <t>17547825.0</t>
  </si>
  <si>
    <t>6005199.0</t>
  </si>
  <si>
    <t>5905882.0</t>
  </si>
  <si>
    <t>42972945.0</t>
  </si>
  <si>
    <t>19173592.0</t>
  </si>
  <si>
    <t>17575605.0</t>
  </si>
  <si>
    <t>6223748.0</t>
  </si>
  <si>
    <t>261833.0</t>
  </si>
  <si>
    <t>115838.0</t>
  </si>
  <si>
    <t>5932053.0</t>
  </si>
  <si>
    <t>488.7</t>
  </si>
  <si>
    <t>43301507.0</t>
  </si>
  <si>
    <t>19188185.0</t>
  </si>
  <si>
    <t>17601632.0</t>
  </si>
  <si>
    <t>6511690.0</t>
  </si>
  <si>
    <t>157701.0</t>
  </si>
  <si>
    <t>5960102.0</t>
  </si>
  <si>
    <t>249.796</t>
  </si>
  <si>
    <t>497.5</t>
  </si>
  <si>
    <t>43675231.0</t>
  </si>
  <si>
    <t>19202240.0</t>
  </si>
  <si>
    <t>17628144.0</t>
  </si>
  <si>
    <t>6844847.0</t>
  </si>
  <si>
    <t>373724.0</t>
  </si>
  <si>
    <t>206015.0</t>
  </si>
  <si>
    <t>5984266.0</t>
  </si>
  <si>
    <t>250.808</t>
  </si>
  <si>
    <t>30649.0</t>
  </si>
  <si>
    <t>220526.0</t>
  </si>
  <si>
    <t>6004984.0</t>
  </si>
  <si>
    <t>43949438.0</t>
  </si>
  <si>
    <t>19215321.0</t>
  </si>
  <si>
    <t>17651385.0</t>
  </si>
  <si>
    <t>7082732.0</t>
  </si>
  <si>
    <t>183.94</t>
  </si>
  <si>
    <t>6038356.0</t>
  </si>
  <si>
    <t>33372.0</t>
  </si>
  <si>
    <t>253.075</t>
  </si>
  <si>
    <t>44240634.0</t>
  </si>
  <si>
    <t>19229131.0</t>
  </si>
  <si>
    <t>17675305.0</t>
  </si>
  <si>
    <t>7336198.0</t>
  </si>
  <si>
    <t>291196.0</t>
  </si>
  <si>
    <t>6066184.0</t>
  </si>
  <si>
    <t>254.242</t>
  </si>
  <si>
    <t>444.6</t>
  </si>
  <si>
    <t>44535618.0</t>
  </si>
  <si>
    <t>19243196.0</t>
  </si>
  <si>
    <t>17703242.0</t>
  </si>
  <si>
    <t>7589180.0</t>
  </si>
  <si>
    <t>260644.0</t>
  </si>
  <si>
    <t>6096172.0</t>
  </si>
  <si>
    <t>255.499</t>
  </si>
  <si>
    <t>27184.0</t>
  </si>
  <si>
    <t>433.5</t>
  </si>
  <si>
    <t>44870859.0</t>
  </si>
  <si>
    <t>19256314.0</t>
  </si>
  <si>
    <t>17728325.0</t>
  </si>
  <si>
    <t>7886220.0</t>
  </si>
  <si>
    <t>335241.0</t>
  </si>
  <si>
    <t>6118207.0</t>
  </si>
  <si>
    <t>256.422</t>
  </si>
  <si>
    <t>45187411.0</t>
  </si>
  <si>
    <t>19268236.0</t>
  </si>
  <si>
    <t>17753956.0</t>
  </si>
  <si>
    <t>8165219.0</t>
  </si>
  <si>
    <t>316552.0</t>
  </si>
  <si>
    <t>269415.0</t>
  </si>
  <si>
    <t>6143387.0</t>
  </si>
  <si>
    <t>257.477</t>
  </si>
  <si>
    <t>448.1</t>
  </si>
  <si>
    <t>45519126.0</t>
  </si>
  <si>
    <t>19280344.0</t>
  </si>
  <si>
    <t>17782531.0</t>
  </si>
  <si>
    <t>8456251.0</t>
  </si>
  <si>
    <t>331715.0</t>
  </si>
  <si>
    <t>6161836.0</t>
  </si>
  <si>
    <t>18449.0</t>
  </si>
  <si>
    <t>258.251</t>
  </si>
  <si>
    <t>262076.0</t>
  </si>
  <si>
    <t>6174102.0</t>
  </si>
  <si>
    <t>258.765</t>
  </si>
  <si>
    <t>384.4</t>
  </si>
  <si>
    <t>45774604.0</t>
  </si>
  <si>
    <t>19289517.0</t>
  </si>
  <si>
    <t>17802516.0</t>
  </si>
  <si>
    <t>8682571.0</t>
  </si>
  <si>
    <t>260738.0</t>
  </si>
  <si>
    <t>6202494.0</t>
  </si>
  <si>
    <t>259.955</t>
  </si>
  <si>
    <t>377.3</t>
  </si>
  <si>
    <t>45969148.0</t>
  </si>
  <si>
    <t>19298010.0</t>
  </si>
  <si>
    <t>17821014.0</t>
  </si>
  <si>
    <t>8850124.0</t>
  </si>
  <si>
    <t>194544.0</t>
  </si>
  <si>
    <t>246931.0</t>
  </si>
  <si>
    <t>6224951.0</t>
  </si>
  <si>
    <t>260.896</t>
  </si>
  <si>
    <t>46146010.0</t>
  </si>
  <si>
    <t>19306415.0</t>
  </si>
  <si>
    <t>17840967.0</t>
  </si>
  <si>
    <t>8998628.0</t>
  </si>
  <si>
    <t>176862.0</t>
  </si>
  <si>
    <t>6245633.0</t>
  </si>
  <si>
    <t>352.5</t>
  </si>
  <si>
    <t>46309072.0</t>
  </si>
  <si>
    <t>19313791.0</t>
  </si>
  <si>
    <t>17859720.0</t>
  </si>
  <si>
    <t>9135561.0</t>
  </si>
  <si>
    <t>163062.0</t>
  </si>
  <si>
    <t>205459.0</t>
  </si>
  <si>
    <t>193.82</t>
  </si>
  <si>
    <t>6267979.0</t>
  </si>
  <si>
    <t>262.699</t>
  </si>
  <si>
    <t>21396.0</t>
  </si>
  <si>
    <t>46498444.0</t>
  </si>
  <si>
    <t>19321620.0</t>
  </si>
  <si>
    <t>17881661.0</t>
  </si>
  <si>
    <t>9295163.0</t>
  </si>
  <si>
    <t>189372.0</t>
  </si>
  <si>
    <t>6286908.0</t>
  </si>
  <si>
    <t>263.493</t>
  </si>
  <si>
    <t>46814037.0</t>
  </si>
  <si>
    <t>19330531.0</t>
  </si>
  <si>
    <t>17908348.0</t>
  </si>
  <si>
    <t>9575158.0</t>
  </si>
  <si>
    <t>184987.0</t>
  </si>
  <si>
    <t>6304068.0</t>
  </si>
  <si>
    <t>20319.0</t>
  </si>
  <si>
    <t>6317975.0</t>
  </si>
  <si>
    <t>264.795</t>
  </si>
  <si>
    <t>6337700.0</t>
  </si>
  <si>
    <t>265.621</t>
  </si>
  <si>
    <t>47148570.0</t>
  </si>
  <si>
    <t>19342050.0</t>
  </si>
  <si>
    <t>17938722.0</t>
  </si>
  <si>
    <t>9867798.0</t>
  </si>
  <si>
    <t>168489.0</t>
  </si>
  <si>
    <t>197.33</t>
  </si>
  <si>
    <t>-3706.6</t>
  </si>
  <si>
    <t>-155.130731520961</t>
  </si>
  <si>
    <t>6364927.0</t>
  </si>
  <si>
    <t>266.762</t>
  </si>
  <si>
    <t>47328210.0</t>
  </si>
  <si>
    <t>19348245.0</t>
  </si>
  <si>
    <t>17954500.0</t>
  </si>
  <si>
    <t>10025465.0</t>
  </si>
  <si>
    <t>179640.0</t>
  </si>
  <si>
    <t>168886.0</t>
  </si>
  <si>
    <t>6387373.0</t>
  </si>
  <si>
    <t>267.703</t>
  </si>
  <si>
    <t>332.7</t>
  </si>
  <si>
    <t>47473704.0</t>
  </si>
  <si>
    <t>19354205.0</t>
  </si>
  <si>
    <t>17969812.0</t>
  </si>
  <si>
    <t>10149687.0</t>
  </si>
  <si>
    <t>145494.0</t>
  </si>
  <si>
    <t>6405391.0</t>
  </si>
  <si>
    <t>268.458</t>
  </si>
  <si>
    <t>47610594.0</t>
  </si>
  <si>
    <t>19360394.0</t>
  </si>
  <si>
    <t>17985375.0</t>
  </si>
  <si>
    <t>10264825.0</t>
  </si>
  <si>
    <t>136890.0</t>
  </si>
  <si>
    <t>158879.0</t>
  </si>
  <si>
    <t>6428102.0</t>
  </si>
  <si>
    <t>269.41</t>
  </si>
  <si>
    <t>341.9</t>
  </si>
  <si>
    <t>47794860.0</t>
  </si>
  <si>
    <t>19366499.0</t>
  </si>
  <si>
    <t>18003704.0</t>
  </si>
  <si>
    <t>10424657.0</t>
  </si>
  <si>
    <t>184266.0</t>
  </si>
  <si>
    <t>140118.0</t>
  </si>
  <si>
    <t>6447590.0</t>
  </si>
  <si>
    <t>270.227</t>
  </si>
  <si>
    <t>338.5</t>
  </si>
  <si>
    <t>135199.0</t>
  </si>
  <si>
    <t>6460276.0</t>
  </si>
  <si>
    <t>270.759</t>
  </si>
  <si>
    <t>349.6</t>
  </si>
  <si>
    <t>47949019.0</t>
  </si>
  <si>
    <t>19371559.0</t>
  </si>
  <si>
    <t>18018937.0</t>
  </si>
  <si>
    <t>10558523.0</t>
  </si>
  <si>
    <t>6487230.0</t>
  </si>
  <si>
    <t>26954.0</t>
  </si>
  <si>
    <t>393.5</t>
  </si>
  <si>
    <t>48068834.0</t>
  </si>
  <si>
    <t>19375913.0</t>
  </si>
  <si>
    <t>18031096.0</t>
  </si>
  <si>
    <t>10661825.0</t>
  </si>
  <si>
    <t>119815.0</t>
  </si>
  <si>
    <t>131466.0</t>
  </si>
  <si>
    <t>6510390.0</t>
  </si>
  <si>
    <t>272.859</t>
  </si>
  <si>
    <t>373.9</t>
  </si>
  <si>
    <t>48167394.0</t>
  </si>
  <si>
    <t>19380656.0</t>
  </si>
  <si>
    <t>18044157.0</t>
  </si>
  <si>
    <t>10742581.0</t>
  </si>
  <si>
    <t>119883.0</t>
  </si>
  <si>
    <t>201.59</t>
  </si>
  <si>
    <t>6534145.0</t>
  </si>
  <si>
    <t>273.855</t>
  </si>
  <si>
    <t>48256933.0</t>
  </si>
  <si>
    <t>19384961.0</t>
  </si>
  <si>
    <t>18056622.0</t>
  </si>
  <si>
    <t>10815350.0</t>
  </si>
  <si>
    <t>111890.0</t>
  </si>
  <si>
    <t>6553994.0</t>
  </si>
  <si>
    <t>274.686</t>
  </si>
  <si>
    <t>347.2</t>
  </si>
  <si>
    <t>48350253.0</t>
  </si>
  <si>
    <t>19389727.0</t>
  </si>
  <si>
    <t>18070980.0</t>
  </si>
  <si>
    <t>10889546.0</t>
  </si>
  <si>
    <t>93320.0</t>
  </si>
  <si>
    <t>105666.0</t>
  </si>
  <si>
    <t>6576010.0</t>
  </si>
  <si>
    <t>275.609</t>
  </si>
  <si>
    <t>48470509.0</t>
  </si>
  <si>
    <t>19395032.0</t>
  </si>
  <si>
    <t>18087413.0</t>
  </si>
  <si>
    <t>10988064.0</t>
  </si>
  <si>
    <t>6595474.0</t>
  </si>
  <si>
    <t>276.425</t>
  </si>
  <si>
    <t>6609415.0</t>
  </si>
  <si>
    <t>277.009</t>
  </si>
  <si>
    <t>332.9</t>
  </si>
  <si>
    <t>48565707.0</t>
  </si>
  <si>
    <t>19399436.0</t>
  </si>
  <si>
    <t>18100969.0</t>
  </si>
  <si>
    <t>88098.0</t>
  </si>
  <si>
    <t>203.26</t>
  </si>
  <si>
    <t>6638240.0</t>
  </si>
  <si>
    <t>278.217</t>
  </si>
  <si>
    <t>48650083.0</t>
  </si>
  <si>
    <t>19404031.0</t>
  </si>
  <si>
    <t>18114609.0</t>
  </si>
  <si>
    <t>11131443.0</t>
  </si>
  <si>
    <t>84376.0</t>
  </si>
  <si>
    <t>6660742.0</t>
  </si>
  <si>
    <t>279.16</t>
  </si>
  <si>
    <t>21479.0</t>
  </si>
  <si>
    <t>48721653.0</t>
  </si>
  <si>
    <t>19407962.0</t>
  </si>
  <si>
    <t>18127189.0</t>
  </si>
  <si>
    <t>11186502.0</t>
  </si>
  <si>
    <t>6682742.0</t>
  </si>
  <si>
    <t>22000.0</t>
  </si>
  <si>
    <t>280.082</t>
  </si>
  <si>
    <t>48781646.0</t>
  </si>
  <si>
    <t>19411677.0</t>
  </si>
  <si>
    <t>18139419.0</t>
  </si>
  <si>
    <t>11230550.0</t>
  </si>
  <si>
    <t>74959.0</t>
  </si>
  <si>
    <t>6701560.0</t>
  </si>
  <si>
    <t>280.871</t>
  </si>
  <si>
    <t>48861874.0</t>
  </si>
  <si>
    <t>19416858.0</t>
  </si>
  <si>
    <t>18153902.0</t>
  </si>
  <si>
    <t>11291114.0</t>
  </si>
  <si>
    <t>6723365.0</t>
  </si>
  <si>
    <t>281.785</t>
  </si>
  <si>
    <t>48954969.0</t>
  </si>
  <si>
    <t>19421373.0</t>
  </si>
  <si>
    <t>18169396.0</t>
  </si>
  <si>
    <t>11364200.0</t>
  </si>
  <si>
    <t>93095.0</t>
  </si>
  <si>
    <t>6741817.0</t>
  </si>
  <si>
    <t>282.558</t>
  </si>
  <si>
    <t>67419.0</t>
  </si>
  <si>
    <t>6757010.0</t>
  </si>
  <si>
    <t>283.195</t>
  </si>
  <si>
    <t>49025107.0</t>
  </si>
  <si>
    <t>19425469.0</t>
  </si>
  <si>
    <t>18182604.0</t>
  </si>
  <si>
    <t>11417034.0</t>
  </si>
  <si>
    <t>65629.0</t>
  </si>
  <si>
    <t>6783256.0</t>
  </si>
  <si>
    <t>284.295</t>
  </si>
  <si>
    <t>49105829.0</t>
  </si>
  <si>
    <t>19429241.0</t>
  </si>
  <si>
    <t>18194291.0</t>
  </si>
  <si>
    <t>11482297.0</t>
  </si>
  <si>
    <t>65107.0</t>
  </si>
  <si>
    <t>6807222.0</t>
  </si>
  <si>
    <t>49167713.0</t>
  </si>
  <si>
    <t>19432546.0</t>
  </si>
  <si>
    <t>18205737.0</t>
  </si>
  <si>
    <t>11529430.0</t>
  </si>
  <si>
    <t>63723.0</t>
  </si>
  <si>
    <t>6830710.0</t>
  </si>
  <si>
    <t>286.284</t>
  </si>
  <si>
    <t>49222626.0</t>
  </si>
  <si>
    <t>19435784.0</t>
  </si>
  <si>
    <t>18216589.0</t>
  </si>
  <si>
    <t>11570253.0</t>
  </si>
  <si>
    <t>54913.0</t>
  </si>
  <si>
    <t>6853396.0</t>
  </si>
  <si>
    <t>287.235</t>
  </si>
  <si>
    <t>49257341.0</t>
  </si>
  <si>
    <t>19438065.0</t>
  </si>
  <si>
    <t>18223457.0</t>
  </si>
  <si>
    <t>11595819.0</t>
  </si>
  <si>
    <t>34715.0</t>
  </si>
  <si>
    <t>6878782.0</t>
  </si>
  <si>
    <t>288.299</t>
  </si>
  <si>
    <t>49310076.0</t>
  </si>
  <si>
    <t>19440522.0</t>
  </si>
  <si>
    <t>18231357.0</t>
  </si>
  <si>
    <t>11638197.0</t>
  </si>
  <si>
    <t>6898985.0</t>
  </si>
  <si>
    <t>289.145</t>
  </si>
  <si>
    <t>6915424.0</t>
  </si>
  <si>
    <t>289.834</t>
  </si>
  <si>
    <t>49351562.0</t>
  </si>
  <si>
    <t>19442628.0</t>
  </si>
  <si>
    <t>18238757.0</t>
  </si>
  <si>
    <t>11670177.0</t>
  </si>
  <si>
    <t>6952028.0</t>
  </si>
  <si>
    <t>291.369</t>
  </si>
  <si>
    <t>44372.0</t>
  </si>
  <si>
    <t>6984143.0</t>
  </si>
  <si>
    <t>32115.0</t>
  </si>
  <si>
    <t>292.715</t>
  </si>
  <si>
    <t>49481298.0</t>
  </si>
  <si>
    <t>19449353.0</t>
  </si>
  <si>
    <t>18254357.0</t>
  </si>
  <si>
    <t>11777588.0</t>
  </si>
  <si>
    <t>7020325.0</t>
  </si>
  <si>
    <t>294.231</t>
  </si>
  <si>
    <t>49542475.0</t>
  </si>
  <si>
    <t>19452249.0</t>
  </si>
  <si>
    <t>18263764.0</t>
  </si>
  <si>
    <t>11826462.0</t>
  </si>
  <si>
    <t>7054694.0</t>
  </si>
  <si>
    <t>295.671</t>
  </si>
  <si>
    <t>49607595.0</t>
  </si>
  <si>
    <t>19456216.0</t>
  </si>
  <si>
    <t>18273476.0</t>
  </si>
  <si>
    <t>11877903.0</t>
  </si>
  <si>
    <t>-3474.3</t>
  </si>
  <si>
    <t>-145.40837978829</t>
  </si>
  <si>
    <t>7093288.0</t>
  </si>
  <si>
    <t>297.289</t>
  </si>
  <si>
    <t>49707619.0</t>
  </si>
  <si>
    <t>19460769.0</t>
  </si>
  <si>
    <t>18284317.0</t>
  </si>
  <si>
    <t>11962533.0</t>
  </si>
  <si>
    <t>100024.0</t>
  </si>
  <si>
    <t>7117165.0</t>
  </si>
  <si>
    <t>298.29</t>
  </si>
  <si>
    <t>59302.0</t>
  </si>
  <si>
    <t>7139225.0</t>
  </si>
  <si>
    <t>299.214</t>
  </si>
  <si>
    <t>61811.0</t>
  </si>
  <si>
    <t>7167260.0</t>
  </si>
  <si>
    <t>300.389</t>
  </si>
  <si>
    <t>58018.0</t>
  </si>
  <si>
    <t>7198852.0</t>
  </si>
  <si>
    <t>301.713</t>
  </si>
  <si>
    <t>49860865.0</t>
  </si>
  <si>
    <t>19468679.0</t>
  </si>
  <si>
    <t>18303023.0</t>
  </si>
  <si>
    <t>12089163.0</t>
  </si>
  <si>
    <t>7248360.0</t>
  </si>
  <si>
    <t>303.788</t>
  </si>
  <si>
    <t>49946136.0</t>
  </si>
  <si>
    <t>19475279.0</t>
  </si>
  <si>
    <t>18316625.0</t>
  </si>
  <si>
    <t>12154232.0</t>
  </si>
  <si>
    <t>85271.0</t>
  </si>
  <si>
    <t>7294691.0</t>
  </si>
  <si>
    <t>46331.0</t>
  </si>
  <si>
    <t>50037760.0</t>
  </si>
  <si>
    <t>19482724.0</t>
  </si>
  <si>
    <t>18330323.0</t>
  </si>
  <si>
    <t>12224713.0</t>
  </si>
  <si>
    <t>61452.0</t>
  </si>
  <si>
    <t>7347620.0</t>
  </si>
  <si>
    <t>52929.0</t>
  </si>
  <si>
    <t>307.948</t>
  </si>
  <si>
    <t>50168924.0</t>
  </si>
  <si>
    <t>19492297.0</t>
  </si>
  <si>
    <t>18347930.0</t>
  </si>
  <si>
    <t>12328697.0</t>
  </si>
  <si>
    <t>131164.0</t>
  </si>
  <si>
    <t>7386637.0</t>
  </si>
  <si>
    <t>309.584</t>
  </si>
  <si>
    <t>7417429.0</t>
  </si>
  <si>
    <t>310.874</t>
  </si>
  <si>
    <t>50286760.0</t>
  </si>
  <si>
    <t>19501815.0</t>
  </si>
  <si>
    <t>18363810.0</t>
  </si>
  <si>
    <t>12421135.0</t>
  </si>
  <si>
    <t>71788.0</t>
  </si>
  <si>
    <t>7475928.0</t>
  </si>
  <si>
    <t>313.326</t>
  </si>
  <si>
    <t>44095.0</t>
  </si>
  <si>
    <t>50390458.0</t>
  </si>
  <si>
    <t>19512462.0</t>
  </si>
  <si>
    <t>18378613.0</t>
  </si>
  <si>
    <t>12499383.0</t>
  </si>
  <si>
    <t>7524701.0</t>
  </si>
  <si>
    <t>315.37</t>
  </si>
  <si>
    <t>50484317.0</t>
  </si>
  <si>
    <t>19521876.0</t>
  </si>
  <si>
    <t>18392203.0</t>
  </si>
  <si>
    <t>12570238.0</t>
  </si>
  <si>
    <t>89065.0</t>
  </si>
  <si>
    <t>7577725.0</t>
  </si>
  <si>
    <t>317.592</t>
  </si>
  <si>
    <t>50583977.0</t>
  </si>
  <si>
    <t>19532520.0</t>
  </si>
  <si>
    <t>18406481.0</t>
  </si>
  <si>
    <t>12644976.0</t>
  </si>
  <si>
    <t>7625654.0</t>
  </si>
  <si>
    <t>319.601</t>
  </si>
  <si>
    <t>50693438.0</t>
  </si>
  <si>
    <t>19544597.0</t>
  </si>
  <si>
    <t>18422830.0</t>
  </si>
  <si>
    <t>12726011.0</t>
  </si>
  <si>
    <t>109461.0</t>
  </si>
  <si>
    <t>93668.0</t>
  </si>
  <si>
    <t>7674775.0</t>
  </si>
  <si>
    <t>321.66</t>
  </si>
  <si>
    <t>7717227.0</t>
  </si>
  <si>
    <t>42452.0</t>
  </si>
  <si>
    <t>7752215.0</t>
  </si>
  <si>
    <t>34988.0</t>
  </si>
  <si>
    <t>324.905</t>
  </si>
  <si>
    <t>51063934.0</t>
  </si>
  <si>
    <t>19575164.0</t>
  </si>
  <si>
    <t>18463673.0</t>
  </si>
  <si>
    <t>13025097.0</t>
  </si>
  <si>
    <t>111025.0</t>
  </si>
  <si>
    <t>7809350.0</t>
  </si>
  <si>
    <t>327.3</t>
  </si>
  <si>
    <t>51208459.0</t>
  </si>
  <si>
    <t>19590254.0</t>
  </si>
  <si>
    <t>18481163.0</t>
  </si>
  <si>
    <t>13137042.0</t>
  </si>
  <si>
    <t>144525.0</t>
  </si>
  <si>
    <t>7866907.0</t>
  </si>
  <si>
    <t>57557.0</t>
  </si>
  <si>
    <t>329.712</t>
  </si>
  <si>
    <t>48887.0</t>
  </si>
  <si>
    <t>51324101.0</t>
  </si>
  <si>
    <t>19602331.0</t>
  </si>
  <si>
    <t>18495627.0</t>
  </si>
  <si>
    <t>13226143.0</t>
  </si>
  <si>
    <t>119969.0</t>
  </si>
  <si>
    <t>7926821.0</t>
  </si>
  <si>
    <t>332.223</t>
  </si>
  <si>
    <t>51448391.0</t>
  </si>
  <si>
    <t>19615722.0</t>
  </si>
  <si>
    <t>18510983.0</t>
  </si>
  <si>
    <t>13321686.0</t>
  </si>
  <si>
    <t>124290.0</t>
  </si>
  <si>
    <t>123488.0</t>
  </si>
  <si>
    <t>7984178.0</t>
  </si>
  <si>
    <t>334.627</t>
  </si>
  <si>
    <t>51590308.0</t>
  </si>
  <si>
    <t>19631579.0</t>
  </si>
  <si>
    <t>18528665.0</t>
  </si>
  <si>
    <t>13430064.0</t>
  </si>
  <si>
    <t>128124.0</t>
  </si>
  <si>
    <t>8043938.0</t>
  </si>
  <si>
    <t>337.132</t>
  </si>
  <si>
    <t>52738.0</t>
  </si>
  <si>
    <t>51757881.0</t>
  </si>
  <si>
    <t>19648569.0</t>
  </si>
  <si>
    <t>18548358.0</t>
  </si>
  <si>
    <t>13560954.0</t>
  </si>
  <si>
    <t>167573.0</t>
  </si>
  <si>
    <t>216.62</t>
  </si>
  <si>
    <t>8093015.0</t>
  </si>
  <si>
    <t>339.189</t>
  </si>
  <si>
    <t>125838.0</t>
  </si>
  <si>
    <t>8141103.0</t>
  </si>
  <si>
    <t>48088.0</t>
  </si>
  <si>
    <t>341.204</t>
  </si>
  <si>
    <t>55555.0</t>
  </si>
  <si>
    <t>51884722.0</t>
  </si>
  <si>
    <t>19663569.0</t>
  </si>
  <si>
    <t>18563770.0</t>
  </si>
  <si>
    <t>13657383.0</t>
  </si>
  <si>
    <t>117255.0</t>
  </si>
  <si>
    <t>8209900.0</t>
  </si>
  <si>
    <t>344.088</t>
  </si>
  <si>
    <t>52007981.0</t>
  </si>
  <si>
    <t>19679107.0</t>
  </si>
  <si>
    <t>18578328.0</t>
  </si>
  <si>
    <t>13750546.0</t>
  </si>
  <si>
    <t>123259.0</t>
  </si>
  <si>
    <t>114217.0</t>
  </si>
  <si>
    <t>8274206.0</t>
  </si>
  <si>
    <t>346.783</t>
  </si>
  <si>
    <t>52104727.0</t>
  </si>
  <si>
    <t>19692380.0</t>
  </si>
  <si>
    <t>18590793.0</t>
  </si>
  <si>
    <t>13821554.0</t>
  </si>
  <si>
    <t>111518.0</t>
  </si>
  <si>
    <t>218.07</t>
  </si>
  <si>
    <t>8340464.0</t>
  </si>
  <si>
    <t>66258.0</t>
  </si>
  <si>
    <t>349.56</t>
  </si>
  <si>
    <t>52207186.0</t>
  </si>
  <si>
    <t>19707610.0</t>
  </si>
  <si>
    <t>18604902.0</t>
  </si>
  <si>
    <t>13894674.0</t>
  </si>
  <si>
    <t>102459.0</t>
  </si>
  <si>
    <t>108399.0</t>
  </si>
  <si>
    <t>8398062.0</t>
  </si>
  <si>
    <t>57598.0</t>
  </si>
  <si>
    <t>351.974</t>
  </si>
  <si>
    <t>59126.0</t>
  </si>
  <si>
    <t>52309491.0</t>
  </si>
  <si>
    <t>19722265.0</t>
  </si>
  <si>
    <t>18618888.0</t>
  </si>
  <si>
    <t>13968338.0</t>
  </si>
  <si>
    <t>102305.0</t>
  </si>
  <si>
    <t>8460060.0</t>
  </si>
  <si>
    <t>354.572</t>
  </si>
  <si>
    <t>52430493.0</t>
  </si>
  <si>
    <t>19737798.0</t>
  </si>
  <si>
    <t>18634418.0</t>
  </si>
  <si>
    <t>14058277.0</t>
  </si>
  <si>
    <t>121002.0</t>
  </si>
  <si>
    <t>12747.0</t>
  </si>
  <si>
    <t>8516260.0</t>
  </si>
  <si>
    <t>356.928</t>
  </si>
  <si>
    <t>60464.0</t>
  </si>
  <si>
    <t>-3994.8</t>
  </si>
  <si>
    <t>-167.192641849656</t>
  </si>
  <si>
    <t>8566553.0</t>
  </si>
  <si>
    <t>359.035</t>
  </si>
  <si>
    <t>60779.0</t>
  </si>
  <si>
    <t>52523178.0</t>
  </si>
  <si>
    <t>19749743.0</t>
  </si>
  <si>
    <t>18646470.0</t>
  </si>
  <si>
    <t>14126965.0</t>
  </si>
  <si>
    <t>91208.0</t>
  </si>
  <si>
    <t>8632477.0</t>
  </si>
  <si>
    <t>361.798</t>
  </si>
  <si>
    <t>60368.0</t>
  </si>
  <si>
    <t>52597022.0</t>
  </si>
  <si>
    <t>19761449.0</t>
  </si>
  <si>
    <t>18656778.0</t>
  </si>
  <si>
    <t>14178795.0</t>
  </si>
  <si>
    <t>73844.0</t>
  </si>
  <si>
    <t>84149.0</t>
  </si>
  <si>
    <t>8697613.0</t>
  </si>
  <si>
    <t>65136.0</t>
  </si>
  <si>
    <t>364.528</t>
  </si>
  <si>
    <t>52675933.0</t>
  </si>
  <si>
    <t>19774629.0</t>
  </si>
  <si>
    <t>18668059.0</t>
  </si>
  <si>
    <t>14233245.0</t>
  </si>
  <si>
    <t>8761083.0</t>
  </si>
  <si>
    <t>63470.0</t>
  </si>
  <si>
    <t>367.188</t>
  </si>
  <si>
    <t>52804298.0</t>
  </si>
  <si>
    <t>19793333.0</t>
  </si>
  <si>
    <t>18685737.0</t>
  </si>
  <si>
    <t>14325228.0</t>
  </si>
  <si>
    <t>128365.0</t>
  </si>
  <si>
    <t>85302.0</t>
  </si>
  <si>
    <t>8826111.0</t>
  </si>
  <si>
    <t>369.914</t>
  </si>
  <si>
    <t>61150.0</t>
  </si>
  <si>
    <t>52904519.0</t>
  </si>
  <si>
    <t>19809571.0</t>
  </si>
  <si>
    <t>18699646.0</t>
  </si>
  <si>
    <t>14395302.0</t>
  </si>
  <si>
    <t>100221.0</t>
  </si>
  <si>
    <t>8905821.0</t>
  </si>
  <si>
    <t>79710.0</t>
  </si>
  <si>
    <t>373.255</t>
  </si>
  <si>
    <t>53031302.0</t>
  </si>
  <si>
    <t>19832764.0</t>
  </si>
  <si>
    <t>18715881.0</t>
  </si>
  <si>
    <t>14482657.0</t>
  </si>
  <si>
    <t>126783.0</t>
  </si>
  <si>
    <t>8977125.0</t>
  </si>
  <si>
    <t>71304.0</t>
  </si>
  <si>
    <t>376.243</t>
  </si>
  <si>
    <t>9037458.0</t>
  </si>
  <si>
    <t>378.772</t>
  </si>
  <si>
    <t>53132163.0</t>
  </si>
  <si>
    <t>19848511.0</t>
  </si>
  <si>
    <t>18729594.0</t>
  </si>
  <si>
    <t>14554058.0</t>
  </si>
  <si>
    <t>86998.0</t>
  </si>
  <si>
    <t>9110371.0</t>
  </si>
  <si>
    <t>381.828</t>
  </si>
  <si>
    <t>0.5536</t>
  </si>
  <si>
    <t>53210223.0</t>
  </si>
  <si>
    <t>19865219.0</t>
  </si>
  <si>
    <t>18741504.0</t>
  </si>
  <si>
    <t>14603500.0</t>
  </si>
  <si>
    <t>78060.0</t>
  </si>
  <si>
    <t>9207573.0</t>
  </si>
  <si>
    <t>385.901</t>
  </si>
  <si>
    <t>53284732.0</t>
  </si>
  <si>
    <t>19884741.0</t>
  </si>
  <si>
    <t>18752383.0</t>
  </si>
  <si>
    <t>14647608.0</t>
  </si>
  <si>
    <t>74509.0</t>
  </si>
  <si>
    <t>9300276.0</t>
  </si>
  <si>
    <t>389.787</t>
  </si>
  <si>
    <t>53364771.0</t>
  </si>
  <si>
    <t>19904865.0</t>
  </si>
  <si>
    <t>18764672.0</t>
  </si>
  <si>
    <t>14695234.0</t>
  </si>
  <si>
    <t>80039.0</t>
  </si>
  <si>
    <t>9390674.0</t>
  </si>
  <si>
    <t>393.575</t>
  </si>
  <si>
    <t>80652.0</t>
  </si>
  <si>
    <t>53444577.0</t>
  </si>
  <si>
    <t>19930415.0</t>
  </si>
  <si>
    <t>18776345.0</t>
  </si>
  <si>
    <t>14737817.0</t>
  </si>
  <si>
    <t>9480450.0</t>
  </si>
  <si>
    <t>89776.0</t>
  </si>
  <si>
    <t>397.338</t>
  </si>
  <si>
    <t>0.5261</t>
  </si>
  <si>
    <t>53571370.0</t>
  </si>
  <si>
    <t>19978334.0</t>
  </si>
  <si>
    <t>18792077.0</t>
  </si>
  <si>
    <t>14800959.0</t>
  </si>
  <si>
    <t>126793.0</t>
  </si>
  <si>
    <t>77153.0</t>
  </si>
  <si>
    <t>9569475.0</t>
  </si>
  <si>
    <t>401.069</t>
  </si>
  <si>
    <t>76312.0</t>
  </si>
  <si>
    <t>9648848.0</t>
  </si>
  <si>
    <t>404.396</t>
  </si>
  <si>
    <t>53660470.0</t>
  </si>
  <si>
    <t>19999868.0</t>
  </si>
  <si>
    <t>18805023.0</t>
  </si>
  <si>
    <t>14855579.0</t>
  </si>
  <si>
    <t>75472.0</t>
  </si>
  <si>
    <t>21622.0</t>
  </si>
  <si>
    <t>9744654.0</t>
  </si>
  <si>
    <t>408.411</t>
  </si>
  <si>
    <t>0.6823</t>
  </si>
  <si>
    <t>53736131.0</t>
  </si>
  <si>
    <t>20021131.0</t>
  </si>
  <si>
    <t>18817584.0</t>
  </si>
  <si>
    <t>14897416.0</t>
  </si>
  <si>
    <t>75130.0</t>
  </si>
  <si>
    <t>9854193.0</t>
  </si>
  <si>
    <t>413.002</t>
  </si>
  <si>
    <t>0.6924</t>
  </si>
  <si>
    <t>53814583.0</t>
  </si>
  <si>
    <t>20050318.0</t>
  </si>
  <si>
    <t>18828843.0</t>
  </si>
  <si>
    <t>14935422.0</t>
  </si>
  <si>
    <t>9971544.0</t>
  </si>
  <si>
    <t>117351.0</t>
  </si>
  <si>
    <t>417.92</t>
  </si>
  <si>
    <t>95895.0</t>
  </si>
  <si>
    <t>0.7086</t>
  </si>
  <si>
    <t>53892813.0</t>
  </si>
  <si>
    <t>20076887.0</t>
  </si>
  <si>
    <t>18841185.0</t>
  </si>
  <si>
    <t>14974741.0</t>
  </si>
  <si>
    <t>78230.0</t>
  </si>
  <si>
    <t>75435.0</t>
  </si>
  <si>
    <t>10078897.0</t>
  </si>
  <si>
    <t>107353.0</t>
  </si>
  <si>
    <t>422.42</t>
  </si>
  <si>
    <t>98318.0</t>
  </si>
  <si>
    <t>0.7261</t>
  </si>
  <si>
    <t>53973940.0</t>
  </si>
  <si>
    <t>20106678.0</t>
  </si>
  <si>
    <t>18853763.0</t>
  </si>
  <si>
    <t>15013499.0</t>
  </si>
  <si>
    <t>81127.0</t>
  </si>
  <si>
    <t>75623.0</t>
  </si>
  <si>
    <t>10187358.0</t>
  </si>
  <si>
    <t>426.965</t>
  </si>
  <si>
    <t>0.8281</t>
  </si>
  <si>
    <t>54083554.0</t>
  </si>
  <si>
    <t>20148051.0</t>
  </si>
  <si>
    <t>18869502.0</t>
  </si>
  <si>
    <t>15066001.0</t>
  </si>
  <si>
    <t>109614.0</t>
  </si>
  <si>
    <t>226.35</t>
  </si>
  <si>
    <t>24245.0</t>
  </si>
  <si>
    <t>10286116.0</t>
  </si>
  <si>
    <t>98758.0</t>
  </si>
  <si>
    <t>431.105</t>
  </si>
  <si>
    <t>102377.0</t>
  </si>
  <si>
    <t>10368415.0</t>
  </si>
  <si>
    <t>82299.0</t>
  </si>
  <si>
    <t>434.554</t>
  </si>
  <si>
    <t>0.7669</t>
  </si>
  <si>
    <t>54170932.0</t>
  </si>
  <si>
    <t>20168183.0</t>
  </si>
  <si>
    <t>18885717.0</t>
  </si>
  <si>
    <t>15117032.0</t>
  </si>
  <si>
    <t>10478824.0</t>
  </si>
  <si>
    <t>439.181</t>
  </si>
  <si>
    <t>0.7578</t>
  </si>
  <si>
    <t>54238724.0</t>
  </si>
  <si>
    <t>20183400.0</t>
  </si>
  <si>
    <t>18900036.0</t>
  </si>
  <si>
    <t>15155288.0</t>
  </si>
  <si>
    <t>67792.0</t>
  </si>
  <si>
    <t>71799.0</t>
  </si>
  <si>
    <t>10591664.0</t>
  </si>
  <si>
    <t>112840.0</t>
  </si>
  <si>
    <t>443.91</t>
  </si>
  <si>
    <t>105353.0</t>
  </si>
  <si>
    <t>0.7769</t>
  </si>
  <si>
    <t>54300283.0</t>
  </si>
  <si>
    <t>20199700.0</t>
  </si>
  <si>
    <t>18912720.0</t>
  </si>
  <si>
    <t>15187863.0</t>
  </si>
  <si>
    <t>61559.0</t>
  </si>
  <si>
    <t>69386.0</t>
  </si>
  <si>
    <t>227.26</t>
  </si>
  <si>
    <t>10695997.0</t>
  </si>
  <si>
    <t>104333.0</t>
  </si>
  <si>
    <t>448.283</t>
  </si>
  <si>
    <t>103493.0</t>
  </si>
  <si>
    <t>0.7968</t>
  </si>
  <si>
    <t>54393040.0</t>
  </si>
  <si>
    <t>20241339.0</t>
  </si>
  <si>
    <t>18927878.0</t>
  </si>
  <si>
    <t>15223823.0</t>
  </si>
  <si>
    <t>71461.0</t>
  </si>
  <si>
    <t>10808958.0</t>
  </si>
  <si>
    <t>112961.0</t>
  </si>
  <si>
    <t>453.018</t>
  </si>
  <si>
    <t>0.7804</t>
  </si>
  <si>
    <t>54518176.0</t>
  </si>
  <si>
    <t>20300674.0</t>
  </si>
  <si>
    <t>18945642.0</t>
  </si>
  <si>
    <t>15271860.0</t>
  </si>
  <si>
    <t>125136.0</t>
  </si>
  <si>
    <t>228.17</t>
  </si>
  <si>
    <t>10907751.0</t>
  </si>
  <si>
    <t>98793.0</t>
  </si>
  <si>
    <t>457.158</t>
  </si>
  <si>
    <t>102913.0</t>
  </si>
  <si>
    <t>0.8034</t>
  </si>
  <si>
    <t>54667393.0</t>
  </si>
  <si>
    <t>20383044.0</t>
  </si>
  <si>
    <t>18963624.0</t>
  </si>
  <si>
    <t>15320725.0</t>
  </si>
  <si>
    <t>149217.0</t>
  </si>
  <si>
    <t>33570.0</t>
  </si>
  <si>
    <t>11001141.0</t>
  </si>
  <si>
    <t>93390.0</t>
  </si>
  <si>
    <t>461.072</t>
  </si>
  <si>
    <t>102146.0</t>
  </si>
  <si>
    <t>0.8039</t>
  </si>
  <si>
    <t>87909.0</t>
  </si>
  <si>
    <t>11075733.0</t>
  </si>
  <si>
    <t>74592.0</t>
  </si>
  <si>
    <t>464.198</t>
  </si>
  <si>
    <t>101045.0</t>
  </si>
  <si>
    <t>0.8086</t>
  </si>
  <si>
    <t>54817813.0</t>
  </si>
  <si>
    <t>20470666.0</t>
  </si>
  <si>
    <t>18980392.0</t>
  </si>
  <si>
    <t>15366755.0</t>
  </si>
  <si>
    <t>11179035.0</t>
  </si>
  <si>
    <t>103302.0</t>
  </si>
  <si>
    <t>100030.0</t>
  </si>
  <si>
    <t>0.8079</t>
  </si>
  <si>
    <t>54934541.0</t>
  </si>
  <si>
    <t>20528763.0</t>
  </si>
  <si>
    <t>18993785.0</t>
  </si>
  <si>
    <t>15411993.0</t>
  </si>
  <si>
    <t>99402.0</t>
  </si>
  <si>
    <t>229.92</t>
  </si>
  <si>
    <t>11287417.0</t>
  </si>
  <si>
    <t>108382.0</t>
  </si>
  <si>
    <t>473.07</t>
  </si>
  <si>
    <t>99393.0</t>
  </si>
  <si>
    <t>0.8106</t>
  </si>
  <si>
    <t>55072565.0</t>
  </si>
  <si>
    <t>20608998.0</t>
  </si>
  <si>
    <t>19006359.0</t>
  </si>
  <si>
    <t>15457208.0</t>
  </si>
  <si>
    <t>138024.0</t>
  </si>
  <si>
    <t>110326.0</t>
  </si>
  <si>
    <t>230.49</t>
  </si>
  <si>
    <t>58471.0</t>
  </si>
  <si>
    <t>-1625.5</t>
  </si>
  <si>
    <t>-68.0313505874175</t>
  </si>
  <si>
    <t>11383276.0</t>
  </si>
  <si>
    <t>95859.0</t>
  </si>
  <si>
    <t>477.088</t>
  </si>
  <si>
    <t>98183.0</t>
  </si>
  <si>
    <t>55233124.0</t>
  </si>
  <si>
    <t>20703963.0</t>
  </si>
  <si>
    <t>19018172.0</t>
  </si>
  <si>
    <t>15510989.0</t>
  </si>
  <si>
    <t>160559.0</t>
  </si>
  <si>
    <t>120012.0</t>
  </si>
  <si>
    <t>11473595.0</t>
  </si>
  <si>
    <t>90319.0</t>
  </si>
  <si>
    <t>480.873</t>
  </si>
  <si>
    <t>94948.0</t>
  </si>
  <si>
    <t>0.8394</t>
  </si>
  <si>
    <t>55454029.0</t>
  </si>
  <si>
    <t>20818967.0</t>
  </si>
  <si>
    <t>19034292.0</t>
  </si>
  <si>
    <t>15600770.0</t>
  </si>
  <si>
    <t>220905.0</t>
  </si>
  <si>
    <t>232.09</t>
  </si>
  <si>
    <t>74042.0</t>
  </si>
  <si>
    <t>11553112.0</t>
  </si>
  <si>
    <t>484.206</t>
  </si>
  <si>
    <t>0.8361</t>
  </si>
  <si>
    <t>55524585.0</t>
  </si>
  <si>
    <t>20856827.0</t>
  </si>
  <si>
    <t>19040882.0</t>
  </si>
  <si>
    <t>15626876.0</t>
  </si>
  <si>
    <t>70556.0</t>
  </si>
  <si>
    <t>11631069.0</t>
  </si>
  <si>
    <t>77957.0</t>
  </si>
  <si>
    <t>487.473</t>
  </si>
  <si>
    <t>89990.0</t>
  </si>
  <si>
    <t>0.8367</t>
  </si>
  <si>
    <t>117691.0</t>
  </si>
  <si>
    <t>11696101.0</t>
  </si>
  <si>
    <t>490.199</t>
  </si>
  <si>
    <t>0.8263</t>
  </si>
  <si>
    <t>55608294.0</t>
  </si>
  <si>
    <t>20908631.0</t>
  </si>
  <si>
    <t>19049515.0</t>
  </si>
  <si>
    <t>15650148.0</t>
  </si>
  <si>
    <t>232.73</t>
  </si>
  <si>
    <t>11801444.0</t>
  </si>
  <si>
    <t>105343.0</t>
  </si>
  <si>
    <t>494.614</t>
  </si>
  <si>
    <t>88916.0</t>
  </si>
  <si>
    <t>0.8122</t>
  </si>
  <si>
    <t>55724988.0</t>
  </si>
  <si>
    <t>20958720.0</t>
  </si>
  <si>
    <t>19060956.0</t>
  </si>
  <si>
    <t>15705312.0</t>
  </si>
  <si>
    <t>116694.0</t>
  </si>
  <si>
    <t>61422.0</t>
  </si>
  <si>
    <t>11900841.0</t>
  </si>
  <si>
    <t>99397.0</t>
  </si>
  <si>
    <t>498.78</t>
  </si>
  <si>
    <t>87632.0</t>
  </si>
  <si>
    <t>55829045.0</t>
  </si>
  <si>
    <t>20998712.0</t>
  </si>
  <si>
    <t>19070432.0</t>
  </si>
  <si>
    <t>15759901.0</t>
  </si>
  <si>
    <t>108069.0</t>
  </si>
  <si>
    <t>11992296.0</t>
  </si>
  <si>
    <t>502.613</t>
  </si>
  <si>
    <t>0.8205</t>
  </si>
  <si>
    <t>55939794.0</t>
  </si>
  <si>
    <t>21045793.0</t>
  </si>
  <si>
    <t>19079913.0</t>
  </si>
  <si>
    <t>15814088.0</t>
  </si>
  <si>
    <t>110749.0</t>
  </si>
  <si>
    <t>100953.0</t>
  </si>
  <si>
    <t>234.12</t>
  </si>
  <si>
    <t>48833.0</t>
  </si>
  <si>
    <t>12077500.0</t>
  </si>
  <si>
    <t>85204.0</t>
  </si>
  <si>
    <t>506.184</t>
  </si>
  <si>
    <t>0.8207</t>
  </si>
  <si>
    <t>56053322.0</t>
  </si>
  <si>
    <t>21075930.0</t>
  </si>
  <si>
    <t>19089893.0</t>
  </si>
  <si>
    <t>15887499.0</t>
  </si>
  <si>
    <t>113528.0</t>
  </si>
  <si>
    <t>12146510.0</t>
  </si>
  <si>
    <t>69010.0</t>
  </si>
  <si>
    <t>509.076</t>
  </si>
  <si>
    <t>84771.0</t>
  </si>
  <si>
    <t>0.8214</t>
  </si>
  <si>
    <t>56217878.0</t>
  </si>
  <si>
    <t>21102821.0</t>
  </si>
  <si>
    <t>19103206.0</t>
  </si>
  <si>
    <t>16011851.0</t>
  </si>
  <si>
    <t>164556.0</t>
  </si>
  <si>
    <t>12239500.0</t>
  </si>
  <si>
    <t>512.973</t>
  </si>
  <si>
    <t>12296766.0</t>
  </si>
  <si>
    <t>515.373</t>
  </si>
  <si>
    <t>85809.0</t>
  </si>
  <si>
    <t>0.8114</t>
  </si>
  <si>
    <t>56273409.0</t>
  </si>
  <si>
    <t>21112470.0</t>
  </si>
  <si>
    <t>19110497.0</t>
  </si>
  <si>
    <t>16050442.0</t>
  </si>
  <si>
    <t>95016.0</t>
  </si>
  <si>
    <t>12383473.0</t>
  </si>
  <si>
    <t>519.007</t>
  </si>
  <si>
    <t>83147.0</t>
  </si>
  <si>
    <t>0.8238</t>
  </si>
  <si>
    <t>56346834.0</t>
  </si>
  <si>
    <t>21119579.0</t>
  </si>
  <si>
    <t>19119116.0</t>
  </si>
  <si>
    <t>16108139.0</t>
  </si>
  <si>
    <t>12470671.0</t>
  </si>
  <si>
    <t>0.8119</t>
  </si>
  <si>
    <t>56417613.0</t>
  </si>
  <si>
    <t>21126070.0</t>
  </si>
  <si>
    <t>19126298.0</t>
  </si>
  <si>
    <t>16165245.0</t>
  </si>
  <si>
    <t>84081.0</t>
  </si>
  <si>
    <t>236.12</t>
  </si>
  <si>
    <t>12553471.0</t>
  </si>
  <si>
    <t>526.132</t>
  </si>
  <si>
    <t>0.8045</t>
  </si>
  <si>
    <t>56501765.0</t>
  </si>
  <si>
    <t>21131243.0</t>
  </si>
  <si>
    <t>19133732.0</t>
  </si>
  <si>
    <t>16236790.0</t>
  </si>
  <si>
    <t>12625509.0</t>
  </si>
  <si>
    <t>72038.0</t>
  </si>
  <si>
    <t>529.152</t>
  </si>
  <si>
    <t>0.8062</t>
  </si>
  <si>
    <t>56596591.0</t>
  </si>
  <si>
    <t>21136609.0</t>
  </si>
  <si>
    <t>19144697.0</t>
  </si>
  <si>
    <t>16315285.0</t>
  </si>
  <si>
    <t>12694602.0</t>
  </si>
  <si>
    <t>532.047</t>
  </si>
  <si>
    <t>78299.0</t>
  </si>
  <si>
    <t>0.7822</t>
  </si>
  <si>
    <t>56748727.0</t>
  </si>
  <si>
    <t>21143972.0</t>
  </si>
  <si>
    <t>19160571.0</t>
  </si>
  <si>
    <t>16444184.0</t>
  </si>
  <si>
    <t>152136.0</t>
  </si>
  <si>
    <t>12761345.0</t>
  </si>
  <si>
    <t>66743.0</t>
  </si>
  <si>
    <t>534.845</t>
  </si>
  <si>
    <t>0.7718</t>
  </si>
  <si>
    <t>77825.0</t>
  </si>
  <si>
    <t>12809001.0</t>
  </si>
  <si>
    <t>47656.0</t>
  </si>
  <si>
    <t>0.7864</t>
  </si>
  <si>
    <t>56832106.0</t>
  </si>
  <si>
    <t>21148511.0</t>
  </si>
  <si>
    <t>19181545.0</t>
  </si>
  <si>
    <t>16502050.0</t>
  </si>
  <si>
    <t>12886392.0</t>
  </si>
  <si>
    <t>77391.0</t>
  </si>
  <si>
    <t>540.085</t>
  </si>
  <si>
    <t>0.7821</t>
  </si>
  <si>
    <t>56936435.0</t>
  </si>
  <si>
    <t>21151115.0</t>
  </si>
  <si>
    <t>19191422.0</t>
  </si>
  <si>
    <t>16593898.0</t>
  </si>
  <si>
    <t>104329.0</t>
  </si>
  <si>
    <t>84229.0</t>
  </si>
  <si>
    <t>12957029.0</t>
  </si>
  <si>
    <t>543.046</t>
  </si>
  <si>
    <t>0.7886</t>
  </si>
  <si>
    <t>57034108.0</t>
  </si>
  <si>
    <t>21153897.0</t>
  </si>
  <si>
    <t>19201252.0</t>
  </si>
  <si>
    <t>16678959.0</t>
  </si>
  <si>
    <t>97673.0</t>
  </si>
  <si>
    <t>88071.0</t>
  </si>
  <si>
    <t>13021521.0</t>
  </si>
  <si>
    <t>545.749</t>
  </si>
  <si>
    <t>0.7838</t>
  </si>
  <si>
    <t>57192072.0</t>
  </si>
  <si>
    <t>21157763.0</t>
  </si>
  <si>
    <t>19213983.0</t>
  </si>
  <si>
    <t>16820326.0</t>
  </si>
  <si>
    <t>57339563.0</t>
  </si>
  <si>
    <t>21160550.0</t>
  </si>
  <si>
    <t>19226401.0</t>
  </si>
  <si>
    <t>16952612.0</t>
  </si>
  <si>
    <t>57464849.0</t>
  </si>
  <si>
    <t>21163845.0</t>
  </si>
  <si>
    <t>19248465.0</t>
  </si>
  <si>
    <t>17052539.0</t>
  </si>
  <si>
    <t>125286.0</t>
  </si>
  <si>
    <t>102303.0</t>
  </si>
  <si>
    <t>102727.0</t>
  </si>
  <si>
    <t>57554160.0</t>
  </si>
  <si>
    <t>21167541.0</t>
  </si>
  <si>
    <t>19271884.0</t>
  </si>
  <si>
    <t>17114735.0</t>
  </si>
  <si>
    <t>103151.0</t>
  </si>
  <si>
    <t>57652381.0</t>
  </si>
  <si>
    <t>21169733.0</t>
  </si>
  <si>
    <t>19293086.0</t>
  </si>
  <si>
    <t>17189562.0</t>
  </si>
  <si>
    <t>102278.0</t>
  </si>
  <si>
    <t>57744693.0</t>
  </si>
  <si>
    <t>21172341.0</t>
  </si>
  <si>
    <t>19324925.0</t>
  </si>
  <si>
    <t>17247427.0</t>
  </si>
  <si>
    <t>92312.0</t>
  </si>
  <si>
    <t>57857021.0</t>
  </si>
  <si>
    <t>21175625.0</t>
  </si>
  <si>
    <t>19369247.0</t>
  </si>
  <si>
    <t>17312149.0</t>
  </si>
  <si>
    <t>112328.0</t>
  </si>
  <si>
    <t>94993.0</t>
  </si>
  <si>
    <t>57970591.0</t>
  </si>
  <si>
    <t>21178300.0</t>
  </si>
  <si>
    <t>19423800.0</t>
  </si>
  <si>
    <t>17368491.0</t>
  </si>
  <si>
    <t>4764.2</t>
  </si>
  <si>
    <t>199.394008285804</t>
  </si>
  <si>
    <t>58075099.0</t>
  </si>
  <si>
    <t>21183085.0</t>
  </si>
  <si>
    <t>19476719.0</t>
  </si>
  <si>
    <t>17415295.0</t>
  </si>
  <si>
    <t>104508.0</t>
  </si>
  <si>
    <t>87179.0</t>
  </si>
  <si>
    <t>243.06</t>
  </si>
  <si>
    <t>58138741.0</t>
  </si>
  <si>
    <t>21183411.0</t>
  </si>
  <si>
    <t>19509591.0</t>
  </si>
  <si>
    <t>17445739.0</t>
  </si>
  <si>
    <t>83512.0</t>
  </si>
  <si>
    <t>58215158.0</t>
  </si>
  <si>
    <t>21185340.0</t>
  </si>
  <si>
    <t>19550756.0</t>
  </si>
  <si>
    <t>17479062.0</t>
  </si>
  <si>
    <t>80397.0</t>
  </si>
  <si>
    <t>243.65</t>
  </si>
  <si>
    <t>58303126.0</t>
  </si>
  <si>
    <t>21187479.0</t>
  </si>
  <si>
    <t>19592892.0</t>
  </si>
  <si>
    <t>17522755.0</t>
  </si>
  <si>
    <t>87968.0</t>
  </si>
  <si>
    <t>79776.0</t>
  </si>
  <si>
    <t>244.01</t>
  </si>
  <si>
    <t>58386712.0</t>
  </si>
  <si>
    <t>21190216.0</t>
  </si>
  <si>
    <t>19634647.0</t>
  </si>
  <si>
    <t>17561849.0</t>
  </si>
  <si>
    <t>83586.0</t>
  </si>
  <si>
    <t>244.36</t>
  </si>
  <si>
    <t>58463820.0</t>
  </si>
  <si>
    <t>21192349.0</t>
  </si>
  <si>
    <t>19681220.0</t>
  </si>
  <si>
    <t>17590251.0</t>
  </si>
  <si>
    <t>244.69</t>
  </si>
  <si>
    <t>62482.0</t>
  </si>
  <si>
    <t>58609789.0</t>
  </si>
  <si>
    <t>21197079.0</t>
  </si>
  <si>
    <t>19754448.0</t>
  </si>
  <si>
    <t>17658262.0</t>
  </si>
  <si>
    <t>58656119.0</t>
  </si>
  <si>
    <t>21199516.0</t>
  </si>
  <si>
    <t>19768368.0</t>
  </si>
  <si>
    <t>17688235.0</t>
  </si>
  <si>
    <t>245.49</t>
  </si>
  <si>
    <t>58700816.0</t>
  </si>
  <si>
    <t>21201282.0</t>
  </si>
  <si>
    <t>19780485.0</t>
  </si>
  <si>
    <t>17719049.0</t>
  </si>
  <si>
    <t>245.68</t>
  </si>
  <si>
    <t>58742452.0</t>
  </si>
  <si>
    <t>21203217.0</t>
  </si>
  <si>
    <t>19791228.0</t>
  </si>
  <si>
    <t>17748007.0</t>
  </si>
  <si>
    <t>245.85</t>
  </si>
  <si>
    <t>58782349.0</t>
  </si>
  <si>
    <t>21205071.0</t>
  </si>
  <si>
    <t>19802006.0</t>
  </si>
  <si>
    <t>17775272.0</t>
  </si>
  <si>
    <t>39897.0</t>
  </si>
  <si>
    <t>246.02</t>
  </si>
  <si>
    <t>58838093.0</t>
  </si>
  <si>
    <t>19816276.0</t>
  </si>
  <si>
    <t>17812611.0</t>
  </si>
  <si>
    <t>58867766.0</t>
  </si>
  <si>
    <t>21209099.0</t>
  </si>
  <si>
    <t>19827559.0</t>
  </si>
  <si>
    <t>17831108.0</t>
  </si>
  <si>
    <t>58903473.0</t>
  </si>
  <si>
    <t>21210557.0</t>
  </si>
  <si>
    <t>19834072.0</t>
  </si>
  <si>
    <t>17858844.0</t>
  </si>
  <si>
    <t>35336.0</t>
  </si>
  <si>
    <t>58938763.0</t>
  </si>
  <si>
    <t>21211766.0</t>
  </si>
  <si>
    <t>19841210.0</t>
  </si>
  <si>
    <t>17885787.0</t>
  </si>
  <si>
    <t>58972465.0</t>
  </si>
  <si>
    <t>21213100.0</t>
  </si>
  <si>
    <t>19848946.0</t>
  </si>
  <si>
    <t>17910419.0</t>
  </si>
  <si>
    <t>59017423.0</t>
  </si>
  <si>
    <t>21215957.0</t>
  </si>
  <si>
    <t>19855822.0</t>
  </si>
  <si>
    <t>17945644.0</t>
  </si>
  <si>
    <t>59128572.0</t>
  </si>
  <si>
    <t>21233320.0</t>
  </si>
  <si>
    <t>19865335.0</t>
  </si>
  <si>
    <t>18029917.0</t>
  </si>
  <si>
    <t>111149.0</t>
  </si>
  <si>
    <t>247.47</t>
  </si>
  <si>
    <t>59216817.0</t>
  </si>
  <si>
    <t>21262457.0</t>
  </si>
  <si>
    <t>19874392.0</t>
  </si>
  <si>
    <t>18079968.0</t>
  </si>
  <si>
    <t>59290207.0</t>
  </si>
  <si>
    <t>21271416.0</t>
  </si>
  <si>
    <t>19880190.0</t>
  </si>
  <si>
    <t>18138601.0</t>
  </si>
  <si>
    <t>73390.0</t>
  </si>
  <si>
    <t>248.14</t>
  </si>
  <si>
    <t>59366623.0</t>
  </si>
  <si>
    <t>21278899.0</t>
  </si>
  <si>
    <t>19886263.0</t>
  </si>
  <si>
    <t>18201461.0</t>
  </si>
  <si>
    <t>76416.0</t>
  </si>
  <si>
    <t>59438027.0</t>
  </si>
  <si>
    <t>21285371.0</t>
  </si>
  <si>
    <t>19892929.0</t>
  </si>
  <si>
    <t>18259727.0</t>
  </si>
  <si>
    <t>71404.0</t>
  </si>
  <si>
    <t>248.76</t>
  </si>
  <si>
    <t>59517454.0</t>
  </si>
  <si>
    <t>21293934.0</t>
  </si>
  <si>
    <t>19898628.0</t>
  </si>
  <si>
    <t>18324892.0</t>
  </si>
  <si>
    <t>79427.0</t>
  </si>
  <si>
    <t>71433.0</t>
  </si>
  <si>
    <t>249.1</t>
  </si>
  <si>
    <t>59600890.0</t>
  </si>
  <si>
    <t>21305125.0</t>
  </si>
  <si>
    <t>19907129.0</t>
  </si>
  <si>
    <t>18388636.0</t>
  </si>
  <si>
    <t>83436.0</t>
  </si>
  <si>
    <t>65029.0</t>
  </si>
  <si>
    <t>59654910.0</t>
  </si>
  <si>
    <t>21316770.0</t>
  </si>
  <si>
    <t>19915249.0</t>
  </si>
  <si>
    <t>18422891.0</t>
  </si>
  <si>
    <t>7486.7</t>
  </si>
  <si>
    <t>313.337626848858</t>
  </si>
  <si>
    <t>59694260.0</t>
  </si>
  <si>
    <t>21320752.0</t>
  </si>
  <si>
    <t>19919919.0</t>
  </si>
  <si>
    <t>18453589.0</t>
  </si>
  <si>
    <t>39350.0</t>
  </si>
  <si>
    <t>59731970.0</t>
  </si>
  <si>
    <t>21324642.0</t>
  </si>
  <si>
    <t>19925044.0</t>
  </si>
  <si>
    <t>18482284.0</t>
  </si>
  <si>
    <t>59766737.0</t>
  </si>
  <si>
    <t>21328226.0</t>
  </si>
  <si>
    <t>19930646.0</t>
  </si>
  <si>
    <t>18507865.0</t>
  </si>
  <si>
    <t>46959.0</t>
  </si>
  <si>
    <t>59800720.0</t>
  </si>
  <si>
    <t>21332212.0</t>
  </si>
  <si>
    <t>19935366.0</t>
  </si>
  <si>
    <t>18533142.0</t>
  </si>
  <si>
    <t>40467.0</t>
  </si>
  <si>
    <t>59848300.0</t>
  </si>
  <si>
    <t>21338555.0</t>
  </si>
  <si>
    <t>19942658.0</t>
  </si>
  <si>
    <t>18567087.0</t>
  </si>
  <si>
    <t>59882600.0</t>
  </si>
  <si>
    <t>21345432.0</t>
  </si>
  <si>
    <t>19949642.0</t>
  </si>
  <si>
    <t>18587526.0</t>
  </si>
  <si>
    <t>59909475.0</t>
  </si>
  <si>
    <t>21348460.0</t>
  </si>
  <si>
    <t>19953337.0</t>
  </si>
  <si>
    <t>18607678.0</t>
  </si>
  <si>
    <t>250.74</t>
  </si>
  <si>
    <t>59938508.0</t>
  </si>
  <si>
    <t>21351964.0</t>
  </si>
  <si>
    <t>19957822.0</t>
  </si>
  <si>
    <t>18628722.0</t>
  </si>
  <si>
    <t>59969420.0</t>
  </si>
  <si>
    <t>21356298.0</t>
  </si>
  <si>
    <t>19963176.0</t>
  </si>
  <si>
    <t>18649946.0</t>
  </si>
  <si>
    <t>250.99</t>
  </si>
  <si>
    <t>60005237.0</t>
  </si>
  <si>
    <t>21360715.0</t>
  </si>
  <si>
    <t>19968014.0</t>
  </si>
  <si>
    <t>18676508.0</t>
  </si>
  <si>
    <t>251.14</t>
  </si>
  <si>
    <t>60049113.0</t>
  </si>
  <si>
    <t>21367481.0</t>
  </si>
  <si>
    <t>19975357.0</t>
  </si>
  <si>
    <t>18706275.0</t>
  </si>
  <si>
    <t>251.32</t>
  </si>
  <si>
    <t>60090559.0</t>
  </si>
  <si>
    <t>21377890.0</t>
  </si>
  <si>
    <t>19985276.0</t>
  </si>
  <si>
    <t>18727393.0</t>
  </si>
  <si>
    <t>60122960.0</t>
  </si>
  <si>
    <t>21383080.0</t>
  </si>
  <si>
    <t>19991089.0</t>
  </si>
  <si>
    <t>18748791.0</t>
  </si>
  <si>
    <t>32401.0</t>
  </si>
  <si>
    <t>251.63</t>
  </si>
  <si>
    <t>60159311.0</t>
  </si>
  <si>
    <t>21388795.0</t>
  </si>
  <si>
    <t>19997436.0</t>
  </si>
  <si>
    <t>18773080.0</t>
  </si>
  <si>
    <t>31543.0</t>
  </si>
  <si>
    <t>251.78</t>
  </si>
  <si>
    <t>60196686.0</t>
  </si>
  <si>
    <t>21393560.0</t>
  </si>
  <si>
    <t>20004280.0</t>
  </si>
  <si>
    <t>18798846.0</t>
  </si>
  <si>
    <t>32467.0</t>
  </si>
  <si>
    <t>251.94</t>
  </si>
  <si>
    <t>60234519.0</t>
  </si>
  <si>
    <t>21398441.0</t>
  </si>
  <si>
    <t>20010401.0</t>
  </si>
  <si>
    <t>18825677.0</t>
  </si>
  <si>
    <t>60288583.0</t>
  </si>
  <si>
    <t>21407883.0</t>
  </si>
  <si>
    <t>20020250.0</t>
  </si>
  <si>
    <t>18860450.0</t>
  </si>
  <si>
    <t>54064.0</t>
  </si>
  <si>
    <t>34210.0</t>
  </si>
  <si>
    <t>252.32</t>
  </si>
  <si>
    <t>60334133.0</t>
  </si>
  <si>
    <t>21418252.0</t>
  </si>
  <si>
    <t>20032508.0</t>
  </si>
  <si>
    <t>18883373.0</t>
  </si>
  <si>
    <t>252.51</t>
  </si>
  <si>
    <t>60370291.0</t>
  </si>
  <si>
    <t>21423189.0</t>
  </si>
  <si>
    <t>20038833.0</t>
  </si>
  <si>
    <t>18908269.0</t>
  </si>
  <si>
    <t>60411038.0</t>
  </si>
  <si>
    <t>21429907.0</t>
  </si>
  <si>
    <t>20046743.0</t>
  </si>
  <si>
    <t>18934388.0</t>
  </si>
  <si>
    <t>60453202.0</t>
  </si>
  <si>
    <t>21436852.0</t>
  </si>
  <si>
    <t>20055391.0</t>
  </si>
  <si>
    <t>18960959.0</t>
  </si>
  <si>
    <t>60495075.0</t>
  </si>
  <si>
    <t>21443466.0</t>
  </si>
  <si>
    <t>20064146.0</t>
  </si>
  <si>
    <t>18987463.0</t>
  </si>
  <si>
    <t>60551060.0</t>
  </si>
  <si>
    <t>21453405.0</t>
  </si>
  <si>
    <t>20077464.0</t>
  </si>
  <si>
    <t>19020191.0</t>
  </si>
  <si>
    <t>253.42</t>
  </si>
  <si>
    <t>60629448.0</t>
  </si>
  <si>
    <t>21483203.0</t>
  </si>
  <si>
    <t>20091187.0</t>
  </si>
  <si>
    <t>19055058.0</t>
  </si>
  <si>
    <t>42188.0</t>
  </si>
  <si>
    <t>60669785.0</t>
  </si>
  <si>
    <t>21494858.0</t>
  </si>
  <si>
    <t>20097233.0</t>
  </si>
  <si>
    <t>19077694.0</t>
  </si>
  <si>
    <t>40337.0</t>
  </si>
  <si>
    <t>253.92</t>
  </si>
  <si>
    <t>60714144.0</t>
  </si>
  <si>
    <t>21510270.0</t>
  </si>
  <si>
    <t>20102075.0</t>
  </si>
  <si>
    <t>19101799.0</t>
  </si>
  <si>
    <t>60757657.0</t>
  </si>
  <si>
    <t>21522622.0</t>
  </si>
  <si>
    <t>20108035.0</t>
  </si>
  <si>
    <t>19127000.0</t>
  </si>
  <si>
    <t>10163.2</t>
  </si>
  <si>
    <t>425.356027247027</t>
  </si>
  <si>
    <t>60797230.0</t>
  </si>
  <si>
    <t>21531302.0</t>
  </si>
  <si>
    <t>20113633.0</t>
  </si>
  <si>
    <t>19152295.0</t>
  </si>
  <si>
    <t>39573.0</t>
  </si>
  <si>
    <t>254.45</t>
  </si>
  <si>
    <t>60849679.0</t>
  </si>
  <si>
    <t>21545628.0</t>
  </si>
  <si>
    <t>20123629.0</t>
  </si>
  <si>
    <t>19180422.0</t>
  </si>
  <si>
    <t>254.67</t>
  </si>
  <si>
    <t>60902242.0</t>
  </si>
  <si>
    <t>21563968.0</t>
  </si>
  <si>
    <t>20139963.0</t>
  </si>
  <si>
    <t>19198311.0</t>
  </si>
  <si>
    <t>254.89</t>
  </si>
  <si>
    <t>60941005.0</t>
  </si>
  <si>
    <t>21570470.0</t>
  </si>
  <si>
    <t>20145431.0</t>
  </si>
  <si>
    <t>19225104.0</t>
  </si>
  <si>
    <t>60983311.0</t>
  </si>
  <si>
    <t>21579935.0</t>
  </si>
  <si>
    <t>20152679.0</t>
  </si>
  <si>
    <t>19250697.0</t>
  </si>
  <si>
    <t>42306.0</t>
  </si>
  <si>
    <t>255.23</t>
  </si>
  <si>
    <t>61027668.0</t>
  </si>
  <si>
    <t>21591386.0</t>
  </si>
  <si>
    <t>20162650.0</t>
  </si>
  <si>
    <t>19273632.0</t>
  </si>
  <si>
    <t>38573.0</t>
  </si>
  <si>
    <t>255.42</t>
  </si>
  <si>
    <t>61091336.0</t>
  </si>
  <si>
    <t>21603303.0</t>
  </si>
  <si>
    <t>20175844.0</t>
  </si>
  <si>
    <t>19312189.0</t>
  </si>
  <si>
    <t>63668.0</t>
  </si>
  <si>
    <t>61125704.0</t>
  </si>
  <si>
    <t>21611878.0</t>
  </si>
  <si>
    <t>20184541.0</t>
  </si>
  <si>
    <t>19329285.0</t>
  </si>
  <si>
    <t>255.83</t>
  </si>
  <si>
    <t>61142215.0</t>
  </si>
  <si>
    <t>21616172.0</t>
  </si>
  <si>
    <t>20189261.0</t>
  </si>
  <si>
    <t>19336782.0</t>
  </si>
  <si>
    <t>34282.0</t>
  </si>
  <si>
    <t>61171988.0</t>
  </si>
  <si>
    <t>21620684.0</t>
  </si>
  <si>
    <t>20195515.0</t>
  </si>
  <si>
    <t>19355789.0</t>
  </si>
  <si>
    <t>256.02</t>
  </si>
  <si>
    <t>61203890.0</t>
  </si>
  <si>
    <t>21627419.0</t>
  </si>
  <si>
    <t>20201624.0</t>
  </si>
  <si>
    <t>19374847.0</t>
  </si>
  <si>
    <t>61238283.0</t>
  </si>
  <si>
    <t>21634247.0</t>
  </si>
  <si>
    <t>20209338.0</t>
  </si>
  <si>
    <t>19394698.0</t>
  </si>
  <si>
    <t>61267705.0</t>
  </si>
  <si>
    <t>21639179.0</t>
  </si>
  <si>
    <t>20214992.0</t>
  </si>
  <si>
    <t>19413534.0</t>
  </si>
  <si>
    <t>256.42</t>
  </si>
  <si>
    <t>61357890.0</t>
  </si>
  <si>
    <t>21660063.0</t>
  </si>
  <si>
    <t>20241055.0</t>
  </si>
  <si>
    <t>19456772.0</t>
  </si>
  <si>
    <t>256.8</t>
  </si>
  <si>
    <t>61384128.0</t>
  </si>
  <si>
    <t>21663522.0</t>
  </si>
  <si>
    <t>20246851.0</t>
  </si>
  <si>
    <t>19473755.0</t>
  </si>
  <si>
    <t>256.91</t>
  </si>
  <si>
    <t>61419479.0</t>
  </si>
  <si>
    <t>21671127.0</t>
  </si>
  <si>
    <t>20256310.0</t>
  </si>
  <si>
    <t>19492042.0</t>
  </si>
  <si>
    <t>30798.0</t>
  </si>
  <si>
    <t>61448862.0</t>
  </si>
  <si>
    <t>21676926.0</t>
  </si>
  <si>
    <t>20263324.0</t>
  </si>
  <si>
    <t>19508612.0</t>
  </si>
  <si>
    <t>30083.0</t>
  </si>
  <si>
    <t>257.18</t>
  </si>
  <si>
    <t>61481295.0</t>
  </si>
  <si>
    <t>21682465.0</t>
  </si>
  <si>
    <t>20271900.0</t>
  </si>
  <si>
    <t>19526930.0</t>
  </si>
  <si>
    <t>257.32</t>
  </si>
  <si>
    <t>61531001.0</t>
  </si>
  <si>
    <t>21691189.0</t>
  </si>
  <si>
    <t>20288219.0</t>
  </si>
  <si>
    <t>19551593.0</t>
  </si>
  <si>
    <t>49706.0</t>
  </si>
  <si>
    <t>33319.0</t>
  </si>
  <si>
    <t>257.52</t>
  </si>
  <si>
    <t>61577308.0</t>
  </si>
  <si>
    <t>21697959.0</t>
  </si>
  <si>
    <t>20300584.0</t>
  </si>
  <si>
    <t>19578765.0</t>
  </si>
  <si>
    <t>61616131.0</t>
  </si>
  <si>
    <t>21700979.0</t>
  </si>
  <si>
    <t>20306228.0</t>
  </si>
  <si>
    <t>19608924.0</t>
  </si>
  <si>
    <t>61662566.0</t>
  </si>
  <si>
    <t>21704867.0</t>
  </si>
  <si>
    <t>20313023.0</t>
  </si>
  <si>
    <t>19644676.0</t>
  </si>
  <si>
    <t>46435.0</t>
  </si>
  <si>
    <t>258.07</t>
  </si>
  <si>
    <t>61701223.0</t>
  </si>
  <si>
    <t>21709557.0</t>
  </si>
  <si>
    <t>20322449.0</t>
  </si>
  <si>
    <t>19669217.0</t>
  </si>
  <si>
    <t>61737802.0</t>
  </si>
  <si>
    <t>21713782.0</t>
  </si>
  <si>
    <t>20331089.0</t>
  </si>
  <si>
    <t>19692931.0</t>
  </si>
  <si>
    <t>258.39</t>
  </si>
  <si>
    <t>61787492.0</t>
  </si>
  <si>
    <t>21721462.0</t>
  </si>
  <si>
    <t>20345491.0</t>
  </si>
  <si>
    <t>19720539.0</t>
  </si>
  <si>
    <t>49690.0</t>
  </si>
  <si>
    <t>36642.0</t>
  </si>
  <si>
    <t>12507.1</t>
  </si>
  <si>
    <t>523.454263261698</t>
  </si>
  <si>
    <t>61812708.0</t>
  </si>
  <si>
    <t>21723088.0</t>
  </si>
  <si>
    <t>20353651.0</t>
  </si>
  <si>
    <t>19735969.0</t>
  </si>
  <si>
    <t>61856261.0</t>
  </si>
  <si>
    <t>21724888.0</t>
  </si>
  <si>
    <t>20357758.0</t>
  </si>
  <si>
    <t>19773615.0</t>
  </si>
  <si>
    <t>34304.0</t>
  </si>
  <si>
    <t>258.88</t>
  </si>
  <si>
    <t>61908113.0</t>
  </si>
  <si>
    <t>21727103.0</t>
  </si>
  <si>
    <t>20362996.0</t>
  </si>
  <si>
    <t>19818014.0</t>
  </si>
  <si>
    <t>61953854.0</t>
  </si>
  <si>
    <t>21729720.0</t>
  </si>
  <si>
    <t>20369221.0</t>
  </si>
  <si>
    <t>19854913.0</t>
  </si>
  <si>
    <t>62000124.0</t>
  </si>
  <si>
    <t>21731825.0</t>
  </si>
  <si>
    <t>20374167.0</t>
  </si>
  <si>
    <t>19894132.0</t>
  </si>
  <si>
    <t>46270.0</t>
  </si>
  <si>
    <t>37475.0</t>
  </si>
  <si>
    <t>62053752.0</t>
  </si>
  <si>
    <t>21736781.0</t>
  </si>
  <si>
    <t>20383219.0</t>
  </si>
  <si>
    <t>19933752.0</t>
  </si>
  <si>
    <t>53628.0</t>
  </si>
  <si>
    <t>259.71</t>
  </si>
  <si>
    <t>62117563.0</t>
  </si>
  <si>
    <t>21738916.0</t>
  </si>
  <si>
    <t>20397836.0</t>
  </si>
  <si>
    <t>19980811.0</t>
  </si>
  <si>
    <t>259.98</t>
  </si>
  <si>
    <t>62194169.0</t>
  </si>
  <si>
    <t>21742337.0</t>
  </si>
  <si>
    <t>20402287.0</t>
  </si>
  <si>
    <t>20049545.0</t>
  </si>
  <si>
    <t>76606.0</t>
  </si>
  <si>
    <t>43804.0</t>
  </si>
  <si>
    <t>62326790.0</t>
  </si>
  <si>
    <t>21746071.0</t>
  </si>
  <si>
    <t>20410823.0</t>
  </si>
  <si>
    <t>20169896.0</t>
  </si>
  <si>
    <t>46667.0</t>
  </si>
  <si>
    <t>260.85</t>
  </si>
  <si>
    <t>62403740.0</t>
  </si>
  <si>
    <t>21748790.0</t>
  </si>
  <si>
    <t>20417627.0</t>
  </si>
  <si>
    <t>20237323.0</t>
  </si>
  <si>
    <t>49998.0</t>
  </si>
  <si>
    <t>62489935.0</t>
  </si>
  <si>
    <t>21752620.0</t>
  </si>
  <si>
    <t>20426853.0</t>
  </si>
  <si>
    <t>20310462.0</t>
  </si>
  <si>
    <t>261.54</t>
  </si>
  <si>
    <t>62542646.0</t>
  </si>
  <si>
    <t>21753946.0</t>
  </si>
  <si>
    <t>20429777.0</t>
  </si>
  <si>
    <t>20358923.0</t>
  </si>
  <si>
    <t>261.76</t>
  </si>
  <si>
    <t>62608225.0</t>
  </si>
  <si>
    <t>21755722.0</t>
  </si>
  <si>
    <t>20433257.0</t>
  </si>
  <si>
    <t>20419246.0</t>
  </si>
  <si>
    <t>59151.0</t>
  </si>
  <si>
    <t>62669203.0</t>
  </si>
  <si>
    <t>21757549.0</t>
  </si>
  <si>
    <t>20437676.0</t>
  </si>
  <si>
    <t>20473978.0</t>
  </si>
  <si>
    <t>60978.0</t>
  </si>
  <si>
    <t>58389.0</t>
  </si>
  <si>
    <t>62729526.0</t>
  </si>
  <si>
    <t>21759406.0</t>
  </si>
  <si>
    <t>20441950.0</t>
  </si>
  <si>
    <t>20528170.0</t>
  </si>
  <si>
    <t>62799084.0</t>
  </si>
  <si>
    <t>21761873.0</t>
  </si>
  <si>
    <t>20447829.0</t>
  </si>
  <si>
    <t>20589382.0</t>
  </si>
  <si>
    <t>56478.0</t>
  </si>
  <si>
    <t>262.83</t>
  </si>
  <si>
    <t>62864570.0</t>
  </si>
  <si>
    <t>21764985.0</t>
  </si>
  <si>
    <t>20454706.0</t>
  </si>
  <si>
    <t>20644879.0</t>
  </si>
  <si>
    <t>263.1</t>
  </si>
  <si>
    <t>62914423.0</t>
  </si>
  <si>
    <t>21766376.0</t>
  </si>
  <si>
    <t>20457486.0</t>
  </si>
  <si>
    <t>20690561.0</t>
  </si>
  <si>
    <t>263.31</t>
  </si>
  <si>
    <t>62960928.0</t>
  </si>
  <si>
    <t>21768111.0</t>
  </si>
  <si>
    <t>20460939.0</t>
  </si>
  <si>
    <t>20731878.0</t>
  </si>
  <si>
    <t>50386.0</t>
  </si>
  <si>
    <t>263.51</t>
  </si>
  <si>
    <t>63007431.0</t>
  </si>
  <si>
    <t>21769753.0</t>
  </si>
  <si>
    <t>20464613.0</t>
  </si>
  <si>
    <t>20773065.0</t>
  </si>
  <si>
    <t>63051601.0</t>
  </si>
  <si>
    <t>21771181.0</t>
  </si>
  <si>
    <t>20468085.0</t>
  </si>
  <si>
    <t>20812335.0</t>
  </si>
  <si>
    <t>44170.0</t>
  </si>
  <si>
    <t>263.89</t>
  </si>
  <si>
    <t>63106901.0</t>
  </si>
  <si>
    <t>21773105.0</t>
  </si>
  <si>
    <t>20472592.0</t>
  </si>
  <si>
    <t>20861204.0</t>
  </si>
  <si>
    <t>264.12</t>
  </si>
  <si>
    <t>63184581.0</t>
  </si>
  <si>
    <t>21776330.0</t>
  </si>
  <si>
    <t>20479784.0</t>
  </si>
  <si>
    <t>20928467.0</t>
  </si>
  <si>
    <t>264.44</t>
  </si>
  <si>
    <t>14263.4</t>
  </si>
  <si>
    <t>596.959929848398</t>
  </si>
  <si>
    <t>63215083.0</t>
  </si>
  <si>
    <t>21777653.0</t>
  </si>
  <si>
    <t>20482273.0</t>
  </si>
  <si>
    <t>20955157.0</t>
  </si>
  <si>
    <t>36308.0</t>
  </si>
  <si>
    <t>264.57</t>
  </si>
  <si>
    <t>63244586.0</t>
  </si>
  <si>
    <t>21778856.0</t>
  </si>
  <si>
    <t>20485211.0</t>
  </si>
  <si>
    <t>20980519.0</t>
  </si>
  <si>
    <t>264.69</t>
  </si>
  <si>
    <t>63276335.0</t>
  </si>
  <si>
    <t>21780157.0</t>
  </si>
  <si>
    <t>20488293.0</t>
  </si>
  <si>
    <t>21007885.0</t>
  </si>
  <si>
    <t>264.83</t>
  </si>
  <si>
    <t>63317297.0</t>
  </si>
  <si>
    <t>21781694.0</t>
  </si>
  <si>
    <t>20492466.0</t>
  </si>
  <si>
    <t>21043137.0</t>
  </si>
  <si>
    <t>63352728.0</t>
  </si>
  <si>
    <t>21783510.0</t>
  </si>
  <si>
    <t>20497903.0</t>
  </si>
  <si>
    <t>21071315.0</t>
  </si>
  <si>
    <t>265.15</t>
  </si>
  <si>
    <t>63375232.0</t>
  </si>
  <si>
    <t>21784347.0</t>
  </si>
  <si>
    <t>20499947.0</t>
  </si>
  <si>
    <t>21090938.0</t>
  </si>
  <si>
    <t>265.24</t>
  </si>
  <si>
    <t>63400012.0</t>
  </si>
  <si>
    <t>21785496.0</t>
  </si>
  <si>
    <t>20502569.0</t>
  </si>
  <si>
    <t>21111947.0</t>
  </si>
  <si>
    <t>265.35</t>
  </si>
  <si>
    <t>63422580.0</t>
  </si>
  <si>
    <t>21786623.0</t>
  </si>
  <si>
    <t>20505461.0</t>
  </si>
  <si>
    <t>21130496.0</t>
  </si>
  <si>
    <t>63446451.0</t>
  </si>
  <si>
    <t>21787792.0</t>
  </si>
  <si>
    <t>20508096.0</t>
  </si>
  <si>
    <t>21150563.0</t>
  </si>
  <si>
    <t>63477310.0</t>
  </si>
  <si>
    <t>21789335.0</t>
  </si>
  <si>
    <t>20512039.0</t>
  </si>
  <si>
    <t>21175936.0</t>
  </si>
  <si>
    <t>265.67</t>
  </si>
  <si>
    <t>63504247.0</t>
  </si>
  <si>
    <t>21791072.0</t>
  </si>
  <si>
    <t>20516576.0</t>
  </si>
  <si>
    <t>21196599.0</t>
  </si>
  <si>
    <t>265.78</t>
  </si>
  <si>
    <t>63522862.0</t>
  </si>
  <si>
    <t>21791883.0</t>
  </si>
  <si>
    <t>20518446.0</t>
  </si>
  <si>
    <t>21212533.0</t>
  </si>
  <si>
    <t>63540840.0</t>
  </si>
  <si>
    <t>21793085.0</t>
  </si>
  <si>
    <t>20520940.0</t>
  </si>
  <si>
    <t>21226815.0</t>
  </si>
  <si>
    <t>63557810.0</t>
  </si>
  <si>
    <t>21794226.0</t>
  </si>
  <si>
    <t>20523734.0</t>
  </si>
  <si>
    <t>21239850.0</t>
  </si>
  <si>
    <t>266.01</t>
  </si>
  <si>
    <t>63574834.0</t>
  </si>
  <si>
    <t>21795331.0</t>
  </si>
  <si>
    <t>20526544.0</t>
  </si>
  <si>
    <t>21252959.0</t>
  </si>
  <si>
    <t>266.08</t>
  </si>
  <si>
    <t>63634855.0</t>
  </si>
  <si>
    <t>21797932.0</t>
  </si>
  <si>
    <t>20533851.0</t>
  </si>
  <si>
    <t>21303072.0</t>
  </si>
  <si>
    <t>266.33</t>
  </si>
  <si>
    <t>63680400.0</t>
  </si>
  <si>
    <t>21799656.0</t>
  </si>
  <si>
    <t>20537860.0</t>
  </si>
  <si>
    <t>21342884.0</t>
  </si>
  <si>
    <t>266.52</t>
  </si>
  <si>
    <t>63707274.0</t>
  </si>
  <si>
    <t>21800547.0</t>
  </si>
  <si>
    <t>20540433.0</t>
  </si>
  <si>
    <t>21366294.0</t>
  </si>
  <si>
    <t>63733433.0</t>
  </si>
  <si>
    <t>21801417.0</t>
  </si>
  <si>
    <t>20542655.0</t>
  </si>
  <si>
    <t>21389361.0</t>
  </si>
  <si>
    <t>63768461.0</t>
  </si>
  <si>
    <t>21802750.0</t>
  </si>
  <si>
    <t>20546190.0</t>
  </si>
  <si>
    <t>21419521.0</t>
  </si>
  <si>
    <t>63790249.0</t>
  </si>
  <si>
    <t>21803834.0</t>
  </si>
  <si>
    <t>20549439.0</t>
  </si>
  <si>
    <t>21436976.0</t>
  </si>
  <si>
    <t>63807009.0</t>
  </si>
  <si>
    <t>21804468.0</t>
  </si>
  <si>
    <t>20550919.0</t>
  </si>
  <si>
    <t>21451622.0</t>
  </si>
  <si>
    <t>267.05</t>
  </si>
  <si>
    <t>63828983.0</t>
  </si>
  <si>
    <t>21805391.0</t>
  </si>
  <si>
    <t>20553090.0</t>
  </si>
  <si>
    <t>21470502.0</t>
  </si>
  <si>
    <t>267.14</t>
  </si>
  <si>
    <t>63848597.0</t>
  </si>
  <si>
    <t>21806429.0</t>
  </si>
  <si>
    <t>20556008.0</t>
  </si>
  <si>
    <t>21486160.0</t>
  </si>
  <si>
    <t>267.22</t>
  </si>
  <si>
    <t>17385.3</t>
  </si>
  <si>
    <t>727.619464390914</t>
  </si>
  <si>
    <t>63871155.0</t>
  </si>
  <si>
    <t>21807355.0</t>
  </si>
  <si>
    <t>20558313.0</t>
  </si>
  <si>
    <t>21505487.0</t>
  </si>
  <si>
    <t>267.32</t>
  </si>
  <si>
    <t>63909544.0</t>
  </si>
  <si>
    <t>21808550.0</t>
  </si>
  <si>
    <t>20562014.0</t>
  </si>
  <si>
    <t>21538980.0</t>
  </si>
  <si>
    <t>267.48</t>
  </si>
  <si>
    <t>63930435.0</t>
  </si>
  <si>
    <t>21809500.0</t>
  </si>
  <si>
    <t>20565458.0</t>
  </si>
  <si>
    <t>21555477.0</t>
  </si>
  <si>
    <t>21583.0</t>
  </si>
  <si>
    <t>267.57</t>
  </si>
  <si>
    <t>63936813.0</t>
  </si>
  <si>
    <t>21809758.0</t>
  </si>
  <si>
    <t>20566394.0</t>
  </si>
  <si>
    <t>21560661.0</t>
  </si>
  <si>
    <t>267.59</t>
  </si>
  <si>
    <t>63957983.0</t>
  </si>
  <si>
    <t>21810499.0</t>
  </si>
  <si>
    <t>20568587.0</t>
  </si>
  <si>
    <t>21578897.0</t>
  </si>
  <si>
    <t>267.68</t>
  </si>
  <si>
    <t>63972670.0</t>
  </si>
  <si>
    <t>21811333.0</t>
  </si>
  <si>
    <t>20570491.0</t>
  </si>
  <si>
    <t>21590846.0</t>
  </si>
  <si>
    <t>267.74</t>
  </si>
  <si>
    <t>64000960.0</t>
  </si>
  <si>
    <t>21812256.0</t>
  </si>
  <si>
    <t>20572845.0</t>
  </si>
  <si>
    <t>21615859.0</t>
  </si>
  <si>
    <t>64028032.0</t>
  </si>
  <si>
    <t>21813359.0</t>
  </si>
  <si>
    <t>20575512.0</t>
  </si>
  <si>
    <t>21639161.0</t>
  </si>
  <si>
    <t>267.97</t>
  </si>
  <si>
    <t>64097818.0</t>
  </si>
  <si>
    <t>21815630.0</t>
  </si>
  <si>
    <t>20583784.0</t>
  </si>
  <si>
    <t>21698404.0</t>
  </si>
  <si>
    <t>64120222.0</t>
  </si>
  <si>
    <t>21816269.0</t>
  </si>
  <si>
    <t>20585778.0</t>
  </si>
  <si>
    <t>21718175.0</t>
  </si>
  <si>
    <t>64145609.0</t>
  </si>
  <si>
    <t>21817083.0</t>
  </si>
  <si>
    <t>20588047.0</t>
  </si>
  <si>
    <t>21740479.0</t>
  </si>
  <si>
    <t>24706.0</t>
  </si>
  <si>
    <t>268.47</t>
  </si>
  <si>
    <t>64177620.0</t>
  </si>
  <si>
    <t>21817953.0</t>
  </si>
  <si>
    <t>20590955.0</t>
  </si>
  <si>
    <t>21768712.0</t>
  </si>
  <si>
    <t>64214517.0</t>
  </si>
  <si>
    <t>21818844.0</t>
  </si>
  <si>
    <t>20593759.0</t>
  </si>
  <si>
    <t>21801914.0</t>
  </si>
  <si>
    <t>268.75</t>
  </si>
  <si>
    <t>64330816.0</t>
  </si>
  <si>
    <t>21821532.0</t>
  </si>
  <si>
    <t>20603659.0</t>
  </si>
  <si>
    <t>21905625.0</t>
  </si>
  <si>
    <t>269.24</t>
  </si>
  <si>
    <t>64373324.0</t>
  </si>
  <si>
    <t>21822480.0</t>
  </si>
  <si>
    <t>20606259.0</t>
  </si>
  <si>
    <t>21944585.0</t>
  </si>
  <si>
    <t>42508.0</t>
  </si>
  <si>
    <t>269.42</t>
  </si>
  <si>
    <t>64414639.0</t>
  </si>
  <si>
    <t>21823315.0</t>
  </si>
  <si>
    <t>20608849.0</t>
  </si>
  <si>
    <t>21982475.0</t>
  </si>
  <si>
    <t>33860.0</t>
  </si>
  <si>
    <t>269.59</t>
  </si>
  <si>
    <t>64458051.0</t>
  </si>
  <si>
    <t>21824367.0</t>
  </si>
  <si>
    <t>20611795.0</t>
  </si>
  <si>
    <t>22021889.0</t>
  </si>
  <si>
    <t>269.77</t>
  </si>
  <si>
    <t>64544997.0</t>
  </si>
  <si>
    <t>21826159.0</t>
  </si>
  <si>
    <t>20618430.0</t>
  </si>
  <si>
    <t>22100408.0</t>
  </si>
  <si>
    <t>270.14</t>
  </si>
  <si>
    <t>64580572.0</t>
  </si>
  <si>
    <t>21826989.0</t>
  </si>
  <si>
    <t>20620518.0</t>
  </si>
  <si>
    <t>22133065.0</t>
  </si>
  <si>
    <t>270.29</t>
  </si>
  <si>
    <t>64623918.0</t>
  </si>
  <si>
    <t>21827988.0</t>
  </si>
  <si>
    <t>20622672.0</t>
  </si>
  <si>
    <t>22173258.0</t>
  </si>
  <si>
    <t>270.47</t>
  </si>
  <si>
    <t>64673049.0</t>
  </si>
  <si>
    <t>21829015.0</t>
  </si>
  <si>
    <t>20625461.0</t>
  </si>
  <si>
    <t>22218573.0</t>
  </si>
  <si>
    <t>270.67</t>
  </si>
  <si>
    <t>92.99</t>
  </si>
  <si>
    <t>64721772.0</t>
  </si>
  <si>
    <t>21829864.0</t>
  </si>
  <si>
    <t>20627469.0</t>
  </si>
  <si>
    <t>22264439.0</t>
  </si>
  <si>
    <t>270.88</t>
  </si>
  <si>
    <t>TJK</t>
  </si>
  <si>
    <t>Tajikistan</t>
  </si>
  <si>
    <t>3193.7</t>
  </si>
  <si>
    <t>320.884929842278</t>
  </si>
  <si>
    <t>3851.8</t>
  </si>
  <si>
    <t>387.007099216109</t>
  </si>
  <si>
    <t>4214.7</t>
  </si>
  <si>
    <t>423.469240631948</t>
  </si>
  <si>
    <t>5066.2</t>
  </si>
  <si>
    <t>509.023149189639</t>
  </si>
  <si>
    <t>6268.5</t>
  </si>
  <si>
    <t>629.82345953481</t>
  </si>
  <si>
    <t>8486.8</t>
  </si>
  <si>
    <t>852.705708922393</t>
  </si>
  <si>
    <t>9866.9</t>
  </si>
  <si>
    <t>991.370358599986</t>
  </si>
  <si>
    <t>9879.4</t>
  </si>
  <si>
    <t>992.626287968126</t>
  </si>
  <si>
    <t>69229.0</t>
  </si>
  <si>
    <t>74403.0</t>
  </si>
  <si>
    <t>91775.0</t>
  </si>
  <si>
    <t>79376.0</t>
  </si>
  <si>
    <t>97290.0</t>
  </si>
  <si>
    <t>83743.0</t>
  </si>
  <si>
    <t>102711.0</t>
  </si>
  <si>
    <t>132075.0</t>
  </si>
  <si>
    <t>116341.0</t>
  </si>
  <si>
    <t>223648.0</t>
  </si>
  <si>
    <t>298578.0</t>
  </si>
  <si>
    <t>322907.0</t>
  </si>
  <si>
    <t>304039.0</t>
  </si>
  <si>
    <t>347405.0</t>
  </si>
  <si>
    <t>358885.0</t>
  </si>
  <si>
    <t>339749.0</t>
  </si>
  <si>
    <t>380940.0</t>
  </si>
  <si>
    <t>361000.0</t>
  </si>
  <si>
    <t>397694.0</t>
  </si>
  <si>
    <t>377744.0</t>
  </si>
  <si>
    <t>421832.0</t>
  </si>
  <si>
    <t>452362.0</t>
  </si>
  <si>
    <t>431058.0</t>
  </si>
  <si>
    <t>469356.0</t>
  </si>
  <si>
    <t>447114.0</t>
  </si>
  <si>
    <t>492066.0</t>
  </si>
  <si>
    <t>462542.0</t>
  </si>
  <si>
    <t>524472.0</t>
  </si>
  <si>
    <t>21480.0</t>
  </si>
  <si>
    <t>18573.0</t>
  </si>
  <si>
    <t>26095.0</t>
  </si>
  <si>
    <t>806815.0</t>
  </si>
  <si>
    <t>750514.0</t>
  </si>
  <si>
    <t>56301.0</t>
  </si>
  <si>
    <t>44964.0</t>
  </si>
  <si>
    <t>50728.0</t>
  </si>
  <si>
    <t>65382.0</t>
  </si>
  <si>
    <t>60316.0</t>
  </si>
  <si>
    <t>1094058.0</t>
  </si>
  <si>
    <t>1013808.0</t>
  </si>
  <si>
    <t>80250.0</t>
  </si>
  <si>
    <t>75591.0</t>
  </si>
  <si>
    <t>78736.0</t>
  </si>
  <si>
    <t>81881.0</t>
  </si>
  <si>
    <t>75297.0</t>
  </si>
  <si>
    <t>86277.0</t>
  </si>
  <si>
    <t>78919.0</t>
  </si>
  <si>
    <t>77150.0</t>
  </si>
  <si>
    <t>1671475.0</t>
  </si>
  <si>
    <t>1541475.0</t>
  </si>
  <si>
    <t>70258.0</t>
  </si>
  <si>
    <t>65135.0</t>
  </si>
  <si>
    <t>60012.0</t>
  </si>
  <si>
    <t>1830528.0</t>
  </si>
  <si>
    <t>1699552.0</t>
  </si>
  <si>
    <t>54889.0</t>
  </si>
  <si>
    <t>56106.0</t>
  </si>
  <si>
    <t>1967958.0</t>
  </si>
  <si>
    <t>1755958.0</t>
  </si>
  <si>
    <t>212000.0</t>
  </si>
  <si>
    <t>33876.0</t>
  </si>
  <si>
    <t>50378.0</t>
  </si>
  <si>
    <t>2255745.0</t>
  </si>
  <si>
    <t>1891850.0</t>
  </si>
  <si>
    <t>363895.0</t>
  </si>
  <si>
    <t>50929.0</t>
  </si>
  <si>
    <t>50975.0</t>
  </si>
  <si>
    <t>53986.0</t>
  </si>
  <si>
    <t>66028.0</t>
  </si>
  <si>
    <t>69039.0</t>
  </si>
  <si>
    <t>2808056.0</t>
  </si>
  <si>
    <t>2009748.0</t>
  </si>
  <si>
    <t>798308.0</t>
  </si>
  <si>
    <t>66411.0</t>
  </si>
  <si>
    <t>61155.0</t>
  </si>
  <si>
    <t>58527.0</t>
  </si>
  <si>
    <t>3061270.0</t>
  </si>
  <si>
    <t>2080138.0</t>
  </si>
  <si>
    <t>981132.0</t>
  </si>
  <si>
    <t>3174535.0</t>
  </si>
  <si>
    <t>2097435.0</t>
  </si>
  <si>
    <t>1077100.0</t>
  </si>
  <si>
    <t>113265.0</t>
  </si>
  <si>
    <t>62217.0</t>
  </si>
  <si>
    <t>51195.0</t>
  </si>
  <si>
    <t>3446777.0</t>
  </si>
  <si>
    <t>2168537.0</t>
  </si>
  <si>
    <t>1278240.0</t>
  </si>
  <si>
    <t>3749109.0</t>
  </si>
  <si>
    <t>2268602.0</t>
  </si>
  <si>
    <t>1480507.0</t>
  </si>
  <si>
    <t>60174.0</t>
  </si>
  <si>
    <t>60490.0</t>
  </si>
  <si>
    <t>3872421.0</t>
  </si>
  <si>
    <t>2307140.0</t>
  </si>
  <si>
    <t>60806.0</t>
  </si>
  <si>
    <t>55457.0</t>
  </si>
  <si>
    <t>4139385.0</t>
  </si>
  <si>
    <t>2398703.0</t>
  </si>
  <si>
    <t>1740682.0</t>
  </si>
  <si>
    <t>4362853.0</t>
  </si>
  <si>
    <t>2464077.0</t>
  </si>
  <si>
    <t>1898776.0</t>
  </si>
  <si>
    <t>4525937.0</t>
  </si>
  <si>
    <t>2513950.0</t>
  </si>
  <si>
    <t>2011987.0</t>
  </si>
  <si>
    <t>19777.0</t>
  </si>
  <si>
    <t>4631515.0</t>
  </si>
  <si>
    <t>2592147.0</t>
  </si>
  <si>
    <t>2039368.0</t>
  </si>
  <si>
    <t>4738865.0</t>
  </si>
  <si>
    <t>2632058.0</t>
  </si>
  <si>
    <t>2106807.0</t>
  </si>
  <si>
    <t>23440.0</t>
  </si>
  <si>
    <t>22926.0</t>
  </si>
  <si>
    <t>22412.0</t>
  </si>
  <si>
    <t>4819257.0</t>
  </si>
  <si>
    <t>2678569.0</t>
  </si>
  <si>
    <t>4852034.0</t>
  </si>
  <si>
    <t>2714911.0</t>
  </si>
  <si>
    <t>2137123.0</t>
  </si>
  <si>
    <t>5059324.0</t>
  </si>
  <si>
    <t>2788171.0</t>
  </si>
  <si>
    <t>2271153.0</t>
  </si>
  <si>
    <t>32187.0</t>
  </si>
  <si>
    <t>32701.0</t>
  </si>
  <si>
    <t>5291837.0</t>
  </si>
  <si>
    <t>2880326.0</t>
  </si>
  <si>
    <t>2411511.0</t>
  </si>
  <si>
    <t>33216.0</t>
  </si>
  <si>
    <t>38812.0</t>
  </si>
  <si>
    <t>39932.0</t>
  </si>
  <si>
    <t>5579193.0</t>
  </si>
  <si>
    <t>3024020.0</t>
  </si>
  <si>
    <t>2555173.0</t>
  </si>
  <si>
    <t>34703.0</t>
  </si>
  <si>
    <t>5711036.0</t>
  </si>
  <si>
    <t>3118206.0</t>
  </si>
  <si>
    <t>2592830.0</t>
  </si>
  <si>
    <t>6287345.0</t>
  </si>
  <si>
    <t>3520397.0</t>
  </si>
  <si>
    <t>2766948.0</t>
  </si>
  <si>
    <t>27524.0</t>
  </si>
  <si>
    <t>6605225.0</t>
  </si>
  <si>
    <t>3709690.0</t>
  </si>
  <si>
    <t>2895535.0</t>
  </si>
  <si>
    <t>44187.0</t>
  </si>
  <si>
    <t>43574.0</t>
  </si>
  <si>
    <t>42350.0</t>
  </si>
  <si>
    <t>21513.0</t>
  </si>
  <si>
    <t>41737.0</t>
  </si>
  <si>
    <t>6893099.0</t>
  </si>
  <si>
    <t>3844805.0</t>
  </si>
  <si>
    <t>3048294.0</t>
  </si>
  <si>
    <t>21794.0</t>
  </si>
  <si>
    <t>23456.0</t>
  </si>
  <si>
    <t>61668.0</t>
  </si>
  <si>
    <t>24286.0</t>
  </si>
  <si>
    <t>7804380.0</t>
  </si>
  <si>
    <t>3399653.0</t>
  </si>
  <si>
    <t>42091.0</t>
  </si>
  <si>
    <t>36341.0</t>
  </si>
  <si>
    <t>7978262.0</t>
  </si>
  <si>
    <t>4372260.0</t>
  </si>
  <si>
    <t>3601882.0</t>
  </si>
  <si>
    <t>24092.0</t>
  </si>
  <si>
    <t>8305260.0</t>
  </si>
  <si>
    <t>4522962.0</t>
  </si>
  <si>
    <t>3759499.0</t>
  </si>
  <si>
    <t>46070.0</t>
  </si>
  <si>
    <t>44782.0</t>
  </si>
  <si>
    <t>8600703.0</t>
  </si>
  <si>
    <t>4659726.0</t>
  </si>
  <si>
    <t>3871743.0</t>
  </si>
  <si>
    <t>46690.0</t>
  </si>
  <si>
    <t>9279471.0</t>
  </si>
  <si>
    <t>4916961.0</t>
  </si>
  <si>
    <t>4107682.0</t>
  </si>
  <si>
    <t>51815.0</t>
  </si>
  <si>
    <t>55146.0</t>
  </si>
  <si>
    <t>56812.0</t>
  </si>
  <si>
    <t>58478.0</t>
  </si>
  <si>
    <t>10121476.0</t>
  </si>
  <si>
    <t>5053081.0</t>
  </si>
  <si>
    <t>4479355.0</t>
  </si>
  <si>
    <t>10439469.0</t>
  </si>
  <si>
    <t>5085230.0</t>
  </si>
  <si>
    <t>4614268.0</t>
  </si>
  <si>
    <t>739971.0</t>
  </si>
  <si>
    <t>11014334.0</t>
  </si>
  <si>
    <t>5129284.0</t>
  </si>
  <si>
    <t>4795544.0</t>
  </si>
  <si>
    <t>1089506.0</t>
  </si>
  <si>
    <t>41412.0</t>
  </si>
  <si>
    <t>11318942.0</t>
  </si>
  <si>
    <t>5148083.0</t>
  </si>
  <si>
    <t>4853514.0</t>
  </si>
  <si>
    <t>1317345.0</t>
  </si>
  <si>
    <t>39798.0</t>
  </si>
  <si>
    <t>37939.0</t>
  </si>
  <si>
    <t>11532475.0</t>
  </si>
  <si>
    <t>5158199.0</t>
  </si>
  <si>
    <t>4886268.0</t>
  </si>
  <si>
    <t>1488008.0</t>
  </si>
  <si>
    <t>31273.0</t>
  </si>
  <si>
    <t>11758562.0</t>
  </si>
  <si>
    <t>5166745.0</t>
  </si>
  <si>
    <t>4914275.0</t>
  </si>
  <si>
    <t>1677542.0</t>
  </si>
  <si>
    <t>33548.0</t>
  </si>
  <si>
    <t>12271999.0</t>
  </si>
  <si>
    <t>5182002.0</t>
  </si>
  <si>
    <t>4959462.0</t>
  </si>
  <si>
    <t>2130535.0</t>
  </si>
  <si>
    <t>12504152.0</t>
  </si>
  <si>
    <t>5189877.0</t>
  </si>
  <si>
    <t>4976770.0</t>
  </si>
  <si>
    <t>2337505.0</t>
  </si>
  <si>
    <t>35091.0</t>
  </si>
  <si>
    <t>13782905.0</t>
  </si>
  <si>
    <t>5220731.0</t>
  </si>
  <si>
    <t>5034819.0</t>
  </si>
  <si>
    <t>3527355.0</t>
  </si>
  <si>
    <t>29253.0</t>
  </si>
  <si>
    <t>14192444.0</t>
  </si>
  <si>
    <t>5227504.0</t>
  </si>
  <si>
    <t>5047870.0</t>
  </si>
  <si>
    <t>3917070.0</t>
  </si>
  <si>
    <t>15441380.0</t>
  </si>
  <si>
    <t>5282863.0</t>
  </si>
  <si>
    <t>5120562.0</t>
  </si>
  <si>
    <t>4951036.0</t>
  </si>
  <si>
    <t>31184.0</t>
  </si>
  <si>
    <t>18871161.0</t>
  </si>
  <si>
    <t>5311967.0</t>
  </si>
  <si>
    <t>5170582.0</t>
  </si>
  <si>
    <t>5200841.0</t>
  </si>
  <si>
    <t>189.61</t>
  </si>
  <si>
    <t>TZA</t>
  </si>
  <si>
    <t>Tanzania</t>
  </si>
  <si>
    <t>105745.0</t>
  </si>
  <si>
    <t>218621.0</t>
  </si>
  <si>
    <t>304603.0</t>
  </si>
  <si>
    <t>885579.0</t>
  </si>
  <si>
    <t>1001610.0</t>
  </si>
  <si>
    <t>965778.0</t>
  </si>
  <si>
    <t>1337045.0</t>
  </si>
  <si>
    <t>983801.0</t>
  </si>
  <si>
    <t>1699523.0</t>
  </si>
  <si>
    <t>1592897.0</t>
  </si>
  <si>
    <t>1078102.0</t>
  </si>
  <si>
    <t>32228.0</t>
  </si>
  <si>
    <t>2431769.0</t>
  </si>
  <si>
    <t>2079930.0</t>
  </si>
  <si>
    <t>1646261.0</t>
  </si>
  <si>
    <t>33215.0</t>
  </si>
  <si>
    <t>427673.0</t>
  </si>
  <si>
    <t>3226750.0</t>
  </si>
  <si>
    <t>2545391.0</t>
  </si>
  <si>
    <t>1866830.0</t>
  </si>
  <si>
    <t>19561.0</t>
  </si>
  <si>
    <t>35742.0</t>
  </si>
  <si>
    <t>455776.0</t>
  </si>
  <si>
    <t>2374800.0</t>
  </si>
  <si>
    <t>4440797.0</t>
  </si>
  <si>
    <t>3223953.0</t>
  </si>
  <si>
    <t>2493984.0</t>
  </si>
  <si>
    <t>36804.0</t>
  </si>
  <si>
    <t>22065.0</t>
  </si>
  <si>
    <t>5031070.0</t>
  </si>
  <si>
    <t>3595010.0</t>
  </si>
  <si>
    <t>2779782.0</t>
  </si>
  <si>
    <t>3941772.0</t>
  </si>
  <si>
    <t>3067877.0</t>
  </si>
  <si>
    <t>35055.0</t>
  </si>
  <si>
    <t>61662.0</t>
  </si>
  <si>
    <t>68215.0</t>
  </si>
  <si>
    <t>49076.0</t>
  </si>
  <si>
    <t>74768.0</t>
  </si>
  <si>
    <t>6699665.0</t>
  </si>
  <si>
    <t>6483895.0</t>
  </si>
  <si>
    <t>3467885.0</t>
  </si>
  <si>
    <t>58663.0</t>
  </si>
  <si>
    <t>68250.0</t>
  </si>
  <si>
    <t>7280582.0</t>
  </si>
  <si>
    <t>97010.0</t>
  </si>
  <si>
    <t>92334.0</t>
  </si>
  <si>
    <t>68484.0</t>
  </si>
  <si>
    <t>56559.0</t>
  </si>
  <si>
    <t>7967468.0</t>
  </si>
  <si>
    <t>3915900.0</t>
  </si>
  <si>
    <t>33817.0</t>
  </si>
  <si>
    <t>39453.0</t>
  </si>
  <si>
    <t>8837371.0</t>
  </si>
  <si>
    <t>7588592.0</t>
  </si>
  <si>
    <t>4079863.0</t>
  </si>
  <si>
    <t>46906.0</t>
  </si>
  <si>
    <t>116639.0</t>
  </si>
  <si>
    <t>145162.0</t>
  </si>
  <si>
    <t>69265.0</t>
  </si>
  <si>
    <t>173686.0</t>
  </si>
  <si>
    <t>202209.0</t>
  </si>
  <si>
    <t>230733.0</t>
  </si>
  <si>
    <t>12067632.0</t>
  </si>
  <si>
    <t>8871313.0</t>
  </si>
  <si>
    <t>7499156.0</t>
  </si>
  <si>
    <t>230323.0</t>
  </si>
  <si>
    <t>229913.0</t>
  </si>
  <si>
    <t>229502.0</t>
  </si>
  <si>
    <t>145394.0</t>
  </si>
  <si>
    <t>229092.0</t>
  </si>
  <si>
    <t>228682.0</t>
  </si>
  <si>
    <t>181242.0</t>
  </si>
  <si>
    <t>228272.0</t>
  </si>
  <si>
    <t>199166.0</t>
  </si>
  <si>
    <t>227862.0</t>
  </si>
  <si>
    <t>217090.0</t>
  </si>
  <si>
    <t>15257697.0</t>
  </si>
  <si>
    <t>11910572.0</t>
  </si>
  <si>
    <t>10518478.0</t>
  </si>
  <si>
    <t>228247.0</t>
  </si>
  <si>
    <t>217411.0</t>
  </si>
  <si>
    <t>228632.0</t>
  </si>
  <si>
    <t>217732.0</t>
  </si>
  <si>
    <t>229018.0</t>
  </si>
  <si>
    <t>218053.0</t>
  </si>
  <si>
    <t>229403.0</t>
  </si>
  <si>
    <t>218373.0</t>
  </si>
  <si>
    <t>229788.0</t>
  </si>
  <si>
    <t>218694.0</t>
  </si>
  <si>
    <t>230174.0</t>
  </si>
  <si>
    <t>219015.0</t>
  </si>
  <si>
    <t>16871609.0</t>
  </si>
  <si>
    <t>13445924.0</t>
  </si>
  <si>
    <t>12036710.0</t>
  </si>
  <si>
    <t>230559.0</t>
  </si>
  <si>
    <t>228807.0</t>
  </si>
  <si>
    <t>217279.0</t>
  </si>
  <si>
    <t>227055.0</t>
  </si>
  <si>
    <t>215222.0</t>
  </si>
  <si>
    <t>225303.0</t>
  </si>
  <si>
    <t>213166.0</t>
  </si>
  <si>
    <t>223551.0</t>
  </si>
  <si>
    <t>221799.0</t>
  </si>
  <si>
    <t>206995.0</t>
  </si>
  <si>
    <t>218295.0</t>
  </si>
  <si>
    <t>19927742.0</t>
  </si>
  <si>
    <t>16315065.0</t>
  </si>
  <si>
    <t>14775183.0</t>
  </si>
  <si>
    <t>7171363.0</t>
  </si>
  <si>
    <t>209096.0</t>
  </si>
  <si>
    <t>199897.0</t>
  </si>
  <si>
    <t>185348.0</t>
  </si>
  <si>
    <t>190698.0</t>
  </si>
  <si>
    <t>175552.0</t>
  </si>
  <si>
    <t>181499.0</t>
  </si>
  <si>
    <t>155962.0</t>
  </si>
  <si>
    <t>163101.0</t>
  </si>
  <si>
    <t>146166.0</t>
  </si>
  <si>
    <t>136371.0</t>
  </si>
  <si>
    <t>22082377.0</t>
  </si>
  <si>
    <t>18224255.0</t>
  </si>
  <si>
    <t>16465360.0</t>
  </si>
  <si>
    <t>155759.0</t>
  </si>
  <si>
    <t>137260.0</t>
  </si>
  <si>
    <t>157615.0</t>
  </si>
  <si>
    <t>138149.0</t>
  </si>
  <si>
    <t>139039.0</t>
  </si>
  <si>
    <t>139928.0</t>
  </si>
  <si>
    <t>140818.0</t>
  </si>
  <si>
    <t>165040.0</t>
  </si>
  <si>
    <t>23250648.0</t>
  </si>
  <si>
    <t>19222429.0</t>
  </si>
  <si>
    <t>17347743.0</t>
  </si>
  <si>
    <t>166896.0</t>
  </si>
  <si>
    <t>142596.0</t>
  </si>
  <si>
    <t>156463.0</t>
  </si>
  <si>
    <t>133287.0</t>
  </si>
  <si>
    <t>146030.0</t>
  </si>
  <si>
    <t>114670.0</t>
  </si>
  <si>
    <t>125164.0</t>
  </si>
  <si>
    <t>105361.0</t>
  </si>
  <si>
    <t>104297.0</t>
  </si>
  <si>
    <t>86743.0</t>
  </si>
  <si>
    <t>23907698.0</t>
  </si>
  <si>
    <t>19764470.0</t>
  </si>
  <si>
    <t>17884028.0</t>
  </si>
  <si>
    <t>93864.0</t>
  </si>
  <si>
    <t>77434.0</t>
  </si>
  <si>
    <t>91226.0</t>
  </si>
  <si>
    <t>75425.0</t>
  </si>
  <si>
    <t>73416.0</t>
  </si>
  <si>
    <t>85950.0</t>
  </si>
  <si>
    <t>71407.0</t>
  </si>
  <si>
    <t>67390.0</t>
  </si>
  <si>
    <t>78036.0</t>
  </si>
  <si>
    <t>24435483.0</t>
  </si>
  <si>
    <t>20208071.0</t>
  </si>
  <si>
    <t>18321897.0</t>
  </si>
  <si>
    <t>75398.0</t>
  </si>
  <si>
    <t>63372.0</t>
  </si>
  <si>
    <t>64664.0</t>
  </si>
  <si>
    <t>80092.0</t>
  </si>
  <si>
    <t>67250.0</t>
  </si>
  <si>
    <t>81657.0</t>
  </si>
  <si>
    <t>84786.0</t>
  </si>
  <si>
    <t>71128.0</t>
  </si>
  <si>
    <t>25039939.0</t>
  </si>
  <si>
    <t>20715016.0</t>
  </si>
  <si>
    <t>18841873.0</t>
  </si>
  <si>
    <t>86351.0</t>
  </si>
  <si>
    <t>72421.0</t>
  </si>
  <si>
    <t>95970.0</t>
  </si>
  <si>
    <t>120491.0</t>
  </si>
  <si>
    <t>107745.0</t>
  </si>
  <si>
    <t>131870.0</t>
  </si>
  <si>
    <t>119519.0</t>
  </si>
  <si>
    <t>143250.0</t>
  </si>
  <si>
    <t>131294.0</t>
  </si>
  <si>
    <t>143069.0</t>
  </si>
  <si>
    <t>26202010.0</t>
  </si>
  <si>
    <t>21798918.0</t>
  </si>
  <si>
    <t>19944580.0</t>
  </si>
  <si>
    <t>154843.0</t>
  </si>
  <si>
    <t>161579.0</t>
  </si>
  <si>
    <t>151995.0</t>
  </si>
  <si>
    <t>157147.0</t>
  </si>
  <si>
    <t>149148.0</t>
  </si>
  <si>
    <t>152716.0</t>
  </si>
  <si>
    <t>146300.0</t>
  </si>
  <si>
    <t>148284.0</t>
  </si>
  <si>
    <t>143853.0</t>
  </si>
  <si>
    <t>139422.0</t>
  </si>
  <si>
    <t>134990.0</t>
  </si>
  <si>
    <t>134908.0</t>
  </si>
  <si>
    <t>28091873.0</t>
  </si>
  <si>
    <t>23687636.0</t>
  </si>
  <si>
    <t>21723603.0</t>
  </si>
  <si>
    <t>127201.0</t>
  </si>
  <si>
    <t>124613.0</t>
  </si>
  <si>
    <t>114317.0</t>
  </si>
  <si>
    <t>111622.0</t>
  </si>
  <si>
    <t>103833.0</t>
  </si>
  <si>
    <t>93726.0</t>
  </si>
  <si>
    <t>88255.0</t>
  </si>
  <si>
    <t>73135.0</t>
  </si>
  <si>
    <t>62839.0</t>
  </si>
  <si>
    <t>29218390.0</t>
  </si>
  <si>
    <t>24567380.0</t>
  </si>
  <si>
    <t>22659956.0</t>
  </si>
  <si>
    <t>91102.0</t>
  </si>
  <si>
    <t>132126.0</t>
  </si>
  <si>
    <t>119364.0</t>
  </si>
  <si>
    <t>157957.0</t>
  </si>
  <si>
    <t>147627.0</t>
  </si>
  <si>
    <t>183787.0</t>
  </si>
  <si>
    <t>175890.0</t>
  </si>
  <si>
    <t>209617.0</t>
  </si>
  <si>
    <t>204152.0</t>
  </si>
  <si>
    <t>235448.0</t>
  </si>
  <si>
    <t>31047338.0</t>
  </si>
  <si>
    <t>26392125.0</t>
  </si>
  <si>
    <t>24524930.0</t>
  </si>
  <si>
    <t>261278.0</t>
  </si>
  <si>
    <t>260678.0</t>
  </si>
  <si>
    <t>261624.0</t>
  </si>
  <si>
    <t>260421.0</t>
  </si>
  <si>
    <t>261970.0</t>
  </si>
  <si>
    <t>262316.0</t>
  </si>
  <si>
    <t>259906.0</t>
  </si>
  <si>
    <t>262661.0</t>
  </si>
  <si>
    <t>259649.0</t>
  </si>
  <si>
    <t>263007.0</t>
  </si>
  <si>
    <t>263353.0</t>
  </si>
  <si>
    <t>259134.0</t>
  </si>
  <si>
    <t>32893229.0</t>
  </si>
  <si>
    <t>28204265.0</t>
  </si>
  <si>
    <t>25798225.0</t>
  </si>
  <si>
    <t>263699.0</t>
  </si>
  <si>
    <t>258877.0</t>
  </si>
  <si>
    <t>226278.0</t>
  </si>
  <si>
    <t>188356.0</t>
  </si>
  <si>
    <t>193679.0</t>
  </si>
  <si>
    <t>150685.0</t>
  </si>
  <si>
    <t>161080.0</t>
  </si>
  <si>
    <t>75342.0</t>
  </si>
  <si>
    <t>37671.0</t>
  </si>
  <si>
    <t>28848632.0</t>
  </si>
  <si>
    <t>27459447.0</t>
  </si>
  <si>
    <t>89256.0</t>
  </si>
  <si>
    <t>108779.0</t>
  </si>
  <si>
    <t>158238.0</t>
  </si>
  <si>
    <t>128303.0</t>
  </si>
  <si>
    <t>147827.0</t>
  </si>
  <si>
    <t>221533.0</t>
  </si>
  <si>
    <t>167351.0</t>
  </si>
  <si>
    <t>35994687.0</t>
  </si>
  <si>
    <t>31191545.0</t>
  </si>
  <si>
    <t>29270881.0</t>
  </si>
  <si>
    <t>THA</t>
  </si>
  <si>
    <t>Thailand</t>
  </si>
  <si>
    <t>2428.4</t>
  </si>
  <si>
    <t>33.8703040170817</t>
  </si>
  <si>
    <t>476.2</t>
  </si>
  <si>
    <t>718.5</t>
  </si>
  <si>
    <t>2473.6</t>
  </si>
  <si>
    <t>34.5007346469499</t>
  </si>
  <si>
    <t>1019.8</t>
  </si>
  <si>
    <t>15161.0</t>
  </si>
  <si>
    <t>459.8</t>
  </si>
  <si>
    <t>310.6</t>
  </si>
  <si>
    <t>37259.0</t>
  </si>
  <si>
    <t>73.6153288593959</t>
  </si>
  <si>
    <t>87308.0</t>
  </si>
  <si>
    <t>91112.0</t>
  </si>
  <si>
    <t>94689.0</t>
  </si>
  <si>
    <t>98465.0</t>
  </si>
  <si>
    <t>102357.0</t>
  </si>
  <si>
    <t>105111.0</t>
  </si>
  <si>
    <t>108809.0</t>
  </si>
  <si>
    <t>117592.0</t>
  </si>
  <si>
    <t>123011.0</t>
  </si>
  <si>
    <t>138545.0</t>
  </si>
  <si>
    <t>148286.0</t>
  </si>
  <si>
    <t>155219.0</t>
  </si>
  <si>
    <t>164441.0</t>
  </si>
  <si>
    <t>170968.0</t>
  </si>
  <si>
    <t>279.5</t>
  </si>
  <si>
    <t>190495.0</t>
  </si>
  <si>
    <t>343.4</t>
  </si>
  <si>
    <t>409.2</t>
  </si>
  <si>
    <t>209032.0</t>
  </si>
  <si>
    <t>444.8</t>
  </si>
  <si>
    <t>220455.0</t>
  </si>
  <si>
    <t>487.1</t>
  </si>
  <si>
    <t>2098.6</t>
  </si>
  <si>
    <t>29.2703920318924</t>
  </si>
  <si>
    <t>227985.0</t>
  </si>
  <si>
    <t>537.9</t>
  </si>
  <si>
    <t>243313.0</t>
  </si>
  <si>
    <t>1295.7</t>
  </si>
  <si>
    <t>249824.0</t>
  </si>
  <si>
    <t>1059.5</t>
  </si>
  <si>
    <t>257150.0</t>
  </si>
  <si>
    <t>1137.8</t>
  </si>
  <si>
    <t>263341.0</t>
  </si>
  <si>
    <t>271008.0</t>
  </si>
  <si>
    <t>1330.3</t>
  </si>
  <si>
    <t>278924.0</t>
  </si>
  <si>
    <t>1273.5</t>
  </si>
  <si>
    <t>285118.0</t>
  </si>
  <si>
    <t>1260.1</t>
  </si>
  <si>
    <t>290694.0</t>
  </si>
  <si>
    <t>1184.6</t>
  </si>
  <si>
    <t>296453.0</t>
  </si>
  <si>
    <t>1665.2</t>
  </si>
  <si>
    <t>303238.0</t>
  </si>
  <si>
    <t>1589.2</t>
  </si>
  <si>
    <t>310678.0</t>
  </si>
  <si>
    <t>1690.5</t>
  </si>
  <si>
    <t>317688.0</t>
  </si>
  <si>
    <t>1795.6</t>
  </si>
  <si>
    <t>325763.0</t>
  </si>
  <si>
    <t>1873.7</t>
  </si>
  <si>
    <t>332254.0</t>
  </si>
  <si>
    <t>2244.7</t>
  </si>
  <si>
    <t>2400.5</t>
  </si>
  <si>
    <t>343058.0</t>
  </si>
  <si>
    <t>2912.5</t>
  </si>
  <si>
    <t>350714.0</t>
  </si>
  <si>
    <t>2966.8</t>
  </si>
  <si>
    <t>359248.0</t>
  </si>
  <si>
    <t>2856.7</t>
  </si>
  <si>
    <t>367875.0</t>
  </si>
  <si>
    <t>2641.9</t>
  </si>
  <si>
    <t>375611.0</t>
  </si>
  <si>
    <t>4154.6</t>
  </si>
  <si>
    <t>3417.6</t>
  </si>
  <si>
    <t>387823.0</t>
  </si>
  <si>
    <t>4294.6</t>
  </si>
  <si>
    <t>405210.0</t>
  </si>
  <si>
    <t>415231.0</t>
  </si>
  <si>
    <t>2799.4</t>
  </si>
  <si>
    <t>424412.0</t>
  </si>
  <si>
    <t>2019.2</t>
  </si>
  <si>
    <t>433171.0</t>
  </si>
  <si>
    <t>440929.0</t>
  </si>
  <si>
    <t>445726.0</t>
  </si>
  <si>
    <t>1412.3</t>
  </si>
  <si>
    <t>-142.6</t>
  </si>
  <si>
    <t>-5.35</t>
  </si>
  <si>
    <t>-1.98892495175253</t>
  </si>
  <si>
    <t>1445.4</t>
  </si>
  <si>
    <t>464122.0</t>
  </si>
  <si>
    <t>470818.0</t>
  </si>
  <si>
    <t>1852.8</t>
  </si>
  <si>
    <t>480847.0</t>
  </si>
  <si>
    <t>1567.6</t>
  </si>
  <si>
    <t>489810.0</t>
  </si>
  <si>
    <t>2178.5</t>
  </si>
  <si>
    <t>495069.0</t>
  </si>
  <si>
    <t>2005.2</t>
  </si>
  <si>
    <t>500150.0</t>
  </si>
  <si>
    <t>1755.5</t>
  </si>
  <si>
    <t>508820.0</t>
  </si>
  <si>
    <t>1486.2</t>
  </si>
  <si>
    <t>1453.1</t>
  </si>
  <si>
    <t>527286.0</t>
  </si>
  <si>
    <t>1377.3</t>
  </si>
  <si>
    <t>537652.0</t>
  </si>
  <si>
    <t>2366.6</t>
  </si>
  <si>
    <t>546470.0</t>
  </si>
  <si>
    <t>2098.5</t>
  </si>
  <si>
    <t>552096.0</t>
  </si>
  <si>
    <t>1900.8</t>
  </si>
  <si>
    <t>556894.0</t>
  </si>
  <si>
    <t>2466.8</t>
  </si>
  <si>
    <t>564857.0</t>
  </si>
  <si>
    <t>3501.7</t>
  </si>
  <si>
    <t>573793.0</t>
  </si>
  <si>
    <t>581795.0</t>
  </si>
  <si>
    <t>5449.3</t>
  </si>
  <si>
    <t>3267.3</t>
  </si>
  <si>
    <t>596823.0</t>
  </si>
  <si>
    <t>2961.3</t>
  </si>
  <si>
    <t>600766.0</t>
  </si>
  <si>
    <t>3744.2</t>
  </si>
  <si>
    <t>604371.0</t>
  </si>
  <si>
    <t>3652.1</t>
  </si>
  <si>
    <t>610576.0</t>
  </si>
  <si>
    <t>616355.0</t>
  </si>
  <si>
    <t>2026.7</t>
  </si>
  <si>
    <t>8.682</t>
  </si>
  <si>
    <t>1810.1</t>
  </si>
  <si>
    <t>628289.0</t>
  </si>
  <si>
    <t>2256.1</t>
  </si>
  <si>
    <t>632609.0</t>
  </si>
  <si>
    <t>2236.2</t>
  </si>
  <si>
    <t>636152.0</t>
  </si>
  <si>
    <t>8.885</t>
  </si>
  <si>
    <t>2358.8</t>
  </si>
  <si>
    <t>638699.0</t>
  </si>
  <si>
    <t>645136.0</t>
  </si>
  <si>
    <t>1920.3</t>
  </si>
  <si>
    <t>650395.0</t>
  </si>
  <si>
    <t>2269.2</t>
  </si>
  <si>
    <t>858.4</t>
  </si>
  <si>
    <t>11.9726029353743</t>
  </si>
  <si>
    <t>654775.0</t>
  </si>
  <si>
    <t>2072.2</t>
  </si>
  <si>
    <t>9.269</t>
  </si>
  <si>
    <t>1726.2</t>
  </si>
  <si>
    <t>666081.0</t>
  </si>
  <si>
    <t>1301.3</t>
  </si>
  <si>
    <t>668610.0</t>
  </si>
  <si>
    <t>1068.2</t>
  </si>
  <si>
    <t>671724.0</t>
  </si>
  <si>
    <t>1022.6</t>
  </si>
  <si>
    <t>674724.0</t>
  </si>
  <si>
    <t>1013.7</t>
  </si>
  <si>
    <t>678239.0</t>
  </si>
  <si>
    <t>977.5</t>
  </si>
  <si>
    <t>682574.0</t>
  </si>
  <si>
    <t>1006.7</t>
  </si>
  <si>
    <t>687650.0</t>
  </si>
  <si>
    <t>690967.0</t>
  </si>
  <si>
    <t>693780.0</t>
  </si>
  <si>
    <t>697901.0</t>
  </si>
  <si>
    <t>1047.3</t>
  </si>
  <si>
    <t>704028.0</t>
  </si>
  <si>
    <t>709415.0</t>
  </si>
  <si>
    <t>890.8</t>
  </si>
  <si>
    <t>717770.0</t>
  </si>
  <si>
    <t>1035.2</t>
  </si>
  <si>
    <t>723798.0</t>
  </si>
  <si>
    <t>10.109</t>
  </si>
  <si>
    <t>976.9</t>
  </si>
  <si>
    <t>728679.0</t>
  </si>
  <si>
    <t>1256.9</t>
  </si>
  <si>
    <t>1194.5</t>
  </si>
  <si>
    <t>736729.0</t>
  </si>
  <si>
    <t>1294.2</t>
  </si>
  <si>
    <t>741202.0</t>
  </si>
  <si>
    <t>1327.8</t>
  </si>
  <si>
    <t>10.445</t>
  </si>
  <si>
    <t>753635.0</t>
  </si>
  <si>
    <t>1024.8</t>
  </si>
  <si>
    <t>759407.0</t>
  </si>
  <si>
    <t>847.8</t>
  </si>
  <si>
    <t>763304.0</t>
  </si>
  <si>
    <t>766266.0</t>
  </si>
  <si>
    <t>778.7</t>
  </si>
  <si>
    <t>770592.0</t>
  </si>
  <si>
    <t>10.762</t>
  </si>
  <si>
    <t>720.6</t>
  </si>
  <si>
    <t>775216.0</t>
  </si>
  <si>
    <t>10.827</t>
  </si>
  <si>
    <t>10.906</t>
  </si>
  <si>
    <t>733.7</t>
  </si>
  <si>
    <t>787789.0</t>
  </si>
  <si>
    <t>975.8</t>
  </si>
  <si>
    <t>792818.0</t>
  </si>
  <si>
    <t>1077.7</t>
  </si>
  <si>
    <t>-52.9999999999999</t>
  </si>
  <si>
    <t>-0.739221756261458</t>
  </si>
  <si>
    <t>11.124</t>
  </si>
  <si>
    <t>799685.0</t>
  </si>
  <si>
    <t>1285.4</t>
  </si>
  <si>
    <t>803386.0</t>
  </si>
  <si>
    <t>807341.0</t>
  </si>
  <si>
    <t>1338.3</t>
  </si>
  <si>
    <t>811935.0</t>
  </si>
  <si>
    <t>815921.0</t>
  </si>
  <si>
    <t>1082.1</t>
  </si>
  <si>
    <t>820454.0</t>
  </si>
  <si>
    <t>789.6</t>
  </si>
  <si>
    <t>824833.0</t>
  </si>
  <si>
    <t>787.1</t>
  </si>
  <si>
    <t>828385.0</t>
  </si>
  <si>
    <t>844.1</t>
  </si>
  <si>
    <t>831941.0</t>
  </si>
  <si>
    <t>11.619</t>
  </si>
  <si>
    <t>836077.0</t>
  </si>
  <si>
    <t>957.8</t>
  </si>
  <si>
    <t>840080.0</t>
  </si>
  <si>
    <t>1005.2</t>
  </si>
  <si>
    <t>844114.0</t>
  </si>
  <si>
    <t>972.2</t>
  </si>
  <si>
    <t>847358.0</t>
  </si>
  <si>
    <t>867.7</t>
  </si>
  <si>
    <t>850714.0</t>
  </si>
  <si>
    <t>853786.0</t>
  </si>
  <si>
    <t>977.1</t>
  </si>
  <si>
    <t>858048.0</t>
  </si>
  <si>
    <t>11.984</t>
  </si>
  <si>
    <t>967.1</t>
  </si>
  <si>
    <t>862248.0</t>
  </si>
  <si>
    <t>872.4</t>
  </si>
  <si>
    <t>1091.5</t>
  </si>
  <si>
    <t>873929.0</t>
  </si>
  <si>
    <t>993.7</t>
  </si>
  <si>
    <t>878226.0</t>
  </si>
  <si>
    <t>881794.0</t>
  </si>
  <si>
    <t>12.315</t>
  </si>
  <si>
    <t>884460.0</t>
  </si>
  <si>
    <t>1704.4</t>
  </si>
  <si>
    <t>889807.0</t>
  </si>
  <si>
    <t>1671.7</t>
  </si>
  <si>
    <t>893495.0</t>
  </si>
  <si>
    <t>12.479</t>
  </si>
  <si>
    <t>898704.0</t>
  </si>
  <si>
    <t>12.552</t>
  </si>
  <si>
    <t>1440.3</t>
  </si>
  <si>
    <t>903570.0</t>
  </si>
  <si>
    <t>1975.7</t>
  </si>
  <si>
    <t>908325.0</t>
  </si>
  <si>
    <t>12.686</t>
  </si>
  <si>
    <t>1505.1</t>
  </si>
  <si>
    <t>911888.0</t>
  </si>
  <si>
    <t>12.736</t>
  </si>
  <si>
    <t>915572.0</t>
  </si>
  <si>
    <t>12.787</t>
  </si>
  <si>
    <t>1944.4</t>
  </si>
  <si>
    <t>920560.0</t>
  </si>
  <si>
    <t>12.857</t>
  </si>
  <si>
    <t>2049.9</t>
  </si>
  <si>
    <t>-677.6</t>
  </si>
  <si>
    <t>-9.45088041590122</t>
  </si>
  <si>
    <t>924780.0</t>
  </si>
  <si>
    <t>2085.4</t>
  </si>
  <si>
    <t>928601.0</t>
  </si>
  <si>
    <t>1358.9</t>
  </si>
  <si>
    <t>933290.0</t>
  </si>
  <si>
    <t>13.035</t>
  </si>
  <si>
    <t>1292.1</t>
  </si>
  <si>
    <t>937852.0</t>
  </si>
  <si>
    <t>940755.0</t>
  </si>
  <si>
    <t>1069.2</t>
  </si>
  <si>
    <t>944218.0</t>
  </si>
  <si>
    <t>948955.0</t>
  </si>
  <si>
    <t>860.4</t>
  </si>
  <si>
    <t>955130.0</t>
  </si>
  <si>
    <t>1046.6</t>
  </si>
  <si>
    <t>960498.0</t>
  </si>
  <si>
    <t>1449.9</t>
  </si>
  <si>
    <t>965485.0</t>
  </si>
  <si>
    <t>13.484</t>
  </si>
  <si>
    <t>1192.4</t>
  </si>
  <si>
    <t>970495.0</t>
  </si>
  <si>
    <t>975503.0</t>
  </si>
  <si>
    <t>13.624</t>
  </si>
  <si>
    <t>978488.0</t>
  </si>
  <si>
    <t>982877.0</t>
  </si>
  <si>
    <t>1130.7</t>
  </si>
  <si>
    <t>986977.0</t>
  </si>
  <si>
    <t>936.8</t>
  </si>
  <si>
    <t>991212.0</t>
  </si>
  <si>
    <t>714.3</t>
  </si>
  <si>
    <t>995247.0</t>
  </si>
  <si>
    <t>999615.0</t>
  </si>
  <si>
    <t>808.9</t>
  </si>
  <si>
    <t>1002619.0</t>
  </si>
  <si>
    <t>14.003</t>
  </si>
  <si>
    <t>797.6</t>
  </si>
  <si>
    <t>1005756.0</t>
  </si>
  <si>
    <t>826.3</t>
  </si>
  <si>
    <t>1010964.0</t>
  </si>
  <si>
    <t>905.8</t>
  </si>
  <si>
    <t>1016484.0</t>
  </si>
  <si>
    <t>951.7</t>
  </si>
  <si>
    <t>1021085.0</t>
  </si>
  <si>
    <t>1244.7</t>
  </si>
  <si>
    <t>1025764.0</t>
  </si>
  <si>
    <t>1173.9</t>
  </si>
  <si>
    <t>1030254.0</t>
  </si>
  <si>
    <t>1392.6</t>
  </si>
  <si>
    <t>1034355.0</t>
  </si>
  <si>
    <t>14.446</t>
  </si>
  <si>
    <t>1442.6</t>
  </si>
  <si>
    <t>1038122.0</t>
  </si>
  <si>
    <t>1903.7</t>
  </si>
  <si>
    <t>1043017.0</t>
  </si>
  <si>
    <t>821.9</t>
  </si>
  <si>
    <t>1048381.0</t>
  </si>
  <si>
    <t>664.6</t>
  </si>
  <si>
    <t>1053371.0</t>
  </si>
  <si>
    <t>-1330.0</t>
  </si>
  <si>
    <t>-18.5502818080706</t>
  </si>
  <si>
    <t>1057713.0</t>
  </si>
  <si>
    <t>1061810.0</t>
  </si>
  <si>
    <t>563.5</t>
  </si>
  <si>
    <t>1065146.0</t>
  </si>
  <si>
    <t>504.8</t>
  </si>
  <si>
    <t>1069096.0</t>
  </si>
  <si>
    <t>499.6</t>
  </si>
  <si>
    <t>1073251.0</t>
  </si>
  <si>
    <t>671.8</t>
  </si>
  <si>
    <t>1077127.0</t>
  </si>
  <si>
    <t>1081402.0</t>
  </si>
  <si>
    <t>1085990.0</t>
  </si>
  <si>
    <t>533.6</t>
  </si>
  <si>
    <t>1091871.0</t>
  </si>
  <si>
    <t>15.249</t>
  </si>
  <si>
    <t>1096467.0</t>
  </si>
  <si>
    <t>15.314</t>
  </si>
  <si>
    <t>614.1</t>
  </si>
  <si>
    <t>1099830.0</t>
  </si>
  <si>
    <t>1104888.0</t>
  </si>
  <si>
    <t>1109458.0</t>
  </si>
  <si>
    <t>15.495</t>
  </si>
  <si>
    <t>751.9</t>
  </si>
  <si>
    <t>1114451.0</t>
  </si>
  <si>
    <t>893.1</t>
  </si>
  <si>
    <t>1119223.0</t>
  </si>
  <si>
    <t>1124261.0</t>
  </si>
  <si>
    <t>1127841.0</t>
  </si>
  <si>
    <t>1131750.0</t>
  </si>
  <si>
    <t>1136724.0</t>
  </si>
  <si>
    <t>15.876</t>
  </si>
  <si>
    <t>636.7</t>
  </si>
  <si>
    <t>1143561.0</t>
  </si>
  <si>
    <t>15.971</t>
  </si>
  <si>
    <t>598.3</t>
  </si>
  <si>
    <t>1148599.0</t>
  </si>
  <si>
    <t>16.042</t>
  </si>
  <si>
    <t>1153554.0</t>
  </si>
  <si>
    <t>16.111</t>
  </si>
  <si>
    <t>635.7</t>
  </si>
  <si>
    <t>1157834.0</t>
  </si>
  <si>
    <t>1161884.0</t>
  </si>
  <si>
    <t>654.6</t>
  </si>
  <si>
    <t>1165055.0</t>
  </si>
  <si>
    <t>1169958.0</t>
  </si>
  <si>
    <t>639.1</t>
  </si>
  <si>
    <t>1175091.0</t>
  </si>
  <si>
    <t>685.4</t>
  </si>
  <si>
    <t>1179341.0</t>
  </si>
  <si>
    <t>1183884.0</t>
  </si>
  <si>
    <t>16.534</t>
  </si>
  <si>
    <t>689.3</t>
  </si>
  <si>
    <t>1187789.0</t>
  </si>
  <si>
    <t>1191306.0</t>
  </si>
  <si>
    <t>600.4</t>
  </si>
  <si>
    <t>-3000.0</t>
  </si>
  <si>
    <t>-41.84274092046</t>
  </si>
  <si>
    <t>1194291.0</t>
  </si>
  <si>
    <t>609.2</t>
  </si>
  <si>
    <t>1198439.0</t>
  </si>
  <si>
    <t>16.738</t>
  </si>
  <si>
    <t>647.3</t>
  </si>
  <si>
    <t>1203673.0</t>
  </si>
  <si>
    <t>1208222.0</t>
  </si>
  <si>
    <t>16.874</t>
  </si>
  <si>
    <t>627.9</t>
  </si>
  <si>
    <t>1212563.0</t>
  </si>
  <si>
    <t>610.2</t>
  </si>
  <si>
    <t>1215739.0</t>
  </si>
  <si>
    <t>1219577.0</t>
  </si>
  <si>
    <t>1222392.0</t>
  </si>
  <si>
    <t>1225975.0</t>
  </si>
  <si>
    <t>519.6</t>
  </si>
  <si>
    <t>1230639.0</t>
  </si>
  <si>
    <t>17.187</t>
  </si>
  <si>
    <t>573.7</t>
  </si>
  <si>
    <t>1235308.0</t>
  </si>
  <si>
    <t>629.8</t>
  </si>
  <si>
    <t>1239393.0</t>
  </si>
  <si>
    <t>638.8</t>
  </si>
  <si>
    <t>1242858.0</t>
  </si>
  <si>
    <t>1246311.0</t>
  </si>
  <si>
    <t>1248855.0</t>
  </si>
  <si>
    <t>715.1</t>
  </si>
  <si>
    <t>1251908.0</t>
  </si>
  <si>
    <t>17.484</t>
  </si>
  <si>
    <t>1256132.0</t>
  </si>
  <si>
    <t>749.8</t>
  </si>
  <si>
    <t>1260612.0</t>
  </si>
  <si>
    <t>766.9</t>
  </si>
  <si>
    <t>1263203.0</t>
  </si>
  <si>
    <t>17.642</t>
  </si>
  <si>
    <t>661.3</t>
  </si>
  <si>
    <t>1265816.0</t>
  </si>
  <si>
    <t>1268230.0</t>
  </si>
  <si>
    <t>17.712</t>
  </si>
  <si>
    <t>608.8</t>
  </si>
  <si>
    <t>1270668.0</t>
  </si>
  <si>
    <t>559.3</t>
  </si>
  <si>
    <t>1274347.0</t>
  </si>
  <si>
    <t>17.798</t>
  </si>
  <si>
    <t>1278462.0</t>
  </si>
  <si>
    <t>507.5</t>
  </si>
  <si>
    <t>1282895.0</t>
  </si>
  <si>
    <t>484.4</t>
  </si>
  <si>
    <t>1286329.0</t>
  </si>
  <si>
    <t>17.965</t>
  </si>
  <si>
    <t>428.3</t>
  </si>
  <si>
    <t>1290440.0</t>
  </si>
  <si>
    <t>18.023</t>
  </si>
  <si>
    <t>1293655.0</t>
  </si>
  <si>
    <t>18.068</t>
  </si>
  <si>
    <t>1297017.0</t>
  </si>
  <si>
    <t>18.114</t>
  </si>
  <si>
    <t>411.7</t>
  </si>
  <si>
    <t>1301522.0</t>
  </si>
  <si>
    <t>-440.6</t>
  </si>
  <si>
    <t>-6.14530388318489</t>
  </si>
  <si>
    <t>1306764.0</t>
  </si>
  <si>
    <t>1312064.0</t>
  </si>
  <si>
    <t>18.325</t>
  </si>
  <si>
    <t>1317417.0</t>
  </si>
  <si>
    <t>1323200.0</t>
  </si>
  <si>
    <t>1328500.0</t>
  </si>
  <si>
    <t>328.7</t>
  </si>
  <si>
    <t>1333084.0</t>
  </si>
  <si>
    <t>1338781.0</t>
  </si>
  <si>
    <t>1346078.0</t>
  </si>
  <si>
    <t>333.2</t>
  </si>
  <si>
    <t>1359521.0</t>
  </si>
  <si>
    <t>1364181.0</t>
  </si>
  <si>
    <t>1368225.0</t>
  </si>
  <si>
    <t>1371963.0</t>
  </si>
  <si>
    <t>19.161</t>
  </si>
  <si>
    <t>316.1</t>
  </si>
  <si>
    <t>1377042.0</t>
  </si>
  <si>
    <t>19.232</t>
  </si>
  <si>
    <t>1383216.0</t>
  </si>
  <si>
    <t>1389996.0</t>
  </si>
  <si>
    <t>1395381.0</t>
  </si>
  <si>
    <t>19.488</t>
  </si>
  <si>
    <t>320.2</t>
  </si>
  <si>
    <t>1400721.0</t>
  </si>
  <si>
    <t>1406038.0</t>
  </si>
  <si>
    <t>19.637</t>
  </si>
  <si>
    <t>1413548.0</t>
  </si>
  <si>
    <t>1431281.0</t>
  </si>
  <si>
    <t>17733.0</t>
  </si>
  <si>
    <t>1451418.0</t>
  </si>
  <si>
    <t>1476623.0</t>
  </si>
  <si>
    <t>20.623</t>
  </si>
  <si>
    <t>1501942.0</t>
  </si>
  <si>
    <t>20.977</t>
  </si>
  <si>
    <t>1523274.0</t>
  </si>
  <si>
    <t>1555616.0</t>
  </si>
  <si>
    <t>1576700.0</t>
  </si>
  <si>
    <t>22.021</t>
  </si>
  <si>
    <t>1597064.0</t>
  </si>
  <si>
    <t>20364.0</t>
  </si>
  <si>
    <t>1620434.0</t>
  </si>
  <si>
    <t>22.631</t>
  </si>
  <si>
    <t>1634168.0</t>
  </si>
  <si>
    <t>47.0870311158243</t>
  </si>
  <si>
    <t>1643947.0</t>
  </si>
  <si>
    <t>1655214.0</t>
  </si>
  <si>
    <t>23.117</t>
  </si>
  <si>
    <t>1669406.0</t>
  </si>
  <si>
    <t>1692753.0</t>
  </si>
  <si>
    <t>1724178.0</t>
  </si>
  <si>
    <t>1757988.0</t>
  </si>
  <si>
    <t>33810.0</t>
  </si>
  <si>
    <t>1790629.0</t>
  </si>
  <si>
    <t>25.008</t>
  </si>
  <si>
    <t>1825933.0</t>
  </si>
  <si>
    <t>25.501</t>
  </si>
  <si>
    <t>1853849.0</t>
  </si>
  <si>
    <t>25.891</t>
  </si>
  <si>
    <t>1871678.0</t>
  </si>
  <si>
    <t>1907776.0</t>
  </si>
  <si>
    <t>26.645</t>
  </si>
  <si>
    <t>1937004.0</t>
  </si>
  <si>
    <t>27.053</t>
  </si>
  <si>
    <t>1964753.0</t>
  </si>
  <si>
    <t>1996368.0</t>
  </si>
  <si>
    <t>29391.0</t>
  </si>
  <si>
    <t>2025683.0</t>
  </si>
  <si>
    <t>28.291</t>
  </si>
  <si>
    <t>2046859.0</t>
  </si>
  <si>
    <t>28.587</t>
  </si>
  <si>
    <t>2060750.0</t>
  </si>
  <si>
    <t>2080487.0</t>
  </si>
  <si>
    <t>24673.0</t>
  </si>
  <si>
    <t>2108957.0</t>
  </si>
  <si>
    <t>2133908.0</t>
  </si>
  <si>
    <t>24951.0</t>
  </si>
  <si>
    <t>2158845.0</t>
  </si>
  <si>
    <t>2185973.0</t>
  </si>
  <si>
    <t>2204144.0</t>
  </si>
  <si>
    <t>30.784</t>
  </si>
  <si>
    <t>2214326.0</t>
  </si>
  <si>
    <t>30.926</t>
  </si>
  <si>
    <t>2231788.0</t>
  </si>
  <si>
    <t>2255885.0</t>
  </si>
  <si>
    <t>31.506</t>
  </si>
  <si>
    <t>2281100.0</t>
  </si>
  <si>
    <t>31.858</t>
  </si>
  <si>
    <t>2303939.0</t>
  </si>
  <si>
    <t>2324051.0</t>
  </si>
  <si>
    <t>2345685.0</t>
  </si>
  <si>
    <t>2360423.0</t>
  </si>
  <si>
    <t>32.966</t>
  </si>
  <si>
    <t>4877.4</t>
  </si>
  <si>
    <t>68.0279281884838</t>
  </si>
  <si>
    <t>2377783.0</t>
  </si>
  <si>
    <t>2398386.0</t>
  </si>
  <si>
    <t>2419612.0</t>
  </si>
  <si>
    <t>19787.0</t>
  </si>
  <si>
    <t>2440872.0</t>
  </si>
  <si>
    <t>19562.0</t>
  </si>
  <si>
    <t>2459599.0</t>
  </si>
  <si>
    <t>34.351</t>
  </si>
  <si>
    <t>2476324.0</t>
  </si>
  <si>
    <t>2486146.0</t>
  </si>
  <si>
    <t>2499290.0</t>
  </si>
  <si>
    <t>2515808.0</t>
  </si>
  <si>
    <t>35.136</t>
  </si>
  <si>
    <t>2533343.0</t>
  </si>
  <si>
    <t>2550623.0</t>
  </si>
  <si>
    <t>2564124.0</t>
  </si>
  <si>
    <t>35.811</t>
  </si>
  <si>
    <t>2571423.0</t>
  </si>
  <si>
    <t>2578664.0</t>
  </si>
  <si>
    <t>2591343.0</t>
  </si>
  <si>
    <t>36.191</t>
  </si>
  <si>
    <t>2608012.0</t>
  </si>
  <si>
    <t>36.424</t>
  </si>
  <si>
    <t>2624435.0</t>
  </si>
  <si>
    <t>2641556.0</t>
  </si>
  <si>
    <t>2660476.0</t>
  </si>
  <si>
    <t>37.157</t>
  </si>
  <si>
    <t>2670753.0</t>
  </si>
  <si>
    <t>2681775.0</t>
  </si>
  <si>
    <t>37.454</t>
  </si>
  <si>
    <t>2699316.0</t>
  </si>
  <si>
    <t>37.699</t>
  </si>
  <si>
    <t>2719943.0</t>
  </si>
  <si>
    <t>37.987</t>
  </si>
  <si>
    <t>2743862.0</t>
  </si>
  <si>
    <t>38.322</t>
  </si>
  <si>
    <t>2763177.0</t>
  </si>
  <si>
    <t>2777254.0</t>
  </si>
  <si>
    <t>38.788</t>
  </si>
  <si>
    <t>2786711.0</t>
  </si>
  <si>
    <t>2792752.0</t>
  </si>
  <si>
    <t>40.5260893394961</t>
  </si>
  <si>
    <t>2805745.0</t>
  </si>
  <si>
    <t>39.186</t>
  </si>
  <si>
    <t>2823856.0</t>
  </si>
  <si>
    <t>2841222.0</t>
  </si>
  <si>
    <t>2859798.0</t>
  </si>
  <si>
    <t>2875559.0</t>
  </si>
  <si>
    <t>40.161</t>
  </si>
  <si>
    <t>2886622.0</t>
  </si>
  <si>
    <t>40.315</t>
  </si>
  <si>
    <t>2894876.0</t>
  </si>
  <si>
    <t>40.431</t>
  </si>
  <si>
    <t>243.7</t>
  </si>
  <si>
    <t>2907321.0</t>
  </si>
  <si>
    <t>40.604</t>
  </si>
  <si>
    <t>247.8</t>
  </si>
  <si>
    <t>2923822.0</t>
  </si>
  <si>
    <t>40.835</t>
  </si>
  <si>
    <t>233.6</t>
  </si>
  <si>
    <t>2941205.0</t>
  </si>
  <si>
    <t>41.078</t>
  </si>
  <si>
    <t>33621.0</t>
  </si>
  <si>
    <t>2956726.0</t>
  </si>
  <si>
    <t>2971770.0</t>
  </si>
  <si>
    <t>2983073.0</t>
  </si>
  <si>
    <t>2991557.0</t>
  </si>
  <si>
    <t>3008652.0</t>
  </si>
  <si>
    <t>3028793.0</t>
  </si>
  <si>
    <t>3047519.0</t>
  </si>
  <si>
    <t>3067216.0</t>
  </si>
  <si>
    <t>43.093</t>
  </si>
  <si>
    <t>3101735.0</t>
  </si>
  <si>
    <t>3113209.0</t>
  </si>
  <si>
    <t>3133096.0</t>
  </si>
  <si>
    <t>43.758</t>
  </si>
  <si>
    <t>3153898.0</t>
  </si>
  <si>
    <t>44.048</t>
  </si>
  <si>
    <t>3177129.0</t>
  </si>
  <si>
    <t>23231.0</t>
  </si>
  <si>
    <t>44.373</t>
  </si>
  <si>
    <t>102050.0</t>
  </si>
  <si>
    <t>96188.0</t>
  </si>
  <si>
    <t>3195044.0</t>
  </si>
  <si>
    <t>44.623</t>
  </si>
  <si>
    <t>3211834.0</t>
  </si>
  <si>
    <t>44.857</t>
  </si>
  <si>
    <t>3224151.0</t>
  </si>
  <si>
    <t>3232404.0</t>
  </si>
  <si>
    <t>3249152.0</t>
  </si>
  <si>
    <t>45.379</t>
  </si>
  <si>
    <t>3265595.0</t>
  </si>
  <si>
    <t>180477.0</t>
  </si>
  <si>
    <t>3283689.0</t>
  </si>
  <si>
    <t>45.861</t>
  </si>
  <si>
    <t>106.936098212389</t>
  </si>
  <si>
    <t>3301845.0</t>
  </si>
  <si>
    <t>37407.0</t>
  </si>
  <si>
    <t>3318104.0</t>
  </si>
  <si>
    <t>46.342</t>
  </si>
  <si>
    <t>231882.0</t>
  </si>
  <si>
    <t>189666.0</t>
  </si>
  <si>
    <t>3334055.0</t>
  </si>
  <si>
    <t>244254.0</t>
  </si>
  <si>
    <t>201864.0</t>
  </si>
  <si>
    <t>3343638.0</t>
  </si>
  <si>
    <t>46.698</t>
  </si>
  <si>
    <t>257484.0</t>
  </si>
  <si>
    <t>213948.0</t>
  </si>
  <si>
    <t>3363564.0</t>
  </si>
  <si>
    <t>46.976</t>
  </si>
  <si>
    <t>294881.0</t>
  </si>
  <si>
    <t>247850.0</t>
  </si>
  <si>
    <t>47031.0</t>
  </si>
  <si>
    <t>37397.0</t>
  </si>
  <si>
    <t>3387190.0</t>
  </si>
  <si>
    <t>47.306</t>
  </si>
  <si>
    <t>323989.0</t>
  </si>
  <si>
    <t>274354.0</t>
  </si>
  <si>
    <t>3420922.0</t>
  </si>
  <si>
    <t>391752.0</t>
  </si>
  <si>
    <t>336808.0</t>
  </si>
  <si>
    <t>67763.0</t>
  </si>
  <si>
    <t>3460131.0</t>
  </si>
  <si>
    <t>48.325</t>
  </si>
  <si>
    <t>466374.0</t>
  </si>
  <si>
    <t>3505230.0</t>
  </si>
  <si>
    <t>48.955</t>
  </si>
  <si>
    <t>470301.0</t>
  </si>
  <si>
    <t>67079.0</t>
  </si>
  <si>
    <t>3549870.0</t>
  </si>
  <si>
    <t>30831.0</t>
  </si>
  <si>
    <t>555396.0</t>
  </si>
  <si>
    <t>485957.0</t>
  </si>
  <si>
    <t>69439.0</t>
  </si>
  <si>
    <t>3585952.0</t>
  </si>
  <si>
    <t>50.082</t>
  </si>
  <si>
    <t>570052.0</t>
  </si>
  <si>
    <t>498791.0</t>
  </si>
  <si>
    <t>3635728.0</t>
  </si>
  <si>
    <t>50.778</t>
  </si>
  <si>
    <t>38881.0</t>
  </si>
  <si>
    <t>578532.0</t>
  </si>
  <si>
    <t>505215.0</t>
  </si>
  <si>
    <t>3683948.0</t>
  </si>
  <si>
    <t>42394.0</t>
  </si>
  <si>
    <t>579305.0</t>
  </si>
  <si>
    <t>505744.0</t>
  </si>
  <si>
    <t>3729186.0</t>
  </si>
  <si>
    <t>44038.0</t>
  </si>
  <si>
    <t>3777207.0</t>
  </si>
  <si>
    <t>586032.0</t>
  </si>
  <si>
    <t>510456.0</t>
  </si>
  <si>
    <t>75576.0</t>
  </si>
  <si>
    <t>3829851.0</t>
  </si>
  <si>
    <t>46374.0</t>
  </si>
  <si>
    <t>605259.0</t>
  </si>
  <si>
    <t>523830.0</t>
  </si>
  <si>
    <t>3885216.0</t>
  </si>
  <si>
    <t>55365.0</t>
  </si>
  <si>
    <t>54.262</t>
  </si>
  <si>
    <t>608521.0</t>
  </si>
  <si>
    <t>526706.0</t>
  </si>
  <si>
    <t>3941798.0</t>
  </si>
  <si>
    <t>618583.0</t>
  </si>
  <si>
    <t>535925.0</t>
  </si>
  <si>
    <t>82658.0</t>
  </si>
  <si>
    <t>4004358.0</t>
  </si>
  <si>
    <t>62560.0</t>
  </si>
  <si>
    <t>55.926</t>
  </si>
  <si>
    <t>52661.0</t>
  </si>
  <si>
    <t>666210.0</t>
  </si>
  <si>
    <t>94385.0</t>
  </si>
  <si>
    <t>4077674.0</t>
  </si>
  <si>
    <t>73316.0</t>
  </si>
  <si>
    <t>56247.0</t>
  </si>
  <si>
    <t>712610.0</t>
  </si>
  <si>
    <t>604947.0</t>
  </si>
  <si>
    <t>107663.0</t>
  </si>
  <si>
    <t>4150190.0</t>
  </si>
  <si>
    <t>72516.0</t>
  </si>
  <si>
    <t>864840.0</t>
  </si>
  <si>
    <t>746617.0</t>
  </si>
  <si>
    <t>118223.0</t>
  </si>
  <si>
    <t>152230.0</t>
  </si>
  <si>
    <t>4221719.0</t>
  </si>
  <si>
    <t>58.962</t>
  </si>
  <si>
    <t>964825.0</t>
  </si>
  <si>
    <t>834082.0</t>
  </si>
  <si>
    <t>130743.0</t>
  </si>
  <si>
    <t>99985.0</t>
  </si>
  <si>
    <t>54113.0</t>
  </si>
  <si>
    <t>46232.0</t>
  </si>
  <si>
    <t>4291718.0</t>
  </si>
  <si>
    <t>69999.0</t>
  </si>
  <si>
    <t>934449.0</t>
  </si>
  <si>
    <t>160996.0</t>
  </si>
  <si>
    <t>130620.0</t>
  </si>
  <si>
    <t>58660.0</t>
  </si>
  <si>
    <t>4351980.0</t>
  </si>
  <si>
    <t>60.781</t>
  </si>
  <si>
    <t>1124153.0</t>
  </si>
  <si>
    <t>949124.0</t>
  </si>
  <si>
    <t>175029.0</t>
  </si>
  <si>
    <t>4412216.0</t>
  </si>
  <si>
    <t>1149666.0</t>
  </si>
  <si>
    <t>972204.0</t>
  </si>
  <si>
    <t>177462.0</t>
  </si>
  <si>
    <t>4475534.0</t>
  </si>
  <si>
    <t>62.506</t>
  </si>
  <si>
    <t>1227032.0</t>
  </si>
  <si>
    <t>1012388.0</t>
  </si>
  <si>
    <t>214644.0</t>
  </si>
  <si>
    <t>77366.0</t>
  </si>
  <si>
    <t>4545983.0</t>
  </si>
  <si>
    <t>1279713.0</t>
  </si>
  <si>
    <t>1038960.0</t>
  </si>
  <si>
    <t>240753.0</t>
  </si>
  <si>
    <t>4615789.0</t>
  </si>
  <si>
    <t>64.465</t>
  </si>
  <si>
    <t>1344646.0</t>
  </si>
  <si>
    <t>1059721.0</t>
  </si>
  <si>
    <t>284925.0</t>
  </si>
  <si>
    <t>44729.0</t>
  </si>
  <si>
    <t>4687039.0</t>
  </si>
  <si>
    <t>71250.0</t>
  </si>
  <si>
    <t>66474.0</t>
  </si>
  <si>
    <t>1411614.0</t>
  </si>
  <si>
    <t>1075756.0</t>
  </si>
  <si>
    <t>335858.0</t>
  </si>
  <si>
    <t>4755693.0</t>
  </si>
  <si>
    <t>68654.0</t>
  </si>
  <si>
    <t>1477078.0</t>
  </si>
  <si>
    <t>1095230.0</t>
  </si>
  <si>
    <t>381848.0</t>
  </si>
  <si>
    <t>6378.6</t>
  </si>
  <si>
    <t>88.966035745082</t>
  </si>
  <si>
    <t>4813639.0</t>
  </si>
  <si>
    <t>67.229</t>
  </si>
  <si>
    <t>65951.0</t>
  </si>
  <si>
    <t>1484565.0</t>
  </si>
  <si>
    <t>1097862.0</t>
  </si>
  <si>
    <t>386703.0</t>
  </si>
  <si>
    <t>51487.0</t>
  </si>
  <si>
    <t>4861426.0</t>
  </si>
  <si>
    <t>67.896</t>
  </si>
  <si>
    <t>1486907.0</t>
  </si>
  <si>
    <t>1099460.0</t>
  </si>
  <si>
    <t>387447.0</t>
  </si>
  <si>
    <t>48177.0</t>
  </si>
  <si>
    <t>4910984.0</t>
  </si>
  <si>
    <t>68.588</t>
  </si>
  <si>
    <t>1498617.0</t>
  </si>
  <si>
    <t>1106071.0</t>
  </si>
  <si>
    <t>392546.0</t>
  </si>
  <si>
    <t>4969745.0</t>
  </si>
  <si>
    <t>69.409</t>
  </si>
  <si>
    <t>60537.0</t>
  </si>
  <si>
    <t>1573075.0</t>
  </si>
  <si>
    <t>1150564.0</t>
  </si>
  <si>
    <t>422511.0</t>
  </si>
  <si>
    <t>74458.0</t>
  </si>
  <si>
    <t>5032032.0</t>
  </si>
  <si>
    <t>59463.0</t>
  </si>
  <si>
    <t>1601833.0</t>
  </si>
  <si>
    <t>1167719.0</t>
  </si>
  <si>
    <t>434114.0</t>
  </si>
  <si>
    <t>5101780.0</t>
  </si>
  <si>
    <t>69748.0</t>
  </si>
  <si>
    <t>1651782.0</t>
  </si>
  <si>
    <t>1201258.0</t>
  </si>
  <si>
    <t>450524.0</t>
  </si>
  <si>
    <t>34310.0</t>
  </si>
  <si>
    <t>5176646.0</t>
  </si>
  <si>
    <t>72.298</t>
  </si>
  <si>
    <t>1730488.0</t>
  </si>
  <si>
    <t>1262703.0</t>
  </si>
  <si>
    <t>467785.0</t>
  </si>
  <si>
    <t>5235825.0</t>
  </si>
  <si>
    <t>73.125</t>
  </si>
  <si>
    <t>60312.0</t>
  </si>
  <si>
    <t>1743720.0</t>
  </si>
  <si>
    <t>1273666.0</t>
  </si>
  <si>
    <t>470054.0</t>
  </si>
  <si>
    <t>37022.0</t>
  </si>
  <si>
    <t>5293274.0</t>
  </si>
  <si>
    <t>73.927</t>
  </si>
  <si>
    <t>1809894.0</t>
  </si>
  <si>
    <t>1296440.0</t>
  </si>
  <si>
    <t>513454.0</t>
  </si>
  <si>
    <t>5345302.0</t>
  </si>
  <si>
    <t>52028.0</t>
  </si>
  <si>
    <t>74.654</t>
  </si>
  <si>
    <t>1898454.0</t>
  </si>
  <si>
    <t>1365992.0</t>
  </si>
  <si>
    <t>532462.0</t>
  </si>
  <si>
    <t>5413490.0</t>
  </si>
  <si>
    <t>68188.0</t>
  </si>
  <si>
    <t>75.606</t>
  </si>
  <si>
    <t>1935565.0</t>
  </si>
  <si>
    <t>1372013.0</t>
  </si>
  <si>
    <t>563552.0</t>
  </si>
  <si>
    <t>5485622.0</t>
  </si>
  <si>
    <t>76.614</t>
  </si>
  <si>
    <t>2040363.0</t>
  </si>
  <si>
    <t>1395130.0</t>
  </si>
  <si>
    <t>645233.0</t>
  </si>
  <si>
    <t>62647.0</t>
  </si>
  <si>
    <t>5553360.0</t>
  </si>
  <si>
    <t>67738.0</t>
  </si>
  <si>
    <t>64511.0</t>
  </si>
  <si>
    <t>2124732.0</t>
  </si>
  <si>
    <t>1416732.0</t>
  </si>
  <si>
    <t>708300.0</t>
  </si>
  <si>
    <t>84369.0</t>
  </si>
  <si>
    <t>5620608.0</t>
  </si>
  <si>
    <t>78.499</t>
  </si>
  <si>
    <t>62967.0</t>
  </si>
  <si>
    <t>5672896.0</t>
  </si>
  <si>
    <t>79.229</t>
  </si>
  <si>
    <t>5729494.0</t>
  </si>
  <si>
    <t>56598.0</t>
  </si>
  <si>
    <t>2264308.0</t>
  </si>
  <si>
    <t>1482702.0</t>
  </si>
  <si>
    <t>781606.0</t>
  </si>
  <si>
    <t>64916.0</t>
  </si>
  <si>
    <t>5784096.0</t>
  </si>
  <si>
    <t>54602.0</t>
  </si>
  <si>
    <t>80.782</t>
  </si>
  <si>
    <t>2340995.0</t>
  </si>
  <si>
    <t>1521034.0</t>
  </si>
  <si>
    <t>819961.0</t>
  </si>
  <si>
    <t>5851939.0</t>
  </si>
  <si>
    <t>67843.0</t>
  </si>
  <si>
    <t>2445645.0</t>
  </si>
  <si>
    <t>1585773.0</t>
  </si>
  <si>
    <t>859872.0</t>
  </si>
  <si>
    <t>104650.0</t>
  </si>
  <si>
    <t>72869.0</t>
  </si>
  <si>
    <t>5922480.0</t>
  </si>
  <si>
    <t>82.715</t>
  </si>
  <si>
    <t>62408.0</t>
  </si>
  <si>
    <t>2540116.0</t>
  </si>
  <si>
    <t>1647871.0</t>
  </si>
  <si>
    <t>892245.0</t>
  </si>
  <si>
    <t>94471.0</t>
  </si>
  <si>
    <t>5993980.0</t>
  </si>
  <si>
    <t>83.714</t>
  </si>
  <si>
    <t>2648256.0</t>
  </si>
  <si>
    <t>1726431.0</t>
  </si>
  <si>
    <t>921825.0</t>
  </si>
  <si>
    <t>6069846.0</t>
  </si>
  <si>
    <t>84.773</t>
  </si>
  <si>
    <t>2811549.0</t>
  </si>
  <si>
    <t>1849393.0</t>
  </si>
  <si>
    <t>962156.0</t>
  </si>
  <si>
    <t>163293.0</t>
  </si>
  <si>
    <t>91470.0</t>
  </si>
  <si>
    <t>58667.0</t>
  </si>
  <si>
    <t>6129048.0</t>
  </si>
  <si>
    <t>59202.0</t>
  </si>
  <si>
    <t>65165.0</t>
  </si>
  <si>
    <t>2865091.0</t>
  </si>
  <si>
    <t>1898332.0</t>
  </si>
  <si>
    <t>966759.0</t>
  </si>
  <si>
    <t>92473.0</t>
  </si>
  <si>
    <t>6185239.0</t>
  </si>
  <si>
    <t>65106.0</t>
  </si>
  <si>
    <t>2910664.0</t>
  </si>
  <si>
    <t>1941565.0</t>
  </si>
  <si>
    <t>969099.0</t>
  </si>
  <si>
    <t>45573.0</t>
  </si>
  <si>
    <t>92337.0</t>
  </si>
  <si>
    <t>6241221.0</t>
  </si>
  <si>
    <t>55982.0</t>
  </si>
  <si>
    <t>87.167</t>
  </si>
  <si>
    <t>65304.0</t>
  </si>
  <si>
    <t>3024313.0</t>
  </si>
  <si>
    <t>2044123.0</t>
  </si>
  <si>
    <t>980190.0</t>
  </si>
  <si>
    <t>74727.0</t>
  </si>
  <si>
    <t>6323511.0</t>
  </si>
  <si>
    <t>88.316</t>
  </si>
  <si>
    <t>3147227.0</t>
  </si>
  <si>
    <t>2157609.0</t>
  </si>
  <si>
    <t>989618.0</t>
  </si>
  <si>
    <t>122914.0</t>
  </si>
  <si>
    <t>6390278.0</t>
  </si>
  <si>
    <t>66828.0</t>
  </si>
  <si>
    <t>3208882.0</t>
  </si>
  <si>
    <t>2214721.0</t>
  </si>
  <si>
    <t>994161.0</t>
  </si>
  <si>
    <t>95538.0</t>
  </si>
  <si>
    <t>6464034.0</t>
  </si>
  <si>
    <t>67151.0</t>
  </si>
  <si>
    <t>3347050.0</t>
  </si>
  <si>
    <t>2319304.0</t>
  </si>
  <si>
    <t>1027746.0</t>
  </si>
  <si>
    <t>99828.0</t>
  </si>
  <si>
    <t>84696.0</t>
  </si>
  <si>
    <t>6539075.0</t>
  </si>
  <si>
    <t>91.326</t>
  </si>
  <si>
    <t>67033.0</t>
  </si>
  <si>
    <t>3504125.0</t>
  </si>
  <si>
    <t>2415903.0</t>
  </si>
  <si>
    <t>1088222.0</t>
  </si>
  <si>
    <t>157075.0</t>
  </si>
  <si>
    <t>98939.0</t>
  </si>
  <si>
    <t>80930.0</t>
  </si>
  <si>
    <t>6598770.0</t>
  </si>
  <si>
    <t>3548330.0</t>
  </si>
  <si>
    <t>2453807.0</t>
  </si>
  <si>
    <t>1094523.0</t>
  </si>
  <si>
    <t>97606.0</t>
  </si>
  <si>
    <t>79354.0</t>
  </si>
  <si>
    <t>6657379.0</t>
  </si>
  <si>
    <t>58609.0</t>
  </si>
  <si>
    <t>3609882.0</t>
  </si>
  <si>
    <t>1110953.0</t>
  </si>
  <si>
    <t>99888.0</t>
  </si>
  <si>
    <t>79623.0</t>
  </si>
  <si>
    <t>6713153.0</t>
  </si>
  <si>
    <t>93.758</t>
  </si>
  <si>
    <t>3664859.0</t>
  </si>
  <si>
    <t>1125368.0</t>
  </si>
  <si>
    <t>70767.0</t>
  </si>
  <si>
    <t>9363.4</t>
  </si>
  <si>
    <t>130.596773444878</t>
  </si>
  <si>
    <t>6786878.0</t>
  </si>
  <si>
    <t>94.787</t>
  </si>
  <si>
    <t>3753718.0</t>
  </si>
  <si>
    <t>2591372.0</t>
  </si>
  <si>
    <t>1162346.0</t>
  </si>
  <si>
    <t>6850233.0</t>
  </si>
  <si>
    <t>95.672</t>
  </si>
  <si>
    <t>92682.0</t>
  </si>
  <si>
    <t>6909429.0</t>
  </si>
  <si>
    <t>96.499</t>
  </si>
  <si>
    <t>63628.0</t>
  </si>
  <si>
    <t>3961589.0</t>
  </si>
  <si>
    <t>2727759.0</t>
  </si>
  <si>
    <t>1233830.0</t>
  </si>
  <si>
    <t>6964397.0</t>
  </si>
  <si>
    <t>54968.0</t>
  </si>
  <si>
    <t>97.267</t>
  </si>
  <si>
    <t>60760.0</t>
  </si>
  <si>
    <t>4142944.0</t>
  </si>
  <si>
    <t>2818676.0</t>
  </si>
  <si>
    <t>1324268.0</t>
  </si>
  <si>
    <t>91260.0</t>
  </si>
  <si>
    <t>7016799.0</t>
  </si>
  <si>
    <t>97.998</t>
  </si>
  <si>
    <t>4190503.0</t>
  </si>
  <si>
    <t>2845287.0</t>
  </si>
  <si>
    <t>1345216.0</t>
  </si>
  <si>
    <t>7062611.0</t>
  </si>
  <si>
    <t>98.638</t>
  </si>
  <si>
    <t>57890.0</t>
  </si>
  <si>
    <t>4218094.0</t>
  </si>
  <si>
    <t>2855041.0</t>
  </si>
  <si>
    <t>1363053.0</t>
  </si>
  <si>
    <t>86887.0</t>
  </si>
  <si>
    <t>50873.0</t>
  </si>
  <si>
    <t>7110355.0</t>
  </si>
  <si>
    <t>99.305</t>
  </si>
  <si>
    <t>56743.0</t>
  </si>
  <si>
    <t>4634941.0</t>
  </si>
  <si>
    <t>3243913.0</t>
  </si>
  <si>
    <t>1391028.0</t>
  </si>
  <si>
    <t>416847.0</t>
  </si>
  <si>
    <t>138583.0</t>
  </si>
  <si>
    <t>100632.0</t>
  </si>
  <si>
    <t>7166395.0</t>
  </si>
  <si>
    <t>5107069.0</t>
  </si>
  <si>
    <t>3672372.0</t>
  </si>
  <si>
    <t>1434697.0</t>
  </si>
  <si>
    <t>472128.0</t>
  </si>
  <si>
    <t>193336.0</t>
  </si>
  <si>
    <t>154429.0</t>
  </si>
  <si>
    <t>7233045.0</t>
  </si>
  <si>
    <t>66650.0</t>
  </si>
  <si>
    <t>101.019</t>
  </si>
  <si>
    <t>5443743.0</t>
  </si>
  <si>
    <t>3966091.0</t>
  </si>
  <si>
    <t>1477652.0</t>
  </si>
  <si>
    <t>336674.0</t>
  </si>
  <si>
    <t>226584.0</t>
  </si>
  <si>
    <t>186646.0</t>
  </si>
  <si>
    <t>7291790.0</t>
  </si>
  <si>
    <t>5667058.0</t>
  </si>
  <si>
    <t>4143444.0</t>
  </si>
  <si>
    <t>1523614.0</t>
  </si>
  <si>
    <t>223315.0</t>
  </si>
  <si>
    <t>243638.0</t>
  </si>
  <si>
    <t>202241.0</t>
  </si>
  <si>
    <t>7355001.0</t>
  </si>
  <si>
    <t>5975070.0</t>
  </si>
  <si>
    <t>4362685.0</t>
  </si>
  <si>
    <t>1612835.0</t>
  </si>
  <si>
    <t>308012.0</t>
  </si>
  <si>
    <t>261732.0</t>
  </si>
  <si>
    <t>220573.0</t>
  </si>
  <si>
    <t>7405990.0</t>
  </si>
  <si>
    <t>103.434</t>
  </si>
  <si>
    <t>4456786.0</t>
  </si>
  <si>
    <t>1624456.0</t>
  </si>
  <si>
    <t>270106.0</t>
  </si>
  <si>
    <t>7458870.0</t>
  </si>
  <si>
    <t>104.173</t>
  </si>
  <si>
    <t>6188124.0</t>
  </si>
  <si>
    <t>4531914.0</t>
  </si>
  <si>
    <t>1656210.0</t>
  </si>
  <si>
    <t>106882.0</t>
  </si>
  <si>
    <t>281433.0</t>
  </si>
  <si>
    <t>239553.0</t>
  </si>
  <si>
    <t>7510110.0</t>
  </si>
  <si>
    <t>104.888</t>
  </si>
  <si>
    <t>6511184.0</t>
  </si>
  <si>
    <t>4762063.0</t>
  </si>
  <si>
    <t>1749121.0</t>
  </si>
  <si>
    <t>323060.0</t>
  </si>
  <si>
    <t>216879.0</t>
  </si>
  <si>
    <t>7576442.0</t>
  </si>
  <si>
    <t>66332.0</t>
  </si>
  <si>
    <t>105.815</t>
  </si>
  <si>
    <t>58578.0</t>
  </si>
  <si>
    <t>6780816.0</t>
  </si>
  <si>
    <t>4948227.0</t>
  </si>
  <si>
    <t>1832589.0</t>
  </si>
  <si>
    <t>239107.0</t>
  </si>
  <si>
    <t>182265.0</t>
  </si>
  <si>
    <t>7640748.0</t>
  </si>
  <si>
    <t>106.713</t>
  </si>
  <si>
    <t>7003783.0</t>
  </si>
  <si>
    <t>5114755.0</t>
  </si>
  <si>
    <t>1889028.0</t>
  </si>
  <si>
    <t>222967.0</t>
  </si>
  <si>
    <t>222863.0</t>
  </si>
  <si>
    <t>164095.0</t>
  </si>
  <si>
    <t>7709128.0</t>
  </si>
  <si>
    <t>107.668</t>
  </si>
  <si>
    <t>59620.0</t>
  </si>
  <si>
    <t>7219668.0</t>
  </si>
  <si>
    <t>5252531.0</t>
  </si>
  <si>
    <t>1967137.0</t>
  </si>
  <si>
    <t>221801.0</t>
  </si>
  <si>
    <t>158441.0</t>
  </si>
  <si>
    <t>7772424.0</t>
  </si>
  <si>
    <t>108.552</t>
  </si>
  <si>
    <t>59632.0</t>
  </si>
  <si>
    <t>7483083.0</t>
  </si>
  <si>
    <t>5434119.0</t>
  </si>
  <si>
    <t>2048964.0</t>
  </si>
  <si>
    <t>263415.0</t>
  </si>
  <si>
    <t>215430.0</t>
  </si>
  <si>
    <t>153062.0</t>
  </si>
  <si>
    <t>7833796.0</t>
  </si>
  <si>
    <t>109.409</t>
  </si>
  <si>
    <t>7587178.0</t>
  </si>
  <si>
    <t>5486092.0</t>
  </si>
  <si>
    <t>2101086.0</t>
  </si>
  <si>
    <t>104095.0</t>
  </si>
  <si>
    <t>215134.0</t>
  </si>
  <si>
    <t>147044.0</t>
  </si>
  <si>
    <t>7880413.0</t>
  </si>
  <si>
    <t>46617.0</t>
  </si>
  <si>
    <t>7679057.0</t>
  </si>
  <si>
    <t>5526039.0</t>
  </si>
  <si>
    <t>2153018.0</t>
  </si>
  <si>
    <t>91879.0</t>
  </si>
  <si>
    <t>212990.0</t>
  </si>
  <si>
    <t>7933992.0</t>
  </si>
  <si>
    <t>53579.0</t>
  </si>
  <si>
    <t>110.808</t>
  </si>
  <si>
    <t>60555.0</t>
  </si>
  <si>
    <t>7906696.0</t>
  </si>
  <si>
    <t>5678848.0</t>
  </si>
  <si>
    <t>2227848.0</t>
  </si>
  <si>
    <t>227639.0</t>
  </si>
  <si>
    <t>199359.0</t>
  </si>
  <si>
    <t>8009568.0</t>
  </si>
  <si>
    <t>8148335.0</t>
  </si>
  <si>
    <t>5844521.0</t>
  </si>
  <si>
    <t>2303814.0</t>
  </si>
  <si>
    <t>241639.0</t>
  </si>
  <si>
    <t>195360.0</t>
  </si>
  <si>
    <t>128042.0</t>
  </si>
  <si>
    <t>8083765.0</t>
  </si>
  <si>
    <t>8400320.0</t>
  </si>
  <si>
    <t>6017424.0</t>
  </si>
  <si>
    <t>2382896.0</t>
  </si>
  <si>
    <t>251985.0</t>
  </si>
  <si>
    <t>128953.0</t>
  </si>
  <si>
    <t>8157476.0</t>
  </si>
  <si>
    <t>73711.0</t>
  </si>
  <si>
    <t>113.929</t>
  </si>
  <si>
    <t>8657423.0</t>
  </si>
  <si>
    <t>6206353.0</t>
  </si>
  <si>
    <t>2451070.0</t>
  </si>
  <si>
    <t>257103.0</t>
  </si>
  <si>
    <t>205394.0</t>
  </si>
  <si>
    <t>136260.0</t>
  </si>
  <si>
    <t>8237444.0</t>
  </si>
  <si>
    <t>79968.0</t>
  </si>
  <si>
    <t>115.046</t>
  </si>
  <si>
    <t>66431.0</t>
  </si>
  <si>
    <t>8981478.0</t>
  </si>
  <si>
    <t>6435308.0</t>
  </si>
  <si>
    <t>2546170.0</t>
  </si>
  <si>
    <t>324055.0</t>
  </si>
  <si>
    <t>214056.0</t>
  </si>
  <si>
    <t>143027.0</t>
  </si>
  <si>
    <t>8303301.0</t>
  </si>
  <si>
    <t>65857.0</t>
  </si>
  <si>
    <t>115.966</t>
  </si>
  <si>
    <t>67072.0</t>
  </si>
  <si>
    <t>9055141.0</t>
  </si>
  <si>
    <t>6475826.0</t>
  </si>
  <si>
    <t>2579315.0</t>
  </si>
  <si>
    <t>73663.0</t>
  </si>
  <si>
    <t>209709.0</t>
  </si>
  <si>
    <t>8360486.0</t>
  </si>
  <si>
    <t>9147513.0</t>
  </si>
  <si>
    <t>6537852.0</t>
  </si>
  <si>
    <t>2609661.0</t>
  </si>
  <si>
    <t>92372.0</t>
  </si>
  <si>
    <t>209779.0</t>
  </si>
  <si>
    <t>144545.0</t>
  </si>
  <si>
    <t>8421275.0</t>
  </si>
  <si>
    <t>9416972.0</t>
  </si>
  <si>
    <t>6721038.0</t>
  </si>
  <si>
    <t>2695394.0</t>
  </si>
  <si>
    <t>269459.0</t>
  </si>
  <si>
    <t>215754.0</t>
  </si>
  <si>
    <t>148884.0</t>
  </si>
  <si>
    <t>8496255.0</t>
  </si>
  <si>
    <t>74980.0</t>
  </si>
  <si>
    <t>118.661</t>
  </si>
  <si>
    <t>69527.0</t>
  </si>
  <si>
    <t>9672706.0</t>
  </si>
  <si>
    <t>6910169.0</t>
  </si>
  <si>
    <t>2762537.0</t>
  </si>
  <si>
    <t>255734.0</t>
  </si>
  <si>
    <t>217767.0</t>
  </si>
  <si>
    <t>152235.0</t>
  </si>
  <si>
    <t>8566545.0</t>
  </si>
  <si>
    <t>119.643</t>
  </si>
  <si>
    <t>9927698.0</t>
  </si>
  <si>
    <t>7110854.0</t>
  </si>
  <si>
    <t>2816844.0</t>
  </si>
  <si>
    <t>254992.0</t>
  </si>
  <si>
    <t>218197.0</t>
  </si>
  <si>
    <t>156204.0</t>
  </si>
  <si>
    <t>13920.4</t>
  </si>
  <si>
    <t>194.155896903057</t>
  </si>
  <si>
    <t>8635705.0</t>
  </si>
  <si>
    <t>120.609</t>
  </si>
  <si>
    <t>68318.0</t>
  </si>
  <si>
    <t>10227183.0</t>
  </si>
  <si>
    <t>7364585.0</t>
  </si>
  <si>
    <t>2862598.0</t>
  </si>
  <si>
    <t>165462.0</t>
  </si>
  <si>
    <t>8696438.0</t>
  </si>
  <si>
    <t>60733.0</t>
  </si>
  <si>
    <t>121.457</t>
  </si>
  <si>
    <t>10572292.0</t>
  </si>
  <si>
    <t>7640118.0</t>
  </si>
  <si>
    <t>2932174.0</t>
  </si>
  <si>
    <t>227259.0</t>
  </si>
  <si>
    <t>172116.0</t>
  </si>
  <si>
    <t>8749475.0</t>
  </si>
  <si>
    <t>122.197</t>
  </si>
  <si>
    <t>10670897.0</t>
  </si>
  <si>
    <t>7721150.0</t>
  </si>
  <si>
    <t>2949747.0</t>
  </si>
  <si>
    <t>98605.0</t>
  </si>
  <si>
    <t>177903.0</t>
  </si>
  <si>
    <t>8804055.0</t>
  </si>
  <si>
    <t>122.96</t>
  </si>
  <si>
    <t>63367.0</t>
  </si>
  <si>
    <t>10777748.0</t>
  </si>
  <si>
    <t>7804654.0</t>
  </si>
  <si>
    <t>2973094.0</t>
  </si>
  <si>
    <t>106851.0</t>
  </si>
  <si>
    <t>232891.0</t>
  </si>
  <si>
    <t>180972.0</t>
  </si>
  <si>
    <t>8856072.0</t>
  </si>
  <si>
    <t>123.686</t>
  </si>
  <si>
    <t>62114.0</t>
  </si>
  <si>
    <t>11058390.0</t>
  </si>
  <si>
    <t>8022029.0</t>
  </si>
  <si>
    <t>3036361.0</t>
  </si>
  <si>
    <t>280642.0</t>
  </si>
  <si>
    <t>234488.0</t>
  </si>
  <si>
    <t>185856.0</t>
  </si>
  <si>
    <t>8926123.0</t>
  </si>
  <si>
    <t>70051.0</t>
  </si>
  <si>
    <t>124.665</t>
  </si>
  <si>
    <t>11328043.0</t>
  </si>
  <si>
    <t>8245297.0</t>
  </si>
  <si>
    <t>3082746.0</t>
  </si>
  <si>
    <t>269653.0</t>
  </si>
  <si>
    <t>236477.0</t>
  </si>
  <si>
    <t>190733.0</t>
  </si>
  <si>
    <t>8988818.0</t>
  </si>
  <si>
    <t>62695.0</t>
  </si>
  <si>
    <t>60325.0</t>
  </si>
  <si>
    <t>11619618.0</t>
  </si>
  <si>
    <t>8494230.0</t>
  </si>
  <si>
    <t>3125388.0</t>
  </si>
  <si>
    <t>291575.0</t>
  </si>
  <si>
    <t>241703.0</t>
  </si>
  <si>
    <t>197625.0</t>
  </si>
  <si>
    <t>9055414.0</t>
  </si>
  <si>
    <t>59958.0</t>
  </si>
  <si>
    <t>11975996.0</t>
  </si>
  <si>
    <t>8800155.0</t>
  </si>
  <si>
    <t>3175841.0</t>
  </si>
  <si>
    <t>356378.0</t>
  </si>
  <si>
    <t>249830.0</t>
  </si>
  <si>
    <t>205081.0</t>
  </si>
  <si>
    <t>9121681.0</t>
  </si>
  <si>
    <t>127.396</t>
  </si>
  <si>
    <t>12375904.0</t>
  </si>
  <si>
    <t>9130526.0</t>
  </si>
  <si>
    <t>3245378.0</t>
  </si>
  <si>
    <t>399908.0</t>
  </si>
  <si>
    <t>257659.0</t>
  </si>
  <si>
    <t>212915.0</t>
  </si>
  <si>
    <t>9196587.0</t>
  </si>
  <si>
    <t>128.442</t>
  </si>
  <si>
    <t>12469188.0</t>
  </si>
  <si>
    <t>9213598.0</t>
  </si>
  <si>
    <t>3255590.0</t>
  </si>
  <si>
    <t>93284.0</t>
  </si>
  <si>
    <t>256899.0</t>
  </si>
  <si>
    <t>213207.0</t>
  </si>
  <si>
    <t>9274435.0</t>
  </si>
  <si>
    <t>77848.0</t>
  </si>
  <si>
    <t>129.529</t>
  </si>
  <si>
    <t>12569213.0</t>
  </si>
  <si>
    <t>9301407.0</t>
  </si>
  <si>
    <t>3267806.0</t>
  </si>
  <si>
    <t>255924.0</t>
  </si>
  <si>
    <t>213822.0</t>
  </si>
  <si>
    <t>9331210.0</t>
  </si>
  <si>
    <t>130.322</t>
  </si>
  <si>
    <t>67877.0</t>
  </si>
  <si>
    <t>12908193.0</t>
  </si>
  <si>
    <t>9598949.0</t>
  </si>
  <si>
    <t>3309244.0</t>
  </si>
  <si>
    <t>338980.0</t>
  </si>
  <si>
    <t>225274.0</t>
  </si>
  <si>
    <t>9402008.0</t>
  </si>
  <si>
    <t>131.311</t>
  </si>
  <si>
    <t>67984.0</t>
  </si>
  <si>
    <t>13230681.0</t>
  </si>
  <si>
    <t>9888124.0</t>
  </si>
  <si>
    <t>322488.0</t>
  </si>
  <si>
    <t>271805.0</t>
  </si>
  <si>
    <t>234690.0</t>
  </si>
  <si>
    <t>9467844.0</t>
  </si>
  <si>
    <t>65836.0</t>
  </si>
  <si>
    <t>68432.0</t>
  </si>
  <si>
    <t>13533717.0</t>
  </si>
  <si>
    <t>10163340.0</t>
  </si>
  <si>
    <t>3370377.0</t>
  </si>
  <si>
    <t>303036.0</t>
  </si>
  <si>
    <t>273443.0</t>
  </si>
  <si>
    <t>9538247.0</t>
  </si>
  <si>
    <t>70403.0</t>
  </si>
  <si>
    <t>133.214</t>
  </si>
  <si>
    <t>13823355.0</t>
  </si>
  <si>
    <t>10424355.0</t>
  </si>
  <si>
    <t>3398430.0</t>
  </si>
  <si>
    <t>289638.0</t>
  </si>
  <si>
    <t>263908.0</t>
  </si>
  <si>
    <t>232029.0</t>
  </si>
  <si>
    <t>9611507.0</t>
  </si>
  <si>
    <t>73260.0</t>
  </si>
  <si>
    <t>134.237</t>
  </si>
  <si>
    <t>69975.0</t>
  </si>
  <si>
    <t>14130489.0</t>
  </si>
  <si>
    <t>10697489.0</t>
  </si>
  <si>
    <t>3432911.0</t>
  </si>
  <si>
    <t>307134.0</t>
  </si>
  <si>
    <t>250655.0</t>
  </si>
  <si>
    <t>223852.0</t>
  </si>
  <si>
    <t>9679891.0</t>
  </si>
  <si>
    <t>68384.0</t>
  </si>
  <si>
    <t>14223762.0</t>
  </si>
  <si>
    <t>10780762.0</t>
  </si>
  <si>
    <t>3443330.0</t>
  </si>
  <si>
    <t>93273.0</t>
  </si>
  <si>
    <t>250653.0</t>
  </si>
  <si>
    <t>9748217.0</t>
  </si>
  <si>
    <t>136.146</t>
  </si>
  <si>
    <t>14298596.0</t>
  </si>
  <si>
    <t>10850099.0</t>
  </si>
  <si>
    <t>3448497.0</t>
  </si>
  <si>
    <t>247055.0</t>
  </si>
  <si>
    <t>221242.0</t>
  </si>
  <si>
    <t>9812739.0</t>
  </si>
  <si>
    <t>137.047</t>
  </si>
  <si>
    <t>14547244.0</t>
  </si>
  <si>
    <t>11067518.0</t>
  </si>
  <si>
    <t>3479726.0</t>
  </si>
  <si>
    <t>248648.0</t>
  </si>
  <si>
    <t>234150.0</t>
  </si>
  <si>
    <t>209796.0</t>
  </si>
  <si>
    <t>9881142.0</t>
  </si>
  <si>
    <t>138.003</t>
  </si>
  <si>
    <t>68448.0</t>
  </si>
  <si>
    <t>14805120.0</t>
  </si>
  <si>
    <t>11292579.0</t>
  </si>
  <si>
    <t>3512541.0</t>
  </si>
  <si>
    <t>257876.0</t>
  </si>
  <si>
    <t>224920.0</t>
  </si>
  <si>
    <t>200636.0</t>
  </si>
  <si>
    <t>9963467.0</t>
  </si>
  <si>
    <t>82325.0</t>
  </si>
  <si>
    <t>139.152</t>
  </si>
  <si>
    <t>70803.0</t>
  </si>
  <si>
    <t>15084696.0</t>
  </si>
  <si>
    <t>11538866.0</t>
  </si>
  <si>
    <t>3545830.0</t>
  </si>
  <si>
    <t>279576.0</t>
  </si>
  <si>
    <t>221568.0</t>
  </si>
  <si>
    <t>196504.0</t>
  </si>
  <si>
    <t>10026313.0</t>
  </si>
  <si>
    <t>62846.0</t>
  </si>
  <si>
    <t>69724.0</t>
  </si>
  <si>
    <t>15388939.0</t>
  </si>
  <si>
    <t>11805180.0</t>
  </si>
  <si>
    <t>304243.0</t>
  </si>
  <si>
    <t>223655.0</t>
  </si>
  <si>
    <t>10085164.0</t>
  </si>
  <si>
    <t>140.852</t>
  </si>
  <si>
    <t>67665.0</t>
  </si>
  <si>
    <t>15741818.0</t>
  </si>
  <si>
    <t>12109424.0</t>
  </si>
  <si>
    <t>3632394.0</t>
  </si>
  <si>
    <t>230190.0</t>
  </si>
  <si>
    <t>201705.0</t>
  </si>
  <si>
    <t>10152447.0</t>
  </si>
  <si>
    <t>141.792</t>
  </si>
  <si>
    <t>15869844.0</t>
  </si>
  <si>
    <t>12226845.0</t>
  </si>
  <si>
    <t>3642999.0</t>
  </si>
  <si>
    <t>128026.0</t>
  </si>
  <si>
    <t>235155.0</t>
  </si>
  <si>
    <t>10209427.0</t>
  </si>
  <si>
    <t>65887.0</t>
  </si>
  <si>
    <t>15960778.0</t>
  </si>
  <si>
    <t>12307788.0</t>
  </si>
  <si>
    <t>3652990.0</t>
  </si>
  <si>
    <t>90934.0</t>
  </si>
  <si>
    <t>208241.0</t>
  </si>
  <si>
    <t>10262449.0</t>
  </si>
  <si>
    <t>143.328</t>
  </si>
  <si>
    <t>64244.0</t>
  </si>
  <si>
    <t>16099670.0</t>
  </si>
  <si>
    <t>12429925.0</t>
  </si>
  <si>
    <t>3669745.0</t>
  </si>
  <si>
    <t>138892.0</t>
  </si>
  <si>
    <t>221775.0</t>
  </si>
  <si>
    <t>194630.0</t>
  </si>
  <si>
    <t>10321463.0</t>
  </si>
  <si>
    <t>59014.0</t>
  </si>
  <si>
    <t>144.152</t>
  </si>
  <si>
    <t>62903.0</t>
  </si>
  <si>
    <t>16427059.0</t>
  </si>
  <si>
    <t>12714312.0</t>
  </si>
  <si>
    <t>3712747.0</t>
  </si>
  <si>
    <t>203105.0</t>
  </si>
  <si>
    <t>10385288.0</t>
  </si>
  <si>
    <t>145.044</t>
  </si>
  <si>
    <t>60260.0</t>
  </si>
  <si>
    <t>16591329.0</t>
  </si>
  <si>
    <t>12858570.0</t>
  </si>
  <si>
    <t>3732759.0</t>
  </si>
  <si>
    <t>164270.0</t>
  </si>
  <si>
    <t>215233.0</t>
  </si>
  <si>
    <t>188529.0</t>
  </si>
  <si>
    <t>10455920.0</t>
  </si>
  <si>
    <t>70632.0</t>
  </si>
  <si>
    <t>17011477.0</t>
  </si>
  <si>
    <t>13225233.0</t>
  </si>
  <si>
    <t>3786244.0</t>
  </si>
  <si>
    <t>420148.0</t>
  </si>
  <si>
    <t>231791.0</t>
  </si>
  <si>
    <t>202865.0</t>
  </si>
  <si>
    <t>10525937.0</t>
  </si>
  <si>
    <t>62968.0</t>
  </si>
  <si>
    <t>17491632.0</t>
  </si>
  <si>
    <t>13640179.0</t>
  </si>
  <si>
    <t>3851453.0</t>
  </si>
  <si>
    <t>480155.0</t>
  </si>
  <si>
    <t>249973.0</t>
  </si>
  <si>
    <t>10584978.0</t>
  </si>
  <si>
    <t>61790.0</t>
  </si>
  <si>
    <t>17685974.0</t>
  </si>
  <si>
    <t>13802916.0</t>
  </si>
  <si>
    <t>3883058.0</t>
  </si>
  <si>
    <t>194342.0</t>
  </si>
  <si>
    <t>225153.0</t>
  </si>
  <si>
    <t>301.951166062346</t>
  </si>
  <si>
    <t>10638127.0</t>
  </si>
  <si>
    <t>53149.0</t>
  </si>
  <si>
    <t>17866526.0</t>
  </si>
  <si>
    <t>13955087.0</t>
  </si>
  <si>
    <t>3911439.0</t>
  </si>
  <si>
    <t>180552.0</t>
  </si>
  <si>
    <t>272250.0</t>
  </si>
  <si>
    <t>235328.0</t>
  </si>
  <si>
    <t>10695525.0</t>
  </si>
  <si>
    <t>149.377</t>
  </si>
  <si>
    <t>18198825.0</t>
  </si>
  <si>
    <t>14207477.0</t>
  </si>
  <si>
    <t>3991348.0</t>
  </si>
  <si>
    <t>332299.0</t>
  </si>
  <si>
    <t>299879.0</t>
  </si>
  <si>
    <t>10770006.0</t>
  </si>
  <si>
    <t>74481.0</t>
  </si>
  <si>
    <t>150.417</t>
  </si>
  <si>
    <t>18578096.0</t>
  </si>
  <si>
    <t>14492385.0</t>
  </si>
  <si>
    <t>4085711.0</t>
  </si>
  <si>
    <t>379271.0</t>
  </si>
  <si>
    <t>254010.0</t>
  </si>
  <si>
    <t>10838641.0</t>
  </si>
  <si>
    <t>68635.0</t>
  </si>
  <si>
    <t>151.375</t>
  </si>
  <si>
    <t>18961703.0</t>
  </si>
  <si>
    <t>14783001.0</t>
  </si>
  <si>
    <t>4178702.0</t>
  </si>
  <si>
    <t>383607.0</t>
  </si>
  <si>
    <t>338625.0</t>
  </si>
  <si>
    <t>274919.0</t>
  </si>
  <si>
    <t>10898852.0</t>
  </si>
  <si>
    <t>152.216</t>
  </si>
  <si>
    <t>63276.0</t>
  </si>
  <si>
    <t>19632537.0</t>
  </si>
  <si>
    <t>15180276.0</t>
  </si>
  <si>
    <t>4277071.0</t>
  </si>
  <si>
    <t>670834.0</t>
  </si>
  <si>
    <t>374437.0</t>
  </si>
  <si>
    <t>279292.0</t>
  </si>
  <si>
    <t>10945969.0</t>
  </si>
  <si>
    <t>20280108.0</t>
  </si>
  <si>
    <t>15687291.0</t>
  </si>
  <si>
    <t>4406723.0</t>
  </si>
  <si>
    <t>647571.0</t>
  </si>
  <si>
    <t>398354.0</t>
  </si>
  <si>
    <t>292445.0</t>
  </si>
  <si>
    <t>10996810.0</t>
  </si>
  <si>
    <t>58833.0</t>
  </si>
  <si>
    <t>20478635.0</t>
  </si>
  <si>
    <t>15843283.0</t>
  </si>
  <si>
    <t>4438168.0</t>
  </si>
  <si>
    <t>198527.0</t>
  </si>
  <si>
    <t>398952.0</t>
  </si>
  <si>
    <t>291481.0</t>
  </si>
  <si>
    <t>11050558.0</t>
  </si>
  <si>
    <t>53748.0</t>
  </si>
  <si>
    <t>58919.0</t>
  </si>
  <si>
    <t>0.3423</t>
  </si>
  <si>
    <t>20669780.0</t>
  </si>
  <si>
    <t>15986354.0</t>
  </si>
  <si>
    <t>4461861.0</t>
  </si>
  <si>
    <t>221565.0</t>
  </si>
  <si>
    <t>191145.0</t>
  </si>
  <si>
    <t>400465.0</t>
  </si>
  <si>
    <t>290181.0</t>
  </si>
  <si>
    <t>11107444.0</t>
  </si>
  <si>
    <t>21171110.0</t>
  </si>
  <si>
    <t>16336743.0</t>
  </si>
  <si>
    <t>4566345.0</t>
  </si>
  <si>
    <t>268022.0</t>
  </si>
  <si>
    <t>501330.0</t>
  </si>
  <si>
    <t>424612.0</t>
  </si>
  <si>
    <t>304181.0</t>
  </si>
  <si>
    <t>11175907.0</t>
  </si>
  <si>
    <t>156.086</t>
  </si>
  <si>
    <t>57986.0</t>
  </si>
  <si>
    <t>21717954.0</t>
  </si>
  <si>
    <t>16701428.0</t>
  </si>
  <si>
    <t>4692030.0</t>
  </si>
  <si>
    <t>324496.0</t>
  </si>
  <si>
    <t>546844.0</t>
  </si>
  <si>
    <t>448551.0</t>
  </si>
  <si>
    <t>315578.0</t>
  </si>
  <si>
    <t>11242758.0</t>
  </si>
  <si>
    <t>66851.0</t>
  </si>
  <si>
    <t>22288819.0</t>
  </si>
  <si>
    <t>17068105.0</t>
  </si>
  <si>
    <t>4826641.0</t>
  </si>
  <si>
    <t>394073.0</t>
  </si>
  <si>
    <t>570865.0</t>
  </si>
  <si>
    <t>475302.0</t>
  </si>
  <si>
    <t>326443.0</t>
  </si>
  <si>
    <t>11300111.0</t>
  </si>
  <si>
    <t>157.82</t>
  </si>
  <si>
    <t>22508659.0</t>
  </si>
  <si>
    <t>17239593.0</t>
  </si>
  <si>
    <t>4855000.0</t>
  </si>
  <si>
    <t>414066.0</t>
  </si>
  <si>
    <t>219840.0</t>
  </si>
  <si>
    <t>410875.0</t>
  </si>
  <si>
    <t>294188.0</t>
  </si>
  <si>
    <t>11352174.0</t>
  </si>
  <si>
    <t>52063.0</t>
  </si>
  <si>
    <t>158.547</t>
  </si>
  <si>
    <t>0.3656</t>
  </si>
  <si>
    <t>23192491.0</t>
  </si>
  <si>
    <t>17696114.0</t>
  </si>
  <si>
    <t>5033568.0</t>
  </si>
  <si>
    <t>462809.0</t>
  </si>
  <si>
    <t>683832.0</t>
  </si>
  <si>
    <t>416055.0</t>
  </si>
  <si>
    <t>286975.0</t>
  </si>
  <si>
    <t>11410645.0</t>
  </si>
  <si>
    <t>159.364</t>
  </si>
  <si>
    <t>416246.0</t>
  </si>
  <si>
    <t>286170.0</t>
  </si>
  <si>
    <t>11461436.0</t>
  </si>
  <si>
    <t>160.073</t>
  </si>
  <si>
    <t>58697.0</t>
  </si>
  <si>
    <t>23592227.0</t>
  </si>
  <si>
    <t>17996826.0</t>
  </si>
  <si>
    <t>5109476.0</t>
  </si>
  <si>
    <t>485925.0</t>
  </si>
  <si>
    <t>417492.0</t>
  </si>
  <si>
    <t>287210.0</t>
  </si>
  <si>
    <t>11515738.0</t>
  </si>
  <si>
    <t>160.832</t>
  </si>
  <si>
    <t>58328.0</t>
  </si>
  <si>
    <t>24100631.0</t>
  </si>
  <si>
    <t>18370997.0</t>
  </si>
  <si>
    <t>5228157.0</t>
  </si>
  <si>
    <t>508404.0</t>
  </si>
  <si>
    <t>418503.0</t>
  </si>
  <si>
    <t>290608.0</t>
  </si>
  <si>
    <t>11579691.0</t>
  </si>
  <si>
    <t>161.725</t>
  </si>
  <si>
    <t>0.3777</t>
  </si>
  <si>
    <t>24618749.0</t>
  </si>
  <si>
    <t>18726405.0</t>
  </si>
  <si>
    <t>510668.0</t>
  </si>
  <si>
    <t>414399.0</t>
  </si>
  <si>
    <t>289282.0</t>
  </si>
  <si>
    <t>11648623.0</t>
  </si>
  <si>
    <t>68932.0</t>
  </si>
  <si>
    <t>162.688</t>
  </si>
  <si>
    <t>57981.0</t>
  </si>
  <si>
    <t>0.3744</t>
  </si>
  <si>
    <t>25167060.0</t>
  </si>
  <si>
    <t>19143574.0</t>
  </si>
  <si>
    <t>5503882.0</t>
  </si>
  <si>
    <t>519604.0</t>
  </si>
  <si>
    <t>548311.0</t>
  </si>
  <si>
    <t>411177.0</t>
  </si>
  <si>
    <t>296496.0</t>
  </si>
  <si>
    <t>11709470.0</t>
  </si>
  <si>
    <t>60847.0</t>
  </si>
  <si>
    <t>163.538</t>
  </si>
  <si>
    <t>25818666.0</t>
  </si>
  <si>
    <t>19586009.0</t>
  </si>
  <si>
    <t>5705200.0</t>
  </si>
  <si>
    <t>527457.0</t>
  </si>
  <si>
    <t>651606.0</t>
  </si>
  <si>
    <t>472858.0</t>
  </si>
  <si>
    <t>335202.0</t>
  </si>
  <si>
    <t>11784389.0</t>
  </si>
  <si>
    <t>74919.0</t>
  </si>
  <si>
    <t>164.584</t>
  </si>
  <si>
    <t>26428101.0</t>
  </si>
  <si>
    <t>19973692.0</t>
  </si>
  <si>
    <t>5920614.0</t>
  </si>
  <si>
    <t>533795.0</t>
  </si>
  <si>
    <t>609435.0</t>
  </si>
  <si>
    <t>462230.0</t>
  </si>
  <si>
    <t>325368.0</t>
  </si>
  <si>
    <t>11830518.0</t>
  </si>
  <si>
    <t>165.228</t>
  </si>
  <si>
    <t>26832179.0</t>
  </si>
  <si>
    <t>20272171.0</t>
  </si>
  <si>
    <t>6017820.0</t>
  </si>
  <si>
    <t>542188.0</t>
  </si>
  <si>
    <t>404078.0</t>
  </si>
  <si>
    <t>491403.0</t>
  </si>
  <si>
    <t>11872658.0</t>
  </si>
  <si>
    <t>165.817</t>
  </si>
  <si>
    <t>58746.0</t>
  </si>
  <si>
    <t>27038999.0</t>
  </si>
  <si>
    <t>20430028.0</t>
  </si>
  <si>
    <t>6065003.0</t>
  </si>
  <si>
    <t>543968.0</t>
  </si>
  <si>
    <t>492396.0</t>
  </si>
  <si>
    <t>347600.0</t>
  </si>
  <si>
    <t>11927114.0</t>
  </si>
  <si>
    <t>166.577</t>
  </si>
  <si>
    <t>27612445.0</t>
  </si>
  <si>
    <t>20830673.0</t>
  </si>
  <si>
    <t>6230511.0</t>
  </si>
  <si>
    <t>551261.0</t>
  </si>
  <si>
    <t>573446.0</t>
  </si>
  <si>
    <t>501688.0</t>
  </si>
  <si>
    <t>351382.0</t>
  </si>
  <si>
    <t>11991398.0</t>
  </si>
  <si>
    <t>167.475</t>
  </si>
  <si>
    <t>28197659.0</t>
  </si>
  <si>
    <t>21231498.0</t>
  </si>
  <si>
    <t>6405537.0</t>
  </si>
  <si>
    <t>560624.0</t>
  </si>
  <si>
    <t>585214.0</t>
  </si>
  <si>
    <t>511273.0</t>
  </si>
  <si>
    <t>357870.0</t>
  </si>
  <si>
    <t>12053558.0</t>
  </si>
  <si>
    <t>62160.0</t>
  </si>
  <si>
    <t>168.343</t>
  </si>
  <si>
    <t>57848.0</t>
  </si>
  <si>
    <t>28835580.0</t>
  </si>
  <si>
    <t>21669955.0</t>
  </si>
  <si>
    <t>6596785.0</t>
  </si>
  <si>
    <t>568840.0</t>
  </si>
  <si>
    <t>637921.0</t>
  </si>
  <si>
    <t>360912.0</t>
  </si>
  <si>
    <t>12113266.0</t>
  </si>
  <si>
    <t>169.177</t>
  </si>
  <si>
    <t>29504769.0</t>
  </si>
  <si>
    <t>22070573.0</t>
  </si>
  <si>
    <t>6860084.0</t>
  </si>
  <si>
    <t>574112.0</t>
  </si>
  <si>
    <t>669189.0</t>
  </si>
  <si>
    <t>526586.0</t>
  </si>
  <si>
    <t>354938.0</t>
  </si>
  <si>
    <t>12163654.0</t>
  </si>
  <si>
    <t>50388.0</t>
  </si>
  <si>
    <t>169.881</t>
  </si>
  <si>
    <t>30420507.0</t>
  </si>
  <si>
    <t>22617701.0</t>
  </si>
  <si>
    <t>7221368.0</t>
  </si>
  <si>
    <t>581438.0</t>
  </si>
  <si>
    <t>915738.0</t>
  </si>
  <si>
    <t>570344.0</t>
  </si>
  <si>
    <t>377716.0</t>
  </si>
  <si>
    <t>12206117.0</t>
  </si>
  <si>
    <t>170.474</t>
  </si>
  <si>
    <t>53657.0</t>
  </si>
  <si>
    <t>30679289.0</t>
  </si>
  <si>
    <t>22807078.0</t>
  </si>
  <si>
    <t>7287885.0</t>
  </si>
  <si>
    <t>258782.0</t>
  </si>
  <si>
    <t>549587.0</t>
  </si>
  <si>
    <t>12238037.0</t>
  </si>
  <si>
    <t>30954477.0</t>
  </si>
  <si>
    <t>23018371.0</t>
  </si>
  <si>
    <t>7350348.0</t>
  </si>
  <si>
    <t>585758.0</t>
  </si>
  <si>
    <t>275188.0</t>
  </si>
  <si>
    <t>559354.0</t>
  </si>
  <si>
    <t>369763.0</t>
  </si>
  <si>
    <t>12289207.0</t>
  </si>
  <si>
    <t>51170.0</t>
  </si>
  <si>
    <t>51728.0</t>
  </si>
  <si>
    <t>31771819.0</t>
  </si>
  <si>
    <t>23401465.0</t>
  </si>
  <si>
    <t>7780973.0</t>
  </si>
  <si>
    <t>589381.0</t>
  </si>
  <si>
    <t>817342.0</t>
  </si>
  <si>
    <t>594196.0</t>
  </si>
  <si>
    <t>367256.0</t>
  </si>
  <si>
    <t>12354661.0</t>
  </si>
  <si>
    <t>172.548</t>
  </si>
  <si>
    <t>569750.0</t>
  </si>
  <si>
    <t>338112.0</t>
  </si>
  <si>
    <t>36663.4</t>
  </si>
  <si>
    <t>511.365715821064</t>
  </si>
  <si>
    <t>12405533.0</t>
  </si>
  <si>
    <t>173.259</t>
  </si>
  <si>
    <t>0.3329</t>
  </si>
  <si>
    <t>32600001.0</t>
  </si>
  <si>
    <t>23795098.0</t>
  </si>
  <si>
    <t>8212750.0</t>
  </si>
  <si>
    <t>592153.0</t>
  </si>
  <si>
    <t>537774.0</t>
  </si>
  <si>
    <t>303592.0</t>
  </si>
  <si>
    <t>12453525.0</t>
  </si>
  <si>
    <t>173.929</t>
  </si>
  <si>
    <t>33427463.0</t>
  </si>
  <si>
    <t>24147532.0</t>
  </si>
  <si>
    <t>8684695.0</t>
  </si>
  <si>
    <t>595236.0</t>
  </si>
  <si>
    <t>827462.0</t>
  </si>
  <si>
    <t>296708.0</t>
  </si>
  <si>
    <t>12503123.0</t>
  </si>
  <si>
    <t>49598.0</t>
  </si>
  <si>
    <t>174.622</t>
  </si>
  <si>
    <t>48496.0</t>
  </si>
  <si>
    <t>34292537.0</t>
  </si>
  <si>
    <t>24542140.0</t>
  </si>
  <si>
    <t>9152799.0</t>
  </si>
  <si>
    <t>597598.0</t>
  </si>
  <si>
    <t>865074.0</t>
  </si>
  <si>
    <t>553147.0</t>
  </si>
  <si>
    <t>274920.0</t>
  </si>
  <si>
    <t>12543130.0</t>
  </si>
  <si>
    <t>175.181</t>
  </si>
  <si>
    <t>35218164.0</t>
  </si>
  <si>
    <t>24918054.0</t>
  </si>
  <si>
    <t>9698842.0</t>
  </si>
  <si>
    <t>601268.0</t>
  </si>
  <si>
    <t>925627.0</t>
  </si>
  <si>
    <t>648411.0</t>
  </si>
  <si>
    <t>301568.0</t>
  </si>
  <si>
    <t>12579496.0</t>
  </si>
  <si>
    <t>175.689</t>
  </si>
  <si>
    <t>35587676.0</t>
  </si>
  <si>
    <t>25104942.0</t>
  </si>
  <si>
    <t>9879371.0</t>
  </si>
  <si>
    <t>603363.0</t>
  </si>
  <si>
    <t>369512.0</t>
  </si>
  <si>
    <t>661886.0</t>
  </si>
  <si>
    <t>12630795.0</t>
  </si>
  <si>
    <t>35912894.0</t>
  </si>
  <si>
    <t>25234259.0</t>
  </si>
  <si>
    <t>10074612.0</t>
  </si>
  <si>
    <t>604023.0</t>
  </si>
  <si>
    <t>325218.0</t>
  </si>
  <si>
    <t>591582.0</t>
  </si>
  <si>
    <t>261828.0</t>
  </si>
  <si>
    <t>12686108.0</t>
  </si>
  <si>
    <t>55313.0</t>
  </si>
  <si>
    <t>177.178</t>
  </si>
  <si>
    <t>36635271.0</t>
  </si>
  <si>
    <t>25554456.0</t>
  </si>
  <si>
    <t>10475325.0</t>
  </si>
  <si>
    <t>605490.0</t>
  </si>
  <si>
    <t>722377.0</t>
  </si>
  <si>
    <t>635623.0</t>
  </si>
  <si>
    <t>279454.0</t>
  </si>
  <si>
    <t>12748361.0</t>
  </si>
  <si>
    <t>178.047</t>
  </si>
  <si>
    <t>37461284.0</t>
  </si>
  <si>
    <t>25954106.0</t>
  </si>
  <si>
    <t>10900001.0</t>
  </si>
  <si>
    <t>607177.0</t>
  </si>
  <si>
    <t>826013.0</t>
  </si>
  <si>
    <t>694469.0</t>
  </si>
  <si>
    <t>308430.0</t>
  </si>
  <si>
    <t>12799791.0</t>
  </si>
  <si>
    <t>178.765</t>
  </si>
  <si>
    <t>38174738.0</t>
  </si>
  <si>
    <t>26292211.0</t>
  </si>
  <si>
    <t>11272593.0</t>
  </si>
  <si>
    <t>609934.0</t>
  </si>
  <si>
    <t>713454.0</t>
  </si>
  <si>
    <t>678182.0</t>
  </si>
  <si>
    <t>306383.0</t>
  </si>
  <si>
    <t>12853416.0</t>
  </si>
  <si>
    <t>38873359.0</t>
  </si>
  <si>
    <t>26631261.0</t>
  </si>
  <si>
    <t>11630996.0</t>
  </si>
  <si>
    <t>611102.0</t>
  </si>
  <si>
    <t>698621.0</t>
  </si>
  <si>
    <t>654403.0</t>
  </si>
  <si>
    <t>298446.0</t>
  </si>
  <si>
    <t>12894770.0</t>
  </si>
  <si>
    <t>180.092</t>
  </si>
  <si>
    <t>39631862.0</t>
  </si>
  <si>
    <t>26954546.0</t>
  </si>
  <si>
    <t>12063643.0</t>
  </si>
  <si>
    <t>613673.0</t>
  </si>
  <si>
    <t>758503.0</t>
  </si>
  <si>
    <t>630528.0</t>
  </si>
  <si>
    <t>290927.0</t>
  </si>
  <si>
    <t>12932628.0</t>
  </si>
  <si>
    <t>180.621</t>
  </si>
  <si>
    <t>40060467.0</t>
  </si>
  <si>
    <t>27194487.0</t>
  </si>
  <si>
    <t>12251011.0</t>
  </si>
  <si>
    <t>614969.0</t>
  </si>
  <si>
    <t>428605.0</t>
  </si>
  <si>
    <t>638970.0</t>
  </si>
  <si>
    <t>298506.0</t>
  </si>
  <si>
    <t>12987115.0</t>
  </si>
  <si>
    <t>181.381</t>
  </si>
  <si>
    <t>40276356.0</t>
  </si>
  <si>
    <t>27303700.0</t>
  </si>
  <si>
    <t>12357581.0</t>
  </si>
  <si>
    <t>615075.0</t>
  </si>
  <si>
    <t>623352.0</t>
  </si>
  <si>
    <t>295634.0</t>
  </si>
  <si>
    <t>13049478.0</t>
  </si>
  <si>
    <t>62363.0</t>
  </si>
  <si>
    <t>182.252</t>
  </si>
  <si>
    <t>40953025.0</t>
  </si>
  <si>
    <t>27540743.0</t>
  </si>
  <si>
    <t>12795707.0</t>
  </si>
  <si>
    <t>616575.0</t>
  </si>
  <si>
    <t>676669.0</t>
  </si>
  <si>
    <t>616822.0</t>
  </si>
  <si>
    <t>283755.0</t>
  </si>
  <si>
    <t>13109330.0</t>
  </si>
  <si>
    <t>183.088</t>
  </si>
  <si>
    <t>41647101.0</t>
  </si>
  <si>
    <t>27769095.0</t>
  </si>
  <si>
    <t>13260456.0</t>
  </si>
  <si>
    <t>617550.0</t>
  </si>
  <si>
    <t>694076.0</t>
  </si>
  <si>
    <t>597974.0</t>
  </si>
  <si>
    <t>259284.0</t>
  </si>
  <si>
    <t>13169334.0</t>
  </si>
  <si>
    <t>183.926</t>
  </si>
  <si>
    <t>42477514.0</t>
  </si>
  <si>
    <t>28085202.0</t>
  </si>
  <si>
    <t>13773184.0</t>
  </si>
  <si>
    <t>619128.0</t>
  </si>
  <si>
    <t>830413.0</t>
  </si>
  <si>
    <t>614682.0</t>
  </si>
  <si>
    <t>256142.0</t>
  </si>
  <si>
    <t>13221709.0</t>
  </si>
  <si>
    <t>184.658</t>
  </si>
  <si>
    <t>43342103.0</t>
  </si>
  <si>
    <t>28436015.0</t>
  </si>
  <si>
    <t>14285995.0</t>
  </si>
  <si>
    <t>620093.0</t>
  </si>
  <si>
    <t>864589.0</t>
  </si>
  <si>
    <t>638392.0</t>
  </si>
  <si>
    <t>257822.0</t>
  </si>
  <si>
    <t>13258565.0</t>
  </si>
  <si>
    <t>185.173</t>
  </si>
  <si>
    <t>43889427.0</t>
  </si>
  <si>
    <t>28611321.0</t>
  </si>
  <si>
    <t>14657681.0</t>
  </si>
  <si>
    <t>620425.0</t>
  </si>
  <si>
    <t>547324.0</t>
  </si>
  <si>
    <t>608224.0</t>
  </si>
  <si>
    <t>236682.0</t>
  </si>
  <si>
    <t>13295935.0</t>
  </si>
  <si>
    <t>185.695</t>
  </si>
  <si>
    <t>0.2596</t>
  </si>
  <si>
    <t>44485657.0</t>
  </si>
  <si>
    <t>28893133.0</t>
  </si>
  <si>
    <t>14971317.0</t>
  </si>
  <si>
    <t>621207.0</t>
  </si>
  <si>
    <t>596230.0</t>
  </si>
  <si>
    <t>632170.0</t>
  </si>
  <si>
    <t>242664.0</t>
  </si>
  <si>
    <t>13343668.0</t>
  </si>
  <si>
    <t>186.361</t>
  </si>
  <si>
    <t>44742049.0</t>
  </si>
  <si>
    <t>29002572.0</t>
  </si>
  <si>
    <t>15118015.0</t>
  </si>
  <si>
    <t>256392.0</t>
  </si>
  <si>
    <t>637956.0</t>
  </si>
  <si>
    <t>13398026.0</t>
  </si>
  <si>
    <t>45211101.0</t>
  </si>
  <si>
    <t>29201077.0</t>
  </si>
  <si>
    <t>15388071.0</t>
  </si>
  <si>
    <t>621953.0</t>
  </si>
  <si>
    <t>469052.0</t>
  </si>
  <si>
    <t>608297.0</t>
  </si>
  <si>
    <t>237191.0</t>
  </si>
  <si>
    <t>13450228.0</t>
  </si>
  <si>
    <t>52202.0</t>
  </si>
  <si>
    <t>187.849</t>
  </si>
  <si>
    <t>46023016.0</t>
  </si>
  <si>
    <t>29501110.0</t>
  </si>
  <si>
    <t>15899158.0</t>
  </si>
  <si>
    <t>622748.0</t>
  </si>
  <si>
    <t>811915.0</t>
  </si>
  <si>
    <t>625131.0</t>
  </si>
  <si>
    <t>13499515.0</t>
  </si>
  <si>
    <t>188.538</t>
  </si>
  <si>
    <t>47169.0</t>
  </si>
  <si>
    <t>615274.0</t>
  </si>
  <si>
    <t>243398.0</t>
  </si>
  <si>
    <t>13538266.0</t>
  </si>
  <si>
    <t>600535.0</t>
  </si>
  <si>
    <t>234407.0</t>
  </si>
  <si>
    <t>13567662.0</t>
  </si>
  <si>
    <t>44157.0</t>
  </si>
  <si>
    <t>631120.0</t>
  </si>
  <si>
    <t>250489.0</t>
  </si>
  <si>
    <t>13599122.0</t>
  </si>
  <si>
    <t>189.929</t>
  </si>
  <si>
    <t>654718.0</t>
  </si>
  <si>
    <t>13646092.0</t>
  </si>
  <si>
    <t>46970.0</t>
  </si>
  <si>
    <t>190.585</t>
  </si>
  <si>
    <t>726865.0</t>
  </si>
  <si>
    <t>276847.0</t>
  </si>
  <si>
    <t>13683728.0</t>
  </si>
  <si>
    <t>191.111</t>
  </si>
  <si>
    <t>768631.0</t>
  </si>
  <si>
    <t>13740110.0</t>
  </si>
  <si>
    <t>191.898</t>
  </si>
  <si>
    <t>761417.0</t>
  </si>
  <si>
    <t>287878.0</t>
  </si>
  <si>
    <t>13790676.0</t>
  </si>
  <si>
    <t>50566.0</t>
  </si>
  <si>
    <t>192.604</t>
  </si>
  <si>
    <t>41594.0</t>
  </si>
  <si>
    <t>617.766226949671</t>
  </si>
  <si>
    <t>13837244.0</t>
  </si>
  <si>
    <t>46568.0</t>
  </si>
  <si>
    <t>193.255</t>
  </si>
  <si>
    <t>13871537.0</t>
  </si>
  <si>
    <t>34293.0</t>
  </si>
  <si>
    <t>193.734</t>
  </si>
  <si>
    <t>13906956.0</t>
  </si>
  <si>
    <t>35419.0</t>
  </si>
  <si>
    <t>194.228</t>
  </si>
  <si>
    <t>13956384.0</t>
  </si>
  <si>
    <t>194.919</t>
  </si>
  <si>
    <t>14013250.0</t>
  </si>
  <si>
    <t>56866.0</t>
  </si>
  <si>
    <t>195.713</t>
  </si>
  <si>
    <t>55921443.0</t>
  </si>
  <si>
    <t>33243525.0</t>
  </si>
  <si>
    <t>21162251.0</t>
  </si>
  <si>
    <t>1515667.0</t>
  </si>
  <si>
    <t>14060146.0</t>
  </si>
  <si>
    <t>46896.0</t>
  </si>
  <si>
    <t>196.368</t>
  </si>
  <si>
    <t>56656247.0</t>
  </si>
  <si>
    <t>33505887.0</t>
  </si>
  <si>
    <t>21595916.0</t>
  </si>
  <si>
    <t>734804.0</t>
  </si>
  <si>
    <t>757616.0</t>
  </si>
  <si>
    <t>284233.0</t>
  </si>
  <si>
    <t>14112849.0</t>
  </si>
  <si>
    <t>52703.0</t>
  </si>
  <si>
    <t>197.104</t>
  </si>
  <si>
    <t>57387052.0</t>
  </si>
  <si>
    <t>33774684.0</t>
  </si>
  <si>
    <t>22005722.0</t>
  </si>
  <si>
    <t>1606646.0</t>
  </si>
  <si>
    <t>730805.0</t>
  </si>
  <si>
    <t>753242.0</t>
  </si>
  <si>
    <t>281507.0</t>
  </si>
  <si>
    <t>14162482.0</t>
  </si>
  <si>
    <t>49633.0</t>
  </si>
  <si>
    <t>197.797</t>
  </si>
  <si>
    <t>58298700.0</t>
  </si>
  <si>
    <t>34188488.0</t>
  </si>
  <si>
    <t>22460213.0</t>
  </si>
  <si>
    <t>1649999.0</t>
  </si>
  <si>
    <t>911648.0</t>
  </si>
  <si>
    <t>774704.0</t>
  </si>
  <si>
    <t>299496.0</t>
  </si>
  <si>
    <t>14201188.0</t>
  </si>
  <si>
    <t>198.338</t>
  </si>
  <si>
    <t>59308772.0</t>
  </si>
  <si>
    <t>34668552.0</t>
  </si>
  <si>
    <t>22949256.0</t>
  </si>
  <si>
    <t>1690964.0</t>
  </si>
  <si>
    <t>1010072.0</t>
  </si>
  <si>
    <t>810226.0</t>
  </si>
  <si>
    <t>326952.0</t>
  </si>
  <si>
    <t>14238942.0</t>
  </si>
  <si>
    <t>198.865</t>
  </si>
  <si>
    <t>59539624.0</t>
  </si>
  <si>
    <t>34782627.0</t>
  </si>
  <si>
    <t>23055555.0</t>
  </si>
  <si>
    <t>1701442.0</t>
  </si>
  <si>
    <t>230852.0</t>
  </si>
  <si>
    <t>734431.0</t>
  </si>
  <si>
    <t>302123.0</t>
  </si>
  <si>
    <t>14291323.0</t>
  </si>
  <si>
    <t>199.596</t>
  </si>
  <si>
    <t>60228105.0</t>
  </si>
  <si>
    <t>35093892.0</t>
  </si>
  <si>
    <t>23400992.0</t>
  </si>
  <si>
    <t>1733221.0</t>
  </si>
  <si>
    <t>688481.0</t>
  </si>
  <si>
    <t>305464.0</t>
  </si>
  <si>
    <t>14353278.0</t>
  </si>
  <si>
    <t>200.462</t>
  </si>
  <si>
    <t>48575.0</t>
  </si>
  <si>
    <t>61033251.0</t>
  </si>
  <si>
    <t>35462170.0</t>
  </si>
  <si>
    <t>23796497.0</t>
  </si>
  <si>
    <t>1774584.0</t>
  </si>
  <si>
    <t>805146.0</t>
  </si>
  <si>
    <t>316949.0</t>
  </si>
  <si>
    <t>14402214.0</t>
  </si>
  <si>
    <t>201.145</t>
  </si>
  <si>
    <t>48867.0</t>
  </si>
  <si>
    <t>61995809.0</t>
  </si>
  <si>
    <t>35895984.0</t>
  </si>
  <si>
    <t>24282686.0</t>
  </si>
  <si>
    <t>1817139.0</t>
  </si>
  <si>
    <t>962558.0</t>
  </si>
  <si>
    <t>762795.0</t>
  </si>
  <si>
    <t>341442.0</t>
  </si>
  <si>
    <t>14454076.0</t>
  </si>
  <si>
    <t>51862.0</t>
  </si>
  <si>
    <t>201.869</t>
  </si>
  <si>
    <t>48747.0</t>
  </si>
  <si>
    <t>62579803.0</t>
  </si>
  <si>
    <t>36239806.0</t>
  </si>
  <si>
    <t>24502527.0</t>
  </si>
  <si>
    <t>1837470.0</t>
  </si>
  <si>
    <t>583994.0</t>
  </si>
  <si>
    <t>741822.0</t>
  </si>
  <si>
    <t>352160.0</t>
  </si>
  <si>
    <t>14508532.0</t>
  </si>
  <si>
    <t>63614352.0</t>
  </si>
  <si>
    <t>36721779.0</t>
  </si>
  <si>
    <t>25012380.0</t>
  </si>
  <si>
    <t>1880193.0</t>
  </si>
  <si>
    <t>1034549.0</t>
  </si>
  <si>
    <t>759379.0</t>
  </si>
  <si>
    <t>361899.0</t>
  </si>
  <si>
    <t>14552092.0</t>
  </si>
  <si>
    <t>43560.0</t>
  </si>
  <si>
    <t>203.238</t>
  </si>
  <si>
    <t>64139022.0</t>
  </si>
  <si>
    <t>36955020.0</t>
  </si>
  <si>
    <t>25287543.0</t>
  </si>
  <si>
    <t>1896459.0</t>
  </si>
  <si>
    <t>524670.0</t>
  </si>
  <si>
    <t>690036.0</t>
  </si>
  <si>
    <t>326638.0</t>
  </si>
  <si>
    <t>14588301.0</t>
  </si>
  <si>
    <t>65202741.0</t>
  </si>
  <si>
    <t>37446713.0</t>
  </si>
  <si>
    <t>25825201.0</t>
  </si>
  <si>
    <t>1930827.0</t>
  </si>
  <si>
    <t>1063719.0</t>
  </si>
  <si>
    <t>809017.0</t>
  </si>
  <si>
    <t>380584.0</t>
  </si>
  <si>
    <t>14639524.0</t>
  </si>
  <si>
    <t>204.459</t>
  </si>
  <si>
    <t>65677794.0</t>
  </si>
  <si>
    <t>37684728.0</t>
  </si>
  <si>
    <t>26042573.0</t>
  </si>
  <si>
    <t>1950493.0</t>
  </si>
  <si>
    <t>475053.0</t>
  </si>
  <si>
    <t>778527.0</t>
  </si>
  <si>
    <t>370119.0</t>
  </si>
  <si>
    <t>14703455.0</t>
  </si>
  <si>
    <t>205.352</t>
  </si>
  <si>
    <t>50025.0</t>
  </si>
  <si>
    <t>66592321.0</t>
  </si>
  <si>
    <t>38137096.0</t>
  </si>
  <si>
    <t>26474522.0</t>
  </si>
  <si>
    <t>1980703.0</t>
  </si>
  <si>
    <t>914527.0</t>
  </si>
  <si>
    <t>794153.0</t>
  </si>
  <si>
    <t>382132.0</t>
  </si>
  <si>
    <t>14758665.0</t>
  </si>
  <si>
    <t>55210.0</t>
  </si>
  <si>
    <t>206.123</t>
  </si>
  <si>
    <t>67587102.0</t>
  </si>
  <si>
    <t>38611193.0</t>
  </si>
  <si>
    <t>26959785.0</t>
  </si>
  <si>
    <t>2016124.0</t>
  </si>
  <si>
    <t>994781.0</t>
  </si>
  <si>
    <t>798756.0</t>
  </si>
  <si>
    <t>14809652.0</t>
  </si>
  <si>
    <t>50987.0</t>
  </si>
  <si>
    <t>206.836</t>
  </si>
  <si>
    <t>50797.0</t>
  </si>
  <si>
    <t>68503058.0</t>
  </si>
  <si>
    <t>39039849.0</t>
  </si>
  <si>
    <t>27405800.0</t>
  </si>
  <si>
    <t>2057409.0</t>
  </si>
  <si>
    <t>915956.0</t>
  </si>
  <si>
    <t>846179.0</t>
  </si>
  <si>
    <t>400006.0</t>
  </si>
  <si>
    <t>14851720.0</t>
  </si>
  <si>
    <t>207.423</t>
  </si>
  <si>
    <t>69217162.0</t>
  </si>
  <si>
    <t>39358277.0</t>
  </si>
  <si>
    <t>27774180.0</t>
  </si>
  <si>
    <t>2084705.0</t>
  </si>
  <si>
    <t>714104.0</t>
  </si>
  <si>
    <t>800401.0</t>
  </si>
  <si>
    <t>376643.0</t>
  </si>
  <si>
    <t>14881004.0</t>
  </si>
  <si>
    <t>207.832</t>
  </si>
  <si>
    <t>69923540.0</t>
  </si>
  <si>
    <t>39708520.0</t>
  </si>
  <si>
    <t>28106044.0</t>
  </si>
  <si>
    <t>2108976.0</t>
  </si>
  <si>
    <t>706378.0</t>
  </si>
  <si>
    <t>826360.0</t>
  </si>
  <si>
    <t>393357.0</t>
  </si>
  <si>
    <t>14914688.0</t>
  </si>
  <si>
    <t>208.302</t>
  </si>
  <si>
    <t>70279624.0</t>
  </si>
  <si>
    <t>39881034.0</t>
  </si>
  <si>
    <t>28276165.0</t>
  </si>
  <si>
    <t>2122425.0</t>
  </si>
  <si>
    <t>356084.0</t>
  </si>
  <si>
    <t>725269.0</t>
  </si>
  <si>
    <t>347760.0</t>
  </si>
  <si>
    <t>14966077.0</t>
  </si>
  <si>
    <t>70505802.0</t>
  </si>
  <si>
    <t>39999692.0</t>
  </si>
  <si>
    <t>28372531.0</t>
  </si>
  <si>
    <t>2133579.0</t>
  </si>
  <si>
    <t>226178.0</t>
  </si>
  <si>
    <t>689715.0</t>
  </si>
  <si>
    <t>330709.0</t>
  </si>
  <si>
    <t>15025552.0</t>
  </si>
  <si>
    <t>209.851</t>
  </si>
  <si>
    <t>71237520.0</t>
  </si>
  <si>
    <t>40346281.0</t>
  </si>
  <si>
    <t>28713904.0</t>
  </si>
  <si>
    <t>2177335.0</t>
  </si>
  <si>
    <t>731718.0</t>
  </si>
  <si>
    <t>663600.0</t>
  </si>
  <si>
    <t>315598.0</t>
  </si>
  <si>
    <t>15076451.0</t>
  </si>
  <si>
    <t>50899.0</t>
  </si>
  <si>
    <t>210.562</t>
  </si>
  <si>
    <t>45398.0</t>
  </si>
  <si>
    <t>72049529.0</t>
  </si>
  <si>
    <t>40717544.0</t>
  </si>
  <si>
    <t>29115651.0</t>
  </si>
  <si>
    <t>2216334.0</t>
  </si>
  <si>
    <t>812009.0</t>
  </si>
  <si>
    <t>637490.0</t>
  </si>
  <si>
    <t>300907.0</t>
  </si>
  <si>
    <t>15128163.0</t>
  </si>
  <si>
    <t>51712.0</t>
  </si>
  <si>
    <t>211.284</t>
  </si>
  <si>
    <t>72812483.0</t>
  </si>
  <si>
    <t>41075152.0</t>
  </si>
  <si>
    <t>29469487.0</t>
  </si>
  <si>
    <t>2267844.0</t>
  </si>
  <si>
    <t>762954.0</t>
  </si>
  <si>
    <t>615632.0</t>
  </si>
  <si>
    <t>290758.0</t>
  </si>
  <si>
    <t>15177471.0</t>
  </si>
  <si>
    <t>211.973</t>
  </si>
  <si>
    <t>73692039.0</t>
  </si>
  <si>
    <t>41495703.0</t>
  </si>
  <si>
    <t>29881984.0</t>
  </si>
  <si>
    <t>2314352.0</t>
  </si>
  <si>
    <t>879556.0</t>
  </si>
  <si>
    <t>639268.0</t>
  </si>
  <si>
    <t>305347.0</t>
  </si>
  <si>
    <t>15211276.0</t>
  </si>
  <si>
    <t>212.445</t>
  </si>
  <si>
    <t>74694431.0</t>
  </si>
  <si>
    <t>41924824.0</t>
  </si>
  <si>
    <t>30409329.0</t>
  </si>
  <si>
    <t>2360278.0</t>
  </si>
  <si>
    <t>1002392.0</t>
  </si>
  <si>
    <t>681556.0</t>
  </si>
  <si>
    <t>104.18</t>
  </si>
  <si>
    <t>316615.0</t>
  </si>
  <si>
    <t>15246989.0</t>
  </si>
  <si>
    <t>212.943</t>
  </si>
  <si>
    <t>75389558.0</t>
  </si>
  <si>
    <t>42247135.0</t>
  </si>
  <si>
    <t>30743399.0</t>
  </si>
  <si>
    <t>2399024.0</t>
  </si>
  <si>
    <t>695127.0</t>
  </si>
  <si>
    <t>729991.0</t>
  </si>
  <si>
    <t>338014.0</t>
  </si>
  <si>
    <t>654.741262343051</t>
  </si>
  <si>
    <t>15297377.0</t>
  </si>
  <si>
    <t>213.647</t>
  </si>
  <si>
    <t>75710277.0</t>
  </si>
  <si>
    <t>42388465.0</t>
  </si>
  <si>
    <t>30911219.0</t>
  </si>
  <si>
    <t>2410593.0</t>
  </si>
  <si>
    <t>320719.0</t>
  </si>
  <si>
    <t>743496.0</t>
  </si>
  <si>
    <t>341253.0</t>
  </si>
  <si>
    <t>15358438.0</t>
  </si>
  <si>
    <t>61061.0</t>
  </si>
  <si>
    <t>76226116.0</t>
  </si>
  <si>
    <t>42548483.0</t>
  </si>
  <si>
    <t>31244587.0</t>
  </si>
  <si>
    <t>2433046.0</t>
  </si>
  <si>
    <t>515839.0</t>
  </si>
  <si>
    <t>712657.0</t>
  </si>
  <si>
    <t>314600.0</t>
  </si>
  <si>
    <t>15410517.0</t>
  </si>
  <si>
    <t>215.227</t>
  </si>
  <si>
    <t>47724.0</t>
  </si>
  <si>
    <t>77014092.0</t>
  </si>
  <si>
    <t>42815600.0</t>
  </si>
  <si>
    <t>31730365.0</t>
  </si>
  <si>
    <t>2468127.0</t>
  </si>
  <si>
    <t>787976.0</t>
  </si>
  <si>
    <t>709223.0</t>
  </si>
  <si>
    <t>299722.0</t>
  </si>
  <si>
    <t>15458956.0</t>
  </si>
  <si>
    <t>215.904</t>
  </si>
  <si>
    <t>77831474.0</t>
  </si>
  <si>
    <t>43112788.0</t>
  </si>
  <si>
    <t>32223467.0</t>
  </si>
  <si>
    <t>2495219.0</t>
  </si>
  <si>
    <t>817382.0</t>
  </si>
  <si>
    <t>716999.0</t>
  </si>
  <si>
    <t>15508653.0</t>
  </si>
  <si>
    <t>216.598</t>
  </si>
  <si>
    <t>78656124.0</t>
  </si>
  <si>
    <t>43403391.0</t>
  </si>
  <si>
    <t>32726021.0</t>
  </si>
  <si>
    <t>2526712.0</t>
  </si>
  <si>
    <t>824650.0</t>
  </si>
  <si>
    <t>709155.0</t>
  </si>
  <si>
    <t>272527.0</t>
  </si>
  <si>
    <t>15541378.0</t>
  </si>
  <si>
    <t>79517972.0</t>
  </si>
  <si>
    <t>43694336.0</t>
  </si>
  <si>
    <t>33263737.0</t>
  </si>
  <si>
    <t>2559899.0</t>
  </si>
  <si>
    <t>861848.0</t>
  </si>
  <si>
    <t>689077.0</t>
  </si>
  <si>
    <t>252787.0</t>
  </si>
  <si>
    <t>15572948.0</t>
  </si>
  <si>
    <t>217.496</t>
  </si>
  <si>
    <t>80221553.0</t>
  </si>
  <si>
    <t>43914118.0</t>
  </si>
  <si>
    <t>33719280.0</t>
  </si>
  <si>
    <t>2588155.0</t>
  </si>
  <si>
    <t>690285.0</t>
  </si>
  <si>
    <t>238140.0</t>
  </si>
  <si>
    <t>15625082.0</t>
  </si>
  <si>
    <t>218.224</t>
  </si>
  <si>
    <t>80499612.0</t>
  </si>
  <si>
    <t>43990610.0</t>
  </si>
  <si>
    <t>33912537.0</t>
  </si>
  <si>
    <t>2596465.0</t>
  </si>
  <si>
    <t>684191.0</t>
  </si>
  <si>
    <t>228878.0</t>
  </si>
  <si>
    <t>15683475.0</t>
  </si>
  <si>
    <t>58393.0</t>
  </si>
  <si>
    <t>219.04</t>
  </si>
  <si>
    <t>80968807.0</t>
  </si>
  <si>
    <t>44116509.0</t>
  </si>
  <si>
    <t>34240355.0</t>
  </si>
  <si>
    <t>2611943.0</t>
  </si>
  <si>
    <t>469195.0</t>
  </si>
  <si>
    <t>677527.0</t>
  </si>
  <si>
    <t>224004.0</t>
  </si>
  <si>
    <t>15732455.0</t>
  </si>
  <si>
    <t>219.724</t>
  </si>
  <si>
    <t>81761062.0</t>
  </si>
  <si>
    <t>44355673.0</t>
  </si>
  <si>
    <t>34760830.0</t>
  </si>
  <si>
    <t>2644559.0</t>
  </si>
  <si>
    <t>678139.0</t>
  </si>
  <si>
    <t>220010.0</t>
  </si>
  <si>
    <t>15772253.0</t>
  </si>
  <si>
    <t>220.279</t>
  </si>
  <si>
    <t>82532531.0</t>
  </si>
  <si>
    <t>44579576.0</t>
  </si>
  <si>
    <t>35277108.0</t>
  </si>
  <si>
    <t>2675847.0</t>
  </si>
  <si>
    <t>771469.0</t>
  </si>
  <si>
    <t>671580.0</t>
  </si>
  <si>
    <t>15818519.0</t>
  </si>
  <si>
    <t>220.926</t>
  </si>
  <si>
    <t>44267.0</t>
  </si>
  <si>
    <t>83320621.0</t>
  </si>
  <si>
    <t>44809613.0</t>
  </si>
  <si>
    <t>35800674.0</t>
  </si>
  <si>
    <t>2710334.0</t>
  </si>
  <si>
    <t>788090.0</t>
  </si>
  <si>
    <t>666357.0</t>
  </si>
  <si>
    <t>200889.0</t>
  </si>
  <si>
    <t>15853348.0</t>
  </si>
  <si>
    <t>34829.0</t>
  </si>
  <si>
    <t>221.412</t>
  </si>
  <si>
    <t>84094565.0</t>
  </si>
  <si>
    <t>45069302.0</t>
  </si>
  <si>
    <t>36281904.0</t>
  </si>
  <si>
    <t>2743359.0</t>
  </si>
  <si>
    <t>773944.0</t>
  </si>
  <si>
    <t>653799.0</t>
  </si>
  <si>
    <t>196424.0</t>
  </si>
  <si>
    <t>15883120.0</t>
  </si>
  <si>
    <t>221.828</t>
  </si>
  <si>
    <t>84467731.0</t>
  </si>
  <si>
    <t>45204553.0</t>
  </si>
  <si>
    <t>36504141.0</t>
  </si>
  <si>
    <t>2759037.0</t>
  </si>
  <si>
    <t>373166.0</t>
  </si>
  <si>
    <t>606597.0</t>
  </si>
  <si>
    <t>184348.0</t>
  </si>
  <si>
    <t>15934140.0</t>
  </si>
  <si>
    <t>85012905.0</t>
  </si>
  <si>
    <t>45374194.0</t>
  </si>
  <si>
    <t>36855732.0</t>
  </si>
  <si>
    <t>2782979.0</t>
  </si>
  <si>
    <t>545174.0</t>
  </si>
  <si>
    <t>644756.0</t>
  </si>
  <si>
    <t>197655.0</t>
  </si>
  <si>
    <t>15987455.0</t>
  </si>
  <si>
    <t>223.285</t>
  </si>
  <si>
    <t>85412126.0</t>
  </si>
  <si>
    <t>45488767.0</t>
  </si>
  <si>
    <t>37114546.0</t>
  </si>
  <si>
    <t>2808813.0</t>
  </si>
  <si>
    <t>399221.0</t>
  </si>
  <si>
    <t>634760.0</t>
  </si>
  <si>
    <t>196037.0</t>
  </si>
  <si>
    <t>16037330.0</t>
  </si>
  <si>
    <t>223.982</t>
  </si>
  <si>
    <t>43554.0</t>
  </si>
  <si>
    <t>86071507.0</t>
  </si>
  <si>
    <t>45700036.0</t>
  </si>
  <si>
    <t>37527295.0</t>
  </si>
  <si>
    <t>659381.0</t>
  </si>
  <si>
    <t>615778.0</t>
  </si>
  <si>
    <t>192052.0</t>
  </si>
  <si>
    <t>16085783.0</t>
  </si>
  <si>
    <t>48453.0</t>
  </si>
  <si>
    <t>86890826.0</t>
  </si>
  <si>
    <t>46005152.0</t>
  </si>
  <si>
    <t>37939622.0</t>
  </si>
  <si>
    <t>2946052.0</t>
  </si>
  <si>
    <t>819319.0</t>
  </si>
  <si>
    <t>622614.0</t>
  </si>
  <si>
    <t>203654.0</t>
  </si>
  <si>
    <t>16131752.0</t>
  </si>
  <si>
    <t>45969.0</t>
  </si>
  <si>
    <t>44748.0</t>
  </si>
  <si>
    <t>612895.0</t>
  </si>
  <si>
    <t>204209.0</t>
  </si>
  <si>
    <t>16163876.0</t>
  </si>
  <si>
    <t>225.749</t>
  </si>
  <si>
    <t>88330952.0</t>
  </si>
  <si>
    <t>46473004.0</t>
  </si>
  <si>
    <t>38836504.0</t>
  </si>
  <si>
    <t>3021444.0</t>
  </si>
  <si>
    <t>605198.0</t>
  </si>
  <si>
    <t>200529.0</t>
  </si>
  <si>
    <t>16192793.0</t>
  </si>
  <si>
    <t>226.153</t>
  </si>
  <si>
    <t>88803596.0</t>
  </si>
  <si>
    <t>46646938.0</t>
  </si>
  <si>
    <t>39101640.0</t>
  </si>
  <si>
    <t>3055018.0</t>
  </si>
  <si>
    <t>619409.0</t>
  </si>
  <si>
    <t>206055.0</t>
  </si>
  <si>
    <t>16238737.0</t>
  </si>
  <si>
    <t>226.795</t>
  </si>
  <si>
    <t>88989235.0</t>
  </si>
  <si>
    <t>46718014.0</t>
  </si>
  <si>
    <t>39202716.0</t>
  </si>
  <si>
    <t>3068505.0</t>
  </si>
  <si>
    <t>185639.0</t>
  </si>
  <si>
    <t>568047.0</t>
  </si>
  <si>
    <t>191974.0</t>
  </si>
  <si>
    <t>16292163.0</t>
  </si>
  <si>
    <t>227.541</t>
  </si>
  <si>
    <t>43530.0</t>
  </si>
  <si>
    <t>89336791.0</t>
  </si>
  <si>
    <t>46836876.0</t>
  </si>
  <si>
    <t>39403769.0</t>
  </si>
  <si>
    <t>3096146.0</t>
  </si>
  <si>
    <t>347556.0</t>
  </si>
  <si>
    <t>560666.0</t>
  </si>
  <si>
    <t>192587.0</t>
  </si>
  <si>
    <t>16340908.0</t>
  </si>
  <si>
    <t>228.221</t>
  </si>
  <si>
    <t>89894183.0</t>
  </si>
  <si>
    <t>47034024.0</t>
  </si>
  <si>
    <t>39724270.0</t>
  </si>
  <si>
    <t>3135889.0</t>
  </si>
  <si>
    <t>557392.0</t>
  </si>
  <si>
    <t>546097.0</t>
  </si>
  <si>
    <t>190570.0</t>
  </si>
  <si>
    <t>16379523.0</t>
  </si>
  <si>
    <t>228.761</t>
  </si>
  <si>
    <t>90468955.0</t>
  </si>
  <si>
    <t>47233526.0</t>
  </si>
  <si>
    <t>40056072.0</t>
  </si>
  <si>
    <t>3179357.0</t>
  </si>
  <si>
    <t>574772.0</t>
  </si>
  <si>
    <t>511161.0</t>
  </si>
  <si>
    <t>175482.0</t>
  </si>
  <si>
    <t>16425163.0</t>
  </si>
  <si>
    <t>41916.0</t>
  </si>
  <si>
    <t>90735069.0</t>
  </si>
  <si>
    <t>47331644.0</t>
  </si>
  <si>
    <t>40202745.0</t>
  </si>
  <si>
    <t>3200680.0</t>
  </si>
  <si>
    <t>266114.0</t>
  </si>
  <si>
    <t>446311.0</t>
  </si>
  <si>
    <t>156081.0</t>
  </si>
  <si>
    <t>16457168.0</t>
  </si>
  <si>
    <t>229.845</t>
  </si>
  <si>
    <t>91658056.0</t>
  </si>
  <si>
    <t>47650767.0</t>
  </si>
  <si>
    <t>40737473.0</t>
  </si>
  <si>
    <t>3269816.0</t>
  </si>
  <si>
    <t>922987.0</t>
  </si>
  <si>
    <t>475301.0</t>
  </si>
  <si>
    <t>168252.0</t>
  </si>
  <si>
    <t>16484734.0</t>
  </si>
  <si>
    <t>230.23</t>
  </si>
  <si>
    <t>92125296.0</t>
  </si>
  <si>
    <t>47847646.0</t>
  </si>
  <si>
    <t>40963885.0</t>
  </si>
  <si>
    <t>3313765.0</t>
  </si>
  <si>
    <t>467240.0</t>
  </si>
  <si>
    <t>474529.0</t>
  </si>
  <si>
    <t>171530.0</t>
  </si>
  <si>
    <t>16531234.0</t>
  </si>
  <si>
    <t>92360417.0</t>
  </si>
  <si>
    <t>47963180.0</t>
  </si>
  <si>
    <t>41053644.0</t>
  </si>
  <si>
    <t>3343593.0</t>
  </si>
  <si>
    <t>235121.0</t>
  </si>
  <si>
    <t>481597.0</t>
  </si>
  <si>
    <t>16579381.0</t>
  </si>
  <si>
    <t>231.552</t>
  </si>
  <si>
    <t>590665.0</t>
  </si>
  <si>
    <t>223601.0</t>
  </si>
  <si>
    <t>54362.4</t>
  </si>
  <si>
    <t>758.223939671471</t>
  </si>
  <si>
    <t>16626587.0</t>
  </si>
  <si>
    <t>232.211</t>
  </si>
  <si>
    <t>94582481.0</t>
  </si>
  <si>
    <t>48840982.0</t>
  </si>
  <si>
    <t>42131710.0</t>
  </si>
  <si>
    <t>3609789.0</t>
  </si>
  <si>
    <t>669757.0</t>
  </si>
  <si>
    <t>258137.0</t>
  </si>
  <si>
    <t>16666081.0</t>
  </si>
  <si>
    <t>232.763</t>
  </si>
  <si>
    <t>95106168.0</t>
  </si>
  <si>
    <t>49048099.0</t>
  </si>
  <si>
    <t>42370898.0</t>
  </si>
  <si>
    <t>3687171.0</t>
  </si>
  <si>
    <t>523687.0</t>
  </si>
  <si>
    <t>662459.0</t>
  </si>
  <si>
    <t>259225.0</t>
  </si>
  <si>
    <t>16707362.0</t>
  </si>
  <si>
    <t>41281.0</t>
  </si>
  <si>
    <t>233.339</t>
  </si>
  <si>
    <t>95727204.0</t>
  </si>
  <si>
    <t>49298481.0</t>
  </si>
  <si>
    <t>42649918.0</t>
  </si>
  <si>
    <t>3778805.0</t>
  </si>
  <si>
    <t>621036.0</t>
  </si>
  <si>
    <t>713162.0</t>
  </si>
  <si>
    <t>280977.0</t>
  </si>
  <si>
    <t>16719176.0</t>
  </si>
  <si>
    <t>233.504</t>
  </si>
  <si>
    <t>95880526.0</t>
  </si>
  <si>
    <t>49368171.0</t>
  </si>
  <si>
    <t>42700253.0</t>
  </si>
  <si>
    <t>3812102.0</t>
  </si>
  <si>
    <t>153322.0</t>
  </si>
  <si>
    <t>603210.0</t>
  </si>
  <si>
    <t>245343.0</t>
  </si>
  <si>
    <t>16745227.0</t>
  </si>
  <si>
    <t>233.868</t>
  </si>
  <si>
    <t>96066632.0</t>
  </si>
  <si>
    <t>49473972.0</t>
  </si>
  <si>
    <t>42733111.0</t>
  </si>
  <si>
    <t>3859549.0</t>
  </si>
  <si>
    <t>186106.0</t>
  </si>
  <si>
    <t>563048.0</t>
  </si>
  <si>
    <t>16773866.0</t>
  </si>
  <si>
    <t>234.268</t>
  </si>
  <si>
    <t>96155518.0</t>
  </si>
  <si>
    <t>49508737.0</t>
  </si>
  <si>
    <t>42766958.0</t>
  </si>
  <si>
    <t>3879823.0</t>
  </si>
  <si>
    <t>542157.0</t>
  </si>
  <si>
    <t>16821484.0</t>
  </si>
  <si>
    <t>234.933</t>
  </si>
  <si>
    <t>96594138.0</t>
  </si>
  <si>
    <t>49664130.0</t>
  </si>
  <si>
    <t>42966853.0</t>
  </si>
  <si>
    <t>3963155.0</t>
  </si>
  <si>
    <t>446098.0</t>
  </si>
  <si>
    <t>180293.0</t>
  </si>
  <si>
    <t>16866009.0</t>
  </si>
  <si>
    <t>235.555</t>
  </si>
  <si>
    <t>34203.0</t>
  </si>
  <si>
    <t>97018673.0</t>
  </si>
  <si>
    <t>49813716.0</t>
  </si>
  <si>
    <t>43142155.0</t>
  </si>
  <si>
    <t>4062802.0</t>
  </si>
  <si>
    <t>424535.0</t>
  </si>
  <si>
    <t>348027.0</t>
  </si>
  <si>
    <t>16908990.0</t>
  </si>
  <si>
    <t>236.155</t>
  </si>
  <si>
    <t>97522113.0</t>
  </si>
  <si>
    <t>49980567.0</t>
  </si>
  <si>
    <t>43381279.0</t>
  </si>
  <si>
    <t>4160267.0</t>
  </si>
  <si>
    <t>503440.0</t>
  </si>
  <si>
    <t>345135.0</t>
  </si>
  <si>
    <t>133210.0</t>
  </si>
  <si>
    <t>16947594.0</t>
  </si>
  <si>
    <t>236.695</t>
  </si>
  <si>
    <t>97883818.0</t>
  </si>
  <si>
    <t>50088788.0</t>
  </si>
  <si>
    <t>43556579.0</t>
  </si>
  <si>
    <t>4238451.0</t>
  </si>
  <si>
    <t>361705.0</t>
  </si>
  <si>
    <t>308088.0</t>
  </si>
  <si>
    <t>16973386.0</t>
  </si>
  <si>
    <t>237.055</t>
  </si>
  <si>
    <t>36316.0</t>
  </si>
  <si>
    <t>97980080.0</t>
  </si>
  <si>
    <t>50107715.0</t>
  </si>
  <si>
    <t>43592798.0</t>
  </si>
  <si>
    <t>4279567.0</t>
  </si>
  <si>
    <t>17000167.0</t>
  </si>
  <si>
    <t>237.429</t>
  </si>
  <si>
    <t>36420.0</t>
  </si>
  <si>
    <t>98048414.0</t>
  </si>
  <si>
    <t>50120675.0</t>
  </si>
  <si>
    <t>43622643.0</t>
  </si>
  <si>
    <t>4305096.0</t>
  </si>
  <si>
    <t>68334.0</t>
  </si>
  <si>
    <t>283112.0</t>
  </si>
  <si>
    <t>17046391.0</t>
  </si>
  <si>
    <t>238.074</t>
  </si>
  <si>
    <t>98447784.0</t>
  </si>
  <si>
    <t>50234523.0</t>
  </si>
  <si>
    <t>43814721.0</t>
  </si>
  <si>
    <t>4398540.0</t>
  </si>
  <si>
    <t>327467.0</t>
  </si>
  <si>
    <t>103684.0</t>
  </si>
  <si>
    <t>17091094.0</t>
  </si>
  <si>
    <t>238.699</t>
  </si>
  <si>
    <t>38516.0</t>
  </si>
  <si>
    <t>98823800.0</t>
  </si>
  <si>
    <t>50337400.0</t>
  </si>
  <si>
    <t>43972293.0</t>
  </si>
  <si>
    <t>4514107.0</t>
  </si>
  <si>
    <t>376016.0</t>
  </si>
  <si>
    <t>318523.0</t>
  </si>
  <si>
    <t>17136447.0</t>
  </si>
  <si>
    <t>45353.0</t>
  </si>
  <si>
    <t>239.332</t>
  </si>
  <si>
    <t>99252063.0</t>
  </si>
  <si>
    <t>50441125.0</t>
  </si>
  <si>
    <t>44152623.0</t>
  </si>
  <si>
    <t>4658315.0</t>
  </si>
  <si>
    <t>428263.0</t>
  </si>
  <si>
    <t>319056.0</t>
  </si>
  <si>
    <t>89630.0</t>
  </si>
  <si>
    <t>17172857.0</t>
  </si>
  <si>
    <t>99687596.0</t>
  </si>
  <si>
    <t>50544648.0</t>
  </si>
  <si>
    <t>44319753.0</t>
  </si>
  <si>
    <t>4823195.0</t>
  </si>
  <si>
    <t>435533.0</t>
  </si>
  <si>
    <t>309355.0</t>
  </si>
  <si>
    <t>80583.0</t>
  </si>
  <si>
    <t>17214251.0</t>
  </si>
  <si>
    <t>240.419</t>
  </si>
  <si>
    <t>100289677.0</t>
  </si>
  <si>
    <t>50676622.0</t>
  </si>
  <si>
    <t>44546442.0</t>
  </si>
  <si>
    <t>5066613.0</t>
  </si>
  <si>
    <t>602081.0</t>
  </si>
  <si>
    <t>343694.0</t>
  </si>
  <si>
    <t>17238644.0</t>
  </si>
  <si>
    <t>240.759</t>
  </si>
  <si>
    <t>100468444.0</t>
  </si>
  <si>
    <t>50700053.0</t>
  </si>
  <si>
    <t>44601352.0</t>
  </si>
  <si>
    <t>5167039.0</t>
  </si>
  <si>
    <t>178767.0</t>
  </si>
  <si>
    <t>355481.0</t>
  </si>
  <si>
    <t>84620.0</t>
  </si>
  <si>
    <t>17264726.0</t>
  </si>
  <si>
    <t>241.124</t>
  </si>
  <si>
    <t>100557955.0</t>
  </si>
  <si>
    <t>50712220.0</t>
  </si>
  <si>
    <t>44628743.0</t>
  </si>
  <si>
    <t>5216992.0</t>
  </si>
  <si>
    <t>89511.0</t>
  </si>
  <si>
    <t>358506.0</t>
  </si>
  <si>
    <t>17310969.0</t>
  </si>
  <si>
    <t>241.77</t>
  </si>
  <si>
    <t>100984499.0</t>
  </si>
  <si>
    <t>50793694.0</t>
  </si>
  <si>
    <t>44779616.0</t>
  </si>
  <si>
    <t>5411189.0</t>
  </si>
  <si>
    <t>426544.0</t>
  </si>
  <si>
    <t>362388.0</t>
  </si>
  <si>
    <t>17351952.0</t>
  </si>
  <si>
    <t>242.342</t>
  </si>
  <si>
    <t>101437383.0</t>
  </si>
  <si>
    <t>50872393.0</t>
  </si>
  <si>
    <t>44931528.0</t>
  </si>
  <si>
    <t>5633462.0</t>
  </si>
  <si>
    <t>452884.0</t>
  </si>
  <si>
    <t>76428.0</t>
  </si>
  <si>
    <t>17394465.0</t>
  </si>
  <si>
    <t>242.936</t>
  </si>
  <si>
    <t>101941875.0</t>
  </si>
  <si>
    <t>50957652.0</t>
  </si>
  <si>
    <t>45109171.0</t>
  </si>
  <si>
    <t>5875052.0</t>
  </si>
  <si>
    <t>504492.0</t>
  </si>
  <si>
    <t>384259.0</t>
  </si>
  <si>
    <t>73790.0</t>
  </si>
  <si>
    <t>17434988.0</t>
  </si>
  <si>
    <t>243.502</t>
  </si>
  <si>
    <t>102484917.0</t>
  </si>
  <si>
    <t>51040374.0</t>
  </si>
  <si>
    <t>45302478.0</t>
  </si>
  <si>
    <t>6142065.0</t>
  </si>
  <si>
    <t>543042.0</t>
  </si>
  <si>
    <t>399617.0</t>
  </si>
  <si>
    <t>17477543.0</t>
  </si>
  <si>
    <t>244.096</t>
  </si>
  <si>
    <t>103134583.0</t>
  </si>
  <si>
    <t>51137962.0</t>
  </si>
  <si>
    <t>45552103.0</t>
  </si>
  <si>
    <t>6444518.0</t>
  </si>
  <si>
    <t>649666.0</t>
  </si>
  <si>
    <t>406415.0</t>
  </si>
  <si>
    <t>17503175.0</t>
  </si>
  <si>
    <t>244.454</t>
  </si>
  <si>
    <t>103277215.0</t>
  </si>
  <si>
    <t>51150523.0</t>
  </si>
  <si>
    <t>45599286.0</t>
  </si>
  <si>
    <t>6527406.0</t>
  </si>
  <si>
    <t>142632.0</t>
  </si>
  <si>
    <t>401253.0</t>
  </si>
  <si>
    <t>64353.0</t>
  </si>
  <si>
    <t>17528758.0</t>
  </si>
  <si>
    <t>25583.0</t>
  </si>
  <si>
    <t>244.811</t>
  </si>
  <si>
    <t>37719.0</t>
  </si>
  <si>
    <t>103367460.0</t>
  </si>
  <si>
    <t>51159316.0</t>
  </si>
  <si>
    <t>45626775.0</t>
  </si>
  <si>
    <t>6581369.0</t>
  </si>
  <si>
    <t>401358.0</t>
  </si>
  <si>
    <t>17570098.0</t>
  </si>
  <si>
    <t>245.389</t>
  </si>
  <si>
    <t>103878623.0</t>
  </si>
  <si>
    <t>51229665.0</t>
  </si>
  <si>
    <t>45840911.0</t>
  </si>
  <si>
    <t>6808047.0</t>
  </si>
  <si>
    <t>511163.0</t>
  </si>
  <si>
    <t>413446.0</t>
  </si>
  <si>
    <t>17615538.0</t>
  </si>
  <si>
    <t>246.023</t>
  </si>
  <si>
    <t>37655.0</t>
  </si>
  <si>
    <t>104384337.0</t>
  </si>
  <si>
    <t>51298981.0</t>
  </si>
  <si>
    <t>46035483.0</t>
  </si>
  <si>
    <t>7049873.0</t>
  </si>
  <si>
    <t>505714.0</t>
  </si>
  <si>
    <t>420993.0</t>
  </si>
  <si>
    <t>17657382.0</t>
  </si>
  <si>
    <t>246.608</t>
  </si>
  <si>
    <t>104846522.0</t>
  </si>
  <si>
    <t>51366425.0</t>
  </si>
  <si>
    <t>46209589.0</t>
  </si>
  <si>
    <t>7270508.0</t>
  </si>
  <si>
    <t>462185.0</t>
  </si>
  <si>
    <t>414950.0</t>
  </si>
  <si>
    <t>17701705.0</t>
  </si>
  <si>
    <t>247.227</t>
  </si>
  <si>
    <t>105145361.0</t>
  </si>
  <si>
    <t>51407664.0</t>
  </si>
  <si>
    <t>46317067.0</t>
  </si>
  <si>
    <t>7420630.0</t>
  </si>
  <si>
    <t>298839.0</t>
  </si>
  <si>
    <t>380063.0</t>
  </si>
  <si>
    <t>146.65</t>
  </si>
  <si>
    <t>17729894.0</t>
  </si>
  <si>
    <t>36050.0</t>
  </si>
  <si>
    <t>105160269.0</t>
  </si>
  <si>
    <t>51410504.0</t>
  </si>
  <si>
    <t>46319204.0</t>
  </si>
  <si>
    <t>7430561.0</t>
  </si>
  <si>
    <t>289384.0</t>
  </si>
  <si>
    <t>63120.0</t>
  </si>
  <si>
    <t>880.371268966478</t>
  </si>
  <si>
    <t>17754567.0</t>
  </si>
  <si>
    <t>247.965</t>
  </si>
  <si>
    <t>105170510.0</t>
  </si>
  <si>
    <t>51411912.0</t>
  </si>
  <si>
    <t>46320706.0</t>
  </si>
  <si>
    <t>7437892.0</t>
  </si>
  <si>
    <t>270471.0</t>
  </si>
  <si>
    <t>146.69</t>
  </si>
  <si>
    <t>17782453.0</t>
  </si>
  <si>
    <t>248.354</t>
  </si>
  <si>
    <t>105185081.0</t>
  </si>
  <si>
    <t>51413767.0</t>
  </si>
  <si>
    <t>46322320.0</t>
  </si>
  <si>
    <t>7448994.0</t>
  </si>
  <si>
    <t>259660.0</t>
  </si>
  <si>
    <t>36350.0</t>
  </si>
  <si>
    <t>17819091.0</t>
  </si>
  <si>
    <t>248.866</t>
  </si>
  <si>
    <t>105213013.0</t>
  </si>
  <si>
    <t>51416795.0</t>
  </si>
  <si>
    <t>46330079.0</t>
  </si>
  <si>
    <t>7466139.0</t>
  </si>
  <si>
    <t>190627.0</t>
  </si>
  <si>
    <t>17881368.0</t>
  </si>
  <si>
    <t>249.736</t>
  </si>
  <si>
    <t>105501697.0</t>
  </si>
  <si>
    <t>51445669.0</t>
  </si>
  <si>
    <t>46445563.0</t>
  </si>
  <si>
    <t>7610465.0</t>
  </si>
  <si>
    <t>288684.0</t>
  </si>
  <si>
    <t>159623.0</t>
  </si>
  <si>
    <t>17951532.0</t>
  </si>
  <si>
    <t>70164.0</t>
  </si>
  <si>
    <t>250.716</t>
  </si>
  <si>
    <t>42021.0</t>
  </si>
  <si>
    <t>105935000.0</t>
  </si>
  <si>
    <t>51486525.0</t>
  </si>
  <si>
    <t>46608783.0</t>
  </si>
  <si>
    <t>7839692.0</t>
  </si>
  <si>
    <t>18023862.0</t>
  </si>
  <si>
    <t>251.726</t>
  </si>
  <si>
    <t>106474266.0</t>
  </si>
  <si>
    <t>51536177.0</t>
  </si>
  <si>
    <t>46782157.0</t>
  </si>
  <si>
    <t>8155932.0</t>
  </si>
  <si>
    <t>539266.0</t>
  </si>
  <si>
    <t>189844.0</t>
  </si>
  <si>
    <t>18097624.0</t>
  </si>
  <si>
    <t>73762.0</t>
  </si>
  <si>
    <t>252.756</t>
  </si>
  <si>
    <t>52533.0</t>
  </si>
  <si>
    <t>107184723.0</t>
  </si>
  <si>
    <t>51599728.0</t>
  </si>
  <si>
    <t>46981568.0</t>
  </si>
  <si>
    <t>8603427.0</t>
  </si>
  <si>
    <t>710457.0</t>
  </si>
  <si>
    <t>289208.0</t>
  </si>
  <si>
    <t>18151557.0</t>
  </si>
  <si>
    <t>253.509</t>
  </si>
  <si>
    <t>56713.0</t>
  </si>
  <si>
    <t>107345848.0</t>
  </si>
  <si>
    <t>51609819.0</t>
  </si>
  <si>
    <t>47007723.0</t>
  </si>
  <si>
    <t>8728306.0</t>
  </si>
  <si>
    <t>161125.0</t>
  </si>
  <si>
    <t>310763.0</t>
  </si>
  <si>
    <t>18199626.0</t>
  </si>
  <si>
    <t>254.181</t>
  </si>
  <si>
    <t>59596.0</t>
  </si>
  <si>
    <t>107455519.0</t>
  </si>
  <si>
    <t>51616647.0</t>
  </si>
  <si>
    <t>47021789.0</t>
  </si>
  <si>
    <t>8817083.0</t>
  </si>
  <si>
    <t>109671.0</t>
  </si>
  <si>
    <t>324348.0</t>
  </si>
  <si>
    <t>18267509.0</t>
  </si>
  <si>
    <t>67883.0</t>
  </si>
  <si>
    <t>255.129</t>
  </si>
  <si>
    <t>64060.0</t>
  </si>
  <si>
    <t>107978454.0</t>
  </si>
  <si>
    <t>51663833.0</t>
  </si>
  <si>
    <t>47155401.0</t>
  </si>
  <si>
    <t>9159220.0</t>
  </si>
  <si>
    <t>522935.0</t>
  </si>
  <si>
    <t>395063.0</t>
  </si>
  <si>
    <t>18344811.0</t>
  </si>
  <si>
    <t>77302.0</t>
  </si>
  <si>
    <t>256.208</t>
  </si>
  <si>
    <t>66206.0</t>
  </si>
  <si>
    <t>108524424.0</t>
  </si>
  <si>
    <t>51712399.0</t>
  </si>
  <si>
    <t>47266331.0</t>
  </si>
  <si>
    <t>9545694.0</t>
  </si>
  <si>
    <t>545970.0</t>
  </si>
  <si>
    <t>431818.0</t>
  </si>
  <si>
    <t>18414126.0</t>
  </si>
  <si>
    <t>69315.0</t>
  </si>
  <si>
    <t>257.177</t>
  </si>
  <si>
    <t>109094520.0</t>
  </si>
  <si>
    <t>51763547.0</t>
  </si>
  <si>
    <t>47386259.0</t>
  </si>
  <si>
    <t>9944714.0</t>
  </si>
  <si>
    <t>570096.0</t>
  </si>
  <si>
    <t>451360.0</t>
  </si>
  <si>
    <t>152.16</t>
  </si>
  <si>
    <t>18481797.0</t>
  </si>
  <si>
    <t>67671.0</t>
  </si>
  <si>
    <t>258.122</t>
  </si>
  <si>
    <t>109685368.0</t>
  </si>
  <si>
    <t>51812348.0</t>
  </si>
  <si>
    <t>47511309.0</t>
  </si>
  <si>
    <t>10361711.0</t>
  </si>
  <si>
    <t>590848.0</t>
  </si>
  <si>
    <t>458729.0</t>
  </si>
  <si>
    <t>18546511.0</t>
  </si>
  <si>
    <t>259.025</t>
  </si>
  <si>
    <t>64127.0</t>
  </si>
  <si>
    <t>110455329.0</t>
  </si>
  <si>
    <t>51877264.0</t>
  </si>
  <si>
    <t>47684571.0</t>
  </si>
  <si>
    <t>10893494.0</t>
  </si>
  <si>
    <t>769961.0</t>
  </si>
  <si>
    <t>467229.0</t>
  </si>
  <si>
    <t>39648.0</t>
  </si>
  <si>
    <t>18593564.0</t>
  </si>
  <si>
    <t>259.683</t>
  </si>
  <si>
    <t>63144.0</t>
  </si>
  <si>
    <t>110657929.0</t>
  </si>
  <si>
    <t>51890373.0</t>
  </si>
  <si>
    <t>47703765.0</t>
  </si>
  <si>
    <t>11063791.0</t>
  </si>
  <si>
    <t>202600.0</t>
  </si>
  <si>
    <t>18635724.0</t>
  </si>
  <si>
    <t>260.271</t>
  </si>
  <si>
    <t>110761456.0</t>
  </si>
  <si>
    <t>51897072.0</t>
  </si>
  <si>
    <t>47714407.0</t>
  </si>
  <si>
    <t>11149977.0</t>
  </si>
  <si>
    <t>103527.0</t>
  </si>
  <si>
    <t>472277.0</t>
  </si>
  <si>
    <t>18696426.0</t>
  </si>
  <si>
    <t>60702.0</t>
  </si>
  <si>
    <t>111219969.0</t>
  </si>
  <si>
    <t>51938259.0</t>
  </si>
  <si>
    <t>47807581.0</t>
  </si>
  <si>
    <t>11474129.0</t>
  </si>
  <si>
    <t>458513.0</t>
  </si>
  <si>
    <t>463074.0</t>
  </si>
  <si>
    <t>18762494.0</t>
  </si>
  <si>
    <t>262.042</t>
  </si>
  <si>
    <t>111722635.0</t>
  </si>
  <si>
    <t>51980924.0</t>
  </si>
  <si>
    <t>47903220.0</t>
  </si>
  <si>
    <t>11838491.0</t>
  </si>
  <si>
    <t>456887.0</t>
  </si>
  <si>
    <t>18822718.0</t>
  </si>
  <si>
    <t>60224.0</t>
  </si>
  <si>
    <t>262.883</t>
  </si>
  <si>
    <t>112251623.0</t>
  </si>
  <si>
    <t>52024526.0</t>
  </si>
  <si>
    <t>48003815.0</t>
  </si>
  <si>
    <t>12223282.0</t>
  </si>
  <si>
    <t>528988.0</t>
  </si>
  <si>
    <t>451015.0</t>
  </si>
  <si>
    <t>156.56</t>
  </si>
  <si>
    <t>18879662.0</t>
  </si>
  <si>
    <t>263.678</t>
  </si>
  <si>
    <t>112825360.0</t>
  </si>
  <si>
    <t>52068317.0</t>
  </si>
  <si>
    <t>48105963.0</t>
  </si>
  <si>
    <t>12651080.0</t>
  </si>
  <si>
    <t>573737.0</t>
  </si>
  <si>
    <t>448570.0</t>
  </si>
  <si>
    <t>36567.0</t>
  </si>
  <si>
    <t>18936137.0</t>
  </si>
  <si>
    <t>264.467</t>
  </si>
  <si>
    <t>113540477.0</t>
  </si>
  <si>
    <t>52122847.0</t>
  </si>
  <si>
    <t>48241147.0</t>
  </si>
  <si>
    <t>13176483.0</t>
  </si>
  <si>
    <t>715117.0</t>
  </si>
  <si>
    <t>440735.0</t>
  </si>
  <si>
    <t>18974197.0</t>
  </si>
  <si>
    <t>264.999</t>
  </si>
  <si>
    <t>54376.0</t>
  </si>
  <si>
    <t>113720612.0</t>
  </si>
  <si>
    <t>52133848.0</t>
  </si>
  <si>
    <t>48255102.0</t>
  </si>
  <si>
    <t>13331662.0</t>
  </si>
  <si>
    <t>180135.0</t>
  </si>
  <si>
    <t>437526.0</t>
  </si>
  <si>
    <t>158.61</t>
  </si>
  <si>
    <t>19010488.0</t>
  </si>
  <si>
    <t>265.506</t>
  </si>
  <si>
    <t>53538.0</t>
  </si>
  <si>
    <t>113830224.0</t>
  </si>
  <si>
    <t>52140913.0</t>
  </si>
  <si>
    <t>48262542.0</t>
  </si>
  <si>
    <t>13426769.0</t>
  </si>
  <si>
    <t>438395.0</t>
  </si>
  <si>
    <t>19065012.0</t>
  </si>
  <si>
    <t>54524.0</t>
  </si>
  <si>
    <t>266.267</t>
  </si>
  <si>
    <t>114271003.0</t>
  </si>
  <si>
    <t>52175266.0</t>
  </si>
  <si>
    <t>48331454.0</t>
  </si>
  <si>
    <t>13764283.0</t>
  </si>
  <si>
    <t>440779.0</t>
  </si>
  <si>
    <t>435862.0</t>
  </si>
  <si>
    <t>19124729.0</t>
  </si>
  <si>
    <t>267.101</t>
  </si>
  <si>
    <t>114713746.0</t>
  </si>
  <si>
    <t>52217579.0</t>
  </si>
  <si>
    <t>48401933.0</t>
  </si>
  <si>
    <t>14094234.0</t>
  </si>
  <si>
    <t>442743.0</t>
  </si>
  <si>
    <t>427302.0</t>
  </si>
  <si>
    <t>19178206.0</t>
  </si>
  <si>
    <t>53477.0</t>
  </si>
  <si>
    <t>267.848</t>
  </si>
  <si>
    <t>115151210.0</t>
  </si>
  <si>
    <t>52258440.0</t>
  </si>
  <si>
    <t>48466597.0</t>
  </si>
  <si>
    <t>14426173.0</t>
  </si>
  <si>
    <t>437464.0</t>
  </si>
  <si>
    <t>414227.0</t>
  </si>
  <si>
    <t>19231092.0</t>
  </si>
  <si>
    <t>268.587</t>
  </si>
  <si>
    <t>115638778.0</t>
  </si>
  <si>
    <t>52298896.0</t>
  </si>
  <si>
    <t>48545939.0</t>
  </si>
  <si>
    <t>14793943.0</t>
  </si>
  <si>
    <t>487568.0</t>
  </si>
  <si>
    <t>401917.0</t>
  </si>
  <si>
    <t>19283756.0</t>
  </si>
  <si>
    <t>52664.0</t>
  </si>
  <si>
    <t>269.322</t>
  </si>
  <si>
    <t>116251004.0</t>
  </si>
  <si>
    <t>52347407.0</t>
  </si>
  <si>
    <t>48653412.0</t>
  </si>
  <si>
    <t>15250185.0</t>
  </si>
  <si>
    <t>612226.0</t>
  </si>
  <si>
    <t>387218.0</t>
  </si>
  <si>
    <t>32080.0</t>
  </si>
  <si>
    <t>19319515.0</t>
  </si>
  <si>
    <t>269.821</t>
  </si>
  <si>
    <t>49331.0</t>
  </si>
  <si>
    <t>116400733.0</t>
  </si>
  <si>
    <t>52356262.0</t>
  </si>
  <si>
    <t>48661581.0</t>
  </si>
  <si>
    <t>15382890.0</t>
  </si>
  <si>
    <t>149729.0</t>
  </si>
  <si>
    <t>382874.0</t>
  </si>
  <si>
    <t>162.35</t>
  </si>
  <si>
    <t>31773.0</t>
  </si>
  <si>
    <t>19353036.0</t>
  </si>
  <si>
    <t>48935.0</t>
  </si>
  <si>
    <t>116483524.0</t>
  </si>
  <si>
    <t>52360895.0</t>
  </si>
  <si>
    <t>48666097.0</t>
  </si>
  <si>
    <t>15456532.0</t>
  </si>
  <si>
    <t>82791.0</t>
  </si>
  <si>
    <t>379043.0</t>
  </si>
  <si>
    <t>19405770.0</t>
  </si>
  <si>
    <t>52734.0</t>
  </si>
  <si>
    <t>271.026</t>
  </si>
  <si>
    <t>48680.0</t>
  </si>
  <si>
    <t>116749385.0</t>
  </si>
  <si>
    <t>52383190.0</t>
  </si>
  <si>
    <t>48710749.0</t>
  </si>
  <si>
    <t>15655446.0</t>
  </si>
  <si>
    <t>265861.0</t>
  </si>
  <si>
    <t>354055.0</t>
  </si>
  <si>
    <t>65826.3</t>
  </si>
  <si>
    <t>918.117605550825</t>
  </si>
  <si>
    <t>19460492.0</t>
  </si>
  <si>
    <t>116977338.0</t>
  </si>
  <si>
    <t>52401980.0</t>
  </si>
  <si>
    <t>48745817.0</t>
  </si>
  <si>
    <t>15829541.0</t>
  </si>
  <si>
    <t>323370.0</t>
  </si>
  <si>
    <t>19511907.0</t>
  </si>
  <si>
    <t>272.508</t>
  </si>
  <si>
    <t>117281006.0</t>
  </si>
  <si>
    <t>52433194.0</t>
  </si>
  <si>
    <t>48793567.0</t>
  </si>
  <si>
    <t>16054245.0</t>
  </si>
  <si>
    <t>303668.0</t>
  </si>
  <si>
    <t>19558919.0</t>
  </si>
  <si>
    <t>273.165</t>
  </si>
  <si>
    <t>46832.0</t>
  </si>
  <si>
    <t>117605695.0</t>
  </si>
  <si>
    <t>52467840.0</t>
  </si>
  <si>
    <t>48847383.0</t>
  </si>
  <si>
    <t>16290472.0</t>
  </si>
  <si>
    <t>324689.0</t>
  </si>
  <si>
    <t>280988.0</t>
  </si>
  <si>
    <t>19608420.0</t>
  </si>
  <si>
    <t>49501.0</t>
  </si>
  <si>
    <t>273.856</t>
  </si>
  <si>
    <t>46381.0</t>
  </si>
  <si>
    <t>118071389.0</t>
  </si>
  <si>
    <t>52516744.0</t>
  </si>
  <si>
    <t>48924090.0</t>
  </si>
  <si>
    <t>16630555.0</t>
  </si>
  <si>
    <t>465694.0</t>
  </si>
  <si>
    <t>260055.0</t>
  </si>
  <si>
    <t>19647467.0</t>
  </si>
  <si>
    <t>118206561.0</t>
  </si>
  <si>
    <t>52527642.0</t>
  </si>
  <si>
    <t>48932307.0</t>
  </si>
  <si>
    <t>16746612.0</t>
  </si>
  <si>
    <t>135172.0</t>
  </si>
  <si>
    <t>257975.0</t>
  </si>
  <si>
    <t>19687651.0</t>
  </si>
  <si>
    <t>40184.0</t>
  </si>
  <si>
    <t>274.963</t>
  </si>
  <si>
    <t>118272165.0</t>
  </si>
  <si>
    <t>52532520.0</t>
  </si>
  <si>
    <t>48936217.0</t>
  </si>
  <si>
    <t>16803428.0</t>
  </si>
  <si>
    <t>65604.0</t>
  </si>
  <si>
    <t>255520.0</t>
  </si>
  <si>
    <t>19748749.0</t>
  </si>
  <si>
    <t>275.816</t>
  </si>
  <si>
    <t>48997.0</t>
  </si>
  <si>
    <t>118552544.0</t>
  </si>
  <si>
    <t>52567044.0</t>
  </si>
  <si>
    <t>48981893.0</t>
  </si>
  <si>
    <t>17003607.0</t>
  </si>
  <si>
    <t>280379.0</t>
  </si>
  <si>
    <t>257594.0</t>
  </si>
  <si>
    <t>165.35</t>
  </si>
  <si>
    <t>19816567.0</t>
  </si>
  <si>
    <t>67818.0</t>
  </si>
  <si>
    <t>118841228.0</t>
  </si>
  <si>
    <t>52603898.0</t>
  </si>
  <si>
    <t>49028150.0</t>
  </si>
  <si>
    <t>17209180.0</t>
  </si>
  <si>
    <t>266270.0</t>
  </si>
  <si>
    <t>19884598.0</t>
  </si>
  <si>
    <t>277.714</t>
  </si>
  <si>
    <t>53242.0</t>
  </si>
  <si>
    <t>119165133.0</t>
  </si>
  <si>
    <t>52657025.0</t>
  </si>
  <si>
    <t>49073926.0</t>
  </si>
  <si>
    <t>17434182.0</t>
  </si>
  <si>
    <t>269161.0</t>
  </si>
  <si>
    <t>19955533.0</t>
  </si>
  <si>
    <t>70935.0</t>
  </si>
  <si>
    <t>278.704</t>
  </si>
  <si>
    <t>119493101.0</t>
  </si>
  <si>
    <t>52712844.0</t>
  </si>
  <si>
    <t>49121109.0</t>
  </si>
  <si>
    <t>17659148.0</t>
  </si>
  <si>
    <t>327968.0</t>
  </si>
  <si>
    <t>269629.0</t>
  </si>
  <si>
    <t>20018181.0</t>
  </si>
  <si>
    <t>62648.0</t>
  </si>
  <si>
    <t>279.579</t>
  </si>
  <si>
    <t>119970717.0</t>
  </si>
  <si>
    <t>52788690.0</t>
  </si>
  <si>
    <t>49194039.0</t>
  </si>
  <si>
    <t>17987988.0</t>
  </si>
  <si>
    <t>271333.0</t>
  </si>
  <si>
    <t>20061475.0</t>
  </si>
  <si>
    <t>280.184</t>
  </si>
  <si>
    <t>120100130.0</t>
  </si>
  <si>
    <t>52802698.0</t>
  </si>
  <si>
    <t>49202672.0</t>
  </si>
  <si>
    <t>18094760.0</t>
  </si>
  <si>
    <t>129413.0</t>
  </si>
  <si>
    <t>270510.0</t>
  </si>
  <si>
    <t>20103523.0</t>
  </si>
  <si>
    <t>59410.0</t>
  </si>
  <si>
    <t>120164543.0</t>
  </si>
  <si>
    <t>52810016.0</t>
  </si>
  <si>
    <t>49207277.0</t>
  </si>
  <si>
    <t>18147250.0</t>
  </si>
  <si>
    <t>39642.0</t>
  </si>
  <si>
    <t>20162509.0</t>
  </si>
  <si>
    <t>281.595</t>
  </si>
  <si>
    <t>59109.0</t>
  </si>
  <si>
    <t>120441833.0</t>
  </si>
  <si>
    <t>52863245.0</t>
  </si>
  <si>
    <t>49247713.0</t>
  </si>
  <si>
    <t>18330875.0</t>
  </si>
  <si>
    <t>277290.0</t>
  </si>
  <si>
    <t>20233638.0</t>
  </si>
  <si>
    <t>282.588</t>
  </si>
  <si>
    <t>120732459.0</t>
  </si>
  <si>
    <t>52919200.0</t>
  </si>
  <si>
    <t>49284260.0</t>
  </si>
  <si>
    <t>18528999.0</t>
  </si>
  <si>
    <t>290626.0</t>
  </si>
  <si>
    <t>270176.0</t>
  </si>
  <si>
    <t>20289581.0</t>
  </si>
  <si>
    <t>55943.0</t>
  </si>
  <si>
    <t>283.37</t>
  </si>
  <si>
    <t>57855.0</t>
  </si>
  <si>
    <t>120823176.0</t>
  </si>
  <si>
    <t>52936344.0</t>
  </si>
  <si>
    <t>49292568.0</t>
  </si>
  <si>
    <t>18594264.0</t>
  </si>
  <si>
    <t>90717.0</t>
  </si>
  <si>
    <t>236863.0</t>
  </si>
  <si>
    <t>39903.0</t>
  </si>
  <si>
    <t>20353406.0</t>
  </si>
  <si>
    <t>284.261</t>
  </si>
  <si>
    <t>121152464.0</t>
  </si>
  <si>
    <t>53013711.0</t>
  </si>
  <si>
    <t>49343716.0</t>
  </si>
  <si>
    <t>18795037.0</t>
  </si>
  <si>
    <t>329288.0</t>
  </si>
  <si>
    <t>237052.0</t>
  </si>
  <si>
    <t>20421570.0</t>
  </si>
  <si>
    <t>285.213</t>
  </si>
  <si>
    <t>121614369.0</t>
  </si>
  <si>
    <t>53115968.0</t>
  </si>
  <si>
    <t>49417210.0</t>
  </si>
  <si>
    <t>19081191.0</t>
  </si>
  <si>
    <t>461905.0</t>
  </si>
  <si>
    <t>234807.0</t>
  </si>
  <si>
    <t>20470260.0</t>
  </si>
  <si>
    <t>48690.0</t>
  </si>
  <si>
    <t>285.893</t>
  </si>
  <si>
    <t>121744206.0</t>
  </si>
  <si>
    <t>53138896.0</t>
  </si>
  <si>
    <t>49426747.0</t>
  </si>
  <si>
    <t>19178563.0</t>
  </si>
  <si>
    <t>129837.0</t>
  </si>
  <si>
    <t>234868.0</t>
  </si>
  <si>
    <t>48028.0</t>
  </si>
  <si>
    <t>20524483.0</t>
  </si>
  <si>
    <t>286.65</t>
  </si>
  <si>
    <t>121816249.0</t>
  </si>
  <si>
    <t>53150698.0</t>
  </si>
  <si>
    <t>49432238.0</t>
  </si>
  <si>
    <t>19233313.0</t>
  </si>
  <si>
    <t>235958.0</t>
  </si>
  <si>
    <t>20593521.0</t>
  </si>
  <si>
    <t>287.615</t>
  </si>
  <si>
    <t>122066581.0</t>
  </si>
  <si>
    <t>53204923.0</t>
  </si>
  <si>
    <t>49465744.0</t>
  </si>
  <si>
    <t>19395914.0</t>
  </si>
  <si>
    <t>48811.0</t>
  </si>
  <si>
    <t>20675158.0</t>
  </si>
  <si>
    <t>81637.0</t>
  </si>
  <si>
    <t>288.755</t>
  </si>
  <si>
    <t>122344923.0</t>
  </si>
  <si>
    <t>53266216.0</t>
  </si>
  <si>
    <t>49507018.0</t>
  </si>
  <si>
    <t>19571689.0</t>
  </si>
  <si>
    <t>278342.0</t>
  </si>
  <si>
    <t>230352.0</t>
  </si>
  <si>
    <t>20750286.0</t>
  </si>
  <si>
    <t>289.804</t>
  </si>
  <si>
    <t>122638728.0</t>
  </si>
  <si>
    <t>53330626.0</t>
  </si>
  <si>
    <t>49549320.0</t>
  </si>
  <si>
    <t>19758782.0</t>
  </si>
  <si>
    <t>293805.0</t>
  </si>
  <si>
    <t>259365.0</t>
  </si>
  <si>
    <t>56326.0</t>
  </si>
  <si>
    <t>20827724.0</t>
  </si>
  <si>
    <t>77438.0</t>
  </si>
  <si>
    <t>290.886</t>
  </si>
  <si>
    <t>122969740.0</t>
  </si>
  <si>
    <t>53415056.0</t>
  </si>
  <si>
    <t>49590948.0</t>
  </si>
  <si>
    <t>19963736.0</t>
  </si>
  <si>
    <t>331012.0</t>
  </si>
  <si>
    <t>259611.0</t>
  </si>
  <si>
    <t>57335.0</t>
  </si>
  <si>
    <t>20897223.0</t>
  </si>
  <si>
    <t>291.856</t>
  </si>
  <si>
    <t>123436836.0</t>
  </si>
  <si>
    <t>53526128.0</t>
  </si>
  <si>
    <t>49648679.0</t>
  </si>
  <si>
    <t>20262029.0</t>
  </si>
  <si>
    <t>467096.0</t>
  </si>
  <si>
    <t>260352.0</t>
  </si>
  <si>
    <t>58594.0</t>
  </si>
  <si>
    <t>20947002.0</t>
  </si>
  <si>
    <t>49779.0</t>
  </si>
  <si>
    <t>292.551</t>
  </si>
  <si>
    <t>123562533.0</t>
  </si>
  <si>
    <t>53546134.0</t>
  </si>
  <si>
    <t>49657297.0</t>
  </si>
  <si>
    <t>20359102.0</t>
  </si>
  <si>
    <t>20999193.0</t>
  </si>
  <si>
    <t>293.28</t>
  </si>
  <si>
    <t>123629346.0</t>
  </si>
  <si>
    <t>53559859.0</t>
  </si>
  <si>
    <t>49661811.0</t>
  </si>
  <si>
    <t>20407676.0</t>
  </si>
  <si>
    <t>259014.0</t>
  </si>
  <si>
    <t>21069994.0</t>
  </si>
  <si>
    <t>123840373.0</t>
  </si>
  <si>
    <t>53615130.0</t>
  </si>
  <si>
    <t>49685222.0</t>
  </si>
  <si>
    <t>20540021.0</t>
  </si>
  <si>
    <t>253399.0</t>
  </si>
  <si>
    <t>58601.0</t>
  </si>
  <si>
    <t>67334.4</t>
  </si>
  <si>
    <t>939.15195141154</t>
  </si>
  <si>
    <t>21146224.0</t>
  </si>
  <si>
    <t>295.334</t>
  </si>
  <si>
    <t>123999850.0</t>
  </si>
  <si>
    <t>53665546.0</t>
  </si>
  <si>
    <t>49702406.0</t>
  </si>
  <si>
    <t>20631898.0</t>
  </si>
  <si>
    <t>159477.0</t>
  </si>
  <si>
    <t>236418.0</t>
  </si>
  <si>
    <t>57047.0</t>
  </si>
  <si>
    <t>21213525.0</t>
  </si>
  <si>
    <t>296.274</t>
  </si>
  <si>
    <t>66177.0</t>
  </si>
  <si>
    <t>124187417.0</t>
  </si>
  <si>
    <t>53729769.0</t>
  </si>
  <si>
    <t>49722040.0</t>
  </si>
  <si>
    <t>20735608.0</t>
  </si>
  <si>
    <t>187567.0</t>
  </si>
  <si>
    <t>221241.0</t>
  </si>
  <si>
    <t>57020.0</t>
  </si>
  <si>
    <t>21276572.0</t>
  </si>
  <si>
    <t>297.154</t>
  </si>
  <si>
    <t>64121.0</t>
  </si>
  <si>
    <t>124386717.0</t>
  </si>
  <si>
    <t>53813138.0</t>
  </si>
  <si>
    <t>49741639.0</t>
  </si>
  <si>
    <t>20831940.0</t>
  </si>
  <si>
    <t>199300.0</t>
  </si>
  <si>
    <t>56869.0</t>
  </si>
  <si>
    <t>21336915.0</t>
  </si>
  <si>
    <t>297.997</t>
  </si>
  <si>
    <t>124695615.0</t>
  </si>
  <si>
    <t>53923410.0</t>
  </si>
  <si>
    <t>49773433.0</t>
  </si>
  <si>
    <t>20998772.0</t>
  </si>
  <si>
    <t>308898.0</t>
  </si>
  <si>
    <t>179826.0</t>
  </si>
  <si>
    <t>56755.0</t>
  </si>
  <si>
    <t>21377196.0</t>
  </si>
  <si>
    <t>298.56</t>
  </si>
  <si>
    <t>124776595.0</t>
  </si>
  <si>
    <t>53938517.0</t>
  </si>
  <si>
    <t>49778903.0</t>
  </si>
  <si>
    <t>21059175.0</t>
  </si>
  <si>
    <t>173437.0</t>
  </si>
  <si>
    <t>174.03</t>
  </si>
  <si>
    <t>21421157.0</t>
  </si>
  <si>
    <t>43961.0</t>
  </si>
  <si>
    <t>299.174</t>
  </si>
  <si>
    <t>124816308.0</t>
  </si>
  <si>
    <t>53947793.0</t>
  </si>
  <si>
    <t>49781999.0</t>
  </si>
  <si>
    <t>21086516.0</t>
  </si>
  <si>
    <t>39713.0</t>
  </si>
  <si>
    <t>169566.0</t>
  </si>
  <si>
    <t>55419.0</t>
  </si>
  <si>
    <t>21482486.0</t>
  </si>
  <si>
    <t>58927.0</t>
  </si>
  <si>
    <t>124957916.0</t>
  </si>
  <si>
    <t>53991041.0</t>
  </si>
  <si>
    <t>49797368.0</t>
  </si>
  <si>
    <t>21169507.0</t>
  </si>
  <si>
    <t>159649.0</t>
  </si>
  <si>
    <t>53702.0</t>
  </si>
  <si>
    <t>21548079.0</t>
  </si>
  <si>
    <t>65593.0</t>
  </si>
  <si>
    <t>300.946</t>
  </si>
  <si>
    <t>57408.0</t>
  </si>
  <si>
    <t>0.3843</t>
  </si>
  <si>
    <t>125117530.0</t>
  </si>
  <si>
    <t>54046160.0</t>
  </si>
  <si>
    <t>49814033.0</t>
  </si>
  <si>
    <t>21257337.0</t>
  </si>
  <si>
    <t>159614.0</t>
  </si>
  <si>
    <t>159669.0</t>
  </si>
  <si>
    <t>21609921.0</t>
  </si>
  <si>
    <t>61842.0</t>
  </si>
  <si>
    <t>125309448.0</t>
  </si>
  <si>
    <t>54122208.0</t>
  </si>
  <si>
    <t>49832389.0</t>
  </si>
  <si>
    <t>21354851.0</t>
  </si>
  <si>
    <t>160290.0</t>
  </si>
  <si>
    <t>21669847.0</t>
  </si>
  <si>
    <t>59926.0</t>
  </si>
  <si>
    <t>302.647</t>
  </si>
  <si>
    <t>125546527.0</t>
  </si>
  <si>
    <t>54229194.0</t>
  </si>
  <si>
    <t>49854149.0</t>
  </si>
  <si>
    <t>21463184.0</t>
  </si>
  <si>
    <t>237079.0</t>
  </si>
  <si>
    <t>165687.0</t>
  </si>
  <si>
    <t>21726329.0</t>
  </si>
  <si>
    <t>56482.0</t>
  </si>
  <si>
    <t>303.436</t>
  </si>
  <si>
    <t>125895211.0</t>
  </si>
  <si>
    <t>54376164.0</t>
  </si>
  <si>
    <t>49889281.0</t>
  </si>
  <si>
    <t>21629766.0</t>
  </si>
  <si>
    <t>348684.0</t>
  </si>
  <si>
    <t>171371.0</t>
  </si>
  <si>
    <t>64679.0</t>
  </si>
  <si>
    <t>21767307.0</t>
  </si>
  <si>
    <t>304.008</t>
  </si>
  <si>
    <t>55730.0</t>
  </si>
  <si>
    <t>125985736.0</t>
  </si>
  <si>
    <t>54402521.0</t>
  </si>
  <si>
    <t>49895216.0</t>
  </si>
  <si>
    <t>21687999.0</t>
  </si>
  <si>
    <t>66286.0</t>
  </si>
  <si>
    <t>21812573.0</t>
  </si>
  <si>
    <t>304.64</t>
  </si>
  <si>
    <t>55917.0</t>
  </si>
  <si>
    <t>126036736.0</t>
  </si>
  <si>
    <t>54419485.0</t>
  </si>
  <si>
    <t>49898477.0</t>
  </si>
  <si>
    <t>21718774.0</t>
  </si>
  <si>
    <t>174347.0</t>
  </si>
  <si>
    <t>175.79</t>
  </si>
  <si>
    <t>67385.0</t>
  </si>
  <si>
    <t>21875578.0</t>
  </si>
  <si>
    <t>63005.0</t>
  </si>
  <si>
    <t>305.52</t>
  </si>
  <si>
    <t>0.4047</t>
  </si>
  <si>
    <t>126182558.0</t>
  </si>
  <si>
    <t>54479348.0</t>
  </si>
  <si>
    <t>49913109.0</t>
  </si>
  <si>
    <t>21790101.0</t>
  </si>
  <si>
    <t>145822.0</t>
  </si>
  <si>
    <t>174949.0</t>
  </si>
  <si>
    <t>21942422.0</t>
  </si>
  <si>
    <t>66844.0</t>
  </si>
  <si>
    <t>306.454</t>
  </si>
  <si>
    <t>56335.0</t>
  </si>
  <si>
    <t>126347633.0</t>
  </si>
  <si>
    <t>54543927.0</t>
  </si>
  <si>
    <t>49930470.0</t>
  </si>
  <si>
    <t>21873236.0</t>
  </si>
  <si>
    <t>165075.0</t>
  </si>
  <si>
    <t>71110.0</t>
  </si>
  <si>
    <t>22004688.0</t>
  </si>
  <si>
    <t>126530094.0</t>
  </si>
  <si>
    <t>54619202.0</t>
  </si>
  <si>
    <t>49947311.0</t>
  </si>
  <si>
    <t>21963581.0</t>
  </si>
  <si>
    <t>182461.0</t>
  </si>
  <si>
    <t>174378.0</t>
  </si>
  <si>
    <t>70999.0</t>
  </si>
  <si>
    <t>22070239.0</t>
  </si>
  <si>
    <t>65551.0</t>
  </si>
  <si>
    <t>308.239</t>
  </si>
  <si>
    <t>57199.0</t>
  </si>
  <si>
    <t>0.4102</t>
  </si>
  <si>
    <t>126764643.0</t>
  </si>
  <si>
    <t>54719896.0</t>
  </si>
  <si>
    <t>49968845.0</t>
  </si>
  <si>
    <t>22075902.0</t>
  </si>
  <si>
    <t>234549.0</t>
  </si>
  <si>
    <t>70100.0</t>
  </si>
  <si>
    <t>22130405.0</t>
  </si>
  <si>
    <t>309.079</t>
  </si>
  <si>
    <t>127115806.0</t>
  </si>
  <si>
    <t>54856307.0</t>
  </si>
  <si>
    <t>50003822.0</t>
  </si>
  <si>
    <t>22255677.0</t>
  </si>
  <si>
    <t>174371.0</t>
  </si>
  <si>
    <t>22169614.0</t>
  </si>
  <si>
    <t>309.627</t>
  </si>
  <si>
    <t>57472.0</t>
  </si>
  <si>
    <t>127188357.0</t>
  </si>
  <si>
    <t>54870994.0</t>
  </si>
  <si>
    <t>50010297.0</t>
  </si>
  <si>
    <t>22307066.0</t>
  </si>
  <si>
    <t>72551.0</t>
  </si>
  <si>
    <t>171803.0</t>
  </si>
  <si>
    <t>66925.0</t>
  </si>
  <si>
    <t>22214920.0</t>
  </si>
  <si>
    <t>310.259</t>
  </si>
  <si>
    <t>127227567.0</t>
  </si>
  <si>
    <t>54878521.0</t>
  </si>
  <si>
    <t>50013361.0</t>
  </si>
  <si>
    <t>22335685.0</t>
  </si>
  <si>
    <t>170119.0</t>
  </si>
  <si>
    <t>22279996.0</t>
  </si>
  <si>
    <t>65076.0</t>
  </si>
  <si>
    <t>311.168</t>
  </si>
  <si>
    <t>0.4215</t>
  </si>
  <si>
    <t>127386581.0</t>
  </si>
  <si>
    <t>54929249.0</t>
  </si>
  <si>
    <t>50029366.0</t>
  </si>
  <si>
    <t>22427966.0</t>
  </si>
  <si>
    <t>159014.0</t>
  </si>
  <si>
    <t>172003.0</t>
  </si>
  <si>
    <t>177.67</t>
  </si>
  <si>
    <t>64272.0</t>
  </si>
  <si>
    <t>22346279.0</t>
  </si>
  <si>
    <t>312.094</t>
  </si>
  <si>
    <t>0.4261</t>
  </si>
  <si>
    <t>127582363.0</t>
  </si>
  <si>
    <t>54992753.0</t>
  </si>
  <si>
    <t>50048054.0</t>
  </si>
  <si>
    <t>22541556.0</t>
  </si>
  <si>
    <t>195782.0</t>
  </si>
  <si>
    <t>176390.0</t>
  </si>
  <si>
    <t>22409292.0</t>
  </si>
  <si>
    <t>312.974</t>
  </si>
  <si>
    <t>0.4284</t>
  </si>
  <si>
    <t>127816849.0</t>
  </si>
  <si>
    <t>55071546.0</t>
  </si>
  <si>
    <t>50066836.0</t>
  </si>
  <si>
    <t>22678467.0</t>
  </si>
  <si>
    <t>183822.0</t>
  </si>
  <si>
    <t>64621.0</t>
  </si>
  <si>
    <t>22467208.0</t>
  </si>
  <si>
    <t>313.783</t>
  </si>
  <si>
    <t>56710.0</t>
  </si>
  <si>
    <t>128101004.0</t>
  </si>
  <si>
    <t>55163644.0</t>
  </si>
  <si>
    <t>50092213.0</t>
  </si>
  <si>
    <t>22845147.0</t>
  </si>
  <si>
    <t>284155.0</t>
  </si>
  <si>
    <t>190909.0</t>
  </si>
  <si>
    <t>22524237.0</t>
  </si>
  <si>
    <t>314.579</t>
  </si>
  <si>
    <t>56262.0</t>
  </si>
  <si>
    <t>128494221.0</t>
  </si>
  <si>
    <t>55268594.0</t>
  </si>
  <si>
    <t>50129087.0</t>
  </si>
  <si>
    <t>23096540.0</t>
  </si>
  <si>
    <t>393217.0</t>
  </si>
  <si>
    <t>196916.0</t>
  </si>
  <si>
    <t>58898.0</t>
  </si>
  <si>
    <t>22567005.0</t>
  </si>
  <si>
    <t>42768.0</t>
  </si>
  <si>
    <t>315.177</t>
  </si>
  <si>
    <t>128573882.0</t>
  </si>
  <si>
    <t>55284139.0</t>
  </si>
  <si>
    <t>50134795.0</t>
  </si>
  <si>
    <t>23154948.0</t>
  </si>
  <si>
    <t>197932.0</t>
  </si>
  <si>
    <t>22614929.0</t>
  </si>
  <si>
    <t>128617064.0</t>
  </si>
  <si>
    <t>55292170.0</t>
  </si>
  <si>
    <t>50137908.0</t>
  </si>
  <si>
    <t>23186986.0</t>
  </si>
  <si>
    <t>22676675.0</t>
  </si>
  <si>
    <t>61746.0</t>
  </si>
  <si>
    <t>316.708</t>
  </si>
  <si>
    <t>0.4445</t>
  </si>
  <si>
    <t>128801783.0</t>
  </si>
  <si>
    <t>55341377.0</t>
  </si>
  <si>
    <t>50153809.0</t>
  </si>
  <si>
    <t>23306597.0</t>
  </si>
  <si>
    <t>184719.0</t>
  </si>
  <si>
    <t>202172.0</t>
  </si>
  <si>
    <t>22751124.0</t>
  </si>
  <si>
    <t>74449.0</t>
  </si>
  <si>
    <t>317.748</t>
  </si>
  <si>
    <t>129022347.0</t>
  </si>
  <si>
    <t>55401811.0</t>
  </si>
  <si>
    <t>50171260.0</t>
  </si>
  <si>
    <t>23449276.0</t>
  </si>
  <si>
    <t>220564.0</t>
  </si>
  <si>
    <t>205712.0</t>
  </si>
  <si>
    <t>179.95</t>
  </si>
  <si>
    <t>22815852.0</t>
  </si>
  <si>
    <t>318.652</t>
  </si>
  <si>
    <t>0.4349</t>
  </si>
  <si>
    <t>129285438.0</t>
  </si>
  <si>
    <t>55467756.0</t>
  </si>
  <si>
    <t>50195246.0</t>
  </si>
  <si>
    <t>23622436.0</t>
  </si>
  <si>
    <t>263091.0</t>
  </si>
  <si>
    <t>209798.0</t>
  </si>
  <si>
    <t>22876624.0</t>
  </si>
  <si>
    <t>60772.0</t>
  </si>
  <si>
    <t>319.501</t>
  </si>
  <si>
    <t>0.4332</t>
  </si>
  <si>
    <t>129548423.0</t>
  </si>
  <si>
    <t>55532928.0</t>
  </si>
  <si>
    <t>50221968.0</t>
  </si>
  <si>
    <t>23793527.0</t>
  </si>
  <si>
    <t>262985.0</t>
  </si>
  <si>
    <t>206774.0</t>
  </si>
  <si>
    <t>78116.7</t>
  </si>
  <si>
    <t>1089.53894655377</t>
  </si>
  <si>
    <t>22935907.0</t>
  </si>
  <si>
    <t>320.329</t>
  </si>
  <si>
    <t>58810.0</t>
  </si>
  <si>
    <t>0.4365</t>
  </si>
  <si>
    <t>129804041.0</t>
  </si>
  <si>
    <t>55601332.0</t>
  </si>
  <si>
    <t>50256349.0</t>
  </si>
  <si>
    <t>23946360.0</t>
  </si>
  <si>
    <t>255618.0</t>
  </si>
  <si>
    <t>22978475.0</t>
  </si>
  <si>
    <t>320.923</t>
  </si>
  <si>
    <t>0.4411</t>
  </si>
  <si>
    <t>129865712.0</t>
  </si>
  <si>
    <t>55610882.0</t>
  </si>
  <si>
    <t>50263096.0</t>
  </si>
  <si>
    <t>23991734.0</t>
  </si>
  <si>
    <t>61671.0</t>
  </si>
  <si>
    <t>184547.0</t>
  </si>
  <si>
    <t>23022598.0</t>
  </si>
  <si>
    <t>321.54</t>
  </si>
  <si>
    <t>0.4477</t>
  </si>
  <si>
    <t>129897113.0</t>
  </si>
  <si>
    <t>55614791.0</t>
  </si>
  <si>
    <t>50268562.0</t>
  </si>
  <si>
    <t>24013760.0</t>
  </si>
  <si>
    <t>31401.0</t>
  </si>
  <si>
    <t>182864.0</t>
  </si>
  <si>
    <t>23081512.0</t>
  </si>
  <si>
    <t>322.363</t>
  </si>
  <si>
    <t>57834.0</t>
  </si>
  <si>
    <t>130039721.0</t>
  </si>
  <si>
    <t>55648006.0</t>
  </si>
  <si>
    <t>50293559.0</t>
  </si>
  <si>
    <t>24098156.0</t>
  </si>
  <si>
    <t>142608.0</t>
  </si>
  <si>
    <t>176848.0</t>
  </si>
  <si>
    <t>23147626.0</t>
  </si>
  <si>
    <t>66114.0</t>
  </si>
  <si>
    <t>323.286</t>
  </si>
  <si>
    <t>56643.0</t>
  </si>
  <si>
    <t>130226974.0</t>
  </si>
  <si>
    <t>55684751.0</t>
  </si>
  <si>
    <t>50322044.0</t>
  </si>
  <si>
    <t>24220179.0</t>
  </si>
  <si>
    <t>187253.0</t>
  </si>
  <si>
    <t>172090.0</t>
  </si>
  <si>
    <t>23198831.0</t>
  </si>
  <si>
    <t>324.001</t>
  </si>
  <si>
    <t>130278302.0</t>
  </si>
  <si>
    <t>55690781.0</t>
  </si>
  <si>
    <t>50332068.0</t>
  </si>
  <si>
    <t>24255453.0</t>
  </si>
  <si>
    <t>141838.0</t>
  </si>
  <si>
    <t>31861.0</t>
  </si>
  <si>
    <t>23253339.0</t>
  </si>
  <si>
    <t>54508.0</t>
  </si>
  <si>
    <t>324.762</t>
  </si>
  <si>
    <t>130517714.0</t>
  </si>
  <si>
    <t>55738067.0</t>
  </si>
  <si>
    <t>50376566.0</t>
  </si>
  <si>
    <t>24403081.0</t>
  </si>
  <si>
    <t>239412.0</t>
  </si>
  <si>
    <t>138470.0</t>
  </si>
  <si>
    <t>23302218.0</t>
  </si>
  <si>
    <t>48879.0</t>
  </si>
  <si>
    <t>325.445</t>
  </si>
  <si>
    <t>52330.0</t>
  </si>
  <si>
    <t>0.4813</t>
  </si>
  <si>
    <t>130839540.0</t>
  </si>
  <si>
    <t>55795477.0</t>
  </si>
  <si>
    <t>50449261.0</t>
  </si>
  <si>
    <t>24594802.0</t>
  </si>
  <si>
    <t>321826.0</t>
  </si>
  <si>
    <t>147928.0</t>
  </si>
  <si>
    <t>23340145.0</t>
  </si>
  <si>
    <t>325.975</t>
  </si>
  <si>
    <t>51667.0</t>
  </si>
  <si>
    <t>130896497.0</t>
  </si>
  <si>
    <t>55802135.0</t>
  </si>
  <si>
    <t>50459782.0</t>
  </si>
  <si>
    <t>24634580.0</t>
  </si>
  <si>
    <t>147255.0</t>
  </si>
  <si>
    <t>23382330.0</t>
  </si>
  <si>
    <t>326.564</t>
  </si>
  <si>
    <t>130922684.0</t>
  </si>
  <si>
    <t>55804856.0</t>
  </si>
  <si>
    <t>50464034.0</t>
  </si>
  <si>
    <t>24653794.0</t>
  </si>
  <si>
    <t>146510.0</t>
  </si>
  <si>
    <t>27152.0</t>
  </si>
  <si>
    <t>23436017.0</t>
  </si>
  <si>
    <t>53687.0</t>
  </si>
  <si>
    <t>327.314</t>
  </si>
  <si>
    <t>131078348.0</t>
  </si>
  <si>
    <t>55832133.0</t>
  </si>
  <si>
    <t>50498249.0</t>
  </si>
  <si>
    <t>24747966.0</t>
  </si>
  <si>
    <t>148375.0</t>
  </si>
  <si>
    <t>23491279.0</t>
  </si>
  <si>
    <t>328.085</t>
  </si>
  <si>
    <t>0.4897</t>
  </si>
  <si>
    <t>131217629.0</t>
  </si>
  <si>
    <t>55853481.0</t>
  </si>
  <si>
    <t>50524837.0</t>
  </si>
  <si>
    <t>24839311.0</t>
  </si>
  <si>
    <t>23528182.0</t>
  </si>
  <si>
    <t>328.601</t>
  </si>
  <si>
    <t>131231018.0</t>
  </si>
  <si>
    <t>55855041.0</t>
  </si>
  <si>
    <t>50526038.0</t>
  </si>
  <si>
    <t>24849939.0</t>
  </si>
  <si>
    <t>23560006.0</t>
  </si>
  <si>
    <t>329.045</t>
  </si>
  <si>
    <t>131242554.0</t>
  </si>
  <si>
    <t>55856371.0</t>
  </si>
  <si>
    <t>50527046.0</t>
  </si>
  <si>
    <t>24859137.0</t>
  </si>
  <si>
    <t>23592036.0</t>
  </si>
  <si>
    <t>329.493</t>
  </si>
  <si>
    <t>41403.0</t>
  </si>
  <si>
    <t>131254582.0</t>
  </si>
  <si>
    <t>55857710.0</t>
  </si>
  <si>
    <t>50528267.0</t>
  </si>
  <si>
    <t>24868605.0</t>
  </si>
  <si>
    <t>23622489.0</t>
  </si>
  <si>
    <t>329.918</t>
  </si>
  <si>
    <t>40335.0</t>
  </si>
  <si>
    <t>0.5449</t>
  </si>
  <si>
    <t>131266221.0</t>
  </si>
  <si>
    <t>55858624.0</t>
  </si>
  <si>
    <t>50530068.0</t>
  </si>
  <si>
    <t>24877529.0</t>
  </si>
  <si>
    <t>52818.0</t>
  </si>
  <si>
    <t>23662394.0</t>
  </si>
  <si>
    <t>39905.0</t>
  </si>
  <si>
    <t>330.475</t>
  </si>
  <si>
    <t>40009.0</t>
  </si>
  <si>
    <t>131278868.0</t>
  </si>
  <si>
    <t>55859846.0</t>
  </si>
  <si>
    <t>50532930.0</t>
  </si>
  <si>
    <t>24886092.0</t>
  </si>
  <si>
    <t>23716646.0</t>
  </si>
  <si>
    <t>331.233</t>
  </si>
  <si>
    <t>0.5027</t>
  </si>
  <si>
    <t>131397309.0</t>
  </si>
  <si>
    <t>55877526.0</t>
  </si>
  <si>
    <t>50582653.0</t>
  </si>
  <si>
    <t>24937130.0</t>
  </si>
  <si>
    <t>118441.0</t>
  </si>
  <si>
    <t>23775125.0</t>
  </si>
  <si>
    <t>332.05</t>
  </si>
  <si>
    <t>131528434.0</t>
  </si>
  <si>
    <t>55894512.0</t>
  </si>
  <si>
    <t>50629694.0</t>
  </si>
  <si>
    <t>25004228.0</t>
  </si>
  <si>
    <t>131125.0</t>
  </si>
  <si>
    <t>23823155.0</t>
  </si>
  <si>
    <t>48030.0</t>
  </si>
  <si>
    <t>332.721</t>
  </si>
  <si>
    <t>131664514.0</t>
  </si>
  <si>
    <t>55912290.0</t>
  </si>
  <si>
    <t>50677720.0</t>
  </si>
  <si>
    <t>25074504.0</t>
  </si>
  <si>
    <t>136080.0</t>
  </si>
  <si>
    <t>23865524.0</t>
  </si>
  <si>
    <t>333.312</t>
  </si>
  <si>
    <t>43645.0</t>
  </si>
  <si>
    <t>0.4361</t>
  </si>
  <si>
    <t>131859548.0</t>
  </si>
  <si>
    <t>55942253.0</t>
  </si>
  <si>
    <t>50748718.0</t>
  </si>
  <si>
    <t>25168577.0</t>
  </si>
  <si>
    <t>195034.0</t>
  </si>
  <si>
    <t>23904067.0</t>
  </si>
  <si>
    <t>333.851</t>
  </si>
  <si>
    <t>0.4318</t>
  </si>
  <si>
    <t>132163357.0</t>
  </si>
  <si>
    <t>55981581.0</t>
  </si>
  <si>
    <t>50857251.0</t>
  </si>
  <si>
    <t>25324525.0</t>
  </si>
  <si>
    <t>303809.0</t>
  </si>
  <si>
    <t>23931655.0</t>
  </si>
  <si>
    <t>334.236</t>
  </si>
  <si>
    <t>132231880.0</t>
  </si>
  <si>
    <t>55987440.0</t>
  </si>
  <si>
    <t>50877057.0</t>
  </si>
  <si>
    <t>25367383.0</t>
  </si>
  <si>
    <t>68523.0</t>
  </si>
  <si>
    <t>23960487.0</t>
  </si>
  <si>
    <t>28832.0</t>
  </si>
  <si>
    <t>334.639</t>
  </si>
  <si>
    <t>42585.0</t>
  </si>
  <si>
    <t>0.4559</t>
  </si>
  <si>
    <t>132271068.0</t>
  </si>
  <si>
    <t>55991153.0</t>
  </si>
  <si>
    <t>50887600.0</t>
  </si>
  <si>
    <t>25392315.0</t>
  </si>
  <si>
    <t>184.49</t>
  </si>
  <si>
    <t>24000210.0</t>
  </si>
  <si>
    <t>335.193</t>
  </si>
  <si>
    <t>0.4723</t>
  </si>
  <si>
    <t>132404119.0</t>
  </si>
  <si>
    <t>56010045.0</t>
  </si>
  <si>
    <t>50931575.0</t>
  </si>
  <si>
    <t>25462499.0</t>
  </si>
  <si>
    <t>184.67</t>
  </si>
  <si>
    <t>24038052.0</t>
  </si>
  <si>
    <t>335.722</t>
  </si>
  <si>
    <t>0.4976</t>
  </si>
  <si>
    <t>132554869.0</t>
  </si>
  <si>
    <t>56030288.0</t>
  </si>
  <si>
    <t>50976793.0</t>
  </si>
  <si>
    <t>25547788.0</t>
  </si>
  <si>
    <t>150750.0</t>
  </si>
  <si>
    <t>146634.0</t>
  </si>
  <si>
    <t>24067073.0</t>
  </si>
  <si>
    <t>336.127</t>
  </si>
  <si>
    <t>34845.0</t>
  </si>
  <si>
    <t>132721642.0</t>
  </si>
  <si>
    <t>56051798.0</t>
  </si>
  <si>
    <t>51026166.0</t>
  </si>
  <si>
    <t>25643678.0</t>
  </si>
  <si>
    <t>185.11</t>
  </si>
  <si>
    <t>24095174.0</t>
  </si>
  <si>
    <t>336.52</t>
  </si>
  <si>
    <t>0.5129</t>
  </si>
  <si>
    <t>132919905.0</t>
  </si>
  <si>
    <t>56079053.0</t>
  </si>
  <si>
    <t>51095874.0</t>
  </si>
  <si>
    <t>25744978.0</t>
  </si>
  <si>
    <t>198263.0</t>
  </si>
  <si>
    <t>24124762.0</t>
  </si>
  <si>
    <t>336.933</t>
  </si>
  <si>
    <t>133204402.0</t>
  </si>
  <si>
    <t>56117941.0</t>
  </si>
  <si>
    <t>51193617.0</t>
  </si>
  <si>
    <t>25892844.0</t>
  </si>
  <si>
    <t>284497.0</t>
  </si>
  <si>
    <t>148721.0</t>
  </si>
  <si>
    <t>185.79</t>
  </si>
  <si>
    <t>24145350.0</t>
  </si>
  <si>
    <t>133262106.0</t>
  </si>
  <si>
    <t>56124032.0</t>
  </si>
  <si>
    <t>51207525.0</t>
  </si>
  <si>
    <t>25930549.0</t>
  </si>
  <si>
    <t>57704.0</t>
  </si>
  <si>
    <t>147175.0</t>
  </si>
  <si>
    <t>185.87</t>
  </si>
  <si>
    <t>89304.2</t>
  </si>
  <si>
    <t>1245.57750123631</t>
  </si>
  <si>
    <t>24168357.0</t>
  </si>
  <si>
    <t>0.4648</t>
  </si>
  <si>
    <t>133292376.0</t>
  </si>
  <si>
    <t>56126997.0</t>
  </si>
  <si>
    <t>51215739.0</t>
  </si>
  <si>
    <t>25949640.0</t>
  </si>
  <si>
    <t>145901.0</t>
  </si>
  <si>
    <t>185.91</t>
  </si>
  <si>
    <t>24196234.0</t>
  </si>
  <si>
    <t>337.931</t>
  </si>
  <si>
    <t>133377374.0</t>
  </si>
  <si>
    <t>56135512.0</t>
  </si>
  <si>
    <t>51243119.0</t>
  </si>
  <si>
    <t>25998743.0</t>
  </si>
  <si>
    <t>84998.0</t>
  </si>
  <si>
    <t>24222916.0</t>
  </si>
  <si>
    <t>338.304</t>
  </si>
  <si>
    <t>26409.0</t>
  </si>
  <si>
    <t>0.4698</t>
  </si>
  <si>
    <t>133503911.0</t>
  </si>
  <si>
    <t>56148373.0</t>
  </si>
  <si>
    <t>51284682.0</t>
  </si>
  <si>
    <t>26070856.0</t>
  </si>
  <si>
    <t>24244017.0</t>
  </si>
  <si>
    <t>338.598</t>
  </si>
  <si>
    <t>0.4592</t>
  </si>
  <si>
    <t>133535303.0</t>
  </si>
  <si>
    <t>56151314.0</t>
  </si>
  <si>
    <t>51292610.0</t>
  </si>
  <si>
    <t>26091379.0</t>
  </si>
  <si>
    <t>116237.0</t>
  </si>
  <si>
    <t>186.25</t>
  </si>
  <si>
    <t>24265524.0</t>
  </si>
  <si>
    <t>338.899</t>
  </si>
  <si>
    <t>133719264.0</t>
  </si>
  <si>
    <t>56172137.0</t>
  </si>
  <si>
    <t>51370880.0</t>
  </si>
  <si>
    <t>26176247.0</t>
  </si>
  <si>
    <t>186.51</t>
  </si>
  <si>
    <t>24288147.0</t>
  </si>
  <si>
    <t>339.215</t>
  </si>
  <si>
    <t>133985597.0</t>
  </si>
  <si>
    <t>56204694.0</t>
  </si>
  <si>
    <t>51479747.0</t>
  </si>
  <si>
    <t>26301156.0</t>
  </si>
  <si>
    <t>266333.0</t>
  </si>
  <si>
    <t>24302010.0</t>
  </si>
  <si>
    <t>339.408</t>
  </si>
  <si>
    <t>134050705.0</t>
  </si>
  <si>
    <t>56209797.0</t>
  </si>
  <si>
    <t>51497928.0</t>
  </si>
  <si>
    <t>26342980.0</t>
  </si>
  <si>
    <t>112657.0</t>
  </si>
  <si>
    <t>24318412.0</t>
  </si>
  <si>
    <t>339.637</t>
  </si>
  <si>
    <t>134100486.0</t>
  </si>
  <si>
    <t>56213131.0</t>
  </si>
  <si>
    <t>51513368.0</t>
  </si>
  <si>
    <t>26373987.0</t>
  </si>
  <si>
    <t>24344905.0</t>
  </si>
  <si>
    <t>26493.0</t>
  </si>
  <si>
    <t>340.007</t>
  </si>
  <si>
    <t>0.4004</t>
  </si>
  <si>
    <t>134236369.0</t>
  </si>
  <si>
    <t>56229278.0</t>
  </si>
  <si>
    <t>51560246.0</t>
  </si>
  <si>
    <t>26446845.0</t>
  </si>
  <si>
    <t>135883.0</t>
  </si>
  <si>
    <t>24370175.0</t>
  </si>
  <si>
    <t>340.36</t>
  </si>
  <si>
    <t>134397048.0</t>
  </si>
  <si>
    <t>56247713.0</t>
  </si>
  <si>
    <t>51612700.0</t>
  </si>
  <si>
    <t>26536635.0</t>
  </si>
  <si>
    <t>160679.0</t>
  </si>
  <si>
    <t>127591.0</t>
  </si>
  <si>
    <t>187.45</t>
  </si>
  <si>
    <t>24390557.0</t>
  </si>
  <si>
    <t>340.645</t>
  </si>
  <si>
    <t>134578311.0</t>
  </si>
  <si>
    <t>56269608.0</t>
  </si>
  <si>
    <t>51677299.0</t>
  </si>
  <si>
    <t>26631404.0</t>
  </si>
  <si>
    <t>181263.0</t>
  </si>
  <si>
    <t>149001.0</t>
  </si>
  <si>
    <t>24408587.0</t>
  </si>
  <si>
    <t>340.897</t>
  </si>
  <si>
    <t>134825634.0</t>
  </si>
  <si>
    <t>56298207.0</t>
  </si>
  <si>
    <t>51774809.0</t>
  </si>
  <si>
    <t>26752618.0</t>
  </si>
  <si>
    <t>247323.0</t>
  </si>
  <si>
    <t>158053.0</t>
  </si>
  <si>
    <t>188.05</t>
  </si>
  <si>
    <t>24423817.0</t>
  </si>
  <si>
    <t>341.11</t>
  </si>
  <si>
    <t>0.3884</t>
  </si>
  <si>
    <t>134896250.0</t>
  </si>
  <si>
    <t>56303793.0</t>
  </si>
  <si>
    <t>51792230.0</t>
  </si>
  <si>
    <t>26800227.0</t>
  </si>
  <si>
    <t>24436536.0</t>
  </si>
  <si>
    <t>341.287</t>
  </si>
  <si>
    <t>134948040.0</t>
  </si>
  <si>
    <t>56307299.0</t>
  </si>
  <si>
    <t>51799841.0</t>
  </si>
  <si>
    <t>26840900.0</t>
  </si>
  <si>
    <t>128191.0</t>
  </si>
  <si>
    <t>188.22</t>
  </si>
  <si>
    <t>24450848.0</t>
  </si>
  <si>
    <t>341.487</t>
  </si>
  <si>
    <t>134980903.0</t>
  </si>
  <si>
    <t>56309665.0</t>
  </si>
  <si>
    <t>51804517.0</t>
  </si>
  <si>
    <t>26866721.0</t>
  </si>
  <si>
    <t>125774.0</t>
  </si>
  <si>
    <t>24467561.0</t>
  </si>
  <si>
    <t>341.72</t>
  </si>
  <si>
    <t>135008934.0</t>
  </si>
  <si>
    <t>56311757.0</t>
  </si>
  <si>
    <t>51809927.0</t>
  </si>
  <si>
    <t>26887250.0</t>
  </si>
  <si>
    <t>110366.0</t>
  </si>
  <si>
    <t>24490668.0</t>
  </si>
  <si>
    <t>342.043</t>
  </si>
  <si>
    <t>135144970.0</t>
  </si>
  <si>
    <t>56324574.0</t>
  </si>
  <si>
    <t>51867059.0</t>
  </si>
  <si>
    <t>26953337.0</t>
  </si>
  <si>
    <t>136036.0</t>
  </si>
  <si>
    <t>106846.0</t>
  </si>
  <si>
    <t>24508111.0</t>
  </si>
  <si>
    <t>342.287</t>
  </si>
  <si>
    <t>135319680.0</t>
  </si>
  <si>
    <t>56341651.0</t>
  </si>
  <si>
    <t>51935852.0</t>
  </si>
  <si>
    <t>27042177.0</t>
  </si>
  <si>
    <t>105910.0</t>
  </si>
  <si>
    <t>24524402.0</t>
  </si>
  <si>
    <t>342.514</t>
  </si>
  <si>
    <t>135526310.0</t>
  </si>
  <si>
    <t>56362425.0</t>
  </si>
  <si>
    <t>52019088.0</t>
  </si>
  <si>
    <t>27144797.0</t>
  </si>
  <si>
    <t>206630.0</t>
  </si>
  <si>
    <t>100097.0</t>
  </si>
  <si>
    <t>189.03</t>
  </si>
  <si>
    <t>24540346.0</t>
  </si>
  <si>
    <t>342.737</t>
  </si>
  <si>
    <t>135830990.0</t>
  </si>
  <si>
    <t>56395404.0</t>
  </si>
  <si>
    <t>52131655.0</t>
  </si>
  <si>
    <t>27303931.0</t>
  </si>
  <si>
    <t>304680.0</t>
  </si>
  <si>
    <t>133534.0</t>
  </si>
  <si>
    <t>24550653.0</t>
  </si>
  <si>
    <t>342.881</t>
  </si>
  <si>
    <t>135907055.0</t>
  </si>
  <si>
    <t>56400092.0</t>
  </si>
  <si>
    <t>52146909.0</t>
  </si>
  <si>
    <t>27360054.0</t>
  </si>
  <si>
    <t>76065.0</t>
  </si>
  <si>
    <t>137002.0</t>
  </si>
  <si>
    <t>189.56</t>
  </si>
  <si>
    <t>24563277.0</t>
  </si>
  <si>
    <t>343.057</t>
  </si>
  <si>
    <t>135941051.0</t>
  </si>
  <si>
    <t>56401990.0</t>
  </si>
  <si>
    <t>52151942.0</t>
  </si>
  <si>
    <t>27387119.0</t>
  </si>
  <si>
    <t>137164.0</t>
  </si>
  <si>
    <t>24582878.0</t>
  </si>
  <si>
    <t>343.331</t>
  </si>
  <si>
    <t>136051828.0</t>
  </si>
  <si>
    <t>56413298.0</t>
  </si>
  <si>
    <t>52187883.0</t>
  </si>
  <si>
    <t>27450647.0</t>
  </si>
  <si>
    <t>110777.0</t>
  </si>
  <si>
    <t>148985.0</t>
  </si>
  <si>
    <t>24602139.0</t>
  </si>
  <si>
    <t>136187991.0</t>
  </si>
  <si>
    <t>56427432.0</t>
  </si>
  <si>
    <t>52235586.0</t>
  </si>
  <si>
    <t>27524973.0</t>
  </si>
  <si>
    <t>149003.0</t>
  </si>
  <si>
    <t>24618340.0</t>
  </si>
  <si>
    <t>343.826</t>
  </si>
  <si>
    <t>0.4126</t>
  </si>
  <si>
    <t>136336025.0</t>
  </si>
  <si>
    <t>56444939.0</t>
  </si>
  <si>
    <t>52284486.0</t>
  </si>
  <si>
    <t>27606600.0</t>
  </si>
  <si>
    <t>145192.0</t>
  </si>
  <si>
    <t>24632939.0</t>
  </si>
  <si>
    <t>136505825.0</t>
  </si>
  <si>
    <t>56465150.0</t>
  </si>
  <si>
    <t>52340400.0</t>
  </si>
  <si>
    <t>27700275.0</t>
  </si>
  <si>
    <t>24646672.0</t>
  </si>
  <si>
    <t>344.222</t>
  </si>
  <si>
    <t>136766863.0</t>
  </si>
  <si>
    <t>56495021.0</t>
  </si>
  <si>
    <t>52419583.0</t>
  </si>
  <si>
    <t>27852259.0</t>
  </si>
  <si>
    <t>133696.0</t>
  </si>
  <si>
    <t>24655743.0</t>
  </si>
  <si>
    <t>344.349</t>
  </si>
  <si>
    <t>0.3957</t>
  </si>
  <si>
    <t>136828624.0</t>
  </si>
  <si>
    <t>56499365.0</t>
  </si>
  <si>
    <t>52431929.0</t>
  </si>
  <si>
    <t>27897330.0</t>
  </si>
  <si>
    <t>61761.0</t>
  </si>
  <si>
    <t>131653.0</t>
  </si>
  <si>
    <t>24666419.0</t>
  </si>
  <si>
    <t>344.498</t>
  </si>
  <si>
    <t>136861243.0</t>
  </si>
  <si>
    <t>56501647.0</t>
  </si>
  <si>
    <t>52436458.0</t>
  </si>
  <si>
    <t>27923138.0</t>
  </si>
  <si>
    <t>32619.0</t>
  </si>
  <si>
    <t>131456.0</t>
  </si>
  <si>
    <t>24683359.0</t>
  </si>
  <si>
    <t>344.734</t>
  </si>
  <si>
    <t>136961835.0</t>
  </si>
  <si>
    <t>56512032.0</t>
  </si>
  <si>
    <t>52464769.0</t>
  </si>
  <si>
    <t>27985034.0</t>
  </si>
  <si>
    <t>130001.0</t>
  </si>
  <si>
    <t>24699411.0</t>
  </si>
  <si>
    <t>344.959</t>
  </si>
  <si>
    <t>137076747.0</t>
  </si>
  <si>
    <t>56523875.0</t>
  </si>
  <si>
    <t>52497704.0</t>
  </si>
  <si>
    <t>28055168.0</t>
  </si>
  <si>
    <t>97687.9</t>
  </si>
  <si>
    <t>1362.5098302546</t>
  </si>
  <si>
    <t>24711570.0</t>
  </si>
  <si>
    <t>345.128</t>
  </si>
  <si>
    <t>137145167.0</t>
  </si>
  <si>
    <t>56532428.0</t>
  </si>
  <si>
    <t>52515300.0</t>
  </si>
  <si>
    <t>28097439.0</t>
  </si>
  <si>
    <t>115592.0</t>
  </si>
  <si>
    <t>24717650.0</t>
  </si>
  <si>
    <t>345.213</t>
  </si>
  <si>
    <t>137282183.0</t>
  </si>
  <si>
    <t>56548902.0</t>
  </si>
  <si>
    <t>52556284.0</t>
  </si>
  <si>
    <t>28176997.0</t>
  </si>
  <si>
    <t>24726097.0</t>
  </si>
  <si>
    <t>345.331</t>
  </si>
  <si>
    <t>137317409.0</t>
  </si>
  <si>
    <t>56551310.0</t>
  </si>
  <si>
    <t>52562689.0</t>
  </si>
  <si>
    <t>28203410.0</t>
  </si>
  <si>
    <t>24733803.0</t>
  </si>
  <si>
    <t>345.439</t>
  </si>
  <si>
    <t>0.3146</t>
  </si>
  <si>
    <t>137344711.0</t>
  </si>
  <si>
    <t>56552763.0</t>
  </si>
  <si>
    <t>52566962.0</t>
  </si>
  <si>
    <t>28224986.0</t>
  </si>
  <si>
    <t>73727.0</t>
  </si>
  <si>
    <t>137361677.0</t>
  </si>
  <si>
    <t>56553813.0</t>
  </si>
  <si>
    <t>52569391.0</t>
  </si>
  <si>
    <t>28238473.0</t>
  </si>
  <si>
    <t>137424616.0</t>
  </si>
  <si>
    <t>56560185.0</t>
  </si>
  <si>
    <t>52588735.0</t>
  </si>
  <si>
    <t>28275696.0</t>
  </si>
  <si>
    <t>62939.0</t>
  </si>
  <si>
    <t>66112.0</t>
  </si>
  <si>
    <t>137490678.0</t>
  </si>
  <si>
    <t>56567850.0</t>
  </si>
  <si>
    <t>52604515.0</t>
  </si>
  <si>
    <t>28318313.0</t>
  </si>
  <si>
    <t>66062.0</t>
  </si>
  <si>
    <t>59133.0</t>
  </si>
  <si>
    <t>191.77</t>
  </si>
  <si>
    <t>137555321.0</t>
  </si>
  <si>
    <t>56574130.0</t>
  </si>
  <si>
    <t>52615926.0</t>
  </si>
  <si>
    <t>28365265.0</t>
  </si>
  <si>
    <t>58593.0</t>
  </si>
  <si>
    <t>137629150.0</t>
  </si>
  <si>
    <t>56581629.0</t>
  </si>
  <si>
    <t>52630189.0</t>
  </si>
  <si>
    <t>28417332.0</t>
  </si>
  <si>
    <t>137776106.0</t>
  </si>
  <si>
    <t>56599345.0</t>
  </si>
  <si>
    <t>52661370.0</t>
  </si>
  <si>
    <t>28515391.0</t>
  </si>
  <si>
    <t>146956.0</t>
  </si>
  <si>
    <t>65528.0</t>
  </si>
  <si>
    <t>137815554.0</t>
  </si>
  <si>
    <t>56601704.0</t>
  </si>
  <si>
    <t>52665839.0</t>
  </si>
  <si>
    <t>28548011.0</t>
  </si>
  <si>
    <t>67263.0</t>
  </si>
  <si>
    <t>137827787.0</t>
  </si>
  <si>
    <t>56602722.0</t>
  </si>
  <si>
    <t>52667874.0</t>
  </si>
  <si>
    <t>28557191.0</t>
  </si>
  <si>
    <t>66587.0</t>
  </si>
  <si>
    <t>137881497.0</t>
  </si>
  <si>
    <t>56607656.0</t>
  </si>
  <si>
    <t>52678828.0</t>
  </si>
  <si>
    <t>28595013.0</t>
  </si>
  <si>
    <t>137933537.0</t>
  </si>
  <si>
    <t>56613641.0</t>
  </si>
  <si>
    <t>52689372.0</t>
  </si>
  <si>
    <t>28630524.0</t>
  </si>
  <si>
    <t>63266.0</t>
  </si>
  <si>
    <t>137991203.0</t>
  </si>
  <si>
    <t>56620419.0</t>
  </si>
  <si>
    <t>52701267.0</t>
  </si>
  <si>
    <t>28669517.0</t>
  </si>
  <si>
    <t>138058073.0</t>
  </si>
  <si>
    <t>56628818.0</t>
  </si>
  <si>
    <t>52718208.0</t>
  </si>
  <si>
    <t>28711047.0</t>
  </si>
  <si>
    <t>61275.0</t>
  </si>
  <si>
    <t>138193562.0</t>
  </si>
  <si>
    <t>56644397.0</t>
  </si>
  <si>
    <t>52752472.0</t>
  </si>
  <si>
    <t>28796693.0</t>
  </si>
  <si>
    <t>135489.0</t>
  </si>
  <si>
    <t>138233258.0</t>
  </si>
  <si>
    <t>56646432.0</t>
  </si>
  <si>
    <t>52756743.0</t>
  </si>
  <si>
    <t>28830083.0</t>
  </si>
  <si>
    <t>59672.0</t>
  </si>
  <si>
    <t>138251875.0</t>
  </si>
  <si>
    <t>56647408.0</t>
  </si>
  <si>
    <t>52759175.0</t>
  </si>
  <si>
    <t>28845292.0</t>
  </si>
  <si>
    <t>138306451.0</t>
  </si>
  <si>
    <t>56652637.0</t>
  </si>
  <si>
    <t>52770577.0</t>
  </si>
  <si>
    <t>28883237.0</t>
  </si>
  <si>
    <t>138365540.0</t>
  </si>
  <si>
    <t>56658673.0</t>
  </si>
  <si>
    <t>52782975.0</t>
  </si>
  <si>
    <t>28923892.0</t>
  </si>
  <si>
    <t>59089.0</t>
  </si>
  <si>
    <t>138422591.0</t>
  </si>
  <si>
    <t>56664645.0</t>
  </si>
  <si>
    <t>52795560.0</t>
  </si>
  <si>
    <t>28962386.0</t>
  </si>
  <si>
    <t>138491998.0</t>
  </si>
  <si>
    <t>56672035.0</t>
  </si>
  <si>
    <t>52813037.0</t>
  </si>
  <si>
    <t>29006926.0</t>
  </si>
  <si>
    <t>61989.0</t>
  </si>
  <si>
    <t>193.16</t>
  </si>
  <si>
    <t>138626438.0</t>
  </si>
  <si>
    <t>56685947.0</t>
  </si>
  <si>
    <t>52845164.0</t>
  </si>
  <si>
    <t>29095327.0</t>
  </si>
  <si>
    <t>134440.0</t>
  </si>
  <si>
    <t>138678279.0</t>
  </si>
  <si>
    <t>56688477.0</t>
  </si>
  <si>
    <t>52850291.0</t>
  </si>
  <si>
    <t>29139511.0</t>
  </si>
  <si>
    <t>51841.0</t>
  </si>
  <si>
    <t>63574.0</t>
  </si>
  <si>
    <t>193.42</t>
  </si>
  <si>
    <t>138703609.0</t>
  </si>
  <si>
    <t>56689861.0</t>
  </si>
  <si>
    <t>52853014.0</t>
  </si>
  <si>
    <t>29160734.0</t>
  </si>
  <si>
    <t>138756577.0</t>
  </si>
  <si>
    <t>56695501.0</t>
  </si>
  <si>
    <t>52862219.0</t>
  </si>
  <si>
    <t>29198857.0</t>
  </si>
  <si>
    <t>52968.0</t>
  </si>
  <si>
    <t>64304.0</t>
  </si>
  <si>
    <t>138816020.0</t>
  </si>
  <si>
    <t>56700609.0</t>
  </si>
  <si>
    <t>52872719.0</t>
  </si>
  <si>
    <t>29242692.0</t>
  </si>
  <si>
    <t>138888351.0</t>
  </si>
  <si>
    <t>56705625.0</t>
  </si>
  <si>
    <t>52882307.0</t>
  </si>
  <si>
    <t>29300419.0</t>
  </si>
  <si>
    <t>72331.0</t>
  </si>
  <si>
    <t>138987149.0</t>
  </si>
  <si>
    <t>56712815.0</t>
  </si>
  <si>
    <t>52898476.0</t>
  </si>
  <si>
    <t>29375858.0</t>
  </si>
  <si>
    <t>98798.0</t>
  </si>
  <si>
    <t>193.85</t>
  </si>
  <si>
    <t>105291.8</t>
  </si>
  <si>
    <t>1468.56583614963</t>
  </si>
  <si>
    <t>139095061.0</t>
  </si>
  <si>
    <t>56721152.0</t>
  </si>
  <si>
    <t>52920113.0</t>
  </si>
  <si>
    <t>29453796.0</t>
  </si>
  <si>
    <t>107912.0</t>
  </si>
  <si>
    <t>66946.0</t>
  </si>
  <si>
    <t>139129624.0</t>
  </si>
  <si>
    <t>56722829.0</t>
  </si>
  <si>
    <t>52923235.0</t>
  </si>
  <si>
    <t>29483560.0</t>
  </si>
  <si>
    <t>34563.0</t>
  </si>
  <si>
    <t>194.05</t>
  </si>
  <si>
    <t>139147965.0</t>
  </si>
  <si>
    <t>56723972.0</t>
  </si>
  <si>
    <t>52925457.0</t>
  </si>
  <si>
    <t>29498536.0</t>
  </si>
  <si>
    <t>194.08</t>
  </si>
  <si>
    <t>139188876.0</t>
  </si>
  <si>
    <t>56727170.0</t>
  </si>
  <si>
    <t>52932815.0</t>
  </si>
  <si>
    <t>29528891.0</t>
  </si>
  <si>
    <t>139241765.0</t>
  </si>
  <si>
    <t>56730878.0</t>
  </si>
  <si>
    <t>52941871.0</t>
  </si>
  <si>
    <t>29569016.0</t>
  </si>
  <si>
    <t>139304433.0</t>
  </si>
  <si>
    <t>56735401.0</t>
  </si>
  <si>
    <t>52954414.0</t>
  </si>
  <si>
    <t>29614618.0</t>
  </si>
  <si>
    <t>139379536.0</t>
  </si>
  <si>
    <t>56741554.0</t>
  </si>
  <si>
    <t>52969812.0</t>
  </si>
  <si>
    <t>29668170.0</t>
  </si>
  <si>
    <t>139521904.0</t>
  </si>
  <si>
    <t>56752535.0</t>
  </si>
  <si>
    <t>52993474.0</t>
  </si>
  <si>
    <t>29775895.0</t>
  </si>
  <si>
    <t>142368.0</t>
  </si>
  <si>
    <t>139561689.0</t>
  </si>
  <si>
    <t>56754515.0</t>
  </si>
  <si>
    <t>52996607.0</t>
  </si>
  <si>
    <t>29810567.0</t>
  </si>
  <si>
    <t>39785.0</t>
  </si>
  <si>
    <t>139585881.0</t>
  </si>
  <si>
    <t>56755818.0</t>
  </si>
  <si>
    <t>52998760.0</t>
  </si>
  <si>
    <t>29831303.0</t>
  </si>
  <si>
    <t>62559.0</t>
  </si>
  <si>
    <t>139654555.0</t>
  </si>
  <si>
    <t>56760357.0</t>
  </si>
  <si>
    <t>53006746.0</t>
  </si>
  <si>
    <t>29887452.0</t>
  </si>
  <si>
    <t>68674.0</t>
  </si>
  <si>
    <t>139742325.0</t>
  </si>
  <si>
    <t>56765611.0</t>
  </si>
  <si>
    <t>53019050.0</t>
  </si>
  <si>
    <t>29957664.0</t>
  </si>
  <si>
    <t>71509.0</t>
  </si>
  <si>
    <t>139772471.0</t>
  </si>
  <si>
    <t>56767038.0</t>
  </si>
  <si>
    <t>53020837.0</t>
  </si>
  <si>
    <t>29984596.0</t>
  </si>
  <si>
    <t>139799046.0</t>
  </si>
  <si>
    <t>56768039.0</t>
  </si>
  <si>
    <t>53022187.0</t>
  </si>
  <si>
    <t>30008820.0</t>
  </si>
  <si>
    <t>139839091.0</t>
  </si>
  <si>
    <t>56769522.0</t>
  </si>
  <si>
    <t>53024800.0</t>
  </si>
  <si>
    <t>30044769.0</t>
  </si>
  <si>
    <t>139869472.0</t>
  </si>
  <si>
    <t>56770549.0</t>
  </si>
  <si>
    <t>53026647.0</t>
  </si>
  <si>
    <t>30072276.0</t>
  </si>
  <si>
    <t>139892498.0</t>
  </si>
  <si>
    <t>56771663.0</t>
  </si>
  <si>
    <t>53028049.0</t>
  </si>
  <si>
    <t>30092786.0</t>
  </si>
  <si>
    <t>139953910.0</t>
  </si>
  <si>
    <t>56776424.0</t>
  </si>
  <si>
    <t>53039181.0</t>
  </si>
  <si>
    <t>30138305.0</t>
  </si>
  <si>
    <t>61412.0</t>
  </si>
  <si>
    <t>140023600.0</t>
  </si>
  <si>
    <t>56781983.0</t>
  </si>
  <si>
    <t>53052069.0</t>
  </si>
  <si>
    <t>30189548.0</t>
  </si>
  <si>
    <t>69690.0</t>
  </si>
  <si>
    <t>140101380.0</t>
  </si>
  <si>
    <t>56789768.0</t>
  </si>
  <si>
    <t>53069058.0</t>
  </si>
  <si>
    <t>30242554.0</t>
  </si>
  <si>
    <t>140184490.0</t>
  </si>
  <si>
    <t>56797105.0</t>
  </si>
  <si>
    <t>53087665.0</t>
  </si>
  <si>
    <t>30299720.0</t>
  </si>
  <si>
    <t>140366417.0</t>
  </si>
  <si>
    <t>56811414.0</t>
  </si>
  <si>
    <t>53126945.0</t>
  </si>
  <si>
    <t>30428058.0</t>
  </si>
  <si>
    <t>181927.0</t>
  </si>
  <si>
    <t>140418589.0</t>
  </si>
  <si>
    <t>56813985.0</t>
  </si>
  <si>
    <t>53131605.0</t>
  </si>
  <si>
    <t>30472999.0</t>
  </si>
  <si>
    <t>52172.0</t>
  </si>
  <si>
    <t>195.85</t>
  </si>
  <si>
    <t>140450387.0</t>
  </si>
  <si>
    <t>56816114.0</t>
  </si>
  <si>
    <t>53133878.0</t>
  </si>
  <si>
    <t>30500395.0</t>
  </si>
  <si>
    <t>79698.0</t>
  </si>
  <si>
    <t>140519790.0</t>
  </si>
  <si>
    <t>56821012.0</t>
  </si>
  <si>
    <t>53144210.0</t>
  </si>
  <si>
    <t>30554568.0</t>
  </si>
  <si>
    <t>195.99</t>
  </si>
  <si>
    <t>140597947.0</t>
  </si>
  <si>
    <t>56826537.0</t>
  </si>
  <si>
    <t>53154603.0</t>
  </si>
  <si>
    <t>30616807.0</t>
  </si>
  <si>
    <t>140701497.0</t>
  </si>
  <si>
    <t>56835302.0</t>
  </si>
  <si>
    <t>53171082.0</t>
  </si>
  <si>
    <t>30695113.0</t>
  </si>
  <si>
    <t>140735835.0</t>
  </si>
  <si>
    <t>56837688.0</t>
  </si>
  <si>
    <t>53173281.0</t>
  </si>
  <si>
    <t>30724866.0</t>
  </si>
  <si>
    <t>78764.0</t>
  </si>
  <si>
    <t>140777025.0</t>
  </si>
  <si>
    <t>56839394.0</t>
  </si>
  <si>
    <t>53176858.0</t>
  </si>
  <si>
    <t>30760773.0</t>
  </si>
  <si>
    <t>58658.0</t>
  </si>
  <si>
    <t>140812476.0</t>
  </si>
  <si>
    <t>56841255.0</t>
  </si>
  <si>
    <t>53179588.0</t>
  </si>
  <si>
    <t>30791633.0</t>
  </si>
  <si>
    <t>140835370.0</t>
  </si>
  <si>
    <t>56843259.0</t>
  </si>
  <si>
    <t>53181052.0</t>
  </si>
  <si>
    <t>30811059.0</t>
  </si>
  <si>
    <t>22894.0</t>
  </si>
  <si>
    <t>196.43</t>
  </si>
  <si>
    <t>107736.3</t>
  </si>
  <si>
    <t>1502.66069620965</t>
  </si>
  <si>
    <t>140866551.0</t>
  </si>
  <si>
    <t>56845610.0</t>
  </si>
  <si>
    <t>53186367.0</t>
  </si>
  <si>
    <t>30834574.0</t>
  </si>
  <si>
    <t>196.47</t>
  </si>
  <si>
    <t>140905700.0</t>
  </si>
  <si>
    <t>56848894.0</t>
  </si>
  <si>
    <t>53193180.0</t>
  </si>
  <si>
    <t>30863626.0</t>
  </si>
  <si>
    <t>39149.0</t>
  </si>
  <si>
    <t>140946594.0</t>
  </si>
  <si>
    <t>56852560.0</t>
  </si>
  <si>
    <t>53200029.0</t>
  </si>
  <si>
    <t>30894005.0</t>
  </si>
  <si>
    <t>141002659.0</t>
  </si>
  <si>
    <t>56857489.0</t>
  </si>
  <si>
    <t>53210521.0</t>
  </si>
  <si>
    <t>30934649.0</t>
  </si>
  <si>
    <t>141121844.0</t>
  </si>
  <si>
    <t>56867876.0</t>
  </si>
  <si>
    <t>53235644.0</t>
  </si>
  <si>
    <t>31018324.0</t>
  </si>
  <si>
    <t>119185.0</t>
  </si>
  <si>
    <t>141153241.0</t>
  </si>
  <si>
    <t>56869720.0</t>
  </si>
  <si>
    <t>53238164.0</t>
  </si>
  <si>
    <t>31045357.0</t>
  </si>
  <si>
    <t>48681.0</t>
  </si>
  <si>
    <t>141170616.0</t>
  </si>
  <si>
    <t>56870759.0</t>
  </si>
  <si>
    <t>53239522.0</t>
  </si>
  <si>
    <t>31060335.0</t>
  </si>
  <si>
    <t>47892.0</t>
  </si>
  <si>
    <t>141210190.0</t>
  </si>
  <si>
    <t>56873703.0</t>
  </si>
  <si>
    <t>53245052.0</t>
  </si>
  <si>
    <t>31091435.0</t>
  </si>
  <si>
    <t>49091.0</t>
  </si>
  <si>
    <t>141258490.0</t>
  </si>
  <si>
    <t>56877201.0</t>
  </si>
  <si>
    <t>53251923.0</t>
  </si>
  <si>
    <t>31129366.0</t>
  </si>
  <si>
    <t>50399.0</t>
  </si>
  <si>
    <t>141302130.0</t>
  </si>
  <si>
    <t>56880373.0</t>
  </si>
  <si>
    <t>53258443.0</t>
  </si>
  <si>
    <t>31163314.0</t>
  </si>
  <si>
    <t>141378591.0</t>
  </si>
  <si>
    <t>56886296.0</t>
  </si>
  <si>
    <t>53270198.0</t>
  </si>
  <si>
    <t>31222097.0</t>
  </si>
  <si>
    <t>76461.0</t>
  </si>
  <si>
    <t>53705.0</t>
  </si>
  <si>
    <t>141403180.0</t>
  </si>
  <si>
    <t>56887230.0</t>
  </si>
  <si>
    <t>53271757.0</t>
  </si>
  <si>
    <t>31244193.0</t>
  </si>
  <si>
    <t>141424526.0</t>
  </si>
  <si>
    <t>56888448.0</t>
  </si>
  <si>
    <t>53273427.0</t>
  </si>
  <si>
    <t>31262651.0</t>
  </si>
  <si>
    <t>141438200.0</t>
  </si>
  <si>
    <t>56889295.0</t>
  </si>
  <si>
    <t>53274404.0</t>
  </si>
  <si>
    <t>31274501.0</t>
  </si>
  <si>
    <t>141472269.0</t>
  </si>
  <si>
    <t>56892611.0</t>
  </si>
  <si>
    <t>53279736.0</t>
  </si>
  <si>
    <t>31299922.0</t>
  </si>
  <si>
    <t>141502139.0</t>
  </si>
  <si>
    <t>56895847.0</t>
  </si>
  <si>
    <t>53285183.0</t>
  </si>
  <si>
    <t>31321109.0</t>
  </si>
  <si>
    <t>141538727.0</t>
  </si>
  <si>
    <t>56899076.0</t>
  </si>
  <si>
    <t>53292364.0</t>
  </si>
  <si>
    <t>31347287.0</t>
  </si>
  <si>
    <t>141580873.0</t>
  </si>
  <si>
    <t>56902935.0</t>
  </si>
  <si>
    <t>53301081.0</t>
  </si>
  <si>
    <t>31376857.0</t>
  </si>
  <si>
    <t>141677589.0</t>
  </si>
  <si>
    <t>56912003.0</t>
  </si>
  <si>
    <t>53323067.0</t>
  </si>
  <si>
    <t>31442519.0</t>
  </si>
  <si>
    <t>141705655.0</t>
  </si>
  <si>
    <t>56913948.0</t>
  </si>
  <si>
    <t>53325261.0</t>
  </si>
  <si>
    <t>31466446.0</t>
  </si>
  <si>
    <t>141718448.0</t>
  </si>
  <si>
    <t>56914848.0</t>
  </si>
  <si>
    <t>53326437.0</t>
  </si>
  <si>
    <t>31477163.0</t>
  </si>
  <si>
    <t>40035.0</t>
  </si>
  <si>
    <t>141746306.0</t>
  </si>
  <si>
    <t>56917627.0</t>
  </si>
  <si>
    <t>53332001.0</t>
  </si>
  <si>
    <t>31496678.0</t>
  </si>
  <si>
    <t>141775594.0</t>
  </si>
  <si>
    <t>56920667.0</t>
  </si>
  <si>
    <t>53336886.0</t>
  </si>
  <si>
    <t>31518041.0</t>
  </si>
  <si>
    <t>39065.0</t>
  </si>
  <si>
    <t>141808575.0</t>
  </si>
  <si>
    <t>56924691.0</t>
  </si>
  <si>
    <t>53342573.0</t>
  </si>
  <si>
    <t>31541311.0</t>
  </si>
  <si>
    <t>141844882.0</t>
  </si>
  <si>
    <t>56928329.0</t>
  </si>
  <si>
    <t>53349669.0</t>
  </si>
  <si>
    <t>31566884.0</t>
  </si>
  <si>
    <t>141913183.0</t>
  </si>
  <si>
    <t>56934865.0</t>
  </si>
  <si>
    <t>53362935.0</t>
  </si>
  <si>
    <t>31615383.0</t>
  </si>
  <si>
    <t>141936591.0</t>
  </si>
  <si>
    <t>56936361.0</t>
  </si>
  <si>
    <t>53364867.0</t>
  </si>
  <si>
    <t>31635363.0</t>
  </si>
  <si>
    <t>141950066.0</t>
  </si>
  <si>
    <t>56938022.0</t>
  </si>
  <si>
    <t>53365941.0</t>
  </si>
  <si>
    <t>31646103.0</t>
  </si>
  <si>
    <t>141975762.0</t>
  </si>
  <si>
    <t>56940648.0</t>
  </si>
  <si>
    <t>53370339.0</t>
  </si>
  <si>
    <t>31664775.0</t>
  </si>
  <si>
    <t>142000675.0</t>
  </si>
  <si>
    <t>56943270.0</t>
  </si>
  <si>
    <t>53374934.0</t>
  </si>
  <si>
    <t>31682471.0</t>
  </si>
  <si>
    <t>142028850.0</t>
  </si>
  <si>
    <t>56946090.0</t>
  </si>
  <si>
    <t>53379439.0</t>
  </si>
  <si>
    <t>31703321.0</t>
  </si>
  <si>
    <t>28175.0</t>
  </si>
  <si>
    <t>119408.6</t>
  </si>
  <si>
    <t>1665.46103782495</t>
  </si>
  <si>
    <t>142049142.0</t>
  </si>
  <si>
    <t>56948335.0</t>
  </si>
  <si>
    <t>53383977.0</t>
  </si>
  <si>
    <t>31716830.0</t>
  </si>
  <si>
    <t>142091381.0</t>
  </si>
  <si>
    <t>56953008.0</t>
  </si>
  <si>
    <t>53393757.0</t>
  </si>
  <si>
    <t>31744616.0</t>
  </si>
  <si>
    <t>142104772.0</t>
  </si>
  <si>
    <t>56954051.0</t>
  </si>
  <si>
    <t>53395218.0</t>
  </si>
  <si>
    <t>31755503.0</t>
  </si>
  <si>
    <t>142111763.0</t>
  </si>
  <si>
    <t>56954647.0</t>
  </si>
  <si>
    <t>53395916.0</t>
  </si>
  <si>
    <t>31761200.0</t>
  </si>
  <si>
    <t>142127060.0</t>
  </si>
  <si>
    <t>56956347.0</t>
  </si>
  <si>
    <t>53398846.0</t>
  </si>
  <si>
    <t>31771867.0</t>
  </si>
  <si>
    <t>142146277.0</t>
  </si>
  <si>
    <t>56958336.0</t>
  </si>
  <si>
    <t>53402533.0</t>
  </si>
  <si>
    <t>31785408.0</t>
  </si>
  <si>
    <t>142164845.0</t>
  </si>
  <si>
    <t>56960637.0</t>
  </si>
  <si>
    <t>53405628.0</t>
  </si>
  <si>
    <t>31798580.0</t>
  </si>
  <si>
    <t>142185245.0</t>
  </si>
  <si>
    <t>56962630.0</t>
  </si>
  <si>
    <t>53409390.0</t>
  </si>
  <si>
    <t>31813225.0</t>
  </si>
  <si>
    <t>142219299.0</t>
  </si>
  <si>
    <t>56965915.0</t>
  </si>
  <si>
    <t>53415586.0</t>
  </si>
  <si>
    <t>31837798.0</t>
  </si>
  <si>
    <t>142233383.0</t>
  </si>
  <si>
    <t>56966869.0</t>
  </si>
  <si>
    <t>53417011.0</t>
  </si>
  <si>
    <t>31849503.0</t>
  </si>
  <si>
    <t>142241077.0</t>
  </si>
  <si>
    <t>56967414.0</t>
  </si>
  <si>
    <t>53417869.0</t>
  </si>
  <si>
    <t>31855794.0</t>
  </si>
  <si>
    <t>142257288.0</t>
  </si>
  <si>
    <t>56968947.0</t>
  </si>
  <si>
    <t>53420777.0</t>
  </si>
  <si>
    <t>31867564.0</t>
  </si>
  <si>
    <t>198.41</t>
  </si>
  <si>
    <t>142274274.0</t>
  </si>
  <si>
    <t>56970785.0</t>
  </si>
  <si>
    <t>53423725.0</t>
  </si>
  <si>
    <t>31879764.0</t>
  </si>
  <si>
    <t>142295522.0</t>
  </si>
  <si>
    <t>56972997.0</t>
  </si>
  <si>
    <t>53428768.0</t>
  </si>
  <si>
    <t>31893757.0</t>
  </si>
  <si>
    <t>142319564.0</t>
  </si>
  <si>
    <t>56975549.0</t>
  </si>
  <si>
    <t>53433394.0</t>
  </si>
  <si>
    <t>31910621.0</t>
  </si>
  <si>
    <t>142362064.0</t>
  </si>
  <si>
    <t>56979749.0</t>
  </si>
  <si>
    <t>53443587.0</t>
  </si>
  <si>
    <t>31938728.0</t>
  </si>
  <si>
    <t>142379469.0</t>
  </si>
  <si>
    <t>56980970.0</t>
  </si>
  <si>
    <t>53445200.0</t>
  </si>
  <si>
    <t>31953299.0</t>
  </si>
  <si>
    <t>142388934.0</t>
  </si>
  <si>
    <t>56982011.0</t>
  </si>
  <si>
    <t>53445978.0</t>
  </si>
  <si>
    <t>31960945.0</t>
  </si>
  <si>
    <t>142406566.0</t>
  </si>
  <si>
    <t>56983843.0</t>
  </si>
  <si>
    <t>53449579.0</t>
  </si>
  <si>
    <t>31973144.0</t>
  </si>
  <si>
    <t>142427261.0</t>
  </si>
  <si>
    <t>56986039.0</t>
  </si>
  <si>
    <t>53453703.0</t>
  </si>
  <si>
    <t>31987519.0</t>
  </si>
  <si>
    <t>142446204.0</t>
  </si>
  <si>
    <t>56988076.0</t>
  </si>
  <si>
    <t>53457543.0</t>
  </si>
  <si>
    <t>32000585.0</t>
  </si>
  <si>
    <t>142465933.0</t>
  </si>
  <si>
    <t>56990460.0</t>
  </si>
  <si>
    <t>53461272.0</t>
  </si>
  <si>
    <t>32014201.0</t>
  </si>
  <si>
    <t>142505627.0</t>
  </si>
  <si>
    <t>56995208.0</t>
  </si>
  <si>
    <t>53468476.0</t>
  </si>
  <si>
    <t>32041943.0</t>
  </si>
  <si>
    <t>142521571.0</t>
  </si>
  <si>
    <t>56996136.0</t>
  </si>
  <si>
    <t>53469922.0</t>
  </si>
  <si>
    <t>32055513.0</t>
  </si>
  <si>
    <t>142531823.0</t>
  </si>
  <si>
    <t>56996759.0</t>
  </si>
  <si>
    <t>53470596.0</t>
  </si>
  <si>
    <t>32064468.0</t>
  </si>
  <si>
    <t>142545208.0</t>
  </si>
  <si>
    <t>56997972.0</t>
  </si>
  <si>
    <t>53472773.0</t>
  </si>
  <si>
    <t>32074463.0</t>
  </si>
  <si>
    <t>142562217.0</t>
  </si>
  <si>
    <t>57000009.0</t>
  </si>
  <si>
    <t>53475375.0</t>
  </si>
  <si>
    <t>32086833.0</t>
  </si>
  <si>
    <t>142579421.0</t>
  </si>
  <si>
    <t>57001649.0</t>
  </si>
  <si>
    <t>53477757.0</t>
  </si>
  <si>
    <t>32100015.0</t>
  </si>
  <si>
    <t>142600749.0</t>
  </si>
  <si>
    <t>57003058.0</t>
  </si>
  <si>
    <t>53480720.0</t>
  </si>
  <si>
    <t>32116971.0</t>
  </si>
  <si>
    <t>142635014.0</t>
  </si>
  <si>
    <t>57005497.0</t>
  </si>
  <si>
    <t>53486086.0</t>
  </si>
  <si>
    <t>32143431.0</t>
  </si>
  <si>
    <t>126176.1</t>
  </si>
  <si>
    <t>1759.85128755135</t>
  </si>
  <si>
    <t>133052.0</t>
  </si>
  <si>
    <t>1855.75345498301</t>
  </si>
  <si>
    <t>140635.3</t>
  </si>
  <si>
    <t>1961.52214072372</t>
  </si>
  <si>
    <t>TLS</t>
  </si>
  <si>
    <t>Timor</t>
  </si>
  <si>
    <t>47908.0</t>
  </si>
  <si>
    <t>81806.0</t>
  </si>
  <si>
    <t>93169.0</t>
  </si>
  <si>
    <t>93152.0</t>
  </si>
  <si>
    <t>110531.0</t>
  </si>
  <si>
    <t>103813.0</t>
  </si>
  <si>
    <t>189266.0</t>
  </si>
  <si>
    <t>228766.0</t>
  </si>
  <si>
    <t>203009.0</t>
  </si>
  <si>
    <t>143086.0</t>
  </si>
  <si>
    <t>108.321</t>
  </si>
  <si>
    <t>281283.0</t>
  </si>
  <si>
    <t>237927.0</t>
  </si>
  <si>
    <t>43356.0</t>
  </si>
  <si>
    <t>144024.0</t>
  </si>
  <si>
    <t>109.031</t>
  </si>
  <si>
    <t>312353.0</t>
  </si>
  <si>
    <t>251899.0</t>
  </si>
  <si>
    <t>60454.0</t>
  </si>
  <si>
    <t>114.372</t>
  </si>
  <si>
    <t>116.412</t>
  </si>
  <si>
    <t>363269.0</t>
  </si>
  <si>
    <t>276510.0</t>
  </si>
  <si>
    <t>157166.0</t>
  </si>
  <si>
    <t>159562.0</t>
  </si>
  <si>
    <t>120.794</t>
  </si>
  <si>
    <t>402962.0</t>
  </si>
  <si>
    <t>299754.0</t>
  </si>
  <si>
    <t>160778.0</t>
  </si>
  <si>
    <t>161816.0</t>
  </si>
  <si>
    <t>164307.0</t>
  </si>
  <si>
    <t>164615.0</t>
  </si>
  <si>
    <t>124.619</t>
  </si>
  <si>
    <t>443729.0</t>
  </si>
  <si>
    <t>327855.0</t>
  </si>
  <si>
    <t>115874.0</t>
  </si>
  <si>
    <t>166358.0</t>
  </si>
  <si>
    <t>125.939</t>
  </si>
  <si>
    <t>167505.0</t>
  </si>
  <si>
    <t>126.807</t>
  </si>
  <si>
    <t>170647.0</t>
  </si>
  <si>
    <t>129.186</t>
  </si>
  <si>
    <t>491569.0</t>
  </si>
  <si>
    <t>348548.0</t>
  </si>
  <si>
    <t>143021.0</t>
  </si>
  <si>
    <t>171936.0</t>
  </si>
  <si>
    <t>130.162</t>
  </si>
  <si>
    <t>175199.0</t>
  </si>
  <si>
    <t>132.632</t>
  </si>
  <si>
    <t>556783.0</t>
  </si>
  <si>
    <t>375372.0</t>
  </si>
  <si>
    <t>177411.0</t>
  </si>
  <si>
    <t>134.306</t>
  </si>
  <si>
    <t>0.3911</t>
  </si>
  <si>
    <t>183391.0</t>
  </si>
  <si>
    <t>184871.0</t>
  </si>
  <si>
    <t>139.954</t>
  </si>
  <si>
    <t>389989.0</t>
  </si>
  <si>
    <t>187370.0</t>
  </si>
  <si>
    <t>188702.0</t>
  </si>
  <si>
    <t>142.854</t>
  </si>
  <si>
    <t>191346.0</t>
  </si>
  <si>
    <t>144.856</t>
  </si>
  <si>
    <t>615462.0</t>
  </si>
  <si>
    <t>399214.0</t>
  </si>
  <si>
    <t>216248.0</t>
  </si>
  <si>
    <t>194367.0</t>
  </si>
  <si>
    <t>147.143</t>
  </si>
  <si>
    <t>643324.0</t>
  </si>
  <si>
    <t>408918.0</t>
  </si>
  <si>
    <t>234406.0</t>
  </si>
  <si>
    <t>668010.0</t>
  </si>
  <si>
    <t>420827.0</t>
  </si>
  <si>
    <t>247183.0</t>
  </si>
  <si>
    <t>675891.0</t>
  </si>
  <si>
    <t>424568.0</t>
  </si>
  <si>
    <t>251323.0</t>
  </si>
  <si>
    <t>711879.0</t>
  </si>
  <si>
    <t>441510.0</t>
  </si>
  <si>
    <t>270369.0</t>
  </si>
  <si>
    <t>761656.0</t>
  </si>
  <si>
    <t>468339.0</t>
  </si>
  <si>
    <t>293317.0</t>
  </si>
  <si>
    <t>209126.0</t>
  </si>
  <si>
    <t>158.316</t>
  </si>
  <si>
    <t>810855.0</t>
  </si>
  <si>
    <t>495822.0</t>
  </si>
  <si>
    <t>315033.0</t>
  </si>
  <si>
    <t>855619.0</t>
  </si>
  <si>
    <t>520137.0</t>
  </si>
  <si>
    <t>335482.0</t>
  </si>
  <si>
    <t>211166.0</t>
  </si>
  <si>
    <t>896975.0</t>
  </si>
  <si>
    <t>353922.0</t>
  </si>
  <si>
    <t>969619.0</t>
  </si>
  <si>
    <t>587392.0</t>
  </si>
  <si>
    <t>382227.0</t>
  </si>
  <si>
    <t>1017255.0</t>
  </si>
  <si>
    <t>616024.0</t>
  </si>
  <si>
    <t>401231.0</t>
  </si>
  <si>
    <t>1068010.0</t>
  </si>
  <si>
    <t>636271.0</t>
  </si>
  <si>
    <t>431739.0</t>
  </si>
  <si>
    <t>571.1</t>
  </si>
  <si>
    <t>1112223.0</t>
  </si>
  <si>
    <t>646851.0</t>
  </si>
  <si>
    <t>465372.0</t>
  </si>
  <si>
    <t>1142003.0</t>
  </si>
  <si>
    <t>652294.0</t>
  </si>
  <si>
    <t>489709.0</t>
  </si>
  <si>
    <t>856.6</t>
  </si>
  <si>
    <t>1713.3</t>
  </si>
  <si>
    <t>1195990.0</t>
  </si>
  <si>
    <t>662963.0</t>
  </si>
  <si>
    <t>1210070.0</t>
  </si>
  <si>
    <t>665588.0</t>
  </si>
  <si>
    <t>544482.0</t>
  </si>
  <si>
    <t>1218471.0</t>
  </si>
  <si>
    <t>667277.0</t>
  </si>
  <si>
    <t>551194.0</t>
  </si>
  <si>
    <t>1226559.0</t>
  </si>
  <si>
    <t>669076.0</t>
  </si>
  <si>
    <t>557483.0</t>
  </si>
  <si>
    <t>670729.0</t>
  </si>
  <si>
    <t>561648.0</t>
  </si>
  <si>
    <t>1242550.0</t>
  </si>
  <si>
    <t>672455.0</t>
  </si>
  <si>
    <t>564583.0</t>
  </si>
  <si>
    <t>1246532.0</t>
  </si>
  <si>
    <t>673277.0</t>
  </si>
  <si>
    <t>566263.0</t>
  </si>
  <si>
    <t>239055.0</t>
  </si>
  <si>
    <t>180.973</t>
  </si>
  <si>
    <t>241840.0</t>
  </si>
  <si>
    <t>183.081</t>
  </si>
  <si>
    <t>242636.0</t>
  </si>
  <si>
    <t>183.684</t>
  </si>
  <si>
    <t>1251823.0</t>
  </si>
  <si>
    <t>674828.0</t>
  </si>
  <si>
    <t>568544.0</t>
  </si>
  <si>
    <t>245941.0</t>
  </si>
  <si>
    <t>186.186</t>
  </si>
  <si>
    <t>246794.0</t>
  </si>
  <si>
    <t>1259011.0</t>
  </si>
  <si>
    <t>677178.0</t>
  </si>
  <si>
    <t>571418.0</t>
  </si>
  <si>
    <t>247931.0</t>
  </si>
  <si>
    <t>187.693</t>
  </si>
  <si>
    <t>679946.0</t>
  </si>
  <si>
    <t>573462.0</t>
  </si>
  <si>
    <t>252951.0</t>
  </si>
  <si>
    <t>191.493</t>
  </si>
  <si>
    <t>1285685.0</t>
  </si>
  <si>
    <t>692594.0</t>
  </si>
  <si>
    <t>577299.0</t>
  </si>
  <si>
    <t>1297126.0</t>
  </si>
  <si>
    <t>700055.0</t>
  </si>
  <si>
    <t>578949.0</t>
  </si>
  <si>
    <t>1330576.0</t>
  </si>
  <si>
    <t>724669.0</t>
  </si>
  <si>
    <t>257486.0</t>
  </si>
  <si>
    <t>194.926</t>
  </si>
  <si>
    <t>1374944.0</t>
  </si>
  <si>
    <t>753925.0</t>
  </si>
  <si>
    <t>590693.0</t>
  </si>
  <si>
    <t>258938.0</t>
  </si>
  <si>
    <t>196.025</t>
  </si>
  <si>
    <t>1417237.0</t>
  </si>
  <si>
    <t>774595.0</t>
  </si>
  <si>
    <t>600109.0</t>
  </si>
  <si>
    <t>1451179.0</t>
  </si>
  <si>
    <t>781062.0</t>
  </si>
  <si>
    <t>618046.0</t>
  </si>
  <si>
    <t>262824.0</t>
  </si>
  <si>
    <t>198.967</t>
  </si>
  <si>
    <t>1475539.0</t>
  </si>
  <si>
    <t>786929.0</t>
  </si>
  <si>
    <t>629125.0</t>
  </si>
  <si>
    <t>110.01</t>
  </si>
  <si>
    <t>263677.0</t>
  </si>
  <si>
    <t>199.613</t>
  </si>
  <si>
    <t>1527044.0</t>
  </si>
  <si>
    <t>794675.0</t>
  </si>
  <si>
    <t>655184.0</t>
  </si>
  <si>
    <t>264839.0</t>
  </si>
  <si>
    <t>200.493</t>
  </si>
  <si>
    <t>1547717.0</t>
  </si>
  <si>
    <t>799153.0</t>
  </si>
  <si>
    <t>664690.0</t>
  </si>
  <si>
    <t>807407.0</t>
  </si>
  <si>
    <t>674935.0</t>
  </si>
  <si>
    <t>1599092.0</t>
  </si>
  <si>
    <t>812337.0</t>
  </si>
  <si>
    <t>682953.0</t>
  </si>
  <si>
    <t>1638158.0</t>
  </si>
  <si>
    <t>822666.0</t>
  </si>
  <si>
    <t>694694.0</t>
  </si>
  <si>
    <t>120798.0</t>
  </si>
  <si>
    <t>1652643.0</t>
  </si>
  <si>
    <t>825977.0</t>
  </si>
  <si>
    <t>698638.0</t>
  </si>
  <si>
    <t>128028.0</t>
  </si>
  <si>
    <t>1716344.0</t>
  </si>
  <si>
    <t>839392.0</t>
  </si>
  <si>
    <t>721438.0</t>
  </si>
  <si>
    <t>155514.0</t>
  </si>
  <si>
    <t>127.96</t>
  </si>
  <si>
    <t>1733196.0</t>
  </si>
  <si>
    <t>841763.0</t>
  </si>
  <si>
    <t>725971.0</t>
  </si>
  <si>
    <t>1746143.0</t>
  </si>
  <si>
    <t>843385.0</t>
  </si>
  <si>
    <t>729171.0</t>
  </si>
  <si>
    <t>173587.0</t>
  </si>
  <si>
    <t>845153.0</t>
  </si>
  <si>
    <t>732690.0</t>
  </si>
  <si>
    <t>179717.0</t>
  </si>
  <si>
    <t>846537.0</t>
  </si>
  <si>
    <t>735782.0</t>
  </si>
  <si>
    <t>1772992.0</t>
  </si>
  <si>
    <t>847289.0</t>
  </si>
  <si>
    <t>737788.0</t>
  </si>
  <si>
    <t>187915.0</t>
  </si>
  <si>
    <t>1789540.0</t>
  </si>
  <si>
    <t>848974.0</t>
  </si>
  <si>
    <t>741778.0</t>
  </si>
  <si>
    <t>198788.0</t>
  </si>
  <si>
    <t>1797942.0</t>
  </si>
  <si>
    <t>850221.0</t>
  </si>
  <si>
    <t>743626.0</t>
  </si>
  <si>
    <t>204095.0</t>
  </si>
  <si>
    <t>1806851.0</t>
  </si>
  <si>
    <t>851459.0</t>
  </si>
  <si>
    <t>745359.0</t>
  </si>
  <si>
    <t>210033.0</t>
  </si>
  <si>
    <t>1820082.0</t>
  </si>
  <si>
    <t>749160.0</t>
  </si>
  <si>
    <t>1830966.0</t>
  </si>
  <si>
    <t>855487.0</t>
  </si>
  <si>
    <t>752241.0</t>
  </si>
  <si>
    <t>1836347.0</t>
  </si>
  <si>
    <t>856259.0</t>
  </si>
  <si>
    <t>753776.0</t>
  </si>
  <si>
    <t>226312.0</t>
  </si>
  <si>
    <t>1842717.0</t>
  </si>
  <si>
    <t>857381.0</t>
  </si>
  <si>
    <t>755292.0</t>
  </si>
  <si>
    <t>1849389.0</t>
  </si>
  <si>
    <t>858569.0</t>
  </si>
  <si>
    <t>756934.0</t>
  </si>
  <si>
    <t>233886.0</t>
  </si>
  <si>
    <t>1856567.0</t>
  </si>
  <si>
    <t>859542.0</t>
  </si>
  <si>
    <t>758817.0</t>
  </si>
  <si>
    <t>238208.0</t>
  </si>
  <si>
    <t>1867179.0</t>
  </si>
  <si>
    <t>860974.0</t>
  </si>
  <si>
    <t>761329.0</t>
  </si>
  <si>
    <t>244876.0</t>
  </si>
  <si>
    <t>1890101.0</t>
  </si>
  <si>
    <t>864858.0</t>
  </si>
  <si>
    <t>258263.0</t>
  </si>
  <si>
    <t>1920583.0</t>
  </si>
  <si>
    <t>869618.0</t>
  </si>
  <si>
    <t>773922.0</t>
  </si>
  <si>
    <t>277043.0</t>
  </si>
  <si>
    <t>1943325.0</t>
  </si>
  <si>
    <t>872617.0</t>
  </si>
  <si>
    <t>779475.0</t>
  </si>
  <si>
    <t>1951724.0</t>
  </si>
  <si>
    <t>873628.0</t>
  </si>
  <si>
    <t>780890.0</t>
  </si>
  <si>
    <t>145.51</t>
  </si>
  <si>
    <t>1977638.0</t>
  </si>
  <si>
    <t>877982.0</t>
  </si>
  <si>
    <t>788452.0</t>
  </si>
  <si>
    <t>311204.0</t>
  </si>
  <si>
    <t>TGO</t>
  </si>
  <si>
    <t>Togo</t>
  </si>
  <si>
    <t>26844.0</t>
  </si>
  <si>
    <t>30354.0</t>
  </si>
  <si>
    <t>31759.0</t>
  </si>
  <si>
    <t>33427.0</t>
  </si>
  <si>
    <t>35036.0</t>
  </si>
  <si>
    <t>42688.0</t>
  </si>
  <si>
    <t>45151.0</t>
  </si>
  <si>
    <t>53729.0</t>
  </si>
  <si>
    <t>56549.0</t>
  </si>
  <si>
    <t>64556.0</t>
  </si>
  <si>
    <t>65535.0</t>
  </si>
  <si>
    <t>67584.0</t>
  </si>
  <si>
    <t>70023.0</t>
  </si>
  <si>
    <t>71276.0</t>
  </si>
  <si>
    <t>72003.0</t>
  </si>
  <si>
    <t>73997.0</t>
  </si>
  <si>
    <t>74998.0</t>
  </si>
  <si>
    <t>75938.0</t>
  </si>
  <si>
    <t>76922.0</t>
  </si>
  <si>
    <t>81078.0</t>
  </si>
  <si>
    <t>81965.0</t>
  </si>
  <si>
    <t>86865.0</t>
  </si>
  <si>
    <t>89817.0</t>
  </si>
  <si>
    <t>90502.0</t>
  </si>
  <si>
    <t>90958.0</t>
  </si>
  <si>
    <t>93011.0</t>
  </si>
  <si>
    <t>93909.0</t>
  </si>
  <si>
    <t>94737.0</t>
  </si>
  <si>
    <t>97101.0</t>
  </si>
  <si>
    <t>98140.0</t>
  </si>
  <si>
    <t>99078.0</t>
  </si>
  <si>
    <t>100797.0</t>
  </si>
  <si>
    <t>102529.0</t>
  </si>
  <si>
    <t>103023.0</t>
  </si>
  <si>
    <t>104140.0</t>
  </si>
  <si>
    <t>104969.0</t>
  </si>
  <si>
    <t>105733.0</t>
  </si>
  <si>
    <t>106670.0</t>
  </si>
  <si>
    <t>108635.0</t>
  </si>
  <si>
    <t>12.566</t>
  </si>
  <si>
    <t>110626.0</t>
  </si>
  <si>
    <t>111398.0</t>
  </si>
  <si>
    <t>12.886</t>
  </si>
  <si>
    <t>113144.0</t>
  </si>
  <si>
    <t>114263.0</t>
  </si>
  <si>
    <t>13.217</t>
  </si>
  <si>
    <t>114898.0</t>
  </si>
  <si>
    <t>13.291</t>
  </si>
  <si>
    <t>115351.0</t>
  </si>
  <si>
    <t>117274.0</t>
  </si>
  <si>
    <t>13.714</t>
  </si>
  <si>
    <t>119729.0</t>
  </si>
  <si>
    <t>121426.0</t>
  </si>
  <si>
    <t>122341.0</t>
  </si>
  <si>
    <t>14.397</t>
  </si>
  <si>
    <t>14.541</t>
  </si>
  <si>
    <t>126588.0</t>
  </si>
  <si>
    <t>127305.0</t>
  </si>
  <si>
    <t>128361.0</t>
  </si>
  <si>
    <t>14.848</t>
  </si>
  <si>
    <t>132136.0</t>
  </si>
  <si>
    <t>15.285</t>
  </si>
  <si>
    <t>132866.0</t>
  </si>
  <si>
    <t>133976.0</t>
  </si>
  <si>
    <t>15.498</t>
  </si>
  <si>
    <t>135241.0</t>
  </si>
  <si>
    <t>136195.0</t>
  </si>
  <si>
    <t>136990.0</t>
  </si>
  <si>
    <t>138358.0</t>
  </si>
  <si>
    <t>16.005</t>
  </si>
  <si>
    <t>141358.0</t>
  </si>
  <si>
    <t>16.352</t>
  </si>
  <si>
    <t>16.579</t>
  </si>
  <si>
    <t>143925.0</t>
  </si>
  <si>
    <t>144890.0</t>
  </si>
  <si>
    <t>146146.0</t>
  </si>
  <si>
    <t>146882.0</t>
  </si>
  <si>
    <t>16.991</t>
  </si>
  <si>
    <t>147905.0</t>
  </si>
  <si>
    <t>17.109</t>
  </si>
  <si>
    <t>148937.0</t>
  </si>
  <si>
    <t>17.228</t>
  </si>
  <si>
    <t>17.306</t>
  </si>
  <si>
    <t>150574.0</t>
  </si>
  <si>
    <t>151921.0</t>
  </si>
  <si>
    <t>152784.0</t>
  </si>
  <si>
    <t>153513.0</t>
  </si>
  <si>
    <t>154500.0</t>
  </si>
  <si>
    <t>156327.0</t>
  </si>
  <si>
    <t>18.083</t>
  </si>
  <si>
    <t>156922.0</t>
  </si>
  <si>
    <t>18.152</t>
  </si>
  <si>
    <t>158044.0</t>
  </si>
  <si>
    <t>158785.0</t>
  </si>
  <si>
    <t>18.368</t>
  </si>
  <si>
    <t>159703.0</t>
  </si>
  <si>
    <t>160521.0</t>
  </si>
  <si>
    <t>162476.0</t>
  </si>
  <si>
    <t>164516.0</t>
  </si>
  <si>
    <t>165259.0</t>
  </si>
  <si>
    <t>19.117</t>
  </si>
  <si>
    <t>166247.0</t>
  </si>
  <si>
    <t>167321.0</t>
  </si>
  <si>
    <t>19.355</t>
  </si>
  <si>
    <t>168605.0</t>
  </si>
  <si>
    <t>19.504</t>
  </si>
  <si>
    <t>169277.0</t>
  </si>
  <si>
    <t>170066.0</t>
  </si>
  <si>
    <t>171335.0</t>
  </si>
  <si>
    <t>172231.0</t>
  </si>
  <si>
    <t>20.056</t>
  </si>
  <si>
    <t>174597.0</t>
  </si>
  <si>
    <t>175353.0</t>
  </si>
  <si>
    <t>175949.0</t>
  </si>
  <si>
    <t>176714.0</t>
  </si>
  <si>
    <t>20.442</t>
  </si>
  <si>
    <t>177998.0</t>
  </si>
  <si>
    <t>178766.0</t>
  </si>
  <si>
    <t>179607.0</t>
  </si>
  <si>
    <t>20.776</t>
  </si>
  <si>
    <t>20.939</t>
  </si>
  <si>
    <t>181521.0</t>
  </si>
  <si>
    <t>20.998</t>
  </si>
  <si>
    <t>21.079</t>
  </si>
  <si>
    <t>182888.0</t>
  </si>
  <si>
    <t>184120.0</t>
  </si>
  <si>
    <t>185041.0</t>
  </si>
  <si>
    <t>185968.0</t>
  </si>
  <si>
    <t>187008.0</t>
  </si>
  <si>
    <t>188266.0</t>
  </si>
  <si>
    <t>21.778</t>
  </si>
  <si>
    <t>188821.0</t>
  </si>
  <si>
    <t>21.919</t>
  </si>
  <si>
    <t>190767.0</t>
  </si>
  <si>
    <t>22.067</t>
  </si>
  <si>
    <t>191533.0</t>
  </si>
  <si>
    <t>192683.0</t>
  </si>
  <si>
    <t>193745.0</t>
  </si>
  <si>
    <t>22.412</t>
  </si>
  <si>
    <t>194789.0</t>
  </si>
  <si>
    <t>22.532</t>
  </si>
  <si>
    <t>22.625</t>
  </si>
  <si>
    <t>196076.0</t>
  </si>
  <si>
    <t>197305.0</t>
  </si>
  <si>
    <t>198187.0</t>
  </si>
  <si>
    <t>22.925</t>
  </si>
  <si>
    <t>199232.0</t>
  </si>
  <si>
    <t>199903.0</t>
  </si>
  <si>
    <t>23.124</t>
  </si>
  <si>
    <t>201331.0</t>
  </si>
  <si>
    <t>23.289</t>
  </si>
  <si>
    <t>202002.0</t>
  </si>
  <si>
    <t>23.429</t>
  </si>
  <si>
    <t>203770.0</t>
  </si>
  <si>
    <t>23.696</t>
  </si>
  <si>
    <t>205759.0</t>
  </si>
  <si>
    <t>206702.0</t>
  </si>
  <si>
    <t>208114.0</t>
  </si>
  <si>
    <t>208786.0</t>
  </si>
  <si>
    <t>209327.0</t>
  </si>
  <si>
    <t>210569.0</t>
  </si>
  <si>
    <t>212379.0</t>
  </si>
  <si>
    <t>24.567</t>
  </si>
  <si>
    <t>213328.0</t>
  </si>
  <si>
    <t>214741.0</t>
  </si>
  <si>
    <t>215577.0</t>
  </si>
  <si>
    <t>215958.0</t>
  </si>
  <si>
    <t>217172.0</t>
  </si>
  <si>
    <t>25.122</t>
  </si>
  <si>
    <t>217838.0</t>
  </si>
  <si>
    <t>218842.0</t>
  </si>
  <si>
    <t>25.315</t>
  </si>
  <si>
    <t>219890.0</t>
  </si>
  <si>
    <t>25.436</t>
  </si>
  <si>
    <t>221482.0</t>
  </si>
  <si>
    <t>222798.0</t>
  </si>
  <si>
    <t>25.925</t>
  </si>
  <si>
    <t>224963.0</t>
  </si>
  <si>
    <t>26.023</t>
  </si>
  <si>
    <t>226047.0</t>
  </si>
  <si>
    <t>227387.0</t>
  </si>
  <si>
    <t>26.303</t>
  </si>
  <si>
    <t>228706.0</t>
  </si>
  <si>
    <t>26.456</t>
  </si>
  <si>
    <t>229628.0</t>
  </si>
  <si>
    <t>26.562</t>
  </si>
  <si>
    <t>231747.0</t>
  </si>
  <si>
    <t>232722.0</t>
  </si>
  <si>
    <t>234222.0</t>
  </si>
  <si>
    <t>27.094</t>
  </si>
  <si>
    <t>27.258</t>
  </si>
  <si>
    <t>237305.0</t>
  </si>
  <si>
    <t>27.451</t>
  </si>
  <si>
    <t>238138.0</t>
  </si>
  <si>
    <t>27.547</t>
  </si>
  <si>
    <t>238798.0</t>
  </si>
  <si>
    <t>27.623</t>
  </si>
  <si>
    <t>240331.0</t>
  </si>
  <si>
    <t>241403.0</t>
  </si>
  <si>
    <t>27.925</t>
  </si>
  <si>
    <t>243071.0</t>
  </si>
  <si>
    <t>28.118</t>
  </si>
  <si>
    <t>244422.0</t>
  </si>
  <si>
    <t>28.274</t>
  </si>
  <si>
    <t>245933.0</t>
  </si>
  <si>
    <t>246928.0</t>
  </si>
  <si>
    <t>28.564</t>
  </si>
  <si>
    <t>247544.0</t>
  </si>
  <si>
    <t>28.635</t>
  </si>
  <si>
    <t>248944.0</t>
  </si>
  <si>
    <t>249928.0</t>
  </si>
  <si>
    <t>28.911</t>
  </si>
  <si>
    <t>251170.0</t>
  </si>
  <si>
    <t>29.054</t>
  </si>
  <si>
    <t>252347.0</t>
  </si>
  <si>
    <t>29.191</t>
  </si>
  <si>
    <t>253805.0</t>
  </si>
  <si>
    <t>29.359</t>
  </si>
  <si>
    <t>254865.0</t>
  </si>
  <si>
    <t>29.544</t>
  </si>
  <si>
    <t>256837.0</t>
  </si>
  <si>
    <t>258067.0</t>
  </si>
  <si>
    <t>29.852</t>
  </si>
  <si>
    <t>259330.0</t>
  </si>
  <si>
    <t>29.998</t>
  </si>
  <si>
    <t>260595.0</t>
  </si>
  <si>
    <t>263072.0</t>
  </si>
  <si>
    <t>30.431</t>
  </si>
  <si>
    <t>263777.0</t>
  </si>
  <si>
    <t>265308.0</t>
  </si>
  <si>
    <t>266775.0</t>
  </si>
  <si>
    <t>42092.0</t>
  </si>
  <si>
    <t>268107.0</t>
  </si>
  <si>
    <t>269638.0</t>
  </si>
  <si>
    <t>31.191</t>
  </si>
  <si>
    <t>269789.0</t>
  </si>
  <si>
    <t>31.208</t>
  </si>
  <si>
    <t>270765.0</t>
  </si>
  <si>
    <t>271429.0</t>
  </si>
  <si>
    <t>31.398</t>
  </si>
  <si>
    <t>31.619</t>
  </si>
  <si>
    <t>275245.0</t>
  </si>
  <si>
    <t>276622.0</t>
  </si>
  <si>
    <t>278534.0</t>
  </si>
  <si>
    <t>280666.0</t>
  </si>
  <si>
    <t>281952.0</t>
  </si>
  <si>
    <t>32.615</t>
  </si>
  <si>
    <t>282882.0</t>
  </si>
  <si>
    <t>283546.0</t>
  </si>
  <si>
    <t>32.799</t>
  </si>
  <si>
    <t>33.012</t>
  </si>
  <si>
    <t>286978.0</t>
  </si>
  <si>
    <t>33.196</t>
  </si>
  <si>
    <t>33.392</t>
  </si>
  <si>
    <t>33.635</t>
  </si>
  <si>
    <t>291691.0</t>
  </si>
  <si>
    <t>33.742</t>
  </si>
  <si>
    <t>292354.0</t>
  </si>
  <si>
    <t>293680.0</t>
  </si>
  <si>
    <t>294810.0</t>
  </si>
  <si>
    <t>34.102</t>
  </si>
  <si>
    <t>296228.0</t>
  </si>
  <si>
    <t>297706.0</t>
  </si>
  <si>
    <t>299301.0</t>
  </si>
  <si>
    <t>300225.0</t>
  </si>
  <si>
    <t>34.729</t>
  </si>
  <si>
    <t>300858.0</t>
  </si>
  <si>
    <t>34.802</t>
  </si>
  <si>
    <t>301817.0</t>
  </si>
  <si>
    <t>34.913</t>
  </si>
  <si>
    <t>302665.0</t>
  </si>
  <si>
    <t>35.127</t>
  </si>
  <si>
    <t>305673.0</t>
  </si>
  <si>
    <t>35.359</t>
  </si>
  <si>
    <t>306508.0</t>
  </si>
  <si>
    <t>307105.0</t>
  </si>
  <si>
    <t>35.525</t>
  </si>
  <si>
    <t>308098.0</t>
  </si>
  <si>
    <t>308601.0</t>
  </si>
  <si>
    <t>309526.0</t>
  </si>
  <si>
    <t>35.805</t>
  </si>
  <si>
    <t>310556.0</t>
  </si>
  <si>
    <t>35.924</t>
  </si>
  <si>
    <t>312255.0</t>
  </si>
  <si>
    <t>312852.0</t>
  </si>
  <si>
    <t>313386.0</t>
  </si>
  <si>
    <t>314185.0</t>
  </si>
  <si>
    <t>36.344</t>
  </si>
  <si>
    <t>315098.0</t>
  </si>
  <si>
    <t>36.563</t>
  </si>
  <si>
    <t>317311.0</t>
  </si>
  <si>
    <t>36.705</t>
  </si>
  <si>
    <t>318060.0</t>
  </si>
  <si>
    <t>318608.0</t>
  </si>
  <si>
    <t>319445.0</t>
  </si>
  <si>
    <t>36.952</t>
  </si>
  <si>
    <t>320097.0</t>
  </si>
  <si>
    <t>320891.0</t>
  </si>
  <si>
    <t>37.119</t>
  </si>
  <si>
    <t>321563.0</t>
  </si>
  <si>
    <t>37.197</t>
  </si>
  <si>
    <t>322521.0</t>
  </si>
  <si>
    <t>323260.0</t>
  </si>
  <si>
    <t>37.393</t>
  </si>
  <si>
    <t>323799.0</t>
  </si>
  <si>
    <t>37.456</t>
  </si>
  <si>
    <t>324519.0</t>
  </si>
  <si>
    <t>325197.0</t>
  </si>
  <si>
    <t>326230.0</t>
  </si>
  <si>
    <t>37.737</t>
  </si>
  <si>
    <t>327086.0</t>
  </si>
  <si>
    <t>327938.0</t>
  </si>
  <si>
    <t>328690.0</t>
  </si>
  <si>
    <t>329292.0</t>
  </si>
  <si>
    <t>330595.0</t>
  </si>
  <si>
    <t>331463.0</t>
  </si>
  <si>
    <t>38.342</t>
  </si>
  <si>
    <t>332522.0</t>
  </si>
  <si>
    <t>38.465</t>
  </si>
  <si>
    <t>333609.0</t>
  </si>
  <si>
    <t>334361.0</t>
  </si>
  <si>
    <t>38.678</t>
  </si>
  <si>
    <t>335029.0</t>
  </si>
  <si>
    <t>41154.0</t>
  </si>
  <si>
    <t>335886.0</t>
  </si>
  <si>
    <t>38.854</t>
  </si>
  <si>
    <t>336630.0</t>
  </si>
  <si>
    <t>337503.0</t>
  </si>
  <si>
    <t>39.155</t>
  </si>
  <si>
    <t>339670.0</t>
  </si>
  <si>
    <t>340469.0</t>
  </si>
  <si>
    <t>39.384</t>
  </si>
  <si>
    <t>341187.0</t>
  </si>
  <si>
    <t>318666.0</t>
  </si>
  <si>
    <t>342719.0</t>
  </si>
  <si>
    <t>343522.0</t>
  </si>
  <si>
    <t>347246.0</t>
  </si>
  <si>
    <t>344407.0</t>
  </si>
  <si>
    <t>39.977</t>
  </si>
  <si>
    <t>346445.0</t>
  </si>
  <si>
    <t>40.075</t>
  </si>
  <si>
    <t>348099.0</t>
  </si>
  <si>
    <t>348961.0</t>
  </si>
  <si>
    <t>40.366</t>
  </si>
  <si>
    <t>349658.0</t>
  </si>
  <si>
    <t>350609.0</t>
  </si>
  <si>
    <t>351925.0</t>
  </si>
  <si>
    <t>40.709</t>
  </si>
  <si>
    <t>352852.0</t>
  </si>
  <si>
    <t>40.817</t>
  </si>
  <si>
    <t>353754.0</t>
  </si>
  <si>
    <t>40.921</t>
  </si>
  <si>
    <t>354542.0</t>
  </si>
  <si>
    <t>41.012</t>
  </si>
  <si>
    <t>355652.0</t>
  </si>
  <si>
    <t>356622.0</t>
  </si>
  <si>
    <t>357785.0</t>
  </si>
  <si>
    <t>41.387</t>
  </si>
  <si>
    <t>359299.0</t>
  </si>
  <si>
    <t>360433.0</t>
  </si>
  <si>
    <t>361354.0</t>
  </si>
  <si>
    <t>362461.0</t>
  </si>
  <si>
    <t>363615.0</t>
  </si>
  <si>
    <t>42.062</t>
  </si>
  <si>
    <t>364660.0</t>
  </si>
  <si>
    <t>42.182</t>
  </si>
  <si>
    <t>365749.0</t>
  </si>
  <si>
    <t>42.308</t>
  </si>
  <si>
    <t>366912.0</t>
  </si>
  <si>
    <t>42.443</t>
  </si>
  <si>
    <t>368159.0</t>
  </si>
  <si>
    <t>369411.0</t>
  </si>
  <si>
    <t>42.732</t>
  </si>
  <si>
    <t>370587.0</t>
  </si>
  <si>
    <t>42.868</t>
  </si>
  <si>
    <t>371752.0</t>
  </si>
  <si>
    <t>43.003</t>
  </si>
  <si>
    <t>372867.0</t>
  </si>
  <si>
    <t>374029.0</t>
  </si>
  <si>
    <t>375544.0</t>
  </si>
  <si>
    <t>376835.0</t>
  </si>
  <si>
    <t>43.591</t>
  </si>
  <si>
    <t>377785.0</t>
  </si>
  <si>
    <t>378974.0</t>
  </si>
  <si>
    <t>380228.0</t>
  </si>
  <si>
    <t>43.983</t>
  </si>
  <si>
    <t>381489.0</t>
  </si>
  <si>
    <t>382789.0</t>
  </si>
  <si>
    <t>384383.0</t>
  </si>
  <si>
    <t>44.464</t>
  </si>
  <si>
    <t>385795.0</t>
  </si>
  <si>
    <t>44.627</t>
  </si>
  <si>
    <t>386792.0</t>
  </si>
  <si>
    <t>44.743</t>
  </si>
  <si>
    <t>454208.0</t>
  </si>
  <si>
    <t>304278.0</t>
  </si>
  <si>
    <t>388031.0</t>
  </si>
  <si>
    <t>389050.0</t>
  </si>
  <si>
    <t>45.004</t>
  </si>
  <si>
    <t>390613.0</t>
  </si>
  <si>
    <t>392011.0</t>
  </si>
  <si>
    <t>45.346</t>
  </si>
  <si>
    <t>393614.0</t>
  </si>
  <si>
    <t>45.532</t>
  </si>
  <si>
    <t>395247.0</t>
  </si>
  <si>
    <t>45.721</t>
  </si>
  <si>
    <t>396362.0</t>
  </si>
  <si>
    <t>397854.0</t>
  </si>
  <si>
    <t>399450.0</t>
  </si>
  <si>
    <t>46.207</t>
  </si>
  <si>
    <t>401451.0</t>
  </si>
  <si>
    <t>46.438</t>
  </si>
  <si>
    <t>403086.0</t>
  </si>
  <si>
    <t>405177.0</t>
  </si>
  <si>
    <t>406705.0</t>
  </si>
  <si>
    <t>47.046</t>
  </si>
  <si>
    <t>407922.0</t>
  </si>
  <si>
    <t>409476.0</t>
  </si>
  <si>
    <t>47.367</t>
  </si>
  <si>
    <t>474776.0</t>
  </si>
  <si>
    <t>321139.0</t>
  </si>
  <si>
    <t>153637.0</t>
  </si>
  <si>
    <t>47.618</t>
  </si>
  <si>
    <t>413351.0</t>
  </si>
  <si>
    <t>415117.0</t>
  </si>
  <si>
    <t>48.303</t>
  </si>
  <si>
    <t>419310.0</t>
  </si>
  <si>
    <t>420641.0</t>
  </si>
  <si>
    <t>422472.0</t>
  </si>
  <si>
    <t>424465.0</t>
  </si>
  <si>
    <t>426344.0</t>
  </si>
  <si>
    <t>428256.0</t>
  </si>
  <si>
    <t>430654.0</t>
  </si>
  <si>
    <t>432612.0</t>
  </si>
  <si>
    <t>433809.0</t>
  </si>
  <si>
    <t>435805.0</t>
  </si>
  <si>
    <t>50.412</t>
  </si>
  <si>
    <t>437927.0</t>
  </si>
  <si>
    <t>440361.0</t>
  </si>
  <si>
    <t>50.939</t>
  </si>
  <si>
    <t>442346.0</t>
  </si>
  <si>
    <t>535518.0</t>
  </si>
  <si>
    <t>356897.0</t>
  </si>
  <si>
    <t>178621.0</t>
  </si>
  <si>
    <t>444804.0</t>
  </si>
  <si>
    <t>51.453</t>
  </si>
  <si>
    <t>446453.0</t>
  </si>
  <si>
    <t>51.644</t>
  </si>
  <si>
    <t>447673.0</t>
  </si>
  <si>
    <t>51.785</t>
  </si>
  <si>
    <t>449675.0</t>
  </si>
  <si>
    <t>52.017</t>
  </si>
  <si>
    <t>451784.0</t>
  </si>
  <si>
    <t>453791.0</t>
  </si>
  <si>
    <t>52.493</t>
  </si>
  <si>
    <t>458612.0</t>
  </si>
  <si>
    <t>460724.0</t>
  </si>
  <si>
    <t>53.295</t>
  </si>
  <si>
    <t>53.436</t>
  </si>
  <si>
    <t>466496.0</t>
  </si>
  <si>
    <t>53.962</t>
  </si>
  <si>
    <t>468618.0</t>
  </si>
  <si>
    <t>472731.0</t>
  </si>
  <si>
    <t>54.684</t>
  </si>
  <si>
    <t>54.869</t>
  </si>
  <si>
    <t>651941.0</t>
  </si>
  <si>
    <t>414249.0</t>
  </si>
  <si>
    <t>237692.0</t>
  </si>
  <si>
    <t>475367.0</t>
  </si>
  <si>
    <t>54.989</t>
  </si>
  <si>
    <t>479475.0</t>
  </si>
  <si>
    <t>483761.0</t>
  </si>
  <si>
    <t>487333.0</t>
  </si>
  <si>
    <t>56.373</t>
  </si>
  <si>
    <t>488202.0</t>
  </si>
  <si>
    <t>489949.0</t>
  </si>
  <si>
    <t>491785.0</t>
  </si>
  <si>
    <t>493457.0</t>
  </si>
  <si>
    <t>495348.0</t>
  </si>
  <si>
    <t>832822.0</t>
  </si>
  <si>
    <t>445041.0</t>
  </si>
  <si>
    <t>387781.0</t>
  </si>
  <si>
    <t>497421.0</t>
  </si>
  <si>
    <t>499055.0</t>
  </si>
  <si>
    <t>57.729</t>
  </si>
  <si>
    <t>500046.0</t>
  </si>
  <si>
    <t>57.843</t>
  </si>
  <si>
    <t>501670.0</t>
  </si>
  <si>
    <t>58.031</t>
  </si>
  <si>
    <t>503263.0</t>
  </si>
  <si>
    <t>504876.0</t>
  </si>
  <si>
    <t>58.402</t>
  </si>
  <si>
    <t>506399.0</t>
  </si>
  <si>
    <t>997632.0</t>
  </si>
  <si>
    <t>595491.0</t>
  </si>
  <si>
    <t>402141.0</t>
  </si>
  <si>
    <t>509384.0</t>
  </si>
  <si>
    <t>58.924</t>
  </si>
  <si>
    <t>510224.0</t>
  </si>
  <si>
    <t>59.021</t>
  </si>
  <si>
    <t>511448.0</t>
  </si>
  <si>
    <t>59.162</t>
  </si>
  <si>
    <t>512755.0</t>
  </si>
  <si>
    <t>59.313</t>
  </si>
  <si>
    <t>514046.0</t>
  </si>
  <si>
    <t>515458.0</t>
  </si>
  <si>
    <t>1125671.0</t>
  </si>
  <si>
    <t>720739.0</t>
  </si>
  <si>
    <t>404932.0</t>
  </si>
  <si>
    <t>517025.0</t>
  </si>
  <si>
    <t>59.807</t>
  </si>
  <si>
    <t>518173.0</t>
  </si>
  <si>
    <t>519016.0</t>
  </si>
  <si>
    <t>60.038</t>
  </si>
  <si>
    <t>60.176</t>
  </si>
  <si>
    <t>521554.0</t>
  </si>
  <si>
    <t>60.331</t>
  </si>
  <si>
    <t>13785.0</t>
  </si>
  <si>
    <t>522777.0</t>
  </si>
  <si>
    <t>60.473</t>
  </si>
  <si>
    <t>524113.0</t>
  </si>
  <si>
    <t>60.627</t>
  </si>
  <si>
    <t>1215025.0</t>
  </si>
  <si>
    <t>805728.0</t>
  </si>
  <si>
    <t>409297.0</t>
  </si>
  <si>
    <t>525520.0</t>
  </si>
  <si>
    <t>526494.0</t>
  </si>
  <si>
    <t>527253.0</t>
  </si>
  <si>
    <t>529578.0</t>
  </si>
  <si>
    <t>530682.0</t>
  </si>
  <si>
    <t>61.387</t>
  </si>
  <si>
    <t>61.508</t>
  </si>
  <si>
    <t>1287154.0</t>
  </si>
  <si>
    <t>867386.0</t>
  </si>
  <si>
    <t>419768.0</t>
  </si>
  <si>
    <t>533102.0</t>
  </si>
  <si>
    <t>61.789</t>
  </si>
  <si>
    <t>534982.0</t>
  </si>
  <si>
    <t>61.885</t>
  </si>
  <si>
    <t>536070.0</t>
  </si>
  <si>
    <t>537228.0</t>
  </si>
  <si>
    <t>62.144</t>
  </si>
  <si>
    <t>538203.0</t>
  </si>
  <si>
    <t>539320.0</t>
  </si>
  <si>
    <t>540606.0</t>
  </si>
  <si>
    <t>541774.0</t>
  </si>
  <si>
    <t>542622.0</t>
  </si>
  <si>
    <t>62.768</t>
  </si>
  <si>
    <t>543573.0</t>
  </si>
  <si>
    <t>62.878</t>
  </si>
  <si>
    <t>544659.0</t>
  </si>
  <si>
    <t>63.004</t>
  </si>
  <si>
    <t>545622.0</t>
  </si>
  <si>
    <t>546738.0</t>
  </si>
  <si>
    <t>1375481.0</t>
  </si>
  <si>
    <t>929347.0</t>
  </si>
  <si>
    <t>446134.0</t>
  </si>
  <si>
    <t>548137.0</t>
  </si>
  <si>
    <t>549147.0</t>
  </si>
  <si>
    <t>63.523</t>
  </si>
  <si>
    <t>550020.0</t>
  </si>
  <si>
    <t>63.624</t>
  </si>
  <si>
    <t>550871.0</t>
  </si>
  <si>
    <t>63.723</t>
  </si>
  <si>
    <t>552075.0</t>
  </si>
  <si>
    <t>63.862</t>
  </si>
  <si>
    <t>553131.0</t>
  </si>
  <si>
    <t>63.984</t>
  </si>
  <si>
    <t>554269.0</t>
  </si>
  <si>
    <t>64.116</t>
  </si>
  <si>
    <t>1412904.0</t>
  </si>
  <si>
    <t>950793.0</t>
  </si>
  <si>
    <t>462111.0</t>
  </si>
  <si>
    <t>556574.0</t>
  </si>
  <si>
    <t>64.382</t>
  </si>
  <si>
    <t>557527.0</t>
  </si>
  <si>
    <t>64.493</t>
  </si>
  <si>
    <t>558675.0</t>
  </si>
  <si>
    <t>64.625</t>
  </si>
  <si>
    <t>64.779</t>
  </si>
  <si>
    <t>561063.0</t>
  </si>
  <si>
    <t>64.902</t>
  </si>
  <si>
    <t>562026.0</t>
  </si>
  <si>
    <t>65.013</t>
  </si>
  <si>
    <t>298.3</t>
  </si>
  <si>
    <t>1453570.0</t>
  </si>
  <si>
    <t>971322.0</t>
  </si>
  <si>
    <t>482248.0</t>
  </si>
  <si>
    <t>563143.0</t>
  </si>
  <si>
    <t>564293.0</t>
  </si>
  <si>
    <t>565153.0</t>
  </si>
  <si>
    <t>65.375</t>
  </si>
  <si>
    <t>566087.0</t>
  </si>
  <si>
    <t>567026.0</t>
  </si>
  <si>
    <t>568103.0</t>
  </si>
  <si>
    <t>569081.0</t>
  </si>
  <si>
    <t>65.829</t>
  </si>
  <si>
    <t>1507722.0</t>
  </si>
  <si>
    <t>998792.0</t>
  </si>
  <si>
    <t>508930.0</t>
  </si>
  <si>
    <t>570153.0</t>
  </si>
  <si>
    <t>571222.0</t>
  </si>
  <si>
    <t>66.077</t>
  </si>
  <si>
    <t>572040.0</t>
  </si>
  <si>
    <t>573115.0</t>
  </si>
  <si>
    <t>66.296</t>
  </si>
  <si>
    <t>573929.0</t>
  </si>
  <si>
    <t>574931.0</t>
  </si>
  <si>
    <t>575895.0</t>
  </si>
  <si>
    <t>66.617</t>
  </si>
  <si>
    <t>1665087.0</t>
  </si>
  <si>
    <t>1097253.0</t>
  </si>
  <si>
    <t>567834.0</t>
  </si>
  <si>
    <t>576996.0</t>
  </si>
  <si>
    <t>66.745</t>
  </si>
  <si>
    <t>578039.0</t>
  </si>
  <si>
    <t>66.865</t>
  </si>
  <si>
    <t>578958.0</t>
  </si>
  <si>
    <t>66.972</t>
  </si>
  <si>
    <t>580142.0</t>
  </si>
  <si>
    <t>67.109</t>
  </si>
  <si>
    <t>31336.0</t>
  </si>
  <si>
    <t>580976.0</t>
  </si>
  <si>
    <t>67.205</t>
  </si>
  <si>
    <t>22856.0</t>
  </si>
  <si>
    <t>582158.0</t>
  </si>
  <si>
    <t>67.342</t>
  </si>
  <si>
    <t>583073.0</t>
  </si>
  <si>
    <t>1930935.0</t>
  </si>
  <si>
    <t>1281856.0</t>
  </si>
  <si>
    <t>649079.0</t>
  </si>
  <si>
    <t>67.558</t>
  </si>
  <si>
    <t>585040.0</t>
  </si>
  <si>
    <t>36447.0</t>
  </si>
  <si>
    <t>585952.0</t>
  </si>
  <si>
    <t>67.781</t>
  </si>
  <si>
    <t>586982.0</t>
  </si>
  <si>
    <t>588069.0</t>
  </si>
  <si>
    <t>68.026</t>
  </si>
  <si>
    <t>14405.0</t>
  </si>
  <si>
    <t>588937.0</t>
  </si>
  <si>
    <t>68.126</t>
  </si>
  <si>
    <t>589868.0</t>
  </si>
  <si>
    <t>68.234</t>
  </si>
  <si>
    <t>2159257.0</t>
  </si>
  <si>
    <t>1349188.0</t>
  </si>
  <si>
    <t>810069.0</t>
  </si>
  <si>
    <t>591035.0</t>
  </si>
  <si>
    <t>68.369</t>
  </si>
  <si>
    <t>592228.0</t>
  </si>
  <si>
    <t>593119.0</t>
  </si>
  <si>
    <t>595455.0</t>
  </si>
  <si>
    <t>596578.0</t>
  </si>
  <si>
    <t>597789.0</t>
  </si>
  <si>
    <t>2294900.0</t>
  </si>
  <si>
    <t>1366662.0</t>
  </si>
  <si>
    <t>928238.0</t>
  </si>
  <si>
    <t>598946.0</t>
  </si>
  <si>
    <t>600103.0</t>
  </si>
  <si>
    <t>69.418</t>
  </si>
  <si>
    <t>600959.0</t>
  </si>
  <si>
    <t>69.517</t>
  </si>
  <si>
    <t>602310.0</t>
  </si>
  <si>
    <t>69.673</t>
  </si>
  <si>
    <t>603469.0</t>
  </si>
  <si>
    <t>605050.0</t>
  </si>
  <si>
    <t>606288.0</t>
  </si>
  <si>
    <t>2377399.0</t>
  </si>
  <si>
    <t>1380216.0</t>
  </si>
  <si>
    <t>997183.0</t>
  </si>
  <si>
    <t>70.302</t>
  </si>
  <si>
    <t>608943.0</t>
  </si>
  <si>
    <t>609974.0</t>
  </si>
  <si>
    <t>70.559</t>
  </si>
  <si>
    <t>611505.0</t>
  </si>
  <si>
    <t>70.737</t>
  </si>
  <si>
    <t>613083.0</t>
  </si>
  <si>
    <t>615331.0</t>
  </si>
  <si>
    <t>71.179</t>
  </si>
  <si>
    <t>617034.0</t>
  </si>
  <si>
    <t>2413619.0</t>
  </si>
  <si>
    <t>1391738.0</t>
  </si>
  <si>
    <t>1020872.0</t>
  </si>
  <si>
    <t>618843.0</t>
  </si>
  <si>
    <t>71.585</t>
  </si>
  <si>
    <t>619933.0</t>
  </si>
  <si>
    <t>71.711</t>
  </si>
  <si>
    <t>621094.0</t>
  </si>
  <si>
    <t>71.846</t>
  </si>
  <si>
    <t>622658.0</t>
  </si>
  <si>
    <t>624579.0</t>
  </si>
  <si>
    <t>626879.0</t>
  </si>
  <si>
    <t>72.515</t>
  </si>
  <si>
    <t>629150.0</t>
  </si>
  <si>
    <t>72.778</t>
  </si>
  <si>
    <t>2446683.0</t>
  </si>
  <si>
    <t>1399760.0</t>
  </si>
  <si>
    <t>1040674.0</t>
  </si>
  <si>
    <t>631493.0</t>
  </si>
  <si>
    <t>73.049</t>
  </si>
  <si>
    <t>633316.0</t>
  </si>
  <si>
    <t>634421.0</t>
  </si>
  <si>
    <t>73.387</t>
  </si>
  <si>
    <t>636250.0</t>
  </si>
  <si>
    <t>638919.0</t>
  </si>
  <si>
    <t>73.908</t>
  </si>
  <si>
    <t>641238.0</t>
  </si>
  <si>
    <t>74.176</t>
  </si>
  <si>
    <t>643204.0</t>
  </si>
  <si>
    <t>74.403</t>
  </si>
  <si>
    <t>2480664.0</t>
  </si>
  <si>
    <t>1406493.0</t>
  </si>
  <si>
    <t>1056676.0</t>
  </si>
  <si>
    <t>644915.0</t>
  </si>
  <si>
    <t>74.601</t>
  </si>
  <si>
    <t>646493.0</t>
  </si>
  <si>
    <t>74.784</t>
  </si>
  <si>
    <t>647563.0</t>
  </si>
  <si>
    <t>74.908</t>
  </si>
  <si>
    <t>649319.0</t>
  </si>
  <si>
    <t>75.111</t>
  </si>
  <si>
    <t>650833.0</t>
  </si>
  <si>
    <t>75.286</t>
  </si>
  <si>
    <t>652166.0</t>
  </si>
  <si>
    <t>653424.0</t>
  </si>
  <si>
    <t>75.586</t>
  </si>
  <si>
    <t>2515341.0</t>
  </si>
  <si>
    <t>1415448.0</t>
  </si>
  <si>
    <t>1075383.0</t>
  </si>
  <si>
    <t>654932.0</t>
  </si>
  <si>
    <t>655886.0</t>
  </si>
  <si>
    <t>656731.0</t>
  </si>
  <si>
    <t>657910.0</t>
  </si>
  <si>
    <t>658931.0</t>
  </si>
  <si>
    <t>76.223</t>
  </si>
  <si>
    <t>660103.0</t>
  </si>
  <si>
    <t>661041.0</t>
  </si>
  <si>
    <t>76.467</t>
  </si>
  <si>
    <t>662081.0</t>
  </si>
  <si>
    <t>76.587</t>
  </si>
  <si>
    <t>663088.0</t>
  </si>
  <si>
    <t>663858.0</t>
  </si>
  <si>
    <t>76.792</t>
  </si>
  <si>
    <t>664860.0</t>
  </si>
  <si>
    <t>76.908</t>
  </si>
  <si>
    <t>665567.0</t>
  </si>
  <si>
    <t>666541.0</t>
  </si>
  <si>
    <t>77.103</t>
  </si>
  <si>
    <t>667346.0</t>
  </si>
  <si>
    <t>77.196</t>
  </si>
  <si>
    <t>668418.0</t>
  </si>
  <si>
    <t>669284.0</t>
  </si>
  <si>
    <t>670141.0</t>
  </si>
  <si>
    <t>77.519</t>
  </si>
  <si>
    <t>671180.0</t>
  </si>
  <si>
    <t>77.639</t>
  </si>
  <si>
    <t>671898.0</t>
  </si>
  <si>
    <t>77.723</t>
  </si>
  <si>
    <t>672789.0</t>
  </si>
  <si>
    <t>77.826</t>
  </si>
  <si>
    <t>674917.0</t>
  </si>
  <si>
    <t>675979.0</t>
  </si>
  <si>
    <t>78.195</t>
  </si>
  <si>
    <t>676842.0</t>
  </si>
  <si>
    <t>677879.0</t>
  </si>
  <si>
    <t>78.414</t>
  </si>
  <si>
    <t>679066.0</t>
  </si>
  <si>
    <t>78.552</t>
  </si>
  <si>
    <t>680038.0</t>
  </si>
  <si>
    <t>78.664</t>
  </si>
  <si>
    <t>681048.0</t>
  </si>
  <si>
    <t>78.781</t>
  </si>
  <si>
    <t>682144.0</t>
  </si>
  <si>
    <t>683105.0</t>
  </si>
  <si>
    <t>79.019</t>
  </si>
  <si>
    <t>684008.0</t>
  </si>
  <si>
    <t>79.123</t>
  </si>
  <si>
    <t>684925.0</t>
  </si>
  <si>
    <t>685894.0</t>
  </si>
  <si>
    <t>79.342</t>
  </si>
  <si>
    <t>687045.0</t>
  </si>
  <si>
    <t>689246.0</t>
  </si>
  <si>
    <t>79.729</t>
  </si>
  <si>
    <t>690179.0</t>
  </si>
  <si>
    <t>79.837</t>
  </si>
  <si>
    <t>691045.0</t>
  </si>
  <si>
    <t>79.937</t>
  </si>
  <si>
    <t>692021.0</t>
  </si>
  <si>
    <t>692782.0</t>
  </si>
  <si>
    <t>693739.0</t>
  </si>
  <si>
    <t>80.249</t>
  </si>
  <si>
    <t>694634.0</t>
  </si>
  <si>
    <t>80.353</t>
  </si>
  <si>
    <t>2734547.0</t>
  </si>
  <si>
    <t>1549440.0</t>
  </si>
  <si>
    <t>1145453.0</t>
  </si>
  <si>
    <t>695740.0</t>
  </si>
  <si>
    <t>382.1</t>
  </si>
  <si>
    <t>696642.0</t>
  </si>
  <si>
    <t>80.585</t>
  </si>
  <si>
    <t>280.9</t>
  </si>
  <si>
    <t>697593.0</t>
  </si>
  <si>
    <t>698573.0</t>
  </si>
  <si>
    <t>699602.0</t>
  </si>
  <si>
    <t>80.927</t>
  </si>
  <si>
    <t>700438.0</t>
  </si>
  <si>
    <t>81.024</t>
  </si>
  <si>
    <t>701366.0</t>
  </si>
  <si>
    <t>81.131</t>
  </si>
  <si>
    <t>2757575.0</t>
  </si>
  <si>
    <t>1558542.0</t>
  </si>
  <si>
    <t>702422.0</t>
  </si>
  <si>
    <t>703340.0</t>
  </si>
  <si>
    <t>704225.0</t>
  </si>
  <si>
    <t>81.462</t>
  </si>
  <si>
    <t>705232.0</t>
  </si>
  <si>
    <t>81.578</t>
  </si>
  <si>
    <t>81.667</t>
  </si>
  <si>
    <t>707053.0</t>
  </si>
  <si>
    <t>81.789</t>
  </si>
  <si>
    <t>707925.0</t>
  </si>
  <si>
    <t>285.1</t>
  </si>
  <si>
    <t>708953.0</t>
  </si>
  <si>
    <t>82.009</t>
  </si>
  <si>
    <t>709830.0</t>
  </si>
  <si>
    <t>713359.0</t>
  </si>
  <si>
    <t>82.519</t>
  </si>
  <si>
    <t>716349.0</t>
  </si>
  <si>
    <t>82.864</t>
  </si>
  <si>
    <t>719140.0</t>
  </si>
  <si>
    <t>83.187</t>
  </si>
  <si>
    <t>722147.0</t>
  </si>
  <si>
    <t>83.671</t>
  </si>
  <si>
    <t>724655.0</t>
  </si>
  <si>
    <t>83.825</t>
  </si>
  <si>
    <t>389.7</t>
  </si>
  <si>
    <t>725919.0</t>
  </si>
  <si>
    <t>83.971</t>
  </si>
  <si>
    <t>727399.0</t>
  </si>
  <si>
    <t>84.143</t>
  </si>
  <si>
    <t>728536.0</t>
  </si>
  <si>
    <t>84.274</t>
  </si>
  <si>
    <t>2037429.0</t>
  </si>
  <si>
    <t>729891.0</t>
  </si>
  <si>
    <t>84.561</t>
  </si>
  <si>
    <t>731826.0</t>
  </si>
  <si>
    <t>84.655</t>
  </si>
  <si>
    <t>733441.0</t>
  </si>
  <si>
    <t>84.842</t>
  </si>
  <si>
    <t>734635.0</t>
  </si>
  <si>
    <t>735966.0</t>
  </si>
  <si>
    <t>85.134</t>
  </si>
  <si>
    <t>736781.0</t>
  </si>
  <si>
    <t>738130.0</t>
  </si>
  <si>
    <t>2086764.0</t>
  </si>
  <si>
    <t>739187.0</t>
  </si>
  <si>
    <t>85.506</t>
  </si>
  <si>
    <t>740511.0</t>
  </si>
  <si>
    <t>85.659</t>
  </si>
  <si>
    <t>741899.0</t>
  </si>
  <si>
    <t>743051.0</t>
  </si>
  <si>
    <t>2092750.0</t>
  </si>
  <si>
    <t>744394.0</t>
  </si>
  <si>
    <t>86.109</t>
  </si>
  <si>
    <t>746002.0</t>
  </si>
  <si>
    <t>747055.0</t>
  </si>
  <si>
    <t>86.416</t>
  </si>
  <si>
    <t>748328.0</t>
  </si>
  <si>
    <t>86.564</t>
  </si>
  <si>
    <t>749695.0</t>
  </si>
  <si>
    <t>86.722</t>
  </si>
  <si>
    <t>3222792.0</t>
  </si>
  <si>
    <t>2118136.0</t>
  </si>
  <si>
    <t>2138953.0</t>
  </si>
  <si>
    <t>72830.0</t>
  </si>
  <si>
    <t>3262548.0</t>
  </si>
  <si>
    <t>2148694.0</t>
  </si>
  <si>
    <t>2152846.0</t>
  </si>
  <si>
    <t>1425113.0</t>
  </si>
  <si>
    <t>3274089.0</t>
  </si>
  <si>
    <t>2159001.0</t>
  </si>
  <si>
    <t>1430562.0</t>
  </si>
  <si>
    <t>130848.0</t>
  </si>
  <si>
    <t>3286253.0</t>
  </si>
  <si>
    <t>2164950.0</t>
  </si>
  <si>
    <t>1435999.0</t>
  </si>
  <si>
    <t>3294374.0</t>
  </si>
  <si>
    <t>2168702.0</t>
  </si>
  <si>
    <t>1439983.0</t>
  </si>
  <si>
    <t>134767.0</t>
  </si>
  <si>
    <t>3295699.0</t>
  </si>
  <si>
    <t>2169182.0</t>
  </si>
  <si>
    <t>1440469.0</t>
  </si>
  <si>
    <t>134899.0</t>
  </si>
  <si>
    <t>3298931.0</t>
  </si>
  <si>
    <t>2170804.0</t>
  </si>
  <si>
    <t>1442218.0</t>
  </si>
  <si>
    <t>135563.0</t>
  </si>
  <si>
    <t>3381542.0</t>
  </si>
  <si>
    <t>2232792.0</t>
  </si>
  <si>
    <t>1451712.0</t>
  </si>
  <si>
    <t>3384742.0</t>
  </si>
  <si>
    <t>2235224.0</t>
  </si>
  <si>
    <t>1452998.0</t>
  </si>
  <si>
    <t>427431.0</t>
  </si>
  <si>
    <t>3392046.0</t>
  </si>
  <si>
    <t>2239907.0</t>
  </si>
  <si>
    <t>1456018.0</t>
  </si>
  <si>
    <t>427804.0</t>
  </si>
  <si>
    <t>3395775.0</t>
  </si>
  <si>
    <t>2242455.0</t>
  </si>
  <si>
    <t>3396543.0</t>
  </si>
  <si>
    <t>TKL</t>
  </si>
  <si>
    <t>Tokelau</t>
  </si>
  <si>
    <t>102.27</t>
  </si>
  <si>
    <t>32752.0</t>
  </si>
  <si>
    <t>283.89</t>
  </si>
  <si>
    <t>TON</t>
  </si>
  <si>
    <t>Tonga</t>
  </si>
  <si>
    <t>18032.0</t>
  </si>
  <si>
    <t>35635.0</t>
  </si>
  <si>
    <t>73603.0</t>
  </si>
  <si>
    <t>74503.0</t>
  </si>
  <si>
    <t>80062.0</t>
  </si>
  <si>
    <t>37178.0</t>
  </si>
  <si>
    <t>63259.0</t>
  </si>
  <si>
    <t>72695.0</t>
  </si>
  <si>
    <t>118185.0</t>
  </si>
  <si>
    <t>119535.0</t>
  </si>
  <si>
    <t>73296.0</t>
  </si>
  <si>
    <t>130236.0</t>
  </si>
  <si>
    <t>73609.0</t>
  </si>
  <si>
    <t>136773.0</t>
  </si>
  <si>
    <t>138148.0</t>
  </si>
  <si>
    <t>73956.0</t>
  </si>
  <si>
    <t>138684.0</t>
  </si>
  <si>
    <t>64680.0</t>
  </si>
  <si>
    <t>144960.0</t>
  </si>
  <si>
    <t>75868.0</t>
  </si>
  <si>
    <t>69092.0</t>
  </si>
  <si>
    <t>147193.0</t>
  </si>
  <si>
    <t>76910.0</t>
  </si>
  <si>
    <t>70283.0</t>
  </si>
  <si>
    <t>167123.0</t>
  </si>
  <si>
    <t>77994.0</t>
  </si>
  <si>
    <t>71854.0</t>
  </si>
  <si>
    <t>72494.0</t>
  </si>
  <si>
    <t>178.23</t>
  </si>
  <si>
    <t>200335.0</t>
  </si>
  <si>
    <t>76231.0</t>
  </si>
  <si>
    <t>187.46</t>
  </si>
  <si>
    <t>201221.0</t>
  </si>
  <si>
    <t>87044.0</t>
  </si>
  <si>
    <t>76562.0</t>
  </si>
  <si>
    <t>204860.0</t>
  </si>
  <si>
    <t>90683.0</t>
  </si>
  <si>
    <t>204938.0</t>
  </si>
  <si>
    <t>90719.0</t>
  </si>
  <si>
    <t>76604.0</t>
  </si>
  <si>
    <t>205799.0</t>
  </si>
  <si>
    <t>90837.0</t>
  </si>
  <si>
    <t>76825.0</t>
  </si>
  <si>
    <t>207744.0</t>
  </si>
  <si>
    <t>91949.0</t>
  </si>
  <si>
    <t>TTO</t>
  </si>
  <si>
    <t>Trinidad and Tobago</t>
  </si>
  <si>
    <t>70152.0</t>
  </si>
  <si>
    <t>45.981</t>
  </si>
  <si>
    <t>46.014</t>
  </si>
  <si>
    <t>70532.0</t>
  </si>
  <si>
    <t>46.346</t>
  </si>
  <si>
    <t>47.286</t>
  </si>
  <si>
    <t>72247.0</t>
  </si>
  <si>
    <t>47.354</t>
  </si>
  <si>
    <t>72322.0</t>
  </si>
  <si>
    <t>72596.0</t>
  </si>
  <si>
    <t>72623.0</t>
  </si>
  <si>
    <t>72735.0</t>
  </si>
  <si>
    <t>47.674</t>
  </si>
  <si>
    <t>74359.0</t>
  </si>
  <si>
    <t>74625.0</t>
  </si>
  <si>
    <t>74705.0</t>
  </si>
  <si>
    <t>48.966</t>
  </si>
  <si>
    <t>76662.0</t>
  </si>
  <si>
    <t>50.248</t>
  </si>
  <si>
    <t>76834.0</t>
  </si>
  <si>
    <t>50.361</t>
  </si>
  <si>
    <t>50.613</t>
  </si>
  <si>
    <t>77299.0</t>
  </si>
  <si>
    <t>79693.0</t>
  </si>
  <si>
    <t>52.548</t>
  </si>
  <si>
    <t>80418.0</t>
  </si>
  <si>
    <t>80686.0</t>
  </si>
  <si>
    <t>80860.0</t>
  </si>
  <si>
    <t>53.865</t>
  </si>
  <si>
    <t>54.042</t>
  </si>
  <si>
    <t>82866.0</t>
  </si>
  <si>
    <t>54.315</t>
  </si>
  <si>
    <t>54.441</t>
  </si>
  <si>
    <t>85462.0</t>
  </si>
  <si>
    <t>56.016</t>
  </si>
  <si>
    <t>85910.0</t>
  </si>
  <si>
    <t>86119.0</t>
  </si>
  <si>
    <t>56.447</t>
  </si>
  <si>
    <t>86726.0</t>
  </si>
  <si>
    <t>56.845</t>
  </si>
  <si>
    <t>88536.0</t>
  </si>
  <si>
    <t>88736.0</t>
  </si>
  <si>
    <t>58.376</t>
  </si>
  <si>
    <t>89241.0</t>
  </si>
  <si>
    <t>58.493</t>
  </si>
  <si>
    <t>89400.0</t>
  </si>
  <si>
    <t>60.466</t>
  </si>
  <si>
    <t>60.635</t>
  </si>
  <si>
    <t>92774.0</t>
  </si>
  <si>
    <t>93153.0</t>
  </si>
  <si>
    <t>61.057</t>
  </si>
  <si>
    <t>93391.0</t>
  </si>
  <si>
    <t>61.213</t>
  </si>
  <si>
    <t>95557.0</t>
  </si>
  <si>
    <t>62.633</t>
  </si>
  <si>
    <t>95705.0</t>
  </si>
  <si>
    <t>62.883</t>
  </si>
  <si>
    <t>96180.0</t>
  </si>
  <si>
    <t>63.041</t>
  </si>
  <si>
    <t>64.071</t>
  </si>
  <si>
    <t>64.297</t>
  </si>
  <si>
    <t>98370.0</t>
  </si>
  <si>
    <t>64.477</t>
  </si>
  <si>
    <t>98717.0</t>
  </si>
  <si>
    <t>100809.0</t>
  </si>
  <si>
    <t>66.076</t>
  </si>
  <si>
    <t>66.541</t>
  </si>
  <si>
    <t>101952.0</t>
  </si>
  <si>
    <t>66.825</t>
  </si>
  <si>
    <t>68.027</t>
  </si>
  <si>
    <t>103999.0</t>
  </si>
  <si>
    <t>68.685</t>
  </si>
  <si>
    <t>107309.0</t>
  </si>
  <si>
    <t>70.336</t>
  </si>
  <si>
    <t>107576.0</t>
  </si>
  <si>
    <t>70.511</t>
  </si>
  <si>
    <t>107849.0</t>
  </si>
  <si>
    <t>71.024</t>
  </si>
  <si>
    <t>108535.0</t>
  </si>
  <si>
    <t>71.243</t>
  </si>
  <si>
    <t>110325.0</t>
  </si>
  <si>
    <t>72.313</t>
  </si>
  <si>
    <t>72.447</t>
  </si>
  <si>
    <t>110842.0</t>
  </si>
  <si>
    <t>72.652</t>
  </si>
  <si>
    <t>111041.0</t>
  </si>
  <si>
    <t>72.782</t>
  </si>
  <si>
    <t>73.041</t>
  </si>
  <si>
    <t>74.997</t>
  </si>
  <si>
    <t>75.158</t>
  </si>
  <si>
    <t>75.344</t>
  </si>
  <si>
    <t>115228.0</t>
  </si>
  <si>
    <t>75.527</t>
  </si>
  <si>
    <t>115591.0</t>
  </si>
  <si>
    <t>75.764</t>
  </si>
  <si>
    <t>115779.0</t>
  </si>
  <si>
    <t>117847.0</t>
  </si>
  <si>
    <t>77.243</t>
  </si>
  <si>
    <t>118247.0</t>
  </si>
  <si>
    <t>77.505</t>
  </si>
  <si>
    <t>118602.0</t>
  </si>
  <si>
    <t>77.738</t>
  </si>
  <si>
    <t>78.021</t>
  </si>
  <si>
    <t>119953.0</t>
  </si>
  <si>
    <t>78.624</t>
  </si>
  <si>
    <t>120513.0</t>
  </si>
  <si>
    <t>122300.0</t>
  </si>
  <si>
    <t>80.162</t>
  </si>
  <si>
    <t>122901.0</t>
  </si>
  <si>
    <t>80.556</t>
  </si>
  <si>
    <t>123309.0</t>
  </si>
  <si>
    <t>80.823</t>
  </si>
  <si>
    <t>123913.0</t>
  </si>
  <si>
    <t>81.219</t>
  </si>
  <si>
    <t>124699.0</t>
  </si>
  <si>
    <t>81.734</t>
  </si>
  <si>
    <t>125168.0</t>
  </si>
  <si>
    <t>82.042</t>
  </si>
  <si>
    <t>34353.0</t>
  </si>
  <si>
    <t>84.201</t>
  </si>
  <si>
    <t>84.546</t>
  </si>
  <si>
    <t>85.065</t>
  </si>
  <si>
    <t>130598.0</t>
  </si>
  <si>
    <t>85.601</t>
  </si>
  <si>
    <t>131207.0</t>
  </si>
  <si>
    <t>131926.0</t>
  </si>
  <si>
    <t>132776.0</t>
  </si>
  <si>
    <t>87.028</t>
  </si>
  <si>
    <t>136357.0</t>
  </si>
  <si>
    <t>89.376</t>
  </si>
  <si>
    <t>137081.0</t>
  </si>
  <si>
    <t>138090.0</t>
  </si>
  <si>
    <t>90.511</t>
  </si>
  <si>
    <t>55259.0</t>
  </si>
  <si>
    <t>138704.0</t>
  </si>
  <si>
    <t>139640.0</t>
  </si>
  <si>
    <t>91.527</t>
  </si>
  <si>
    <t>58981.0</t>
  </si>
  <si>
    <t>140718.0</t>
  </si>
  <si>
    <t>92.234</t>
  </si>
  <si>
    <t>60732.0</t>
  </si>
  <si>
    <t>141550.0</t>
  </si>
  <si>
    <t>92.779</t>
  </si>
  <si>
    <t>61345.0</t>
  </si>
  <si>
    <t>147470.0</t>
  </si>
  <si>
    <t>61666.0</t>
  </si>
  <si>
    <t>148770.0</t>
  </si>
  <si>
    <t>60585.0</t>
  </si>
  <si>
    <t>149880.0</t>
  </si>
  <si>
    <t>98.239</t>
  </si>
  <si>
    <t>151103.0</t>
  </si>
  <si>
    <t>99.041</t>
  </si>
  <si>
    <t>61848.0</t>
  </si>
  <si>
    <t>60669.0</t>
  </si>
  <si>
    <t>152265.0</t>
  </si>
  <si>
    <t>99.803</t>
  </si>
  <si>
    <t>153053.0</t>
  </si>
  <si>
    <t>100.319</t>
  </si>
  <si>
    <t>153997.0</t>
  </si>
  <si>
    <t>100.938</t>
  </si>
  <si>
    <t>159982.0</t>
  </si>
  <si>
    <t>104.861</t>
  </si>
  <si>
    <t>62985.0</t>
  </si>
  <si>
    <t>61806.0</t>
  </si>
  <si>
    <t>160927.0</t>
  </si>
  <si>
    <t>162262.0</t>
  </si>
  <si>
    <t>106.355</t>
  </si>
  <si>
    <t>107.243</t>
  </si>
  <si>
    <t>63539.0</t>
  </si>
  <si>
    <t>107.919</t>
  </si>
  <si>
    <t>65818.0</t>
  </si>
  <si>
    <t>165776.0</t>
  </si>
  <si>
    <t>108.658</t>
  </si>
  <si>
    <t>166282.0</t>
  </si>
  <si>
    <t>68503.0</t>
  </si>
  <si>
    <t>173912.0</t>
  </si>
  <si>
    <t>113.991</t>
  </si>
  <si>
    <t>175352.0</t>
  </si>
  <si>
    <t>76765.0</t>
  </si>
  <si>
    <t>75586.0</t>
  </si>
  <si>
    <t>115.803</t>
  </si>
  <si>
    <t>79461.0</t>
  </si>
  <si>
    <t>178294.0</t>
  </si>
  <si>
    <t>86079.0</t>
  </si>
  <si>
    <t>84900.0</t>
  </si>
  <si>
    <t>179343.0</t>
  </si>
  <si>
    <t>117.551</t>
  </si>
  <si>
    <t>92044.0</t>
  </si>
  <si>
    <t>182618.0</t>
  </si>
  <si>
    <t>98559.0</t>
  </si>
  <si>
    <t>193798.0</t>
  </si>
  <si>
    <t>105065.0</t>
  </si>
  <si>
    <t>103886.0</t>
  </si>
  <si>
    <t>195453.0</t>
  </si>
  <si>
    <t>107766.0</t>
  </si>
  <si>
    <t>196854.0</t>
  </si>
  <si>
    <t>129.028</t>
  </si>
  <si>
    <t>110110.0</t>
  </si>
  <si>
    <t>114161.0</t>
  </si>
  <si>
    <t>198200.0</t>
  </si>
  <si>
    <t>119756.0</t>
  </si>
  <si>
    <t>118577.0</t>
  </si>
  <si>
    <t>202164.0</t>
  </si>
  <si>
    <t>132.509</t>
  </si>
  <si>
    <t>203202.0</t>
  </si>
  <si>
    <t>133.189</t>
  </si>
  <si>
    <t>132926.0</t>
  </si>
  <si>
    <t>129437.0</t>
  </si>
  <si>
    <t>204490.0</t>
  </si>
  <si>
    <t>134.034</t>
  </si>
  <si>
    <t>136597.0</t>
  </si>
  <si>
    <t>205495.0</t>
  </si>
  <si>
    <t>144502.0</t>
  </si>
  <si>
    <t>206150.0</t>
  </si>
  <si>
    <t>159709.0</t>
  </si>
  <si>
    <t>150213.0</t>
  </si>
  <si>
    <t>207400.0</t>
  </si>
  <si>
    <t>135.941</t>
  </si>
  <si>
    <t>164033.0</t>
  </si>
  <si>
    <t>136.596</t>
  </si>
  <si>
    <t>170164.0</t>
  </si>
  <si>
    <t>158515.0</t>
  </si>
  <si>
    <t>138.926</t>
  </si>
  <si>
    <t>180063.0</t>
  </si>
  <si>
    <t>164669.0</t>
  </si>
  <si>
    <t>212899.0</t>
  </si>
  <si>
    <t>139.545</t>
  </si>
  <si>
    <t>185533.0</t>
  </si>
  <si>
    <t>167027.0</t>
  </si>
  <si>
    <t>213924.0</t>
  </si>
  <si>
    <t>140.217</t>
  </si>
  <si>
    <t>192495.0</t>
  </si>
  <si>
    <t>215149.0</t>
  </si>
  <si>
    <t>201313.0</t>
  </si>
  <si>
    <t>171198.0</t>
  </si>
  <si>
    <t>215999.0</t>
  </si>
  <si>
    <t>141.577</t>
  </si>
  <si>
    <t>210498.0</t>
  </si>
  <si>
    <t>173878.0</t>
  </si>
  <si>
    <t>36620.0</t>
  </si>
  <si>
    <t>217021.0</t>
  </si>
  <si>
    <t>176849.0</t>
  </si>
  <si>
    <t>217371.0</t>
  </si>
  <si>
    <t>142.476</t>
  </si>
  <si>
    <t>222473.0</t>
  </si>
  <si>
    <t>178472.0</t>
  </si>
  <si>
    <t>44001.0</t>
  </si>
  <si>
    <t>218568.0</t>
  </si>
  <si>
    <t>143.261</t>
  </si>
  <si>
    <t>225198.0</t>
  </si>
  <si>
    <t>179631.0</t>
  </si>
  <si>
    <t>223080.0</t>
  </si>
  <si>
    <t>146.218</t>
  </si>
  <si>
    <t>235400.0</t>
  </si>
  <si>
    <t>183832.0</t>
  </si>
  <si>
    <t>223795.0</t>
  </si>
  <si>
    <t>146.687</t>
  </si>
  <si>
    <t>245013.0</t>
  </si>
  <si>
    <t>187774.0</t>
  </si>
  <si>
    <t>57239.0</t>
  </si>
  <si>
    <t>224850.0</t>
  </si>
  <si>
    <t>147.379</t>
  </si>
  <si>
    <t>194212.0</t>
  </si>
  <si>
    <t>225790.0</t>
  </si>
  <si>
    <t>267825.0</t>
  </si>
  <si>
    <t>198751.0</t>
  </si>
  <si>
    <t>226180.0</t>
  </si>
  <si>
    <t>275675.0</t>
  </si>
  <si>
    <t>204249.0</t>
  </si>
  <si>
    <t>229995.0</t>
  </si>
  <si>
    <t>150.751</t>
  </si>
  <si>
    <t>284016.0</t>
  </si>
  <si>
    <t>211363.0</t>
  </si>
  <si>
    <t>72653.0</t>
  </si>
  <si>
    <t>230765.0</t>
  </si>
  <si>
    <t>151.256</t>
  </si>
  <si>
    <t>292803.0</t>
  </si>
  <si>
    <t>212774.0</t>
  </si>
  <si>
    <t>80029.0</t>
  </si>
  <si>
    <t>151.743</t>
  </si>
  <si>
    <t>302548.0</t>
  </si>
  <si>
    <t>213632.0</t>
  </si>
  <si>
    <t>232452.0</t>
  </si>
  <si>
    <t>152.361</t>
  </si>
  <si>
    <t>311812.0</t>
  </si>
  <si>
    <t>214613.0</t>
  </si>
  <si>
    <t>97199.0</t>
  </si>
  <si>
    <t>233175.0</t>
  </si>
  <si>
    <t>152.835</t>
  </si>
  <si>
    <t>319591.0</t>
  </si>
  <si>
    <t>216708.0</t>
  </si>
  <si>
    <t>153.379</t>
  </si>
  <si>
    <t>325549.0</t>
  </si>
  <si>
    <t>219963.0</t>
  </si>
  <si>
    <t>105586.0</t>
  </si>
  <si>
    <t>234443.0</t>
  </si>
  <si>
    <t>332958.0</t>
  </si>
  <si>
    <t>219964.0</t>
  </si>
  <si>
    <t>112994.0</t>
  </si>
  <si>
    <t>234888.0</t>
  </si>
  <si>
    <t>153.958</t>
  </si>
  <si>
    <t>238502.0</t>
  </si>
  <si>
    <t>156.327</t>
  </si>
  <si>
    <t>344245.0</t>
  </si>
  <si>
    <t>220748.0</t>
  </si>
  <si>
    <t>123497.0</t>
  </si>
  <si>
    <t>238972.0</t>
  </si>
  <si>
    <t>156.635</t>
  </si>
  <si>
    <t>351469.0</t>
  </si>
  <si>
    <t>221620.0</t>
  </si>
  <si>
    <t>129849.0</t>
  </si>
  <si>
    <t>239944.0</t>
  </si>
  <si>
    <t>157.272</t>
  </si>
  <si>
    <t>362583.0</t>
  </si>
  <si>
    <t>225307.0</t>
  </si>
  <si>
    <t>137276.0</t>
  </si>
  <si>
    <t>240499.0</t>
  </si>
  <si>
    <t>157.636</t>
  </si>
  <si>
    <t>365446.0</t>
  </si>
  <si>
    <t>225311.0</t>
  </si>
  <si>
    <t>140135.0</t>
  </si>
  <si>
    <t>241044.0</t>
  </si>
  <si>
    <t>157.993</t>
  </si>
  <si>
    <t>366114.0</t>
  </si>
  <si>
    <t>225546.0</t>
  </si>
  <si>
    <t>241608.0</t>
  </si>
  <si>
    <t>245703.0</t>
  </si>
  <si>
    <t>161.047</t>
  </si>
  <si>
    <t>246488.0</t>
  </si>
  <si>
    <t>369814.0</t>
  </si>
  <si>
    <t>226939.0</t>
  </si>
  <si>
    <t>142875.0</t>
  </si>
  <si>
    <t>247048.0</t>
  </si>
  <si>
    <t>161.928</t>
  </si>
  <si>
    <t>371987.0</t>
  </si>
  <si>
    <t>227269.0</t>
  </si>
  <si>
    <t>144718.0</t>
  </si>
  <si>
    <t>247923.0</t>
  </si>
  <si>
    <t>162.502</t>
  </si>
  <si>
    <t>375924.0</t>
  </si>
  <si>
    <t>229203.0</t>
  </si>
  <si>
    <t>386262.0</t>
  </si>
  <si>
    <t>234431.0</t>
  </si>
  <si>
    <t>151831.0</t>
  </si>
  <si>
    <t>249610.0</t>
  </si>
  <si>
    <t>163.608</t>
  </si>
  <si>
    <t>405333.0</t>
  </si>
  <si>
    <t>248003.0</t>
  </si>
  <si>
    <t>157330.0</t>
  </si>
  <si>
    <t>19071.0</t>
  </si>
  <si>
    <t>250060.0</t>
  </si>
  <si>
    <t>163.903</t>
  </si>
  <si>
    <t>415269.0</t>
  </si>
  <si>
    <t>250291.0</t>
  </si>
  <si>
    <t>250789.0</t>
  </si>
  <si>
    <t>164.38</t>
  </si>
  <si>
    <t>426163.0</t>
  </si>
  <si>
    <t>173642.0</t>
  </si>
  <si>
    <t>255325.0</t>
  </si>
  <si>
    <t>167.353</t>
  </si>
  <si>
    <t>437968.0</t>
  </si>
  <si>
    <t>262976.0</t>
  </si>
  <si>
    <t>174992.0</t>
  </si>
  <si>
    <t>256269.0</t>
  </si>
  <si>
    <t>167.972</t>
  </si>
  <si>
    <t>455365.0</t>
  </si>
  <si>
    <t>279335.0</t>
  </si>
  <si>
    <t>176030.0</t>
  </si>
  <si>
    <t>257351.0</t>
  </si>
  <si>
    <t>168.681</t>
  </si>
  <si>
    <t>473155.0</t>
  </si>
  <si>
    <t>296006.0</t>
  </si>
  <si>
    <t>177149.0</t>
  </si>
  <si>
    <t>258401.0</t>
  </si>
  <si>
    <t>488043.0</t>
  </si>
  <si>
    <t>308661.0</t>
  </si>
  <si>
    <t>179382.0</t>
  </si>
  <si>
    <t>259441.0</t>
  </si>
  <si>
    <t>170.051</t>
  </si>
  <si>
    <t>507642.0</t>
  </si>
  <si>
    <t>326343.0</t>
  </si>
  <si>
    <t>181299.0</t>
  </si>
  <si>
    <t>516761.0</t>
  </si>
  <si>
    <t>335273.0</t>
  </si>
  <si>
    <t>259475.0</t>
  </si>
  <si>
    <t>170.074</t>
  </si>
  <si>
    <t>531425.0</t>
  </si>
  <si>
    <t>349025.0</t>
  </si>
  <si>
    <t>182400.0</t>
  </si>
  <si>
    <t>171.021</t>
  </si>
  <si>
    <t>542352.0</t>
  </si>
  <si>
    <t>357332.0</t>
  </si>
  <si>
    <t>185020.0</t>
  </si>
  <si>
    <t>266177.0</t>
  </si>
  <si>
    <t>174.466</t>
  </si>
  <si>
    <t>552287.0</t>
  </si>
  <si>
    <t>365597.0</t>
  </si>
  <si>
    <t>186690.0</t>
  </si>
  <si>
    <t>565499.0</t>
  </si>
  <si>
    <t>376226.0</t>
  </si>
  <si>
    <t>189273.0</t>
  </si>
  <si>
    <t>268163.0</t>
  </si>
  <si>
    <t>175.768</t>
  </si>
  <si>
    <t>574030.0</t>
  </si>
  <si>
    <t>382149.0</t>
  </si>
  <si>
    <t>191881.0</t>
  </si>
  <si>
    <t>269008.0</t>
  </si>
  <si>
    <t>176.322</t>
  </si>
  <si>
    <t>583515.0</t>
  </si>
  <si>
    <t>194710.0</t>
  </si>
  <si>
    <t>269468.0</t>
  </si>
  <si>
    <t>587720.0</t>
  </si>
  <si>
    <t>392650.0</t>
  </si>
  <si>
    <t>269723.0</t>
  </si>
  <si>
    <t>176.791</t>
  </si>
  <si>
    <t>590829.0</t>
  </si>
  <si>
    <t>395743.0</t>
  </si>
  <si>
    <t>195086.0</t>
  </si>
  <si>
    <t>179.896</t>
  </si>
  <si>
    <t>593644.0</t>
  </si>
  <si>
    <t>398479.0</t>
  </si>
  <si>
    <t>195165.0</t>
  </si>
  <si>
    <t>275282.0</t>
  </si>
  <si>
    <t>601953.0</t>
  </si>
  <si>
    <t>403251.0</t>
  </si>
  <si>
    <t>198702.0</t>
  </si>
  <si>
    <t>276152.0</t>
  </si>
  <si>
    <t>181.005</t>
  </si>
  <si>
    <t>610775.0</t>
  </si>
  <si>
    <t>407591.0</t>
  </si>
  <si>
    <t>203184.0</t>
  </si>
  <si>
    <t>277082.0</t>
  </si>
  <si>
    <t>181.614</t>
  </si>
  <si>
    <t>623007.0</t>
  </si>
  <si>
    <t>411887.0</t>
  </si>
  <si>
    <t>211120.0</t>
  </si>
  <si>
    <t>278047.0</t>
  </si>
  <si>
    <t>638567.0</t>
  </si>
  <si>
    <t>415826.0</t>
  </si>
  <si>
    <t>222741.0</t>
  </si>
  <si>
    <t>278397.0</t>
  </si>
  <si>
    <t>182.476</t>
  </si>
  <si>
    <t>645245.0</t>
  </si>
  <si>
    <t>417070.0</t>
  </si>
  <si>
    <t>278917.0</t>
  </si>
  <si>
    <t>182.817</t>
  </si>
  <si>
    <t>649175.0</t>
  </si>
  <si>
    <t>418721.0</t>
  </si>
  <si>
    <t>283910.0</t>
  </si>
  <si>
    <t>667965.0</t>
  </si>
  <si>
    <t>425422.0</t>
  </si>
  <si>
    <t>242543.0</t>
  </si>
  <si>
    <t>285006.0</t>
  </si>
  <si>
    <t>186.808</t>
  </si>
  <si>
    <t>687944.0</t>
  </si>
  <si>
    <t>432806.0</t>
  </si>
  <si>
    <t>255138.0</t>
  </si>
  <si>
    <t>19979.0</t>
  </si>
  <si>
    <t>285856.0</t>
  </si>
  <si>
    <t>187.365</t>
  </si>
  <si>
    <t>709963.0</t>
  </si>
  <si>
    <t>438310.0</t>
  </si>
  <si>
    <t>286821.0</t>
  </si>
  <si>
    <t>187.998</t>
  </si>
  <si>
    <t>728900.0</t>
  </si>
  <si>
    <t>444328.0</t>
  </si>
  <si>
    <t>287441.0</t>
  </si>
  <si>
    <t>188.404</t>
  </si>
  <si>
    <t>742004.0</t>
  </si>
  <si>
    <t>449041.0</t>
  </si>
  <si>
    <t>292963.0</t>
  </si>
  <si>
    <t>288131.0</t>
  </si>
  <si>
    <t>188.856</t>
  </si>
  <si>
    <t>760734.0</t>
  </si>
  <si>
    <t>452529.0</t>
  </si>
  <si>
    <t>308205.0</t>
  </si>
  <si>
    <t>292728.0</t>
  </si>
  <si>
    <t>191.869</t>
  </si>
  <si>
    <t>774533.0</t>
  </si>
  <si>
    <t>454108.0</t>
  </si>
  <si>
    <t>320425.0</t>
  </si>
  <si>
    <t>293666.0</t>
  </si>
  <si>
    <t>192.484</t>
  </si>
  <si>
    <t>787748.0</t>
  </si>
  <si>
    <t>458011.0</t>
  </si>
  <si>
    <t>329737.0</t>
  </si>
  <si>
    <t>294321.0</t>
  </si>
  <si>
    <t>192.914</t>
  </si>
  <si>
    <t>800815.0</t>
  </si>
  <si>
    <t>461548.0</t>
  </si>
  <si>
    <t>339267.0</t>
  </si>
  <si>
    <t>193.326</t>
  </si>
  <si>
    <t>813490.0</t>
  </si>
  <si>
    <t>467049.0</t>
  </si>
  <si>
    <t>828788.0</t>
  </si>
  <si>
    <t>472966.0</t>
  </si>
  <si>
    <t>355822.0</t>
  </si>
  <si>
    <t>296516.0</t>
  </si>
  <si>
    <t>194.352</t>
  </si>
  <si>
    <t>844225.0</t>
  </si>
  <si>
    <t>479646.0</t>
  </si>
  <si>
    <t>364579.0</t>
  </si>
  <si>
    <t>296840.0</t>
  </si>
  <si>
    <t>194.565</t>
  </si>
  <si>
    <t>850980.0</t>
  </si>
  <si>
    <t>483289.0</t>
  </si>
  <si>
    <t>367691.0</t>
  </si>
  <si>
    <t>855743.0</t>
  </si>
  <si>
    <t>486419.0</t>
  </si>
  <si>
    <t>369324.0</t>
  </si>
  <si>
    <t>863592.0</t>
  </si>
  <si>
    <t>490978.0</t>
  </si>
  <si>
    <t>372614.0</t>
  </si>
  <si>
    <t>304010.0</t>
  </si>
  <si>
    <t>199.264</t>
  </si>
  <si>
    <t>872023.0</t>
  </si>
  <si>
    <t>494650.0</t>
  </si>
  <si>
    <t>377398.0</t>
  </si>
  <si>
    <t>199.825</t>
  </si>
  <si>
    <t>879807.0</t>
  </si>
  <si>
    <t>381791.0</t>
  </si>
  <si>
    <t>305681.0</t>
  </si>
  <si>
    <t>886212.0</t>
  </si>
  <si>
    <t>501077.0</t>
  </si>
  <si>
    <t>385589.0</t>
  </si>
  <si>
    <t>306536.0</t>
  </si>
  <si>
    <t>893619.0</t>
  </si>
  <si>
    <t>504302.0</t>
  </si>
  <si>
    <t>390380.0</t>
  </si>
  <si>
    <t>201.415</t>
  </si>
  <si>
    <t>898983.0</t>
  </si>
  <si>
    <t>506464.0</t>
  </si>
  <si>
    <t>393916.0</t>
  </si>
  <si>
    <t>902419.0</t>
  </si>
  <si>
    <t>308402.0</t>
  </si>
  <si>
    <t>202.143</t>
  </si>
  <si>
    <t>908632.0</t>
  </si>
  <si>
    <t>511292.0</t>
  </si>
  <si>
    <t>399116.0</t>
  </si>
  <si>
    <t>312652.0</t>
  </si>
  <si>
    <t>204.929</t>
  </si>
  <si>
    <t>910602.0</t>
  </si>
  <si>
    <t>512910.0</t>
  </si>
  <si>
    <t>400054.0</t>
  </si>
  <si>
    <t>313137.0</t>
  </si>
  <si>
    <t>917669.0</t>
  </si>
  <si>
    <t>516365.0</t>
  </si>
  <si>
    <t>205.861</t>
  </si>
  <si>
    <t>923653.0</t>
  </si>
  <si>
    <t>519382.0</t>
  </si>
  <si>
    <t>408058.0</t>
  </si>
  <si>
    <t>314800.0</t>
  </si>
  <si>
    <t>206.337</t>
  </si>
  <si>
    <t>929615.0</t>
  </si>
  <si>
    <t>522570.0</t>
  </si>
  <si>
    <t>411817.0</t>
  </si>
  <si>
    <t>206.945</t>
  </si>
  <si>
    <t>934866.0</t>
  </si>
  <si>
    <t>527098.0</t>
  </si>
  <si>
    <t>413096.0</t>
  </si>
  <si>
    <t>316078.0</t>
  </si>
  <si>
    <t>207.174</t>
  </si>
  <si>
    <t>936935.0</t>
  </si>
  <si>
    <t>528599.0</t>
  </si>
  <si>
    <t>413737.0</t>
  </si>
  <si>
    <t>321287.0</t>
  </si>
  <si>
    <t>945375.0</t>
  </si>
  <si>
    <t>534182.0</t>
  </si>
  <si>
    <t>417358.0</t>
  </si>
  <si>
    <t>539347.0</t>
  </si>
  <si>
    <t>420686.0</t>
  </si>
  <si>
    <t>323157.0</t>
  </si>
  <si>
    <t>211.814</t>
  </si>
  <si>
    <t>962287.0</t>
  </si>
  <si>
    <t>544008.0</t>
  </si>
  <si>
    <t>425763.0</t>
  </si>
  <si>
    <t>323983.0</t>
  </si>
  <si>
    <t>212.356</t>
  </si>
  <si>
    <t>970863.0</t>
  </si>
  <si>
    <t>547634.0</t>
  </si>
  <si>
    <t>431229.0</t>
  </si>
  <si>
    <t>324823.0</t>
  </si>
  <si>
    <t>212.906</t>
  </si>
  <si>
    <t>981563.0</t>
  </si>
  <si>
    <t>552083.0</t>
  </si>
  <si>
    <t>438491.0</t>
  </si>
  <si>
    <t>325500.0</t>
  </si>
  <si>
    <t>554243.0</t>
  </si>
  <si>
    <t>441540.0</t>
  </si>
  <si>
    <t>325830.0</t>
  </si>
  <si>
    <t>213.566</t>
  </si>
  <si>
    <t>989288.0</t>
  </si>
  <si>
    <t>555505.0</t>
  </si>
  <si>
    <t>326332.0</t>
  </si>
  <si>
    <t>213.895</t>
  </si>
  <si>
    <t>997515.0</t>
  </si>
  <si>
    <t>559091.0</t>
  </si>
  <si>
    <t>448802.0</t>
  </si>
  <si>
    <t>217.382</t>
  </si>
  <si>
    <t>1004094.0</t>
  </si>
  <si>
    <t>562101.0</t>
  </si>
  <si>
    <t>452934.0</t>
  </si>
  <si>
    <t>332771.0</t>
  </si>
  <si>
    <t>218.116</t>
  </si>
  <si>
    <t>1009873.0</t>
  </si>
  <si>
    <t>564871.0</t>
  </si>
  <si>
    <t>456483.0</t>
  </si>
  <si>
    <t>333526.0</t>
  </si>
  <si>
    <t>218.611</t>
  </si>
  <si>
    <t>1014945.0</t>
  </si>
  <si>
    <t>459411.0</t>
  </si>
  <si>
    <t>334507.0</t>
  </si>
  <si>
    <t>219.254</t>
  </si>
  <si>
    <t>1020031.0</t>
  </si>
  <si>
    <t>570127.0</t>
  </si>
  <si>
    <t>462338.0</t>
  </si>
  <si>
    <t>335162.0</t>
  </si>
  <si>
    <t>219.683</t>
  </si>
  <si>
    <t>1021990.0</t>
  </si>
  <si>
    <t>571423.0</t>
  </si>
  <si>
    <t>463504.0</t>
  </si>
  <si>
    <t>339821.0</t>
  </si>
  <si>
    <t>222.737</t>
  </si>
  <si>
    <t>1022315.0</t>
  </si>
  <si>
    <t>571748.0</t>
  </si>
  <si>
    <t>464129.0</t>
  </si>
  <si>
    <t>340704.0</t>
  </si>
  <si>
    <t>223.315</t>
  </si>
  <si>
    <t>1028515.0</t>
  </si>
  <si>
    <t>467790.0</t>
  </si>
  <si>
    <t>223.791</t>
  </si>
  <si>
    <t>1032657.0</t>
  </si>
  <si>
    <t>576522.0</t>
  </si>
  <si>
    <t>470075.0</t>
  </si>
  <si>
    <t>342465.0</t>
  </si>
  <si>
    <t>224.47</t>
  </si>
  <si>
    <t>1037412.0</t>
  </si>
  <si>
    <t>578632.0</t>
  </si>
  <si>
    <t>473097.0</t>
  </si>
  <si>
    <t>343389.0</t>
  </si>
  <si>
    <t>225.075</t>
  </si>
  <si>
    <t>1041836.0</t>
  </si>
  <si>
    <t>343953.0</t>
  </si>
  <si>
    <t>344713.0</t>
  </si>
  <si>
    <t>225.943</t>
  </si>
  <si>
    <t>1045498.0</t>
  </si>
  <si>
    <t>582426.0</t>
  </si>
  <si>
    <t>478787.0</t>
  </si>
  <si>
    <t>345048.0</t>
  </si>
  <si>
    <t>226.163</t>
  </si>
  <si>
    <t>1047111.0</t>
  </si>
  <si>
    <t>583059.0</t>
  </si>
  <si>
    <t>479905.0</t>
  </si>
  <si>
    <t>350499.0</t>
  </si>
  <si>
    <t>1057104.0</t>
  </si>
  <si>
    <t>586704.0</t>
  </si>
  <si>
    <t>487034.0</t>
  </si>
  <si>
    <t>351657.0</t>
  </si>
  <si>
    <t>1066324.0</t>
  </si>
  <si>
    <t>590372.0</t>
  </si>
  <si>
    <t>493367.0</t>
  </si>
  <si>
    <t>231.184</t>
  </si>
  <si>
    <t>1073351.0</t>
  </si>
  <si>
    <t>593385.0</t>
  </si>
  <si>
    <t>498048.0</t>
  </si>
  <si>
    <t>353373.0</t>
  </si>
  <si>
    <t>231.619</t>
  </si>
  <si>
    <t>1080244.0</t>
  </si>
  <si>
    <t>596749.0</t>
  </si>
  <si>
    <t>502299.0</t>
  </si>
  <si>
    <t>354246.0</t>
  </si>
  <si>
    <t>232.192</t>
  </si>
  <si>
    <t>1086551.0</t>
  </si>
  <si>
    <t>599860.0</t>
  </si>
  <si>
    <t>506245.0</t>
  </si>
  <si>
    <t>232.625</t>
  </si>
  <si>
    <t>1089809.0</t>
  </si>
  <si>
    <t>601678.0</t>
  </si>
  <si>
    <t>508305.0</t>
  </si>
  <si>
    <t>355583.0</t>
  </si>
  <si>
    <t>233.068</t>
  </si>
  <si>
    <t>1092242.0</t>
  </si>
  <si>
    <t>602936.0</t>
  </si>
  <si>
    <t>233.654</t>
  </si>
  <si>
    <t>1102809.0</t>
  </si>
  <si>
    <t>606522.0</t>
  </si>
  <si>
    <t>357432.0</t>
  </si>
  <si>
    <t>234.28</t>
  </si>
  <si>
    <t>1113258.0</t>
  </si>
  <si>
    <t>525220.0</t>
  </si>
  <si>
    <t>358485.0</t>
  </si>
  <si>
    <t>1121521.0</t>
  </si>
  <si>
    <t>613170.0</t>
  </si>
  <si>
    <t>531161.0</t>
  </si>
  <si>
    <t>359405.0</t>
  </si>
  <si>
    <t>235.573</t>
  </si>
  <si>
    <t>1129387.0</t>
  </si>
  <si>
    <t>616133.0</t>
  </si>
  <si>
    <t>536817.0</t>
  </si>
  <si>
    <t>360283.0</t>
  </si>
  <si>
    <t>1138531.0</t>
  </si>
  <si>
    <t>619844.0</t>
  </si>
  <si>
    <t>543262.0</t>
  </si>
  <si>
    <t>236.775</t>
  </si>
  <si>
    <t>1143228.0</t>
  </si>
  <si>
    <t>622235.0</t>
  </si>
  <si>
    <t>546532.0</t>
  </si>
  <si>
    <t>242.375</t>
  </si>
  <si>
    <t>1145835.0</t>
  </si>
  <si>
    <t>623821.0</t>
  </si>
  <si>
    <t>547884.0</t>
  </si>
  <si>
    <t>370420.0</t>
  </si>
  <si>
    <t>242.793</t>
  </si>
  <si>
    <t>1153748.0</t>
  </si>
  <si>
    <t>627734.0</t>
  </si>
  <si>
    <t>552982.0</t>
  </si>
  <si>
    <t>371088.0</t>
  </si>
  <si>
    <t>243.231</t>
  </si>
  <si>
    <t>631072.0</t>
  </si>
  <si>
    <t>371778.0</t>
  </si>
  <si>
    <t>243.683</t>
  </si>
  <si>
    <t>1165204.0</t>
  </si>
  <si>
    <t>633915.0</t>
  </si>
  <si>
    <t>559820.0</t>
  </si>
  <si>
    <t>373044.0</t>
  </si>
  <si>
    <t>244.513</t>
  </si>
  <si>
    <t>1169961.0</t>
  </si>
  <si>
    <t>636444.0</t>
  </si>
  <si>
    <t>562650.0</t>
  </si>
  <si>
    <t>373742.0</t>
  </si>
  <si>
    <t>1173839.0</t>
  </si>
  <si>
    <t>638932.0</t>
  </si>
  <si>
    <t>564703.0</t>
  </si>
  <si>
    <t>374677.0</t>
  </si>
  <si>
    <t>245.583</t>
  </si>
  <si>
    <t>1176398.0</t>
  </si>
  <si>
    <t>640522.0</t>
  </si>
  <si>
    <t>566065.0</t>
  </si>
  <si>
    <t>375227.0</t>
  </si>
  <si>
    <t>245.944</t>
  </si>
  <si>
    <t>1177863.0</t>
  </si>
  <si>
    <t>641490.0</t>
  </si>
  <si>
    <t>566810.0</t>
  </si>
  <si>
    <t>375969.0</t>
  </si>
  <si>
    <t>246.43</t>
  </si>
  <si>
    <t>1183892.0</t>
  </si>
  <si>
    <t>643991.0</t>
  </si>
  <si>
    <t>571031.0</t>
  </si>
  <si>
    <t>376933.0</t>
  </si>
  <si>
    <t>247.062</t>
  </si>
  <si>
    <t>1188698.0</t>
  </si>
  <si>
    <t>645888.0</t>
  </si>
  <si>
    <t>574472.0</t>
  </si>
  <si>
    <t>247.867</t>
  </si>
  <si>
    <t>647611.0</t>
  </si>
  <si>
    <t>577507.0</t>
  </si>
  <si>
    <t>379251.0</t>
  </si>
  <si>
    <t>248.581</t>
  </si>
  <si>
    <t>1197055.0</t>
  </si>
  <si>
    <t>580553.0</t>
  </si>
  <si>
    <t>380282.0</t>
  </si>
  <si>
    <t>249.257</t>
  </si>
  <si>
    <t>1200876.0</t>
  </si>
  <si>
    <t>650206.0</t>
  </si>
  <si>
    <t>583447.0</t>
  </si>
  <si>
    <t>380917.0</t>
  </si>
  <si>
    <t>249.673</t>
  </si>
  <si>
    <t>1202702.0</t>
  </si>
  <si>
    <t>650911.0</t>
  </si>
  <si>
    <t>584728.0</t>
  </si>
  <si>
    <t>381372.0</t>
  </si>
  <si>
    <t>249.971</t>
  </si>
  <si>
    <t>1204082.0</t>
  </si>
  <si>
    <t>651389.0</t>
  </si>
  <si>
    <t>585737.0</t>
  </si>
  <si>
    <t>382242.0</t>
  </si>
  <si>
    <t>1208750.0</t>
  </si>
  <si>
    <t>652785.0</t>
  </si>
  <si>
    <t>589437.0</t>
  </si>
  <si>
    <t>391043.0</t>
  </si>
  <si>
    <t>256.31</t>
  </si>
  <si>
    <t>1212615.0</t>
  </si>
  <si>
    <t>654025.0</t>
  </si>
  <si>
    <t>1216085.0</t>
  </si>
  <si>
    <t>655094.0</t>
  </si>
  <si>
    <t>595072.0</t>
  </si>
  <si>
    <t>393175.0</t>
  </si>
  <si>
    <t>257.708</t>
  </si>
  <si>
    <t>1219271.0</t>
  </si>
  <si>
    <t>656169.0</t>
  </si>
  <si>
    <t>597499.0</t>
  </si>
  <si>
    <t>394203.0</t>
  </si>
  <si>
    <t>258.381</t>
  </si>
  <si>
    <t>1223227.0</t>
  </si>
  <si>
    <t>657417.0</t>
  </si>
  <si>
    <t>600601.0</t>
  </si>
  <si>
    <t>395133.0</t>
  </si>
  <si>
    <t>258.991</t>
  </si>
  <si>
    <t>1224955.0</t>
  </si>
  <si>
    <t>658107.0</t>
  </si>
  <si>
    <t>601791.0</t>
  </si>
  <si>
    <t>395533.0</t>
  </si>
  <si>
    <t>259.253</t>
  </si>
  <si>
    <t>1225345.0</t>
  </si>
  <si>
    <t>658287.0</t>
  </si>
  <si>
    <t>602032.0</t>
  </si>
  <si>
    <t>263.355</t>
  </si>
  <si>
    <t>1229650.0</t>
  </si>
  <si>
    <t>659653.0</t>
  </si>
  <si>
    <t>605396.0</t>
  </si>
  <si>
    <t>403167.0</t>
  </si>
  <si>
    <t>264.257</t>
  </si>
  <si>
    <t>1233453.0</t>
  </si>
  <si>
    <t>660870.0</t>
  </si>
  <si>
    <t>608387.0</t>
  </si>
  <si>
    <t>404003.0</t>
  </si>
  <si>
    <t>264.805</t>
  </si>
  <si>
    <t>1236684.0</t>
  </si>
  <si>
    <t>661981.0</t>
  </si>
  <si>
    <t>610852.0</t>
  </si>
  <si>
    <t>404365.0</t>
  </si>
  <si>
    <t>265.042</t>
  </si>
  <si>
    <t>265.788</t>
  </si>
  <si>
    <t>1240948.0</t>
  </si>
  <si>
    <t>663309.0</t>
  </si>
  <si>
    <t>614158.0</t>
  </si>
  <si>
    <t>406263.0</t>
  </si>
  <si>
    <t>266.286</t>
  </si>
  <si>
    <t>1242909.0</t>
  </si>
  <si>
    <t>663876.0</t>
  </si>
  <si>
    <t>615701.0</t>
  </si>
  <si>
    <t>407158.0</t>
  </si>
  <si>
    <t>266.873</t>
  </si>
  <si>
    <t>1243643.0</t>
  </si>
  <si>
    <t>664191.0</t>
  </si>
  <si>
    <t>616196.0</t>
  </si>
  <si>
    <t>407786.0</t>
  </si>
  <si>
    <t>267.284</t>
  </si>
  <si>
    <t>1247259.0</t>
  </si>
  <si>
    <t>665387.0</t>
  </si>
  <si>
    <t>618792.0</t>
  </si>
  <si>
    <t>409241.0</t>
  </si>
  <si>
    <t>268.238</t>
  </si>
  <si>
    <t>1250626.0</t>
  </si>
  <si>
    <t>666925.0</t>
  </si>
  <si>
    <t>621161.0</t>
  </si>
  <si>
    <t>410396.0</t>
  </si>
  <si>
    <t>268.995</t>
  </si>
  <si>
    <t>1254369.0</t>
  </si>
  <si>
    <t>668050.0</t>
  </si>
  <si>
    <t>623206.0</t>
  </si>
  <si>
    <t>411606.0</t>
  </si>
  <si>
    <t>269.788</t>
  </si>
  <si>
    <t>1257974.0</t>
  </si>
  <si>
    <t>669197.0</t>
  </si>
  <si>
    <t>625021.0</t>
  </si>
  <si>
    <t>412626.0</t>
  </si>
  <si>
    <t>1261785.0</t>
  </si>
  <si>
    <t>670447.0</t>
  </si>
  <si>
    <t>626652.0</t>
  </si>
  <si>
    <t>413488.0</t>
  </si>
  <si>
    <t>670999.0</t>
  </si>
  <si>
    <t>627187.0</t>
  </si>
  <si>
    <t>423692.0</t>
  </si>
  <si>
    <t>277.71</t>
  </si>
  <si>
    <t>1263909.0</t>
  </si>
  <si>
    <t>671394.0</t>
  </si>
  <si>
    <t>627596.0</t>
  </si>
  <si>
    <t>424627.0</t>
  </si>
  <si>
    <t>278.323</t>
  </si>
  <si>
    <t>1268243.0</t>
  </si>
  <si>
    <t>672952.0</t>
  </si>
  <si>
    <t>629381.0</t>
  </si>
  <si>
    <t>425989.0</t>
  </si>
  <si>
    <t>279.216</t>
  </si>
  <si>
    <t>1272023.0</t>
  </si>
  <si>
    <t>674258.0</t>
  </si>
  <si>
    <t>630781.0</t>
  </si>
  <si>
    <t>427114.0</t>
  </si>
  <si>
    <t>279.953</t>
  </si>
  <si>
    <t>1275330.0</t>
  </si>
  <si>
    <t>675336.0</t>
  </si>
  <si>
    <t>631960.0</t>
  </si>
  <si>
    <t>428214.0</t>
  </si>
  <si>
    <t>280.674</t>
  </si>
  <si>
    <t>1278727.0</t>
  </si>
  <si>
    <t>676396.0</t>
  </si>
  <si>
    <t>633341.0</t>
  </si>
  <si>
    <t>429114.0</t>
  </si>
  <si>
    <t>281.264</t>
  </si>
  <si>
    <t>1282541.0</t>
  </si>
  <si>
    <t>677587.0</t>
  </si>
  <si>
    <t>634513.0</t>
  </si>
  <si>
    <t>281.912</t>
  </si>
  <si>
    <t>1284116.0</t>
  </si>
  <si>
    <t>678363.0</t>
  </si>
  <si>
    <t>635055.0</t>
  </si>
  <si>
    <t>430812.0</t>
  </si>
  <si>
    <t>282.377</t>
  </si>
  <si>
    <t>1284884.0</t>
  </si>
  <si>
    <t>678760.0</t>
  </si>
  <si>
    <t>635225.0</t>
  </si>
  <si>
    <t>287.215</t>
  </si>
  <si>
    <t>1289461.0</t>
  </si>
  <si>
    <t>680283.0</t>
  </si>
  <si>
    <t>636885.0</t>
  </si>
  <si>
    <t>439397.0</t>
  </si>
  <si>
    <t>288.004</t>
  </si>
  <si>
    <t>1293577.0</t>
  </si>
  <si>
    <t>681553.0</t>
  </si>
  <si>
    <t>638366.0</t>
  </si>
  <si>
    <t>440469.0</t>
  </si>
  <si>
    <t>288.707</t>
  </si>
  <si>
    <t>1296957.0</t>
  </si>
  <si>
    <t>682719.0</t>
  </si>
  <si>
    <t>639486.0</t>
  </si>
  <si>
    <t>441571.0</t>
  </si>
  <si>
    <t>289.429</t>
  </si>
  <si>
    <t>1300017.0</t>
  </si>
  <si>
    <t>683829.0</t>
  </si>
  <si>
    <t>640171.0</t>
  </si>
  <si>
    <t>442819.0</t>
  </si>
  <si>
    <t>290.247</t>
  </si>
  <si>
    <t>1304312.0</t>
  </si>
  <si>
    <t>685174.0</t>
  </si>
  <si>
    <t>641345.0</t>
  </si>
  <si>
    <t>443512.0</t>
  </si>
  <si>
    <t>290.701</t>
  </si>
  <si>
    <t>1306771.0</t>
  </si>
  <si>
    <t>686089.0</t>
  </si>
  <si>
    <t>641799.0</t>
  </si>
  <si>
    <t>444476.0</t>
  </si>
  <si>
    <t>291.333</t>
  </si>
  <si>
    <t>1308026.0</t>
  </si>
  <si>
    <t>686751.0</t>
  </si>
  <si>
    <t>642105.0</t>
  </si>
  <si>
    <t>445676.0</t>
  </si>
  <si>
    <t>1313024.0</t>
  </si>
  <si>
    <t>688409.0</t>
  </si>
  <si>
    <t>643682.0</t>
  </si>
  <si>
    <t>446771.0</t>
  </si>
  <si>
    <t>292.837</t>
  </si>
  <si>
    <t>1317961.0</t>
  </si>
  <si>
    <t>689661.0</t>
  </si>
  <si>
    <t>644888.0</t>
  </si>
  <si>
    <t>448053.0</t>
  </si>
  <si>
    <t>293.678</t>
  </si>
  <si>
    <t>1321674.0</t>
  </si>
  <si>
    <t>690768.0</t>
  </si>
  <si>
    <t>645833.0</t>
  </si>
  <si>
    <t>298.578</t>
  </si>
  <si>
    <t>1324880.0</t>
  </si>
  <si>
    <t>691683.0</t>
  </si>
  <si>
    <t>646734.0</t>
  </si>
  <si>
    <t>455699.0</t>
  </si>
  <si>
    <t>298.689</t>
  </si>
  <si>
    <t>1328458.0</t>
  </si>
  <si>
    <t>692778.0</t>
  </si>
  <si>
    <t>647907.0</t>
  </si>
  <si>
    <t>32231.0</t>
  </si>
  <si>
    <t>457734.0</t>
  </si>
  <si>
    <t>300.023</t>
  </si>
  <si>
    <t>1329938.0</t>
  </si>
  <si>
    <t>693483.0</t>
  </si>
  <si>
    <t>648391.0</t>
  </si>
  <si>
    <t>458869.0</t>
  </si>
  <si>
    <t>300.767</t>
  </si>
  <si>
    <t>1330873.0</t>
  </si>
  <si>
    <t>693946.0</t>
  </si>
  <si>
    <t>648651.0</t>
  </si>
  <si>
    <t>32922.0</t>
  </si>
  <si>
    <t>459629.0</t>
  </si>
  <si>
    <t>301.265</t>
  </si>
  <si>
    <t>1334388.0</t>
  </si>
  <si>
    <t>695129.0</t>
  </si>
  <si>
    <t>650050.0</t>
  </si>
  <si>
    <t>467729.0</t>
  </si>
  <si>
    <t>306.574</t>
  </si>
  <si>
    <t>1338461.0</t>
  </si>
  <si>
    <t>696107.0</t>
  </si>
  <si>
    <t>651135.0</t>
  </si>
  <si>
    <t>468895.0</t>
  </si>
  <si>
    <t>307.339</t>
  </si>
  <si>
    <t>1341221.0</t>
  </si>
  <si>
    <t>696950.0</t>
  </si>
  <si>
    <t>652152.0</t>
  </si>
  <si>
    <t>308.206</t>
  </si>
  <si>
    <t>1343818.0</t>
  </si>
  <si>
    <t>697645.0</t>
  </si>
  <si>
    <t>653077.0</t>
  </si>
  <si>
    <t>471520.0</t>
  </si>
  <si>
    <t>309.059</t>
  </si>
  <si>
    <t>1346675.0</t>
  </si>
  <si>
    <t>698473.0</t>
  </si>
  <si>
    <t>654075.0</t>
  </si>
  <si>
    <t>472414.0</t>
  </si>
  <si>
    <t>309.645</t>
  </si>
  <si>
    <t>1347725.0</t>
  </si>
  <si>
    <t>698861.0</t>
  </si>
  <si>
    <t>40297.0</t>
  </si>
  <si>
    <t>473172.0</t>
  </si>
  <si>
    <t>310.142</t>
  </si>
  <si>
    <t>1348195.0</t>
  </si>
  <si>
    <t>699027.0</t>
  </si>
  <si>
    <t>654695.0</t>
  </si>
  <si>
    <t>481119.0</t>
  </si>
  <si>
    <t>315.351</t>
  </si>
  <si>
    <t>1353316.0</t>
  </si>
  <si>
    <t>699968.0</t>
  </si>
  <si>
    <t>655985.0</t>
  </si>
  <si>
    <t>43613.0</t>
  </si>
  <si>
    <t>482101.0</t>
  </si>
  <si>
    <t>315.994</t>
  </si>
  <si>
    <t>1357815.0</t>
  </si>
  <si>
    <t>700738.0</t>
  </si>
  <si>
    <t>656926.0</t>
  </si>
  <si>
    <t>482951.0</t>
  </si>
  <si>
    <t>316.552</t>
  </si>
  <si>
    <t>1362128.0</t>
  </si>
  <si>
    <t>701503.0</t>
  </si>
  <si>
    <t>657908.0</t>
  </si>
  <si>
    <t>484050.0</t>
  </si>
  <si>
    <t>317.272</t>
  </si>
  <si>
    <t>1365856.0</t>
  </si>
  <si>
    <t>702136.0</t>
  </si>
  <si>
    <t>485659.0</t>
  </si>
  <si>
    <t>318.327</t>
  </si>
  <si>
    <t>1369643.0</t>
  </si>
  <si>
    <t>702844.0</t>
  </si>
  <si>
    <t>659702.0</t>
  </si>
  <si>
    <t>54055.0</t>
  </si>
  <si>
    <t>486415.0</t>
  </si>
  <si>
    <t>1371295.0</t>
  </si>
  <si>
    <t>703083.0</t>
  </si>
  <si>
    <t>659946.0</t>
  </si>
  <si>
    <t>55249.0</t>
  </si>
  <si>
    <t>487240.0</t>
  </si>
  <si>
    <t>319.363</t>
  </si>
  <si>
    <t>1372208.0</t>
  </si>
  <si>
    <t>703289.0</t>
  </si>
  <si>
    <t>488278.0</t>
  </si>
  <si>
    <t>320.043</t>
  </si>
  <si>
    <t>1379254.0</t>
  </si>
  <si>
    <t>704587.0</t>
  </si>
  <si>
    <t>661746.0</t>
  </si>
  <si>
    <t>488616.0</t>
  </si>
  <si>
    <t>320.265</t>
  </si>
  <si>
    <t>1384249.0</t>
  </si>
  <si>
    <t>705683.0</t>
  </si>
  <si>
    <t>662870.0</t>
  </si>
  <si>
    <t>498173.0</t>
  </si>
  <si>
    <t>326.529</t>
  </si>
  <si>
    <t>1387974.0</t>
  </si>
  <si>
    <t>706553.0</t>
  </si>
  <si>
    <t>663831.0</t>
  </si>
  <si>
    <t>499573.0</t>
  </si>
  <si>
    <t>1390568.0</t>
  </si>
  <si>
    <t>707231.0</t>
  </si>
  <si>
    <t>664548.0</t>
  </si>
  <si>
    <t>500624.0</t>
  </si>
  <si>
    <t>1391155.0</t>
  </si>
  <si>
    <t>707398.0</t>
  </si>
  <si>
    <t>664699.0</t>
  </si>
  <si>
    <t>501389.0</t>
  </si>
  <si>
    <t>328.637</t>
  </si>
  <si>
    <t>501656.0</t>
  </si>
  <si>
    <t>328.812</t>
  </si>
  <si>
    <t>502121.0</t>
  </si>
  <si>
    <t>329.117</t>
  </si>
  <si>
    <t>502726.0</t>
  </si>
  <si>
    <t>1397059.0</t>
  </si>
  <si>
    <t>709140.0</t>
  </si>
  <si>
    <t>666432.0</t>
  </si>
  <si>
    <t>503400.0</t>
  </si>
  <si>
    <t>329.955</t>
  </si>
  <si>
    <t>1402345.0</t>
  </si>
  <si>
    <t>710792.0</t>
  </si>
  <si>
    <t>667723.0</t>
  </si>
  <si>
    <t>511257.0</t>
  </si>
  <si>
    <t>335.105</t>
  </si>
  <si>
    <t>1408384.0</t>
  </si>
  <si>
    <t>712256.0</t>
  </si>
  <si>
    <t>668717.0</t>
  </si>
  <si>
    <t>76184.0</t>
  </si>
  <si>
    <t>511818.0</t>
  </si>
  <si>
    <t>335.473</t>
  </si>
  <si>
    <t>1409304.0</t>
  </si>
  <si>
    <t>712707.0</t>
  </si>
  <si>
    <t>668982.0</t>
  </si>
  <si>
    <t>512168.0</t>
  </si>
  <si>
    <t>335.702</t>
  </si>
  <si>
    <t>336.07</t>
  </si>
  <si>
    <t>513554.0</t>
  </si>
  <si>
    <t>1414551.0</t>
  </si>
  <si>
    <t>714491.0</t>
  </si>
  <si>
    <t>670167.0</t>
  </si>
  <si>
    <t>79086.0</t>
  </si>
  <si>
    <t>520520.0</t>
  </si>
  <si>
    <t>341.176</t>
  </si>
  <si>
    <t>1419498.0</t>
  </si>
  <si>
    <t>716073.0</t>
  </si>
  <si>
    <t>671314.0</t>
  </si>
  <si>
    <t>81633.0</t>
  </si>
  <si>
    <t>522100.0</t>
  </si>
  <si>
    <t>342.212</t>
  </si>
  <si>
    <t>1423722.0</t>
  </si>
  <si>
    <t>717326.0</t>
  </si>
  <si>
    <t>672351.0</t>
  </si>
  <si>
    <t>523225.0</t>
  </si>
  <si>
    <t>342.949</t>
  </si>
  <si>
    <t>1427975.0</t>
  </si>
  <si>
    <t>718927.0</t>
  </si>
  <si>
    <t>673199.0</t>
  </si>
  <si>
    <t>523967.0</t>
  </si>
  <si>
    <t>343.436</t>
  </si>
  <si>
    <t>1432316.0</t>
  </si>
  <si>
    <t>720440.0</t>
  </si>
  <si>
    <t>674197.0</t>
  </si>
  <si>
    <t>524833.0</t>
  </si>
  <si>
    <t>344.003</t>
  </si>
  <si>
    <t>1435282.0</t>
  </si>
  <si>
    <t>721124.0</t>
  </si>
  <si>
    <t>674530.0</t>
  </si>
  <si>
    <t>90134.0</t>
  </si>
  <si>
    <t>525388.0</t>
  </si>
  <si>
    <t>344.367</t>
  </si>
  <si>
    <t>526349.0</t>
  </si>
  <si>
    <t>344.997</t>
  </si>
  <si>
    <t>1440179.0</t>
  </si>
  <si>
    <t>722750.0</t>
  </si>
  <si>
    <t>675830.0</t>
  </si>
  <si>
    <t>346.16</t>
  </si>
  <si>
    <t>724052.0</t>
  </si>
  <si>
    <t>677025.0</t>
  </si>
  <si>
    <t>94254.0</t>
  </si>
  <si>
    <t>538944.0</t>
  </si>
  <si>
    <t>353.252</t>
  </si>
  <si>
    <t>1447374.0</t>
  </si>
  <si>
    <t>724973.0</t>
  </si>
  <si>
    <t>677920.0</t>
  </si>
  <si>
    <t>540494.0</t>
  </si>
  <si>
    <t>354.268</t>
  </si>
  <si>
    <t>1450406.0</t>
  </si>
  <si>
    <t>726155.0</t>
  </si>
  <si>
    <t>678667.0</t>
  </si>
  <si>
    <t>541809.0</t>
  </si>
  <si>
    <t>355.13</t>
  </si>
  <si>
    <t>1453031.0</t>
  </si>
  <si>
    <t>727066.0</t>
  </si>
  <si>
    <t>679282.0</t>
  </si>
  <si>
    <t>98490.0</t>
  </si>
  <si>
    <t>542619.0</t>
  </si>
  <si>
    <t>355.661</t>
  </si>
  <si>
    <t>1454530.0</t>
  </si>
  <si>
    <t>727477.0</t>
  </si>
  <si>
    <t>679498.0</t>
  </si>
  <si>
    <t>543199.0</t>
  </si>
  <si>
    <t>356.041</t>
  </si>
  <si>
    <t>1454725.0</t>
  </si>
  <si>
    <t>727519.0</t>
  </si>
  <si>
    <t>679532.0</t>
  </si>
  <si>
    <t>99602.0</t>
  </si>
  <si>
    <t>551529.0</t>
  </si>
  <si>
    <t>361.501</t>
  </si>
  <si>
    <t>1456916.0</t>
  </si>
  <si>
    <t>728265.0</t>
  </si>
  <si>
    <t>680033.0</t>
  </si>
  <si>
    <t>100754.0</t>
  </si>
  <si>
    <t>552789.0</t>
  </si>
  <si>
    <t>362.327</t>
  </si>
  <si>
    <t>1459481.0</t>
  </si>
  <si>
    <t>728837.0</t>
  </si>
  <si>
    <t>681089.0</t>
  </si>
  <si>
    <t>101821.0</t>
  </si>
  <si>
    <t>554430.0</t>
  </si>
  <si>
    <t>363.403</t>
  </si>
  <si>
    <t>1462114.0</t>
  </si>
  <si>
    <t>729371.0</t>
  </si>
  <si>
    <t>682387.0</t>
  </si>
  <si>
    <t>555780.0</t>
  </si>
  <si>
    <t>364.288</t>
  </si>
  <si>
    <t>1464353.0</t>
  </si>
  <si>
    <t>729831.0</t>
  </si>
  <si>
    <t>683401.0</t>
  </si>
  <si>
    <t>556920.0</t>
  </si>
  <si>
    <t>365.035</t>
  </si>
  <si>
    <t>1466293.0</t>
  </si>
  <si>
    <t>730360.0</t>
  </si>
  <si>
    <t>684018.0</t>
  </si>
  <si>
    <t>104549.0</t>
  </si>
  <si>
    <t>558052.0</t>
  </si>
  <si>
    <t>365.777</t>
  </si>
  <si>
    <t>1467227.0</t>
  </si>
  <si>
    <t>730588.0</t>
  </si>
  <si>
    <t>684141.0</t>
  </si>
  <si>
    <t>105157.0</t>
  </si>
  <si>
    <t>558707.0</t>
  </si>
  <si>
    <t>366.206</t>
  </si>
  <si>
    <t>1467373.0</t>
  </si>
  <si>
    <t>684155.0</t>
  </si>
  <si>
    <t>105247.0</t>
  </si>
  <si>
    <t>559489.0</t>
  </si>
  <si>
    <t>366.719</t>
  </si>
  <si>
    <t>1470094.0</t>
  </si>
  <si>
    <t>731209.0</t>
  </si>
  <si>
    <t>685376.0</t>
  </si>
  <si>
    <t>560542.0</t>
  </si>
  <si>
    <t>367.409</t>
  </si>
  <si>
    <t>1472636.0</t>
  </si>
  <si>
    <t>731746.0</t>
  </si>
  <si>
    <t>686586.0</t>
  </si>
  <si>
    <t>561692.0</t>
  </si>
  <si>
    <t>368.163</t>
  </si>
  <si>
    <t>1474821.0</t>
  </si>
  <si>
    <t>732201.0</t>
  </si>
  <si>
    <t>96.33</t>
  </si>
  <si>
    <t>563168.0</t>
  </si>
  <si>
    <t>369.13</t>
  </si>
  <si>
    <t>1476864.0</t>
  </si>
  <si>
    <t>732622.0</t>
  </si>
  <si>
    <t>688611.0</t>
  </si>
  <si>
    <t>564406.0</t>
  </si>
  <si>
    <t>369.941</t>
  </si>
  <si>
    <t>1479326.0</t>
  </si>
  <si>
    <t>733124.0</t>
  </si>
  <si>
    <t>689743.0</t>
  </si>
  <si>
    <t>109684.0</t>
  </si>
  <si>
    <t>565381.0</t>
  </si>
  <si>
    <t>370.581</t>
  </si>
  <si>
    <t>1480585.0</t>
  </si>
  <si>
    <t>733378.0</t>
  </si>
  <si>
    <t>690137.0</t>
  </si>
  <si>
    <t>110316.0</t>
  </si>
  <si>
    <t>565843.0</t>
  </si>
  <si>
    <t>370.883</t>
  </si>
  <si>
    <t>1480799.0</t>
  </si>
  <si>
    <t>110422.0</t>
  </si>
  <si>
    <t>581764.0</t>
  </si>
  <si>
    <t>15921.0</t>
  </si>
  <si>
    <t>381.319</t>
  </si>
  <si>
    <t>10.435</t>
  </si>
  <si>
    <t>1483440.0</t>
  </si>
  <si>
    <t>734014.0</t>
  </si>
  <si>
    <t>691340.0</t>
  </si>
  <si>
    <t>111463.0</t>
  </si>
  <si>
    <t>582512.0</t>
  </si>
  <si>
    <t>381.809</t>
  </si>
  <si>
    <t>1485519.0</t>
  </si>
  <si>
    <t>734538.0</t>
  </si>
  <si>
    <t>692269.0</t>
  </si>
  <si>
    <t>112223.0</t>
  </si>
  <si>
    <t>583727.0</t>
  </si>
  <si>
    <t>382.605</t>
  </si>
  <si>
    <t>1487643.0</t>
  </si>
  <si>
    <t>735084.0</t>
  </si>
  <si>
    <t>693136.0</t>
  </si>
  <si>
    <t>584990.0</t>
  </si>
  <si>
    <t>383.433</t>
  </si>
  <si>
    <t>1489453.0</t>
  </si>
  <si>
    <t>735447.0</t>
  </si>
  <si>
    <t>693840.0</t>
  </si>
  <si>
    <t>113844.0</t>
  </si>
  <si>
    <t>585393.0</t>
  </si>
  <si>
    <t>383.697</t>
  </si>
  <si>
    <t>1491657.0</t>
  </si>
  <si>
    <t>735841.0</t>
  </si>
  <si>
    <t>694625.0</t>
  </si>
  <si>
    <t>587130.0</t>
  </si>
  <si>
    <t>384.836</t>
  </si>
  <si>
    <t>1492714.0</t>
  </si>
  <si>
    <t>736009.0</t>
  </si>
  <si>
    <t>694910.0</t>
  </si>
  <si>
    <t>385.573</t>
  </si>
  <si>
    <t>589111.0</t>
  </si>
  <si>
    <t>386.134</t>
  </si>
  <si>
    <t>1494934.0</t>
  </si>
  <si>
    <t>736525.0</t>
  </si>
  <si>
    <t>695612.0</t>
  </si>
  <si>
    <t>116690.0</t>
  </si>
  <si>
    <t>590637.0</t>
  </si>
  <si>
    <t>387.135</t>
  </si>
  <si>
    <t>1496700.0</t>
  </si>
  <si>
    <t>736907.0</t>
  </si>
  <si>
    <t>696200.0</t>
  </si>
  <si>
    <t>117575.0</t>
  </si>
  <si>
    <t>591666.0</t>
  </si>
  <si>
    <t>387.809</t>
  </si>
  <si>
    <t>1498616.0</t>
  </si>
  <si>
    <t>737249.0</t>
  </si>
  <si>
    <t>696708.0</t>
  </si>
  <si>
    <t>593011.0</t>
  </si>
  <si>
    <t>388.691</t>
  </si>
  <si>
    <t>737525.0</t>
  </si>
  <si>
    <t>697112.0</t>
  </si>
  <si>
    <t>119662.0</t>
  </si>
  <si>
    <t>389.423</t>
  </si>
  <si>
    <t>1502294.0</t>
  </si>
  <si>
    <t>737883.0</t>
  </si>
  <si>
    <t>697579.0</t>
  </si>
  <si>
    <t>594948.0</t>
  </si>
  <si>
    <t>389.96</t>
  </si>
  <si>
    <t>1503434.0</t>
  </si>
  <si>
    <t>738037.0</t>
  </si>
  <si>
    <t>697764.0</t>
  </si>
  <si>
    <t>596000.0</t>
  </si>
  <si>
    <t>390.65</t>
  </si>
  <si>
    <t>1503561.0</t>
  </si>
  <si>
    <t>738042.0</t>
  </si>
  <si>
    <t>697792.0</t>
  </si>
  <si>
    <t>610097.0</t>
  </si>
  <si>
    <t>399.89</t>
  </si>
  <si>
    <t>1505640.0</t>
  </si>
  <si>
    <t>738364.0</t>
  </si>
  <si>
    <t>698274.0</t>
  </si>
  <si>
    <t>123297.0</t>
  </si>
  <si>
    <t>1507642.0</t>
  </si>
  <si>
    <t>738709.0</t>
  </si>
  <si>
    <t>698799.0</t>
  </si>
  <si>
    <t>610993.0</t>
  </si>
  <si>
    <t>400.477</t>
  </si>
  <si>
    <t>1509466.0</t>
  </si>
  <si>
    <t>739027.0</t>
  </si>
  <si>
    <t>699199.0</t>
  </si>
  <si>
    <t>612903.0</t>
  </si>
  <si>
    <t>401.729</t>
  </si>
  <si>
    <t>1511142.0</t>
  </si>
  <si>
    <t>739274.0</t>
  </si>
  <si>
    <t>126802.0</t>
  </si>
  <si>
    <t>614026.0</t>
  </si>
  <si>
    <t>402.465</t>
  </si>
  <si>
    <t>1513467.0</t>
  </si>
  <si>
    <t>739605.0</t>
  </si>
  <si>
    <t>700091.0</t>
  </si>
  <si>
    <t>128395.0</t>
  </si>
  <si>
    <t>614987.0</t>
  </si>
  <si>
    <t>403.095</t>
  </si>
  <si>
    <t>1514910.0</t>
  </si>
  <si>
    <t>739745.0</t>
  </si>
  <si>
    <t>700294.0</t>
  </si>
  <si>
    <t>129528.0</t>
  </si>
  <si>
    <t>615755.0</t>
  </si>
  <si>
    <t>403.598</t>
  </si>
  <si>
    <t>616543.0</t>
  </si>
  <si>
    <t>404.115</t>
  </si>
  <si>
    <t>1517065.0</t>
  </si>
  <si>
    <t>740145.0</t>
  </si>
  <si>
    <t>700838.0</t>
  </si>
  <si>
    <t>623163.0</t>
  </si>
  <si>
    <t>408.454</t>
  </si>
  <si>
    <t>1518878.0</t>
  </si>
  <si>
    <t>740468.0</t>
  </si>
  <si>
    <t>701372.0</t>
  </si>
  <si>
    <t>624488.0</t>
  </si>
  <si>
    <t>409.322</t>
  </si>
  <si>
    <t>1520535.0</t>
  </si>
  <si>
    <t>740765.0</t>
  </si>
  <si>
    <t>701881.0</t>
  </si>
  <si>
    <t>132843.0</t>
  </si>
  <si>
    <t>625728.0</t>
  </si>
  <si>
    <t>410.135</t>
  </si>
  <si>
    <t>1521999.0</t>
  </si>
  <si>
    <t>702255.0</t>
  </si>
  <si>
    <t>626611.0</t>
  </si>
  <si>
    <t>410.714</t>
  </si>
  <si>
    <t>1523755.0</t>
  </si>
  <si>
    <t>741328.0</t>
  </si>
  <si>
    <t>134873.0</t>
  </si>
  <si>
    <t>627706.0</t>
  </si>
  <si>
    <t>411.432</t>
  </si>
  <si>
    <t>1524592.0</t>
  </si>
  <si>
    <t>741408.0</t>
  </si>
  <si>
    <t>702837.0</t>
  </si>
  <si>
    <t>135494.0</t>
  </si>
  <si>
    <t>99.58</t>
  </si>
  <si>
    <t>628553.0</t>
  </si>
  <si>
    <t>411.987</t>
  </si>
  <si>
    <t>634632.0</t>
  </si>
  <si>
    <t>415.971</t>
  </si>
  <si>
    <t>1525728.0</t>
  </si>
  <si>
    <t>741641.0</t>
  </si>
  <si>
    <t>703141.0</t>
  </si>
  <si>
    <t>136158.0</t>
  </si>
  <si>
    <t>635204.0</t>
  </si>
  <si>
    <t>416.346</t>
  </si>
  <si>
    <t>1526406.0</t>
  </si>
  <si>
    <t>741852.0</t>
  </si>
  <si>
    <t>703345.0</t>
  </si>
  <si>
    <t>136494.0</t>
  </si>
  <si>
    <t>635761.0</t>
  </si>
  <si>
    <t>416.711</t>
  </si>
  <si>
    <t>742030.0</t>
  </si>
  <si>
    <t>703563.0</t>
  </si>
  <si>
    <t>136808.0</t>
  </si>
  <si>
    <t>1527749.0</t>
  </si>
  <si>
    <t>742222.0</t>
  </si>
  <si>
    <t>703764.0</t>
  </si>
  <si>
    <t>137166.0</t>
  </si>
  <si>
    <t>637557.0</t>
  </si>
  <si>
    <t>417.888</t>
  </si>
  <si>
    <t>1528473.0</t>
  </si>
  <si>
    <t>742395.0</t>
  </si>
  <si>
    <t>704001.0</t>
  </si>
  <si>
    <t>137558.0</t>
  </si>
  <si>
    <t>638727.0</t>
  </si>
  <si>
    <t>418.655</t>
  </si>
  <si>
    <t>1529220.0</t>
  </si>
  <si>
    <t>742521.0</t>
  </si>
  <si>
    <t>704140.0</t>
  </si>
  <si>
    <t>138058.0</t>
  </si>
  <si>
    <t>639149.0</t>
  </si>
  <si>
    <t>418.932</t>
  </si>
  <si>
    <t>1529230.0</t>
  </si>
  <si>
    <t>742525.0</t>
  </si>
  <si>
    <t>704144.0</t>
  </si>
  <si>
    <t>138063.0</t>
  </si>
  <si>
    <t>640323.0</t>
  </si>
  <si>
    <t>419.701</t>
  </si>
  <si>
    <t>1530294.0</t>
  </si>
  <si>
    <t>742769.0</t>
  </si>
  <si>
    <t>704504.0</t>
  </si>
  <si>
    <t>138582.0</t>
  </si>
  <si>
    <t>646208.0</t>
  </si>
  <si>
    <t>423.559</t>
  </si>
  <si>
    <t>1531321.0</t>
  </si>
  <si>
    <t>743019.0</t>
  </si>
  <si>
    <t>704855.0</t>
  </si>
  <si>
    <t>139067.0</t>
  </si>
  <si>
    <t>100.02</t>
  </si>
  <si>
    <t>647371.0</t>
  </si>
  <si>
    <t>424.321</t>
  </si>
  <si>
    <t>1532235.0</t>
  </si>
  <si>
    <t>743216.0</t>
  </si>
  <si>
    <t>705153.0</t>
  </si>
  <si>
    <t>648591.0</t>
  </si>
  <si>
    <t>1533108.0</t>
  </si>
  <si>
    <t>743407.0</t>
  </si>
  <si>
    <t>705430.0</t>
  </si>
  <si>
    <t>139980.0</t>
  </si>
  <si>
    <t>100.13</t>
  </si>
  <si>
    <t>649354.0</t>
  </si>
  <si>
    <t>425.621</t>
  </si>
  <si>
    <t>1534045.0</t>
  </si>
  <si>
    <t>743623.0</t>
  </si>
  <si>
    <t>705773.0</t>
  </si>
  <si>
    <t>140423.0</t>
  </si>
  <si>
    <t>650097.0</t>
  </si>
  <si>
    <t>426.108</t>
  </si>
  <si>
    <t>1534637.0</t>
  </si>
  <si>
    <t>743725.0</t>
  </si>
  <si>
    <t>705911.0</t>
  </si>
  <si>
    <t>140795.0</t>
  </si>
  <si>
    <t>650827.0</t>
  </si>
  <si>
    <t>426.586</t>
  </si>
  <si>
    <t>651489.0</t>
  </si>
  <si>
    <t>427.02</t>
  </si>
  <si>
    <t>1535510.0</t>
  </si>
  <si>
    <t>743930.0</t>
  </si>
  <si>
    <t>706234.0</t>
  </si>
  <si>
    <t>141180.0</t>
  </si>
  <si>
    <t>656378.0</t>
  </si>
  <si>
    <t>430.225</t>
  </si>
  <si>
    <t>1536390.0</t>
  </si>
  <si>
    <t>744197.0</t>
  </si>
  <si>
    <t>706548.0</t>
  </si>
  <si>
    <t>141552.0</t>
  </si>
  <si>
    <t>657641.0</t>
  </si>
  <si>
    <t>431.053</t>
  </si>
  <si>
    <t>744403.0</t>
  </si>
  <si>
    <t>706781.0</t>
  </si>
  <si>
    <t>141910.0</t>
  </si>
  <si>
    <t>658282.0</t>
  </si>
  <si>
    <t>431.473</t>
  </si>
  <si>
    <t>1537860.0</t>
  </si>
  <si>
    <t>744632.0</t>
  </si>
  <si>
    <t>707021.0</t>
  </si>
  <si>
    <t>142225.0</t>
  </si>
  <si>
    <t>659418.0</t>
  </si>
  <si>
    <t>1538756.0</t>
  </si>
  <si>
    <t>744851.0</t>
  </si>
  <si>
    <t>707304.0</t>
  </si>
  <si>
    <t>142679.0</t>
  </si>
  <si>
    <t>660159.0</t>
  </si>
  <si>
    <t>432.703</t>
  </si>
  <si>
    <t>1539289.0</t>
  </si>
  <si>
    <t>744942.0</t>
  </si>
  <si>
    <t>707418.0</t>
  </si>
  <si>
    <t>660907.0</t>
  </si>
  <si>
    <t>433.193</t>
  </si>
  <si>
    <t>1539299.0</t>
  </si>
  <si>
    <t>143037.0</t>
  </si>
  <si>
    <t>661720.0</t>
  </si>
  <si>
    <t>433.726</t>
  </si>
  <si>
    <t>1539965.0</t>
  </si>
  <si>
    <t>745139.0</t>
  </si>
  <si>
    <t>707632.0</t>
  </si>
  <si>
    <t>665489.0</t>
  </si>
  <si>
    <t>436.197</t>
  </si>
  <si>
    <t>1540717.0</t>
  </si>
  <si>
    <t>745375.0</t>
  </si>
  <si>
    <t>707896.0</t>
  </si>
  <si>
    <t>143655.0</t>
  </si>
  <si>
    <t>666494.0</t>
  </si>
  <si>
    <t>436.855</t>
  </si>
  <si>
    <t>1541448.0</t>
  </si>
  <si>
    <t>745588.0</t>
  </si>
  <si>
    <t>708139.0</t>
  </si>
  <si>
    <t>143997.0</t>
  </si>
  <si>
    <t>437.414</t>
  </si>
  <si>
    <t>1542051.0</t>
  </si>
  <si>
    <t>745772.0</t>
  </si>
  <si>
    <t>708327.0</t>
  </si>
  <si>
    <t>144274.0</t>
  </si>
  <si>
    <t>668187.0</t>
  </si>
  <si>
    <t>437.965</t>
  </si>
  <si>
    <t>1542747.0</t>
  </si>
  <si>
    <t>745958.0</t>
  </si>
  <si>
    <t>708516.0</t>
  </si>
  <si>
    <t>144651.0</t>
  </si>
  <si>
    <t>668817.0</t>
  </si>
  <si>
    <t>438.378</t>
  </si>
  <si>
    <t>1543140.0</t>
  </si>
  <si>
    <t>746020.0</t>
  </si>
  <si>
    <t>708598.0</t>
  </si>
  <si>
    <t>669302.0</t>
  </si>
  <si>
    <t>438.696</t>
  </si>
  <si>
    <t>439.246</t>
  </si>
  <si>
    <t>1543684.0</t>
  </si>
  <si>
    <t>746106.0</t>
  </si>
  <si>
    <t>708762.0</t>
  </si>
  <si>
    <t>145222.0</t>
  </si>
  <si>
    <t>673601.0</t>
  </si>
  <si>
    <t>441.514</t>
  </si>
  <si>
    <t>1544257.0</t>
  </si>
  <si>
    <t>746182.0</t>
  </si>
  <si>
    <t>708940.0</t>
  </si>
  <si>
    <t>145568.0</t>
  </si>
  <si>
    <t>673866.0</t>
  </si>
  <si>
    <t>441.687</t>
  </si>
  <si>
    <t>674626.0</t>
  </si>
  <si>
    <t>442.185</t>
  </si>
  <si>
    <t>1544733.0</t>
  </si>
  <si>
    <t>746249.0</t>
  </si>
  <si>
    <t>709101.0</t>
  </si>
  <si>
    <t>145843.0</t>
  </si>
  <si>
    <t>1545194.0</t>
  </si>
  <si>
    <t>746331.0</t>
  </si>
  <si>
    <t>709263.0</t>
  </si>
  <si>
    <t>146079.0</t>
  </si>
  <si>
    <t>100.92</t>
  </si>
  <si>
    <t>442.872</t>
  </si>
  <si>
    <t>746368.0</t>
  </si>
  <si>
    <t>709334.0</t>
  </si>
  <si>
    <t>676412.0</t>
  </si>
  <si>
    <t>443.356</t>
  </si>
  <si>
    <t>1545296.0</t>
  </si>
  <si>
    <t>677615.0</t>
  </si>
  <si>
    <t>444.145</t>
  </si>
  <si>
    <t>1546053.0</t>
  </si>
  <si>
    <t>746446.0</t>
  </si>
  <si>
    <t>709471.0</t>
  </si>
  <si>
    <t>680114.0</t>
  </si>
  <si>
    <t>445.783</t>
  </si>
  <si>
    <t>1546483.0</t>
  </si>
  <si>
    <t>746495.0</t>
  </si>
  <si>
    <t>146889.0</t>
  </si>
  <si>
    <t>101.01</t>
  </si>
  <si>
    <t>680567.0</t>
  </si>
  <si>
    <t>446.08</t>
  </si>
  <si>
    <t>1546855.0</t>
  </si>
  <si>
    <t>709733.0</t>
  </si>
  <si>
    <t>147101.0</t>
  </si>
  <si>
    <t>681316.0</t>
  </si>
  <si>
    <t>446.57</t>
  </si>
  <si>
    <t>1547267.0</t>
  </si>
  <si>
    <t>746626.0</t>
  </si>
  <si>
    <t>709871.0</t>
  </si>
  <si>
    <t>1547710.0</t>
  </si>
  <si>
    <t>746688.0</t>
  </si>
  <si>
    <t>710000.0</t>
  </si>
  <si>
    <t>147591.0</t>
  </si>
  <si>
    <t>682170.0</t>
  </si>
  <si>
    <t>447.13</t>
  </si>
  <si>
    <t>1547977.0</t>
  </si>
  <si>
    <t>746711.0</t>
  </si>
  <si>
    <t>710060.0</t>
  </si>
  <si>
    <t>682714.0</t>
  </si>
  <si>
    <t>447.487</t>
  </si>
  <si>
    <t>686393.0</t>
  </si>
  <si>
    <t>449.898</t>
  </si>
  <si>
    <t>1548930.0</t>
  </si>
  <si>
    <t>746859.0</t>
  </si>
  <si>
    <t>710340.0</t>
  </si>
  <si>
    <t>1549291.0</t>
  </si>
  <si>
    <t>746916.0</t>
  </si>
  <si>
    <t>1549703.0</t>
  </si>
  <si>
    <t>746977.0</t>
  </si>
  <si>
    <t>710556.0</t>
  </si>
  <si>
    <t>148817.0</t>
  </si>
  <si>
    <t>686844.0</t>
  </si>
  <si>
    <t>450.194</t>
  </si>
  <si>
    <t>690185.0</t>
  </si>
  <si>
    <t>452.384</t>
  </si>
  <si>
    <t>692757.0</t>
  </si>
  <si>
    <t>454.069</t>
  </si>
  <si>
    <t>1550104.0</t>
  </si>
  <si>
    <t>747052.0</t>
  </si>
  <si>
    <t>710700.0</t>
  </si>
  <si>
    <t>149021.0</t>
  </si>
  <si>
    <t>693892.0</t>
  </si>
  <si>
    <t>454.813</t>
  </si>
  <si>
    <t>1550425.0</t>
  </si>
  <si>
    <t>747108.0</t>
  </si>
  <si>
    <t>710758.0</t>
  </si>
  <si>
    <t>695006.0</t>
  </si>
  <si>
    <t>455.544</t>
  </si>
  <si>
    <t>747166.0</t>
  </si>
  <si>
    <t>710820.0</t>
  </si>
  <si>
    <t>149441.0</t>
  </si>
  <si>
    <t>696148.0</t>
  </si>
  <si>
    <t>456.292</t>
  </si>
  <si>
    <t>1551105.0</t>
  </si>
  <si>
    <t>747231.0</t>
  </si>
  <si>
    <t>710916.0</t>
  </si>
  <si>
    <t>696573.0</t>
  </si>
  <si>
    <t>456.571</t>
  </si>
  <si>
    <t>1551330.0</t>
  </si>
  <si>
    <t>747277.0</t>
  </si>
  <si>
    <t>710965.0</t>
  </si>
  <si>
    <t>149818.0</t>
  </si>
  <si>
    <t>697725.0</t>
  </si>
  <si>
    <t>457.326</t>
  </si>
  <si>
    <t>698981.0</t>
  </si>
  <si>
    <t>458.149</t>
  </si>
  <si>
    <t>1551605.0</t>
  </si>
  <si>
    <t>747326.0</t>
  </si>
  <si>
    <t>711029.0</t>
  </si>
  <si>
    <t>149990.0</t>
  </si>
  <si>
    <t>702227.0</t>
  </si>
  <si>
    <t>460.277</t>
  </si>
  <si>
    <t>1551906.0</t>
  </si>
  <si>
    <t>747370.0</t>
  </si>
  <si>
    <t>711095.0</t>
  </si>
  <si>
    <t>150186.0</t>
  </si>
  <si>
    <t>703591.0</t>
  </si>
  <si>
    <t>461.171</t>
  </si>
  <si>
    <t>1552164.0</t>
  </si>
  <si>
    <t>747423.0</t>
  </si>
  <si>
    <t>711166.0</t>
  </si>
  <si>
    <t>150338.0</t>
  </si>
  <si>
    <t>704554.0</t>
  </si>
  <si>
    <t>461.802</t>
  </si>
  <si>
    <t>1552451.0</t>
  </si>
  <si>
    <t>747463.0</t>
  </si>
  <si>
    <t>705426.0</t>
  </si>
  <si>
    <t>462.373</t>
  </si>
  <si>
    <t>1552758.0</t>
  </si>
  <si>
    <t>747508.0</t>
  </si>
  <si>
    <t>711305.0</t>
  </si>
  <si>
    <t>150732.0</t>
  </si>
  <si>
    <t>1553054.0</t>
  </si>
  <si>
    <t>747540.0</t>
  </si>
  <si>
    <t>706736.0</t>
  </si>
  <si>
    <t>463.232</t>
  </si>
  <si>
    <t>708941.0</t>
  </si>
  <si>
    <t>464.677</t>
  </si>
  <si>
    <t>712717.0</t>
  </si>
  <si>
    <t>467.152</t>
  </si>
  <si>
    <t>1553345.0</t>
  </si>
  <si>
    <t>747601.0</t>
  </si>
  <si>
    <t>711437.0</t>
  </si>
  <si>
    <t>151124.0</t>
  </si>
  <si>
    <t>713691.0</t>
  </si>
  <si>
    <t>467.791</t>
  </si>
  <si>
    <t>1553619.0</t>
  </si>
  <si>
    <t>747661.0</t>
  </si>
  <si>
    <t>151283.0</t>
  </si>
  <si>
    <t>714919.0</t>
  </si>
  <si>
    <t>468.596</t>
  </si>
  <si>
    <t>1553914.0</t>
  </si>
  <si>
    <t>747732.0</t>
  </si>
  <si>
    <t>711584.0</t>
  </si>
  <si>
    <t>716572.0</t>
  </si>
  <si>
    <t>469.679</t>
  </si>
  <si>
    <t>1554162.0</t>
  </si>
  <si>
    <t>747784.0</t>
  </si>
  <si>
    <t>711630.0</t>
  </si>
  <si>
    <t>151622.0</t>
  </si>
  <si>
    <t>717314.0</t>
  </si>
  <si>
    <t>470.165</t>
  </si>
  <si>
    <t>1554346.0</t>
  </si>
  <si>
    <t>747811.0</t>
  </si>
  <si>
    <t>711660.0</t>
  </si>
  <si>
    <t>717879.0</t>
  </si>
  <si>
    <t>470.536</t>
  </si>
  <si>
    <t>718984.0</t>
  </si>
  <si>
    <t>471.26</t>
  </si>
  <si>
    <t>1554544.0</t>
  </si>
  <si>
    <t>747863.0</t>
  </si>
  <si>
    <t>711698.0</t>
  </si>
  <si>
    <t>722629.0</t>
  </si>
  <si>
    <t>473.649</t>
  </si>
  <si>
    <t>1554804.0</t>
  </si>
  <si>
    <t>747923.0</t>
  </si>
  <si>
    <t>711769.0</t>
  </si>
  <si>
    <t>152015.0</t>
  </si>
  <si>
    <t>726218.0</t>
  </si>
  <si>
    <t>476.002</t>
  </si>
  <si>
    <t>1555658.0</t>
  </si>
  <si>
    <t>748084.0</t>
  </si>
  <si>
    <t>711932.0</t>
  </si>
  <si>
    <t>152585.0</t>
  </si>
  <si>
    <t>727001.0</t>
  </si>
  <si>
    <t>476.515</t>
  </si>
  <si>
    <t>1555947.0</t>
  </si>
  <si>
    <t>748116.0</t>
  </si>
  <si>
    <t>711963.0</t>
  </si>
  <si>
    <t>152818.0</t>
  </si>
  <si>
    <t>101.63</t>
  </si>
  <si>
    <t>728786.0</t>
  </si>
  <si>
    <t>477.685</t>
  </si>
  <si>
    <t>1556228.0</t>
  </si>
  <si>
    <t>748176.0</t>
  </si>
  <si>
    <t>712015.0</t>
  </si>
  <si>
    <t>152997.0</t>
  </si>
  <si>
    <t>732410.0</t>
  </si>
  <si>
    <t>480.06</t>
  </si>
  <si>
    <t>1556484.0</t>
  </si>
  <si>
    <t>748228.0</t>
  </si>
  <si>
    <t>712069.0</t>
  </si>
  <si>
    <t>153162.0</t>
  </si>
  <si>
    <t>733972.0</t>
  </si>
  <si>
    <t>481.084</t>
  </si>
  <si>
    <t>1556749.0</t>
  </si>
  <si>
    <t>748288.0</t>
  </si>
  <si>
    <t>712127.0</t>
  </si>
  <si>
    <t>734926.0</t>
  </si>
  <si>
    <t>481.709</t>
  </si>
  <si>
    <t>1557010.0</t>
  </si>
  <si>
    <t>748348.0</t>
  </si>
  <si>
    <t>712170.0</t>
  </si>
  <si>
    <t>153508.0</t>
  </si>
  <si>
    <t>736152.0</t>
  </si>
  <si>
    <t>482.513</t>
  </si>
  <si>
    <t>1557813.0</t>
  </si>
  <si>
    <t>748407.0</t>
  </si>
  <si>
    <t>712228.0</t>
  </si>
  <si>
    <t>154205.0</t>
  </si>
  <si>
    <t>737097.0</t>
  </si>
  <si>
    <t>483.132</t>
  </si>
  <si>
    <t>1558497.0</t>
  </si>
  <si>
    <t>748443.0</t>
  </si>
  <si>
    <t>712263.0</t>
  </si>
  <si>
    <t>154826.0</t>
  </si>
  <si>
    <t>738081.0</t>
  </si>
  <si>
    <t>483.777</t>
  </si>
  <si>
    <t>739498.0</t>
  </si>
  <si>
    <t>484.706</t>
  </si>
  <si>
    <t>1559351.0</t>
  </si>
  <si>
    <t>748495.0</t>
  </si>
  <si>
    <t>712301.0</t>
  </si>
  <si>
    <t>742369.0</t>
  </si>
  <si>
    <t>486.588</t>
  </si>
  <si>
    <t>1560123.0</t>
  </si>
  <si>
    <t>748557.0</t>
  </si>
  <si>
    <t>712349.0</t>
  </si>
  <si>
    <t>743498.0</t>
  </si>
  <si>
    <t>487.328</t>
  </si>
  <si>
    <t>1561071.0</t>
  </si>
  <si>
    <t>748808.0</t>
  </si>
  <si>
    <t>712399.0</t>
  </si>
  <si>
    <t>156946.0</t>
  </si>
  <si>
    <t>487.886</t>
  </si>
  <si>
    <t>748976.0</t>
  </si>
  <si>
    <t>712452.0</t>
  </si>
  <si>
    <t>157512.0</t>
  </si>
  <si>
    <t>745186.0</t>
  </si>
  <si>
    <t>488.434</t>
  </si>
  <si>
    <t>1562696.0</t>
  </si>
  <si>
    <t>749238.0</t>
  </si>
  <si>
    <t>712503.0</t>
  </si>
  <si>
    <t>746709.0</t>
  </si>
  <si>
    <t>489.432</t>
  </si>
  <si>
    <t>1563433.0</t>
  </si>
  <si>
    <t>749538.0</t>
  </si>
  <si>
    <t>712537.0</t>
  </si>
  <si>
    <t>158472.0</t>
  </si>
  <si>
    <t>749409.0</t>
  </si>
  <si>
    <t>491.202</t>
  </si>
  <si>
    <t>1564019.0</t>
  </si>
  <si>
    <t>749638.0</t>
  </si>
  <si>
    <t>712605.0</t>
  </si>
  <si>
    <t>158902.0</t>
  </si>
  <si>
    <t>750465.0</t>
  </si>
  <si>
    <t>491.894</t>
  </si>
  <si>
    <t>1564556.0</t>
  </si>
  <si>
    <t>749752.0</t>
  </si>
  <si>
    <t>712666.0</t>
  </si>
  <si>
    <t>159283.0</t>
  </si>
  <si>
    <t>751221.0</t>
  </si>
  <si>
    <t>492.39</t>
  </si>
  <si>
    <t>1564880.0</t>
  </si>
  <si>
    <t>749829.0</t>
  </si>
  <si>
    <t>712711.0</t>
  </si>
  <si>
    <t>751949.0</t>
  </si>
  <si>
    <t>492.867</t>
  </si>
  <si>
    <t>1565327.0</t>
  </si>
  <si>
    <t>749946.0</t>
  </si>
  <si>
    <t>712755.0</t>
  </si>
  <si>
    <t>159798.0</t>
  </si>
  <si>
    <t>752547.0</t>
  </si>
  <si>
    <t>493.259</t>
  </si>
  <si>
    <t>1565753.0</t>
  </si>
  <si>
    <t>750088.0</t>
  </si>
  <si>
    <t>752897.0</t>
  </si>
  <si>
    <t>493.488</t>
  </si>
  <si>
    <t>753645.0</t>
  </si>
  <si>
    <t>493.979</t>
  </si>
  <si>
    <t>1566104.0</t>
  </si>
  <si>
    <t>750169.0</t>
  </si>
  <si>
    <t>712845.0</t>
  </si>
  <si>
    <t>756230.0</t>
  </si>
  <si>
    <t>495.673</t>
  </si>
  <si>
    <t>1566529.0</t>
  </si>
  <si>
    <t>750242.0</t>
  </si>
  <si>
    <t>712904.0</t>
  </si>
  <si>
    <t>160599.0</t>
  </si>
  <si>
    <t>757415.0</t>
  </si>
  <si>
    <t>496.45</t>
  </si>
  <si>
    <t>1566873.0</t>
  </si>
  <si>
    <t>750325.0</t>
  </si>
  <si>
    <t>712964.0</t>
  </si>
  <si>
    <t>160819.0</t>
  </si>
  <si>
    <t>758725.0</t>
  </si>
  <si>
    <t>497.308</t>
  </si>
  <si>
    <t>1567294.0</t>
  </si>
  <si>
    <t>750390.0</t>
  </si>
  <si>
    <t>713020.0</t>
  </si>
  <si>
    <t>759398.0</t>
  </si>
  <si>
    <t>497.75</t>
  </si>
  <si>
    <t>1567717.0</t>
  </si>
  <si>
    <t>750448.0</t>
  </si>
  <si>
    <t>713083.0</t>
  </si>
  <si>
    <t>161452.0</t>
  </si>
  <si>
    <t>760250.0</t>
  </si>
  <si>
    <t>498.308</t>
  </si>
  <si>
    <t>1568055.0</t>
  </si>
  <si>
    <t>750546.0</t>
  </si>
  <si>
    <t>713132.0</t>
  </si>
  <si>
    <t>760781.0</t>
  </si>
  <si>
    <t>498.656</t>
  </si>
  <si>
    <t>761423.0</t>
  </si>
  <si>
    <t>499.077</t>
  </si>
  <si>
    <t>1568300.0</t>
  </si>
  <si>
    <t>750594.0</t>
  </si>
  <si>
    <t>713167.0</t>
  </si>
  <si>
    <t>161823.0</t>
  </si>
  <si>
    <t>763232.0</t>
  </si>
  <si>
    <t>500.263</t>
  </si>
  <si>
    <t>1568606.0</t>
  </si>
  <si>
    <t>713210.0</t>
  </si>
  <si>
    <t>162046.0</t>
  </si>
  <si>
    <t>1568972.0</t>
  </si>
  <si>
    <t>750711.0</t>
  </si>
  <si>
    <t>713281.0</t>
  </si>
  <si>
    <t>162292.0</t>
  </si>
  <si>
    <t>764188.0</t>
  </si>
  <si>
    <t>500.889</t>
  </si>
  <si>
    <t>765211.0</t>
  </si>
  <si>
    <t>501.56</t>
  </si>
  <si>
    <t>1569406.0</t>
  </si>
  <si>
    <t>750796.0</t>
  </si>
  <si>
    <t>713324.0</t>
  </si>
  <si>
    <t>162615.0</t>
  </si>
  <si>
    <t>765657.0</t>
  </si>
  <si>
    <t>501.852</t>
  </si>
  <si>
    <t>713394.0</t>
  </si>
  <si>
    <t>765992.0</t>
  </si>
  <si>
    <t>502.072</t>
  </si>
  <si>
    <t>1569703.0</t>
  </si>
  <si>
    <t>750866.0</t>
  </si>
  <si>
    <t>766504.0</t>
  </si>
  <si>
    <t>502.407</t>
  </si>
  <si>
    <t>1569706.0</t>
  </si>
  <si>
    <t>750869.0</t>
  </si>
  <si>
    <t>768404.0</t>
  </si>
  <si>
    <t>503.653</t>
  </si>
  <si>
    <t>1570037.0</t>
  </si>
  <si>
    <t>750913.0</t>
  </si>
  <si>
    <t>713436.0</t>
  </si>
  <si>
    <t>163041.0</t>
  </si>
  <si>
    <t>1570458.0</t>
  </si>
  <si>
    <t>750975.0</t>
  </si>
  <si>
    <t>713550.0</t>
  </si>
  <si>
    <t>163305.0</t>
  </si>
  <si>
    <t>1570977.0</t>
  </si>
  <si>
    <t>751023.0</t>
  </si>
  <si>
    <t>713630.0</t>
  </si>
  <si>
    <t>163717.0</t>
  </si>
  <si>
    <t>1571667.0</t>
  </si>
  <si>
    <t>751075.0</t>
  </si>
  <si>
    <t>713763.0</t>
  </si>
  <si>
    <t>1572210.0</t>
  </si>
  <si>
    <t>751130.0</t>
  </si>
  <si>
    <t>713856.0</t>
  </si>
  <si>
    <t>164641.0</t>
  </si>
  <si>
    <t>1572805.0</t>
  </si>
  <si>
    <t>751177.0</t>
  </si>
  <si>
    <t>713930.0</t>
  </si>
  <si>
    <t>1573294.0</t>
  </si>
  <si>
    <t>751219.0</t>
  </si>
  <si>
    <t>714003.0</t>
  </si>
  <si>
    <t>165525.0</t>
  </si>
  <si>
    <t>1573535.0</t>
  </si>
  <si>
    <t>714047.0</t>
  </si>
  <si>
    <t>165709.0</t>
  </si>
  <si>
    <t>1574287.0</t>
  </si>
  <si>
    <t>751282.0</t>
  </si>
  <si>
    <t>714123.0</t>
  </si>
  <si>
    <t>166363.0</t>
  </si>
  <si>
    <t>1574448.0</t>
  </si>
  <si>
    <t>751331.0</t>
  </si>
  <si>
    <t>714205.0</t>
  </si>
  <si>
    <t>102.83</t>
  </si>
  <si>
    <t>1574574.0</t>
  </si>
  <si>
    <t>751355.0</t>
  </si>
  <si>
    <t>714293.0</t>
  </si>
  <si>
    <t>1574822.0</t>
  </si>
  <si>
    <t>751435.0</t>
  </si>
  <si>
    <t>714406.0</t>
  </si>
  <si>
    <t>166498.0</t>
  </si>
  <si>
    <t>1574932.0</t>
  </si>
  <si>
    <t>751478.0</t>
  </si>
  <si>
    <t>714462.0</t>
  </si>
  <si>
    <t>1575183.0</t>
  </si>
  <si>
    <t>751576.0</t>
  </si>
  <si>
    <t>714577.0</t>
  </si>
  <si>
    <t>166596.0</t>
  </si>
  <si>
    <t>1575244.0</t>
  </si>
  <si>
    <t>751591.0</t>
  </si>
  <si>
    <t>714612.0</t>
  </si>
  <si>
    <t>166612.0</t>
  </si>
  <si>
    <t>1575318.0</t>
  </si>
  <si>
    <t>751617.0</t>
  </si>
  <si>
    <t>166648.0</t>
  </si>
  <si>
    <t>1575495.0</t>
  </si>
  <si>
    <t>751675.0</t>
  </si>
  <si>
    <t>714732.0</t>
  </si>
  <si>
    <t>166687.0</t>
  </si>
  <si>
    <t>1575747.0</t>
  </si>
  <si>
    <t>751778.0</t>
  </si>
  <si>
    <t>714832.0</t>
  </si>
  <si>
    <t>166774.0</t>
  </si>
  <si>
    <t>1575897.0</t>
  </si>
  <si>
    <t>751826.0</t>
  </si>
  <si>
    <t>714898.0</t>
  </si>
  <si>
    <t>166819.0</t>
  </si>
  <si>
    <t>1575912.0</t>
  </si>
  <si>
    <t>751835.0</t>
  </si>
  <si>
    <t>1576043.0</t>
  </si>
  <si>
    <t>751883.0</t>
  </si>
  <si>
    <t>714956.0</t>
  </si>
  <si>
    <t>166864.0</t>
  </si>
  <si>
    <t>1576164.0</t>
  </si>
  <si>
    <t>715015.0</t>
  </si>
  <si>
    <t>166895.0</t>
  </si>
  <si>
    <t>751991.0</t>
  </si>
  <si>
    <t>166933.0</t>
  </si>
  <si>
    <t>1576433.0</t>
  </si>
  <si>
    <t>752025.0</t>
  </si>
  <si>
    <t>715115.0</t>
  </si>
  <si>
    <t>166994.0</t>
  </si>
  <si>
    <t>1576589.0</t>
  </si>
  <si>
    <t>752072.0</t>
  </si>
  <si>
    <t>715186.0</t>
  </si>
  <si>
    <t>167050.0</t>
  </si>
  <si>
    <t>1576770.0</t>
  </si>
  <si>
    <t>752118.0</t>
  </si>
  <si>
    <t>715270.0</t>
  </si>
  <si>
    <t>167108.0</t>
  </si>
  <si>
    <t>1576917.0</t>
  </si>
  <si>
    <t>715336.0</t>
  </si>
  <si>
    <t>1577175.0</t>
  </si>
  <si>
    <t>752219.0</t>
  </si>
  <si>
    <t>715420.0</t>
  </si>
  <si>
    <t>167296.0</t>
  </si>
  <si>
    <t>1577347.0</t>
  </si>
  <si>
    <t>752271.0</t>
  </si>
  <si>
    <t>715508.0</t>
  </si>
  <si>
    <t>167341.0</t>
  </si>
  <si>
    <t>1577355.0</t>
  </si>
  <si>
    <t>715515.0</t>
  </si>
  <si>
    <t>167342.0</t>
  </si>
  <si>
    <t>1577484.0</t>
  </si>
  <si>
    <t>752302.0</t>
  </si>
  <si>
    <t>715585.0</t>
  </si>
  <si>
    <t>167380.0</t>
  </si>
  <si>
    <t>1577571.0</t>
  </si>
  <si>
    <t>752321.0</t>
  </si>
  <si>
    <t>167425.0</t>
  </si>
  <si>
    <t>1577672.0</t>
  </si>
  <si>
    <t>752350.0</t>
  </si>
  <si>
    <t>715653.0</t>
  </si>
  <si>
    <t>1577797.0</t>
  </si>
  <si>
    <t>752393.0</t>
  </si>
  <si>
    <t>715699.0</t>
  </si>
  <si>
    <t>167526.0</t>
  </si>
  <si>
    <t>1577910.0</t>
  </si>
  <si>
    <t>752449.0</t>
  </si>
  <si>
    <t>715736.0</t>
  </si>
  <si>
    <t>167565.0</t>
  </si>
  <si>
    <t>1578027.0</t>
  </si>
  <si>
    <t>752491.0</t>
  </si>
  <si>
    <t>715788.0</t>
  </si>
  <si>
    <t>167601.0</t>
  </si>
  <si>
    <t>1578146.0</t>
  </si>
  <si>
    <t>752524.0</t>
  </si>
  <si>
    <t>715844.0</t>
  </si>
  <si>
    <t>167645.0</t>
  </si>
  <si>
    <t>1578255.0</t>
  </si>
  <si>
    <t>752551.0</t>
  </si>
  <si>
    <t>715886.0</t>
  </si>
  <si>
    <t>167695.0</t>
  </si>
  <si>
    <t>1578401.0</t>
  </si>
  <si>
    <t>752601.0</t>
  </si>
  <si>
    <t>715939.0</t>
  </si>
  <si>
    <t>167744.0</t>
  </si>
  <si>
    <t>1578472.0</t>
  </si>
  <si>
    <t>752609.0</t>
  </si>
  <si>
    <t>715973.0</t>
  </si>
  <si>
    <t>1578603.0</t>
  </si>
  <si>
    <t>752658.0</t>
  </si>
  <si>
    <t>716020.0</t>
  </si>
  <si>
    <t>167832.0</t>
  </si>
  <si>
    <t>1578710.0</t>
  </si>
  <si>
    <t>752695.0</t>
  </si>
  <si>
    <t>716051.0</t>
  </si>
  <si>
    <t>167881.0</t>
  </si>
  <si>
    <t>716071.0</t>
  </si>
  <si>
    <t>1578944.0</t>
  </si>
  <si>
    <t>752762.0</t>
  </si>
  <si>
    <t>716146.0</t>
  </si>
  <si>
    <t>167970.0</t>
  </si>
  <si>
    <t>1578956.0</t>
  </si>
  <si>
    <t>752763.0</t>
  </si>
  <si>
    <t>716147.0</t>
  </si>
  <si>
    <t>167980.0</t>
  </si>
  <si>
    <t>1579072.0</t>
  </si>
  <si>
    <t>752817.0</t>
  </si>
  <si>
    <t>716194.0</t>
  </si>
  <si>
    <t>168014.0</t>
  </si>
  <si>
    <t>752849.0</t>
  </si>
  <si>
    <t>716230.0</t>
  </si>
  <si>
    <t>168063.0</t>
  </si>
  <si>
    <t>1579280.0</t>
  </si>
  <si>
    <t>752884.0</t>
  </si>
  <si>
    <t>716265.0</t>
  </si>
  <si>
    <t>1579374.0</t>
  </si>
  <si>
    <t>752928.0</t>
  </si>
  <si>
    <t>168148.0</t>
  </si>
  <si>
    <t>1579485.0</t>
  </si>
  <si>
    <t>752979.0</t>
  </si>
  <si>
    <t>716331.0</t>
  </si>
  <si>
    <t>168180.0</t>
  </si>
  <si>
    <t>1579605.0</t>
  </si>
  <si>
    <t>753033.0</t>
  </si>
  <si>
    <t>716383.0</t>
  </si>
  <si>
    <t>103.17</t>
  </si>
  <si>
    <t>1579700.0</t>
  </si>
  <si>
    <t>753078.0</t>
  </si>
  <si>
    <t>716407.0</t>
  </si>
  <si>
    <t>168246.0</t>
  </si>
  <si>
    <t>1579801.0</t>
  </si>
  <si>
    <t>753120.0</t>
  </si>
  <si>
    <t>716446.0</t>
  </si>
  <si>
    <t>168271.0</t>
  </si>
  <si>
    <t>1579898.0</t>
  </si>
  <si>
    <t>753159.0</t>
  </si>
  <si>
    <t>716488.0</t>
  </si>
  <si>
    <t>1580007.0</t>
  </si>
  <si>
    <t>753201.0</t>
  </si>
  <si>
    <t>716532.0</t>
  </si>
  <si>
    <t>168340.0</t>
  </si>
  <si>
    <t>1580104.0</t>
  </si>
  <si>
    <t>753249.0</t>
  </si>
  <si>
    <t>716568.0</t>
  </si>
  <si>
    <t>168369.0</t>
  </si>
  <si>
    <t>1580262.0</t>
  </si>
  <si>
    <t>753320.0</t>
  </si>
  <si>
    <t>716626.0</t>
  </si>
  <si>
    <t>168420.0</t>
  </si>
  <si>
    <t>1580364.0</t>
  </si>
  <si>
    <t>753366.0</t>
  </si>
  <si>
    <t>716671.0</t>
  </si>
  <si>
    <t>1580455.0</t>
  </si>
  <si>
    <t>753403.0</t>
  </si>
  <si>
    <t>716708.0</t>
  </si>
  <si>
    <t>168483.0</t>
  </si>
  <si>
    <t>1580529.0</t>
  </si>
  <si>
    <t>753441.0</t>
  </si>
  <si>
    <t>716729.0</t>
  </si>
  <si>
    <t>168509.0</t>
  </si>
  <si>
    <t>1580605.0</t>
  </si>
  <si>
    <t>753467.0</t>
  </si>
  <si>
    <t>716762.0</t>
  </si>
  <si>
    <t>168540.0</t>
  </si>
  <si>
    <t>753487.0</t>
  </si>
  <si>
    <t>716787.0</t>
  </si>
  <si>
    <t>168553.0</t>
  </si>
  <si>
    <t>716837.0</t>
  </si>
  <si>
    <t>168567.0</t>
  </si>
  <si>
    <t>1580718.0</t>
  </si>
  <si>
    <t>753502.0</t>
  </si>
  <si>
    <t>1580823.0</t>
  </si>
  <si>
    <t>753558.0</t>
  </si>
  <si>
    <t>716868.0</t>
  </si>
  <si>
    <t>168595.0</t>
  </si>
  <si>
    <t>1580898.0</t>
  </si>
  <si>
    <t>753588.0</t>
  </si>
  <si>
    <t>716898.0</t>
  </si>
  <si>
    <t>168619.0</t>
  </si>
  <si>
    <t>TUN</t>
  </si>
  <si>
    <t>Tunisia</t>
  </si>
  <si>
    <t>-604.1</t>
  </si>
  <si>
    <t>-48.8907679403463</t>
  </si>
  <si>
    <t>-1131.8</t>
  </si>
  <si>
    <t>-4.21</t>
  </si>
  <si>
    <t>-91.5983631102201</t>
  </si>
  <si>
    <t>-1657.3</t>
  </si>
  <si>
    <t>-9.94</t>
  </si>
  <si>
    <t>-134.12790880241</t>
  </si>
  <si>
    <t>-2002.2</t>
  </si>
  <si>
    <t>-6.81</t>
  </si>
  <si>
    <t>-162.041211008378</t>
  </si>
  <si>
    <t>-2502.1</t>
  </si>
  <si>
    <t>-202.498908232975</t>
  </si>
  <si>
    <t>-2357.4</t>
  </si>
  <si>
    <t>-190.78810849623</t>
  </si>
  <si>
    <t>-2220.9</t>
  </si>
  <si>
    <t>-179.74094772176</t>
  </si>
  <si>
    <t>-147.0</t>
  </si>
  <si>
    <t>-11.8969423725061</t>
  </si>
  <si>
    <t>1534.3</t>
  </si>
  <si>
    <t>124.173324368272</t>
  </si>
  <si>
    <t>3226.8</t>
  </si>
  <si>
    <t>261.150024813623</t>
  </si>
  <si>
    <t>5297.5</t>
  </si>
  <si>
    <t>428.735049104427</t>
  </si>
  <si>
    <t>5090.4</t>
  </si>
  <si>
    <t>411.974118727924</t>
  </si>
  <si>
    <t>5178.9</t>
  </si>
  <si>
    <t>419.136563625657</t>
  </si>
  <si>
    <t>1109826.0</t>
  </si>
  <si>
    <t>90.502</t>
  </si>
  <si>
    <t>1115541.0</t>
  </si>
  <si>
    <t>90.968</t>
  </si>
  <si>
    <t>1121725.0</t>
  </si>
  <si>
    <t>91.473</t>
  </si>
  <si>
    <t>1127477.0</t>
  </si>
  <si>
    <t>91.942</t>
  </si>
  <si>
    <t>1133652.0</t>
  </si>
  <si>
    <t>92.445</t>
  </si>
  <si>
    <t>98057.0</t>
  </si>
  <si>
    <t>92.876</t>
  </si>
  <si>
    <t>1145603.0</t>
  </si>
  <si>
    <t>93.42</t>
  </si>
  <si>
    <t>112254.0</t>
  </si>
  <si>
    <t>108266.0</t>
  </si>
  <si>
    <t>1153654.0</t>
  </si>
  <si>
    <t>124779.0</t>
  </si>
  <si>
    <t>119919.0</t>
  </si>
  <si>
    <t>1161018.0</t>
  </si>
  <si>
    <t>94.677</t>
  </si>
  <si>
    <t>130374.0</t>
  </si>
  <si>
    <t>125395.0</t>
  </si>
  <si>
    <t>1168876.0</t>
  </si>
  <si>
    <t>95.318</t>
  </si>
  <si>
    <t>142932.0</t>
  </si>
  <si>
    <t>134901.0</t>
  </si>
  <si>
    <t>1174701.0</t>
  </si>
  <si>
    <t>95.793</t>
  </si>
  <si>
    <t>154647.0</t>
  </si>
  <si>
    <t>1180807.0</t>
  </si>
  <si>
    <t>96.291</t>
  </si>
  <si>
    <t>166093.0</t>
  </si>
  <si>
    <t>157617.0</t>
  </si>
  <si>
    <t>1186045.0</t>
  </si>
  <si>
    <t>96.718</t>
  </si>
  <si>
    <t>175439.0</t>
  </si>
  <si>
    <t>166959.0</t>
  </si>
  <si>
    <t>1191995.0</t>
  </si>
  <si>
    <t>97.203</t>
  </si>
  <si>
    <t>183025.0</t>
  </si>
  <si>
    <t>174534.0</t>
  </si>
  <si>
    <t>191625.0</t>
  </si>
  <si>
    <t>180829.0</t>
  </si>
  <si>
    <t>1207304.0</t>
  </si>
  <si>
    <t>98.451</t>
  </si>
  <si>
    <t>225900.0</t>
  </si>
  <si>
    <t>192881.0</t>
  </si>
  <si>
    <t>1228086.0</t>
  </si>
  <si>
    <t>100.146</t>
  </si>
  <si>
    <t>239398.0</t>
  </si>
  <si>
    <t>197437.0</t>
  </si>
  <si>
    <t>1233451.0</t>
  </si>
  <si>
    <t>252672.0</t>
  </si>
  <si>
    <t>204975.0</t>
  </si>
  <si>
    <t>1240902.0</t>
  </si>
  <si>
    <t>101.191</t>
  </si>
  <si>
    <t>265365.0</t>
  </si>
  <si>
    <t>214150.0</t>
  </si>
  <si>
    <t>1249409.0</t>
  </si>
  <si>
    <t>101.885</t>
  </si>
  <si>
    <t>279890.0</t>
  </si>
  <si>
    <t>1257117.0</t>
  </si>
  <si>
    <t>102.513</t>
  </si>
  <si>
    <t>235977.0</t>
  </si>
  <si>
    <t>306612.0</t>
  </si>
  <si>
    <t>244387.0</t>
  </si>
  <si>
    <t>320009.0</t>
  </si>
  <si>
    <t>1279495.0</t>
  </si>
  <si>
    <t>104.338</t>
  </si>
  <si>
    <t>333000.0</t>
  </si>
  <si>
    <t>1285499.0</t>
  </si>
  <si>
    <t>104.828</t>
  </si>
  <si>
    <t>345914.0</t>
  </si>
  <si>
    <t>271129.0</t>
  </si>
  <si>
    <t>74785.0</t>
  </si>
  <si>
    <t>1292538.0</t>
  </si>
  <si>
    <t>358746.0</t>
  </si>
  <si>
    <t>277918.0</t>
  </si>
  <si>
    <t>1298972.0</t>
  </si>
  <si>
    <t>105.927</t>
  </si>
  <si>
    <t>1305372.0</t>
  </si>
  <si>
    <t>106.448</t>
  </si>
  <si>
    <t>372083.0</t>
  </si>
  <si>
    <t>282121.0</t>
  </si>
  <si>
    <t>89962.0</t>
  </si>
  <si>
    <t>7925.6</t>
  </si>
  <si>
    <t>641.431336513837</t>
  </si>
  <si>
    <t>400364.0</t>
  </si>
  <si>
    <t>305484.0</t>
  </si>
  <si>
    <t>94880.0</t>
  </si>
  <si>
    <t>415801.0</t>
  </si>
  <si>
    <t>314357.0</t>
  </si>
  <si>
    <t>101444.0</t>
  </si>
  <si>
    <t>1323656.0</t>
  </si>
  <si>
    <t>107.939</t>
  </si>
  <si>
    <t>424485.0</t>
  </si>
  <si>
    <t>320652.0</t>
  </si>
  <si>
    <t>1328283.0</t>
  </si>
  <si>
    <t>108.317</t>
  </si>
  <si>
    <t>432878.0</t>
  </si>
  <si>
    <t>325740.0</t>
  </si>
  <si>
    <t>107138.0</t>
  </si>
  <si>
    <t>108.748</t>
  </si>
  <si>
    <t>444490.0</t>
  </si>
  <si>
    <t>330794.0</t>
  </si>
  <si>
    <t>113696.0</t>
  </si>
  <si>
    <t>1339297.0</t>
  </si>
  <si>
    <t>109.215</t>
  </si>
  <si>
    <t>457568.0</t>
  </si>
  <si>
    <t>333779.0</t>
  </si>
  <si>
    <t>123789.0</t>
  </si>
  <si>
    <t>1344853.0</t>
  </si>
  <si>
    <t>478755.0</t>
  </si>
  <si>
    <t>340979.0</t>
  </si>
  <si>
    <t>137776.0</t>
  </si>
  <si>
    <t>499369.0</t>
  </si>
  <si>
    <t>350426.0</t>
  </si>
  <si>
    <t>148943.0</t>
  </si>
  <si>
    <t>1356375.0</t>
  </si>
  <si>
    <t>110.608</t>
  </si>
  <si>
    <t>518538.0</t>
  </si>
  <si>
    <t>362101.0</t>
  </si>
  <si>
    <t>156437.0</t>
  </si>
  <si>
    <t>1361670.0</t>
  </si>
  <si>
    <t>111.039</t>
  </si>
  <si>
    <t>372240.0</t>
  </si>
  <si>
    <t>165140.0</t>
  </si>
  <si>
    <t>1367473.0</t>
  </si>
  <si>
    <t>111.513</t>
  </si>
  <si>
    <t>1376013.0</t>
  </si>
  <si>
    <t>112.209</t>
  </si>
  <si>
    <t>1380132.0</t>
  </si>
  <si>
    <t>570553.0</t>
  </si>
  <si>
    <t>178486.0</t>
  </si>
  <si>
    <t>1383545.0</t>
  </si>
  <si>
    <t>112.823</t>
  </si>
  <si>
    <t>599969.0</t>
  </si>
  <si>
    <t>414023.0</t>
  </si>
  <si>
    <t>185946.0</t>
  </si>
  <si>
    <t>29416.0</t>
  </si>
  <si>
    <t>1387361.0</t>
  </si>
  <si>
    <t>113.134</t>
  </si>
  <si>
    <t>628107.0</t>
  </si>
  <si>
    <t>432600.0</t>
  </si>
  <si>
    <t>195507.0</t>
  </si>
  <si>
    <t>1392064.0</t>
  </si>
  <si>
    <t>656077.0</t>
  </si>
  <si>
    <t>450177.0</t>
  </si>
  <si>
    <t>205900.0</t>
  </si>
  <si>
    <t>27970.0</t>
  </si>
  <si>
    <t>1397361.0</t>
  </si>
  <si>
    <t>684173.0</t>
  </si>
  <si>
    <t>466895.0</t>
  </si>
  <si>
    <t>217278.0</t>
  </si>
  <si>
    <t>1403153.0</t>
  </si>
  <si>
    <t>114.422</t>
  </si>
  <si>
    <t>1410901.0</t>
  </si>
  <si>
    <t>115.054</t>
  </si>
  <si>
    <t>738667.0</t>
  </si>
  <si>
    <t>494901.0</t>
  </si>
  <si>
    <t>243766.0</t>
  </si>
  <si>
    <t>765751.0</t>
  </si>
  <si>
    <t>512110.0</t>
  </si>
  <si>
    <t>253641.0</t>
  </si>
  <si>
    <t>788578.0</t>
  </si>
  <si>
    <t>528834.0</t>
  </si>
  <si>
    <t>259744.0</t>
  </si>
  <si>
    <t>1430192.0</t>
  </si>
  <si>
    <t>116.627</t>
  </si>
  <si>
    <t>809163.0</t>
  </si>
  <si>
    <t>1436240.0</t>
  </si>
  <si>
    <t>831824.0</t>
  </si>
  <si>
    <t>1442288.0</t>
  </si>
  <si>
    <t>853432.0</t>
  </si>
  <si>
    <t>578435.0</t>
  </si>
  <si>
    <t>274997.0</t>
  </si>
  <si>
    <t>1447902.0</t>
  </si>
  <si>
    <t>875808.0</t>
  </si>
  <si>
    <t>597677.0</t>
  </si>
  <si>
    <t>278131.0</t>
  </si>
  <si>
    <t>1454431.0</t>
  </si>
  <si>
    <t>118.604</t>
  </si>
  <si>
    <t>899109.0</t>
  </si>
  <si>
    <t>616962.0</t>
  </si>
  <si>
    <t>282147.0</t>
  </si>
  <si>
    <t>922838.0</t>
  </si>
  <si>
    <t>633524.0</t>
  </si>
  <si>
    <t>289314.0</t>
  </si>
  <si>
    <t>942532.0</t>
  </si>
  <si>
    <t>644138.0</t>
  </si>
  <si>
    <t>298394.0</t>
  </si>
  <si>
    <t>16472.0</t>
  </si>
  <si>
    <t>1471758.0</t>
  </si>
  <si>
    <t>120.017</t>
  </si>
  <si>
    <t>958951.0</t>
  </si>
  <si>
    <t>654976.0</t>
  </si>
  <si>
    <t>303975.0</t>
  </si>
  <si>
    <t>10288.5</t>
  </si>
  <si>
    <t>832.664568704276</t>
  </si>
  <si>
    <t>1476437.0</t>
  </si>
  <si>
    <t>120.398</t>
  </si>
  <si>
    <t>983647.0</t>
  </si>
  <si>
    <t>672600.0</t>
  </si>
  <si>
    <t>311047.0</t>
  </si>
  <si>
    <t>1016860.0</t>
  </si>
  <si>
    <t>700087.0</t>
  </si>
  <si>
    <t>33213.0</t>
  </si>
  <si>
    <t>1483124.0</t>
  </si>
  <si>
    <t>120.944</t>
  </si>
  <si>
    <t>1051796.0</t>
  </si>
  <si>
    <t>728092.0</t>
  </si>
  <si>
    <t>322894.0</t>
  </si>
  <si>
    <t>1489899.0</t>
  </si>
  <si>
    <t>121.496</t>
  </si>
  <si>
    <t>1088158.0</t>
  </si>
  <si>
    <t>758473.0</t>
  </si>
  <si>
    <t>329685.0</t>
  </si>
  <si>
    <t>1496122.0</t>
  </si>
  <si>
    <t>122.003</t>
  </si>
  <si>
    <t>1126036.0</t>
  </si>
  <si>
    <t>788222.0</t>
  </si>
  <si>
    <t>337814.0</t>
  </si>
  <si>
    <t>1159924.0</t>
  </si>
  <si>
    <t>814813.0</t>
  </si>
  <si>
    <t>345111.0</t>
  </si>
  <si>
    <t>1514922.0</t>
  </si>
  <si>
    <t>123.537</t>
  </si>
  <si>
    <t>1192895.0</t>
  </si>
  <si>
    <t>841051.0</t>
  </si>
  <si>
    <t>351844.0</t>
  </si>
  <si>
    <t>1519696.0</t>
  </si>
  <si>
    <t>1223563.0</t>
  </si>
  <si>
    <t>871325.0</t>
  </si>
  <si>
    <t>352238.0</t>
  </si>
  <si>
    <t>1525714.0</t>
  </si>
  <si>
    <t>124.417</t>
  </si>
  <si>
    <t>1252125.0</t>
  </si>
  <si>
    <t>899555.0</t>
  </si>
  <si>
    <t>352570.0</t>
  </si>
  <si>
    <t>1533823.0</t>
  </si>
  <si>
    <t>125.078</t>
  </si>
  <si>
    <t>1274840.0</t>
  </si>
  <si>
    <t>125.653</t>
  </si>
  <si>
    <t>1312234.0</t>
  </si>
  <si>
    <t>958531.0</t>
  </si>
  <si>
    <t>1347889.0</t>
  </si>
  <si>
    <t>986005.0</t>
  </si>
  <si>
    <t>361884.0</t>
  </si>
  <si>
    <t>1381614.0</t>
  </si>
  <si>
    <t>1012998.0</t>
  </si>
  <si>
    <t>368616.0</t>
  </si>
  <si>
    <t>33725.0</t>
  </si>
  <si>
    <t>1562828.0</t>
  </si>
  <si>
    <t>127.443</t>
  </si>
  <si>
    <t>1405955.0</t>
  </si>
  <si>
    <t>1032192.0</t>
  </si>
  <si>
    <t>373763.0</t>
  </si>
  <si>
    <t>1568353.0</t>
  </si>
  <si>
    <t>127.894</t>
  </si>
  <si>
    <t>1433269.0</t>
  </si>
  <si>
    <t>1055577.0</t>
  </si>
  <si>
    <t>377692.0</t>
  </si>
  <si>
    <t>1575876.0</t>
  </si>
  <si>
    <t>128.507</t>
  </si>
  <si>
    <t>1459780.0</t>
  </si>
  <si>
    <t>1079490.0</t>
  </si>
  <si>
    <t>380290.0</t>
  </si>
  <si>
    <t>1582787.0</t>
  </si>
  <si>
    <t>129.071</t>
  </si>
  <si>
    <t>1486528.0</t>
  </si>
  <si>
    <t>1104342.0</t>
  </si>
  <si>
    <t>382186.0</t>
  </si>
  <si>
    <t>26054.0</t>
  </si>
  <si>
    <t>1590237.0</t>
  </si>
  <si>
    <t>129.678</t>
  </si>
  <si>
    <t>1517895.0</t>
  </si>
  <si>
    <t>1126908.0</t>
  </si>
  <si>
    <t>390987.0</t>
  </si>
  <si>
    <t>1551849.0</t>
  </si>
  <si>
    <t>1147282.0</t>
  </si>
  <si>
    <t>404567.0</t>
  </si>
  <si>
    <t>33954.0</t>
  </si>
  <si>
    <t>23040.0</t>
  </si>
  <si>
    <t>1583153.0</t>
  </si>
  <si>
    <t>1165402.0</t>
  </si>
  <si>
    <t>417751.0</t>
  </si>
  <si>
    <t>21772.0</t>
  </si>
  <si>
    <t>1611363.0</t>
  </si>
  <si>
    <t>131.401</t>
  </si>
  <si>
    <t>1609651.0</t>
  </si>
  <si>
    <t>1181640.0</t>
  </si>
  <si>
    <t>428011.0</t>
  </si>
  <si>
    <t>1619741.0</t>
  </si>
  <si>
    <t>132.084</t>
  </si>
  <si>
    <t>1636555.0</t>
  </si>
  <si>
    <t>1198398.0</t>
  </si>
  <si>
    <t>438157.0</t>
  </si>
  <si>
    <t>1627155.0</t>
  </si>
  <si>
    <t>132.689</t>
  </si>
  <si>
    <t>1661855.0</t>
  </si>
  <si>
    <t>1215888.0</t>
  </si>
  <si>
    <t>445967.0</t>
  </si>
  <si>
    <t>1637228.0</t>
  </si>
  <si>
    <t>1685739.0</t>
  </si>
  <si>
    <t>1223985.0</t>
  </si>
  <si>
    <t>461754.0</t>
  </si>
  <si>
    <t>23884.0</t>
  </si>
  <si>
    <t>1648646.0</t>
  </si>
  <si>
    <t>134.441</t>
  </si>
  <si>
    <t>1705657.0</t>
  </si>
  <si>
    <t>1229644.0</t>
  </si>
  <si>
    <t>476013.0</t>
  </si>
  <si>
    <t>1737042.0</t>
  </si>
  <si>
    <t>1240351.0</t>
  </si>
  <si>
    <t>496691.0</t>
  </si>
  <si>
    <t>0.3636</t>
  </si>
  <si>
    <t>1765231.0</t>
  </si>
  <si>
    <t>1251903.0</t>
  </si>
  <si>
    <t>513328.0</t>
  </si>
  <si>
    <t>1681458.0</t>
  </si>
  <si>
    <t>137.117</t>
  </si>
  <si>
    <t>1793424.0</t>
  </si>
  <si>
    <t>1260822.0</t>
  </si>
  <si>
    <t>532602.0</t>
  </si>
  <si>
    <t>1821431.0</t>
  </si>
  <si>
    <t>1272434.0</t>
  </si>
  <si>
    <t>548997.0</t>
  </si>
  <si>
    <t>1688000.0</t>
  </si>
  <si>
    <t>0.4716</t>
  </si>
  <si>
    <t>1844651.0</t>
  </si>
  <si>
    <t>1290856.0</t>
  </si>
  <si>
    <t>553795.0</t>
  </si>
  <si>
    <t>23220.0</t>
  </si>
  <si>
    <t>1132.15188332644</t>
  </si>
  <si>
    <t>1702122.0</t>
  </si>
  <si>
    <t>138.802</t>
  </si>
  <si>
    <t>1881065.0</t>
  </si>
  <si>
    <t>1314954.0</t>
  </si>
  <si>
    <t>1718172.0</t>
  </si>
  <si>
    <t>140.111</t>
  </si>
  <si>
    <t>0.4881</t>
  </si>
  <si>
    <t>1912160.0</t>
  </si>
  <si>
    <t>1342168.0</t>
  </si>
  <si>
    <t>569992.0</t>
  </si>
  <si>
    <t>31095.0</t>
  </si>
  <si>
    <t>29500.0</t>
  </si>
  <si>
    <t>1737467.0</t>
  </si>
  <si>
    <t>141.684</t>
  </si>
  <si>
    <t>0.4552</t>
  </si>
  <si>
    <t>1942431.0</t>
  </si>
  <si>
    <t>1367926.0</t>
  </si>
  <si>
    <t>574505.0</t>
  </si>
  <si>
    <t>1972034.0</t>
  </si>
  <si>
    <t>1390862.0</t>
  </si>
  <si>
    <t>581172.0</t>
  </si>
  <si>
    <t>1787563.0</t>
  </si>
  <si>
    <t>145.769</t>
  </si>
  <si>
    <t>1999363.0</t>
  </si>
  <si>
    <t>1407013.0</t>
  </si>
  <si>
    <t>592350.0</t>
  </si>
  <si>
    <t>27329.0</t>
  </si>
  <si>
    <t>1798784.0</t>
  </si>
  <si>
    <t>2024789.0</t>
  </si>
  <si>
    <t>1424024.0</t>
  </si>
  <si>
    <t>600765.0</t>
  </si>
  <si>
    <t>21656.0</t>
  </si>
  <si>
    <t>1820123.0</t>
  </si>
  <si>
    <t>148.425</t>
  </si>
  <si>
    <t>0.3392</t>
  </si>
  <si>
    <t>2052484.0</t>
  </si>
  <si>
    <t>1444152.0</t>
  </si>
  <si>
    <t>608332.0</t>
  </si>
  <si>
    <t>29690.0</t>
  </si>
  <si>
    <t>1847321.0</t>
  </si>
  <si>
    <t>150.643</t>
  </si>
  <si>
    <t>0.3192</t>
  </si>
  <si>
    <t>2082765.0</t>
  </si>
  <si>
    <t>1468055.0</t>
  </si>
  <si>
    <t>614710.0</t>
  </si>
  <si>
    <t>1871273.0</t>
  </si>
  <si>
    <t>152.596</t>
  </si>
  <si>
    <t>2115739.0</t>
  </si>
  <si>
    <t>1497677.0</t>
  </si>
  <si>
    <t>618062.0</t>
  </si>
  <si>
    <t>32974.0</t>
  </si>
  <si>
    <t>2138025.0</t>
  </si>
  <si>
    <t>1514948.0</t>
  </si>
  <si>
    <t>623077.0</t>
  </si>
  <si>
    <t>2156240.0</t>
  </si>
  <si>
    <t>1525157.0</t>
  </si>
  <si>
    <t>631083.0</t>
  </si>
  <si>
    <t>26315.0</t>
  </si>
  <si>
    <t>2178211.0</t>
  </si>
  <si>
    <t>1527717.0</t>
  </si>
  <si>
    <t>2206980.0</t>
  </si>
  <si>
    <t>1530367.0</t>
  </si>
  <si>
    <t>676613.0</t>
  </si>
  <si>
    <t>26027.0</t>
  </si>
  <si>
    <t>2234739.0</t>
  </si>
  <si>
    <t>1532137.0</t>
  </si>
  <si>
    <t>702602.0</t>
  </si>
  <si>
    <t>2269301.0</t>
  </si>
  <si>
    <t>1541297.0</t>
  </si>
  <si>
    <t>728004.0</t>
  </si>
  <si>
    <t>2031722.0</t>
  </si>
  <si>
    <t>2304742.0</t>
  </si>
  <si>
    <t>1549314.0</t>
  </si>
  <si>
    <t>755428.0</t>
  </si>
  <si>
    <t>2347574.0</t>
  </si>
  <si>
    <t>1566091.0</t>
  </si>
  <si>
    <t>781483.0</t>
  </si>
  <si>
    <t>2385176.0</t>
  </si>
  <si>
    <t>1583052.0</t>
  </si>
  <si>
    <t>802124.0</t>
  </si>
  <si>
    <t>2420468.0</t>
  </si>
  <si>
    <t>825410.0</t>
  </si>
  <si>
    <t>35246.0</t>
  </si>
  <si>
    <t>0.3121</t>
  </si>
  <si>
    <t>2135283.0</t>
  </si>
  <si>
    <t>174.125</t>
  </si>
  <si>
    <t>35524.0</t>
  </si>
  <si>
    <t>13964.0</t>
  </si>
  <si>
    <t>2619884.0</t>
  </si>
  <si>
    <t>1681477.0</t>
  </si>
  <si>
    <t>938407.0</t>
  </si>
  <si>
    <t>2663438.0</t>
  </si>
  <si>
    <t>1699805.0</t>
  </si>
  <si>
    <t>963633.0</t>
  </si>
  <si>
    <t>34710.0</t>
  </si>
  <si>
    <t>35498.0</t>
  </si>
  <si>
    <t>37074.0</t>
  </si>
  <si>
    <t>22345.5</t>
  </si>
  <si>
    <t>1808.45663799207</t>
  </si>
  <si>
    <t>39439.0</t>
  </si>
  <si>
    <t>2934709.0</t>
  </si>
  <si>
    <t>1807279.0</t>
  </si>
  <si>
    <t>3111252.0</t>
  </si>
  <si>
    <t>1915124.0</t>
  </si>
  <si>
    <t>26373.0</t>
  </si>
  <si>
    <t>3293114.0</t>
  </si>
  <si>
    <t>2048054.0</t>
  </si>
  <si>
    <t>1404936.0</t>
  </si>
  <si>
    <t>62273.0</t>
  </si>
  <si>
    <t>38783.0</t>
  </si>
  <si>
    <t>3392636.0</t>
  </si>
  <si>
    <t>2147121.0</t>
  </si>
  <si>
    <t>99522.0</t>
  </si>
  <si>
    <t>70954.0</t>
  </si>
  <si>
    <t>2337391.0</t>
  </si>
  <si>
    <t>190.606</t>
  </si>
  <si>
    <t>65882.0</t>
  </si>
  <si>
    <t>94197.0</t>
  </si>
  <si>
    <t>2363223.0</t>
  </si>
  <si>
    <t>192.713</t>
  </si>
  <si>
    <t>103537.0</t>
  </si>
  <si>
    <t>2369269.0</t>
  </si>
  <si>
    <t>4022633.0</t>
  </si>
  <si>
    <t>2753775.0</t>
  </si>
  <si>
    <t>1477187.0</t>
  </si>
  <si>
    <t>112877.0</t>
  </si>
  <si>
    <t>107147.0</t>
  </si>
  <si>
    <t>4075678.0</t>
  </si>
  <si>
    <t>2799304.0</t>
  </si>
  <si>
    <t>1488800.0</t>
  </si>
  <si>
    <t>111795.0</t>
  </si>
  <si>
    <t>107321.0</t>
  </si>
  <si>
    <t>136564.0</t>
  </si>
  <si>
    <t>4690354.0</t>
  </si>
  <si>
    <t>3406841.0</t>
  </si>
  <si>
    <t>1571492.0</t>
  </si>
  <si>
    <t>167388.0</t>
  </si>
  <si>
    <t>162627.0</t>
  </si>
  <si>
    <t>2409634.0</t>
  </si>
  <si>
    <t>4737282.0</t>
  </si>
  <si>
    <t>3427863.0</t>
  </si>
  <si>
    <t>1599314.0</t>
  </si>
  <si>
    <t>156092.0</t>
  </si>
  <si>
    <t>148297.0</t>
  </si>
  <si>
    <t>2423210.0</t>
  </si>
  <si>
    <t>197.604</t>
  </si>
  <si>
    <t>4782139.0</t>
  </si>
  <si>
    <t>3455432.0</t>
  </si>
  <si>
    <t>1621713.0</t>
  </si>
  <si>
    <t>144501.0</t>
  </si>
  <si>
    <t>134903.0</t>
  </si>
  <si>
    <t>4834021.0</t>
  </si>
  <si>
    <t>3489798.0</t>
  </si>
  <si>
    <t>1645148.0</t>
  </si>
  <si>
    <t>122479.0</t>
  </si>
  <si>
    <t>2434016.0</t>
  </si>
  <si>
    <t>198.485</t>
  </si>
  <si>
    <t>4891225.0</t>
  </si>
  <si>
    <t>3525959.0</t>
  </si>
  <si>
    <t>1671876.0</t>
  </si>
  <si>
    <t>57204.0</t>
  </si>
  <si>
    <t>110312.0</t>
  </si>
  <si>
    <t>2446616.0</t>
  </si>
  <si>
    <t>199.513</t>
  </si>
  <si>
    <t>122609.0</t>
  </si>
  <si>
    <t>107017.0</t>
  </si>
  <si>
    <t>4976655.0</t>
  </si>
  <si>
    <t>3570889.0</t>
  </si>
  <si>
    <t>1714783.0</t>
  </si>
  <si>
    <t>2469723.0</t>
  </si>
  <si>
    <t>201.397</t>
  </si>
  <si>
    <t>5022698.0</t>
  </si>
  <si>
    <t>3598082.0</t>
  </si>
  <si>
    <t>1735814.0</t>
  </si>
  <si>
    <t>27320.0</t>
  </si>
  <si>
    <t>2485235.0</t>
  </si>
  <si>
    <t>202.662</t>
  </si>
  <si>
    <t>5054931.0</t>
  </si>
  <si>
    <t>3627286.0</t>
  </si>
  <si>
    <t>1739839.0</t>
  </si>
  <si>
    <t>2500016.0</t>
  </si>
  <si>
    <t>203.867</t>
  </si>
  <si>
    <t>5086071.0</t>
  </si>
  <si>
    <t>3654017.0</t>
  </si>
  <si>
    <t>1744742.0</t>
  </si>
  <si>
    <t>28369.0</t>
  </si>
  <si>
    <t>2514986.0</t>
  </si>
  <si>
    <t>205.088</t>
  </si>
  <si>
    <t>5134991.0</t>
  </si>
  <si>
    <t>3686470.0</t>
  </si>
  <si>
    <t>1763024.0</t>
  </si>
  <si>
    <t>42996.0</t>
  </si>
  <si>
    <t>2536711.0</t>
  </si>
  <si>
    <t>5190162.0</t>
  </si>
  <si>
    <t>3725533.0</t>
  </si>
  <si>
    <t>1780455.0</t>
  </si>
  <si>
    <t>5226944.0</t>
  </si>
  <si>
    <t>3747984.0</t>
  </si>
  <si>
    <t>1795176.0</t>
  </si>
  <si>
    <t>41858.0</t>
  </si>
  <si>
    <t>2571450.0</t>
  </si>
  <si>
    <t>209.693</t>
  </si>
  <si>
    <t>5635700.0</t>
  </si>
  <si>
    <t>4114814.0</t>
  </si>
  <si>
    <t>2135467.0</t>
  </si>
  <si>
    <t>408756.0</t>
  </si>
  <si>
    <t>77704.0</t>
  </si>
  <si>
    <t>2591577.0</t>
  </si>
  <si>
    <t>211.334</t>
  </si>
  <si>
    <t>5683733.0</t>
  </si>
  <si>
    <t>4179830.0</t>
  </si>
  <si>
    <t>2155652.0</t>
  </si>
  <si>
    <t>94434.0</t>
  </si>
  <si>
    <t>2605268.0</t>
  </si>
  <si>
    <t>93541.0</t>
  </si>
  <si>
    <t>28169.6</t>
  </si>
  <si>
    <t>2279.81025752753</t>
  </si>
  <si>
    <t>2616244.0</t>
  </si>
  <si>
    <t>213.345</t>
  </si>
  <si>
    <t>89529.0</t>
  </si>
  <si>
    <t>80278.0</t>
  </si>
  <si>
    <t>5787680.0</t>
  </si>
  <si>
    <t>4271282.0</t>
  </si>
  <si>
    <t>2182412.0</t>
  </si>
  <si>
    <t>85360.0</t>
  </si>
  <si>
    <t>6165386.0</t>
  </si>
  <si>
    <t>4337600.0</t>
  </si>
  <si>
    <t>2499098.0</t>
  </si>
  <si>
    <t>377706.0</t>
  </si>
  <si>
    <t>134063.0</t>
  </si>
  <si>
    <t>84231.0</t>
  </si>
  <si>
    <t>6195570.0</t>
  </si>
  <si>
    <t>4361333.0</t>
  </si>
  <si>
    <t>2512895.0</t>
  </si>
  <si>
    <t>2660115.0</t>
  </si>
  <si>
    <t>216.923</t>
  </si>
  <si>
    <t>6225628.0</t>
  </si>
  <si>
    <t>4383705.0</t>
  </si>
  <si>
    <t>2525771.0</t>
  </si>
  <si>
    <t>77414.0</t>
  </si>
  <si>
    <t>6257492.0</t>
  </si>
  <si>
    <t>4404156.0</t>
  </si>
  <si>
    <t>2541462.0</t>
  </si>
  <si>
    <t>2679159.0</t>
  </si>
  <si>
    <t>218.476</t>
  </si>
  <si>
    <t>6292293.0</t>
  </si>
  <si>
    <t>4422956.0</t>
  </si>
  <si>
    <t>2560775.0</t>
  </si>
  <si>
    <t>79512.0</t>
  </si>
  <si>
    <t>2708754.0</t>
  </si>
  <si>
    <t>220.889</t>
  </si>
  <si>
    <t>6361355.0</t>
  </si>
  <si>
    <t>4460630.0</t>
  </si>
  <si>
    <t>2599288.0</t>
  </si>
  <si>
    <t>6789808.0</t>
  </si>
  <si>
    <t>4512414.0</t>
  </si>
  <si>
    <t>2980682.0</t>
  </si>
  <si>
    <t>89203.0</t>
  </si>
  <si>
    <t>2738005.0</t>
  </si>
  <si>
    <t>223.275</t>
  </si>
  <si>
    <t>6823657.0</t>
  </si>
  <si>
    <t>4536120.0</t>
  </si>
  <si>
    <t>2995622.0</t>
  </si>
  <si>
    <t>33849.0</t>
  </si>
  <si>
    <t>2812338.0</t>
  </si>
  <si>
    <t>74333.0</t>
  </si>
  <si>
    <t>229.336</t>
  </si>
  <si>
    <t>6911801.0</t>
  </si>
  <si>
    <t>4574648.0</t>
  </si>
  <si>
    <t>3052221.0</t>
  </si>
  <si>
    <t>93473.0</t>
  </si>
  <si>
    <t>2820744.0</t>
  </si>
  <si>
    <t>230.022</t>
  </si>
  <si>
    <t>6960639.0</t>
  </si>
  <si>
    <t>4591849.0</t>
  </si>
  <si>
    <t>3086499.0</t>
  </si>
  <si>
    <t>95478.0</t>
  </si>
  <si>
    <t>7017171.0</t>
  </si>
  <si>
    <t>4610453.0</t>
  </si>
  <si>
    <t>3128815.0</t>
  </si>
  <si>
    <t>56532.0</t>
  </si>
  <si>
    <t>2840932.0</t>
  </si>
  <si>
    <t>231.668</t>
  </si>
  <si>
    <t>101917.0</t>
  </si>
  <si>
    <t>2855364.0</t>
  </si>
  <si>
    <t>232.845</t>
  </si>
  <si>
    <t>7132375.0</t>
  </si>
  <si>
    <t>4656510.0</t>
  </si>
  <si>
    <t>3209273.0</t>
  </si>
  <si>
    <t>48938.0</t>
  </si>
  <si>
    <t>2861359.0</t>
  </si>
  <si>
    <t>233.334</t>
  </si>
  <si>
    <t>7174188.0</t>
  </si>
  <si>
    <t>4674137.0</t>
  </si>
  <si>
    <t>3239238.0</t>
  </si>
  <si>
    <t>41813.0</t>
  </si>
  <si>
    <t>50076.0</t>
  </si>
  <si>
    <t>19717.0</t>
  </si>
  <si>
    <t>2865125.0</t>
  </si>
  <si>
    <t>7212530.0</t>
  </si>
  <si>
    <t>4695129.0</t>
  </si>
  <si>
    <t>3262290.0</t>
  </si>
  <si>
    <t>38342.0</t>
  </si>
  <si>
    <t>2874427.0</t>
  </si>
  <si>
    <t>234.399</t>
  </si>
  <si>
    <t>7249413.0</t>
  </si>
  <si>
    <t>4713020.0</t>
  </si>
  <si>
    <t>3286497.0</t>
  </si>
  <si>
    <t>48230.0</t>
  </si>
  <si>
    <t>2880794.0</t>
  </si>
  <si>
    <t>234.919</t>
  </si>
  <si>
    <t>7297861.0</t>
  </si>
  <si>
    <t>4729690.0</t>
  </si>
  <si>
    <t>3324088.0</t>
  </si>
  <si>
    <t>7342484.0</t>
  </si>
  <si>
    <t>4745368.0</t>
  </si>
  <si>
    <t>3357086.0</t>
  </si>
  <si>
    <t>2886471.0</t>
  </si>
  <si>
    <t>235.382</t>
  </si>
  <si>
    <t>7384667.0</t>
  </si>
  <si>
    <t>4761259.0</t>
  </si>
  <si>
    <t>3387656.0</t>
  </si>
  <si>
    <t>44271.0</t>
  </si>
  <si>
    <t>7425277.0</t>
  </si>
  <si>
    <t>4774081.0</t>
  </si>
  <si>
    <t>3418333.0</t>
  </si>
  <si>
    <t>41843.0</t>
  </si>
  <si>
    <t>2907111.0</t>
  </si>
  <si>
    <t>237.065</t>
  </si>
  <si>
    <t>75177.0</t>
  </si>
  <si>
    <t>2909401.0</t>
  </si>
  <si>
    <t>237.251</t>
  </si>
  <si>
    <t>7975573.0</t>
  </si>
  <si>
    <t>5014695.0</t>
  </si>
  <si>
    <t>3768319.0</t>
  </si>
  <si>
    <t>109006.0</t>
  </si>
  <si>
    <t>8027352.0</t>
  </si>
  <si>
    <t>5033603.0</t>
  </si>
  <si>
    <t>3806236.0</t>
  </si>
  <si>
    <t>111134.0</t>
  </si>
  <si>
    <t>2920578.0</t>
  </si>
  <si>
    <t>238.163</t>
  </si>
  <si>
    <t>45955.0</t>
  </si>
  <si>
    <t>29632.5</t>
  </si>
  <si>
    <t>2398.20506702915</t>
  </si>
  <si>
    <t>2932223.0</t>
  </si>
  <si>
    <t>239.112</t>
  </si>
  <si>
    <t>8122053.0</t>
  </si>
  <si>
    <t>5086921.0</t>
  </si>
  <si>
    <t>3861062.0</t>
  </si>
  <si>
    <t>105341.0</t>
  </si>
  <si>
    <t>8162536.0</t>
  </si>
  <si>
    <t>5113351.0</t>
  </si>
  <si>
    <t>3881681.0</t>
  </si>
  <si>
    <t>105323.0</t>
  </si>
  <si>
    <t>48467.0</t>
  </si>
  <si>
    <t>2959305.0</t>
  </si>
  <si>
    <t>241.321</t>
  </si>
  <si>
    <t>8196113.0</t>
  </si>
  <si>
    <t>5139289.0</t>
  </si>
  <si>
    <t>3896327.0</t>
  </si>
  <si>
    <t>2962657.0</t>
  </si>
  <si>
    <t>241.594</t>
  </si>
  <si>
    <t>8242609.0</t>
  </si>
  <si>
    <t>5156070.0</t>
  </si>
  <si>
    <t>3929697.0</t>
  </si>
  <si>
    <t>8281311.0</t>
  </si>
  <si>
    <t>5172620.0</t>
  </si>
  <si>
    <t>3956254.0</t>
  </si>
  <si>
    <t>36280.0</t>
  </si>
  <si>
    <t>2975899.0</t>
  </si>
  <si>
    <t>242.674</t>
  </si>
  <si>
    <t>8314588.0</t>
  </si>
  <si>
    <t>5193089.0</t>
  </si>
  <si>
    <t>3973932.0</t>
  </si>
  <si>
    <t>8344827.0</t>
  </si>
  <si>
    <t>5210515.0</t>
  </si>
  <si>
    <t>3992462.0</t>
  </si>
  <si>
    <t>36334.0</t>
  </si>
  <si>
    <t>2980098.0</t>
  </si>
  <si>
    <t>243.016</t>
  </si>
  <si>
    <t>8381921.0</t>
  </si>
  <si>
    <t>5233974.0</t>
  </si>
  <si>
    <t>4014524.0</t>
  </si>
  <si>
    <t>37094.0</t>
  </si>
  <si>
    <t>8430811.0</t>
  </si>
  <si>
    <t>5255704.0</t>
  </si>
  <si>
    <t>4048705.0</t>
  </si>
  <si>
    <t>48890.0</t>
  </si>
  <si>
    <t>38325.0</t>
  </si>
  <si>
    <t>2994047.0</t>
  </si>
  <si>
    <t>244.154</t>
  </si>
  <si>
    <t>8471643.0</t>
  </si>
  <si>
    <t>5278579.0</t>
  </si>
  <si>
    <t>4073857.0</t>
  </si>
  <si>
    <t>19899.0</t>
  </si>
  <si>
    <t>8505215.0</t>
  </si>
  <si>
    <t>5294505.0</t>
  </si>
  <si>
    <t>4095504.0</t>
  </si>
  <si>
    <t>33572.0</t>
  </si>
  <si>
    <t>3001094.0</t>
  </si>
  <si>
    <t>244.729</t>
  </si>
  <si>
    <t>8540640.0</t>
  </si>
  <si>
    <t>5316244.0</t>
  </si>
  <si>
    <t>4113510.0</t>
  </si>
  <si>
    <t>37047.0</t>
  </si>
  <si>
    <t>8579166.0</t>
  </si>
  <si>
    <t>5341200.0</t>
  </si>
  <si>
    <t>4131734.0</t>
  </si>
  <si>
    <t>38526.0</t>
  </si>
  <si>
    <t>3006649.0</t>
  </si>
  <si>
    <t>245.182</t>
  </si>
  <si>
    <t>8620009.0</t>
  </si>
  <si>
    <t>5369621.0</t>
  </si>
  <si>
    <t>4149625.0</t>
  </si>
  <si>
    <t>8640525.0</t>
  </si>
  <si>
    <t>5383728.0</t>
  </si>
  <si>
    <t>4161982.0</t>
  </si>
  <si>
    <t>36943.0</t>
  </si>
  <si>
    <t>8678033.0</t>
  </si>
  <si>
    <t>5400133.0</t>
  </si>
  <si>
    <t>4189084.0</t>
  </si>
  <si>
    <t>8702575.0</t>
  </si>
  <si>
    <t>5411984.0</t>
  </si>
  <si>
    <t>4205797.0</t>
  </si>
  <si>
    <t>8723626.0</t>
  </si>
  <si>
    <t>5420703.0</t>
  </si>
  <si>
    <t>4222476.0</t>
  </si>
  <si>
    <t>3026962.0</t>
  </si>
  <si>
    <t>246.838</t>
  </si>
  <si>
    <t>8747863.0</t>
  </si>
  <si>
    <t>5433013.0</t>
  </si>
  <si>
    <t>4240154.0</t>
  </si>
  <si>
    <t>3030869.0</t>
  </si>
  <si>
    <t>247.157</t>
  </si>
  <si>
    <t>8775582.0</t>
  </si>
  <si>
    <t>5444941.0</t>
  </si>
  <si>
    <t>4262137.0</t>
  </si>
  <si>
    <t>8813253.0</t>
  </si>
  <si>
    <t>5461985.0</t>
  </si>
  <si>
    <t>4289685.0</t>
  </si>
  <si>
    <t>8854357.0</t>
  </si>
  <si>
    <t>5472941.0</t>
  </si>
  <si>
    <t>4321918.0</t>
  </si>
  <si>
    <t>3035820.0</t>
  </si>
  <si>
    <t>8885559.0</t>
  </si>
  <si>
    <t>5485746.0</t>
  </si>
  <si>
    <t>4342563.0</t>
  </si>
  <si>
    <t>29647.0</t>
  </si>
  <si>
    <t>3046570.0</t>
  </si>
  <si>
    <t>248.437</t>
  </si>
  <si>
    <t>8903687.0</t>
  </si>
  <si>
    <t>5489835.0</t>
  </si>
  <si>
    <t>4357077.0</t>
  </si>
  <si>
    <t>8956625.0</t>
  </si>
  <si>
    <t>5504905.0</t>
  </si>
  <si>
    <t>4397120.0</t>
  </si>
  <si>
    <t>33286.0</t>
  </si>
  <si>
    <t>3048324.0</t>
  </si>
  <si>
    <t>3053773.0</t>
  </si>
  <si>
    <t>249.024</t>
  </si>
  <si>
    <t>43338.0</t>
  </si>
  <si>
    <t>3058431.0</t>
  </si>
  <si>
    <t>249.404</t>
  </si>
  <si>
    <t>9140107.0</t>
  </si>
  <si>
    <t>5561740.0</t>
  </si>
  <si>
    <t>4471453.0</t>
  </si>
  <si>
    <t>9179487.0</t>
  </si>
  <si>
    <t>5579315.0</t>
  </si>
  <si>
    <t>4495433.0</t>
  </si>
  <si>
    <t>9253797.0</t>
  </si>
  <si>
    <t>5596309.0</t>
  </si>
  <si>
    <t>4516636.0</t>
  </si>
  <si>
    <t>3074708.0</t>
  </si>
  <si>
    <t>250.732</t>
  </si>
  <si>
    <t>29592.8</t>
  </si>
  <si>
    <t>2394.99208327277</t>
  </si>
  <si>
    <t>9362394.0</t>
  </si>
  <si>
    <t>5627636.0</t>
  </si>
  <si>
    <t>4552944.0</t>
  </si>
  <si>
    <t>3080602.0</t>
  </si>
  <si>
    <t>251.212</t>
  </si>
  <si>
    <t>9414932.0</t>
  </si>
  <si>
    <t>5649960.0</t>
  </si>
  <si>
    <t>4567385.0</t>
  </si>
  <si>
    <t>52538.0</t>
  </si>
  <si>
    <t>9457176.0</t>
  </si>
  <si>
    <t>5663693.0</t>
  </si>
  <si>
    <t>4585358.0</t>
  </si>
  <si>
    <t>42244.0</t>
  </si>
  <si>
    <t>3087483.0</t>
  </si>
  <si>
    <t>251.773</t>
  </si>
  <si>
    <t>9494334.0</t>
  </si>
  <si>
    <t>4598476.0</t>
  </si>
  <si>
    <t>16618.0</t>
  </si>
  <si>
    <t>9536221.0</t>
  </si>
  <si>
    <t>5694869.0</t>
  </si>
  <si>
    <t>4615502.0</t>
  </si>
  <si>
    <t>5705705.0</t>
  </si>
  <si>
    <t>4625538.0</t>
  </si>
  <si>
    <t>9610235.0</t>
  </si>
  <si>
    <t>5729629.0</t>
  </si>
  <si>
    <t>4644077.0</t>
  </si>
  <si>
    <t>3097624.0</t>
  </si>
  <si>
    <t>9649452.0</t>
  </si>
  <si>
    <t>5744691.0</t>
  </si>
  <si>
    <t>4652007.0</t>
  </si>
  <si>
    <t>39217.0</t>
  </si>
  <si>
    <t>3105633.0</t>
  </si>
  <si>
    <t>253.253</t>
  </si>
  <si>
    <t>9689886.0</t>
  </si>
  <si>
    <t>5762183.0</t>
  </si>
  <si>
    <t>4683045.0</t>
  </si>
  <si>
    <t>40434.0</t>
  </si>
  <si>
    <t>3109500.0</t>
  </si>
  <si>
    <t>253.569</t>
  </si>
  <si>
    <t>9726179.0</t>
  </si>
  <si>
    <t>5776726.0</t>
  </si>
  <si>
    <t>4705667.0</t>
  </si>
  <si>
    <t>3112309.0</t>
  </si>
  <si>
    <t>253.798</t>
  </si>
  <si>
    <t>9760917.0</t>
  </si>
  <si>
    <t>5790783.0</t>
  </si>
  <si>
    <t>4723670.0</t>
  </si>
  <si>
    <t>34738.0</t>
  </si>
  <si>
    <t>9791690.0</t>
  </si>
  <si>
    <t>5802387.0</t>
  </si>
  <si>
    <t>4745923.0</t>
  </si>
  <si>
    <t>9833267.0</t>
  </si>
  <si>
    <t>5818681.0</t>
  </si>
  <si>
    <t>4762715.0</t>
  </si>
  <si>
    <t>3123642.0</t>
  </si>
  <si>
    <t>254.722</t>
  </si>
  <si>
    <t>9858069.0</t>
  </si>
  <si>
    <t>5830398.0</t>
  </si>
  <si>
    <t>4773511.0</t>
  </si>
  <si>
    <t>9896676.0</t>
  </si>
  <si>
    <t>5844560.0</t>
  </si>
  <si>
    <t>4796143.0</t>
  </si>
  <si>
    <t>35318.0</t>
  </si>
  <si>
    <t>9926889.0</t>
  </si>
  <si>
    <t>5858720.0</t>
  </si>
  <si>
    <t>4809585.0</t>
  </si>
  <si>
    <t>3134463.0</t>
  </si>
  <si>
    <t>255.604</t>
  </si>
  <si>
    <t>9956934.0</t>
  </si>
  <si>
    <t>5870482.0</t>
  </si>
  <si>
    <t>4820932.0</t>
  </si>
  <si>
    <t>30045.0</t>
  </si>
  <si>
    <t>9977626.0</t>
  </si>
  <si>
    <t>5880737.0</t>
  </si>
  <si>
    <t>4830374.0</t>
  </si>
  <si>
    <t>10004076.0</t>
  </si>
  <si>
    <t>5891727.0</t>
  </si>
  <si>
    <t>4842968.0</t>
  </si>
  <si>
    <t>10027032.0</t>
  </si>
  <si>
    <t>5900488.0</t>
  </si>
  <si>
    <t>4856968.0</t>
  </si>
  <si>
    <t>3146043.0</t>
  </si>
  <si>
    <t>256.549</t>
  </si>
  <si>
    <t>10228580.0</t>
  </si>
  <si>
    <t>5997300.0</t>
  </si>
  <si>
    <t>4997447.0</t>
  </si>
  <si>
    <t>324327.0</t>
  </si>
  <si>
    <t>10264507.0</t>
  </si>
  <si>
    <t>6008708.0</t>
  </si>
  <si>
    <t>5014437.0</t>
  </si>
  <si>
    <t>337089.0</t>
  </si>
  <si>
    <t>3157961.0</t>
  </si>
  <si>
    <t>257.521</t>
  </si>
  <si>
    <t>10292254.0</t>
  </si>
  <si>
    <t>6020234.0</t>
  </si>
  <si>
    <t>5029931.0</t>
  </si>
  <si>
    <t>27747.0</t>
  </si>
  <si>
    <t>10337380.0</t>
  </si>
  <si>
    <t>5053915.0</t>
  </si>
  <si>
    <t>355269.0</t>
  </si>
  <si>
    <t>51393.0</t>
  </si>
  <si>
    <t>10376040.0</t>
  </si>
  <si>
    <t>6047512.0</t>
  </si>
  <si>
    <t>5071636.0</t>
  </si>
  <si>
    <t>369618.0</t>
  </si>
  <si>
    <t>10416390.0</t>
  </si>
  <si>
    <t>6061597.0</t>
  </si>
  <si>
    <t>5089447.0</t>
  </si>
  <si>
    <t>384681.0</t>
  </si>
  <si>
    <t>258.566</t>
  </si>
  <si>
    <t>10447598.0</t>
  </si>
  <si>
    <t>6075213.0</t>
  </si>
  <si>
    <t>5105502.0</t>
  </si>
  <si>
    <t>393183.0</t>
  </si>
  <si>
    <t>3177078.0</t>
  </si>
  <si>
    <t>10502737.0</t>
  </si>
  <si>
    <t>6092012.0</t>
  </si>
  <si>
    <t>5129211.0</t>
  </si>
  <si>
    <t>411172.0</t>
  </si>
  <si>
    <t>55139.0</t>
  </si>
  <si>
    <t>10560342.0</t>
  </si>
  <si>
    <t>6112326.0</t>
  </si>
  <si>
    <t>5156641.0</t>
  </si>
  <si>
    <t>29385.5</t>
  </si>
  <si>
    <t>2378.21496658011</t>
  </si>
  <si>
    <t>10595756.0</t>
  </si>
  <si>
    <t>6127532.0</t>
  </si>
  <si>
    <t>5176785.0</t>
  </si>
  <si>
    <t>432069.0</t>
  </si>
  <si>
    <t>43357.0</t>
  </si>
  <si>
    <t>10623089.0</t>
  </si>
  <si>
    <t>6140882.0</t>
  </si>
  <si>
    <t>5191973.0</t>
  </si>
  <si>
    <t>438337.0</t>
  </si>
  <si>
    <t>40816.0</t>
  </si>
  <si>
    <t>10657092.0</t>
  </si>
  <si>
    <t>6156042.0</t>
  </si>
  <si>
    <t>5212203.0</t>
  </si>
  <si>
    <t>40150.0</t>
  </si>
  <si>
    <t>10692857.0</t>
  </si>
  <si>
    <t>6172013.0</t>
  </si>
  <si>
    <t>5231608.0</t>
  </si>
  <si>
    <t>454578.0</t>
  </si>
  <si>
    <t>39495.0</t>
  </si>
  <si>
    <t>10731223.0</t>
  </si>
  <si>
    <t>6187495.0</t>
  </si>
  <si>
    <t>5247095.0</t>
  </si>
  <si>
    <t>469349.0</t>
  </si>
  <si>
    <t>38366.0</t>
  </si>
  <si>
    <t>10769174.0</t>
  </si>
  <si>
    <t>6200507.0</t>
  </si>
  <si>
    <t>5261145.0</t>
  </si>
  <si>
    <t>487349.0</t>
  </si>
  <si>
    <t>10812590.0</t>
  </si>
  <si>
    <t>6213822.0</t>
  </si>
  <si>
    <t>5275808.0</t>
  </si>
  <si>
    <t>510194.0</t>
  </si>
  <si>
    <t>43416.0</t>
  </si>
  <si>
    <t>10857755.0</t>
  </si>
  <si>
    <t>6228209.0</t>
  </si>
  <si>
    <t>5291788.0</t>
  </si>
  <si>
    <t>533260.0</t>
  </si>
  <si>
    <t>45165.0</t>
  </si>
  <si>
    <t>10894050.0</t>
  </si>
  <si>
    <t>6241162.0</t>
  </si>
  <si>
    <t>5306722.0</t>
  </si>
  <si>
    <t>548954.0</t>
  </si>
  <si>
    <t>10937504.0</t>
  </si>
  <si>
    <t>6257611.0</t>
  </si>
  <si>
    <t>5324150.0</t>
  </si>
  <si>
    <t>568114.0</t>
  </si>
  <si>
    <t>10979709.0</t>
  </si>
  <si>
    <t>6275922.0</t>
  </si>
  <si>
    <t>5343504.0</t>
  </si>
  <si>
    <t>582804.0</t>
  </si>
  <si>
    <t>11012280.0</t>
  </si>
  <si>
    <t>6292703.0</t>
  </si>
  <si>
    <t>5357940.0</t>
  </si>
  <si>
    <t>592168.0</t>
  </si>
  <si>
    <t>32571.0</t>
  </si>
  <si>
    <t>11057851.0</t>
  </si>
  <si>
    <t>6312309.0</t>
  </si>
  <si>
    <t>5377874.0</t>
  </si>
  <si>
    <t>11098112.0</t>
  </si>
  <si>
    <t>6331820.0</t>
  </si>
  <si>
    <t>5397832.0</t>
  </si>
  <si>
    <t>619342.0</t>
  </si>
  <si>
    <t>11144463.0</t>
  </si>
  <si>
    <t>6349206.0</t>
  </si>
  <si>
    <t>5416468.0</t>
  </si>
  <si>
    <t>638488.0</t>
  </si>
  <si>
    <t>46351.0</t>
  </si>
  <si>
    <t>11184034.0</t>
  </si>
  <si>
    <t>6367736.0</t>
  </si>
  <si>
    <t>5436870.0</t>
  </si>
  <si>
    <t>649176.0</t>
  </si>
  <si>
    <t>39571.0</t>
  </si>
  <si>
    <t>11225580.0</t>
  </si>
  <si>
    <t>6386392.0</t>
  </si>
  <si>
    <t>5451952.0</t>
  </si>
  <si>
    <t>664237.0</t>
  </si>
  <si>
    <t>3268283.0</t>
  </si>
  <si>
    <t>11281851.0</t>
  </si>
  <si>
    <t>6408746.0</t>
  </si>
  <si>
    <t>5474150.0</t>
  </si>
  <si>
    <t>687347.0</t>
  </si>
  <si>
    <t>11327165.0</t>
  </si>
  <si>
    <t>6427305.0</t>
  </si>
  <si>
    <t>5495388.0</t>
  </si>
  <si>
    <t>701546.0</t>
  </si>
  <si>
    <t>11384958.0</t>
  </si>
  <si>
    <t>6450802.0</t>
  </si>
  <si>
    <t>5521000.0</t>
  </si>
  <si>
    <t>722530.0</t>
  </si>
  <si>
    <t>57793.0</t>
  </si>
  <si>
    <t>46730.0</t>
  </si>
  <si>
    <t>51110.0</t>
  </si>
  <si>
    <t>3293865.0</t>
  </si>
  <si>
    <t>268.603</t>
  </si>
  <si>
    <t>11597734.0</t>
  </si>
  <si>
    <t>6562859.0</t>
  </si>
  <si>
    <t>5636108.0</t>
  </si>
  <si>
    <t>751944.0</t>
  </si>
  <si>
    <t>11647380.0</t>
  </si>
  <si>
    <t>6582428.0</t>
  </si>
  <si>
    <t>5659859.0</t>
  </si>
  <si>
    <t>768504.0</t>
  </si>
  <si>
    <t>60257.0</t>
  </si>
  <si>
    <t>3323192.0</t>
  </si>
  <si>
    <t>270.995</t>
  </si>
  <si>
    <t>68213.0</t>
  </si>
  <si>
    <t>11871309.0</t>
  </si>
  <si>
    <t>6724910.0</t>
  </si>
  <si>
    <t>5774360.0</t>
  </si>
  <si>
    <t>805492.0</t>
  </si>
  <si>
    <t>96.08</t>
  </si>
  <si>
    <t>11917120.0</t>
  </si>
  <si>
    <t>6754144.0</t>
  </si>
  <si>
    <t>5798130.0</t>
  </si>
  <si>
    <t>813686.0</t>
  </si>
  <si>
    <t>45811.0</t>
  </si>
  <si>
    <t>76023.0</t>
  </si>
  <si>
    <t>11979466.0</t>
  </si>
  <si>
    <t>6794307.0</t>
  </si>
  <si>
    <t>5830391.0</t>
  </si>
  <si>
    <t>822589.0</t>
  </si>
  <si>
    <t>74798.0</t>
  </si>
  <si>
    <t>3353887.0</t>
  </si>
  <si>
    <t>273.498</t>
  </si>
  <si>
    <t>12039684.0</t>
  </si>
  <si>
    <t>6828623.0</t>
  </si>
  <si>
    <t>5860069.0</t>
  </si>
  <si>
    <t>835254.0</t>
  </si>
  <si>
    <t>60218.0</t>
  </si>
  <si>
    <t>73268.0</t>
  </si>
  <si>
    <t>43302.0</t>
  </si>
  <si>
    <t>12117984.0</t>
  </si>
  <si>
    <t>6870269.0</t>
  </si>
  <si>
    <t>5903522.0</t>
  </si>
  <si>
    <t>846761.0</t>
  </si>
  <si>
    <t>78300.0</t>
  </si>
  <si>
    <t>12156566.0</t>
  </si>
  <si>
    <t>6889208.0</t>
  </si>
  <si>
    <t>5921997.0</t>
  </si>
  <si>
    <t>856236.0</t>
  </si>
  <si>
    <t>72741.0</t>
  </si>
  <si>
    <t>43826.0</t>
  </si>
  <si>
    <t>29906.4</t>
  </si>
  <si>
    <t>2420.37222700078</t>
  </si>
  <si>
    <t>12182712.0</t>
  </si>
  <si>
    <t>6899489.0</t>
  </si>
  <si>
    <t>5933117.0</t>
  </si>
  <si>
    <t>865340.0</t>
  </si>
  <si>
    <t>12205879.0</t>
  </si>
  <si>
    <t>6910245.0</t>
  </si>
  <si>
    <t>5942688.0</t>
  </si>
  <si>
    <t>871951.0</t>
  </si>
  <si>
    <t>12301642.0</t>
  </si>
  <si>
    <t>6954920.0</t>
  </si>
  <si>
    <t>6000478.0</t>
  </si>
  <si>
    <t>893379.0</t>
  </si>
  <si>
    <t>12331779.0</t>
  </si>
  <si>
    <t>6970321.0</t>
  </si>
  <si>
    <t>6016132.0</t>
  </si>
  <si>
    <t>900153.0</t>
  </si>
  <si>
    <t>30137.0</t>
  </si>
  <si>
    <t>41728.0</t>
  </si>
  <si>
    <t>12356422.0</t>
  </si>
  <si>
    <t>6979988.0</t>
  </si>
  <si>
    <t>6027072.0</t>
  </si>
  <si>
    <t>908217.0</t>
  </si>
  <si>
    <t>12376388.0</t>
  </si>
  <si>
    <t>6986778.0</t>
  </si>
  <si>
    <t>6036185.0</t>
  </si>
  <si>
    <t>914839.0</t>
  </si>
  <si>
    <t>12393429.0</t>
  </si>
  <si>
    <t>6993487.0</t>
  </si>
  <si>
    <t>6044661.0</t>
  </si>
  <si>
    <t>919377.0</t>
  </si>
  <si>
    <t>12410869.0</t>
  </si>
  <si>
    <t>6998537.0</t>
  </si>
  <si>
    <t>6052532.0</t>
  </si>
  <si>
    <t>925633.0</t>
  </si>
  <si>
    <t>3518751.0</t>
  </si>
  <si>
    <t>286.942</t>
  </si>
  <si>
    <t>12427128.0</t>
  </si>
  <si>
    <t>7004917.0</t>
  </si>
  <si>
    <t>6059981.0</t>
  </si>
  <si>
    <t>930651.0</t>
  </si>
  <si>
    <t>3543022.0</t>
  </si>
  <si>
    <t>288.921</t>
  </si>
  <si>
    <t>12445869.0</t>
  </si>
  <si>
    <t>7011812.0</t>
  </si>
  <si>
    <t>6069911.0</t>
  </si>
  <si>
    <t>935615.0</t>
  </si>
  <si>
    <t>12463191.0</t>
  </si>
  <si>
    <t>7018208.0</t>
  </si>
  <si>
    <t>6078905.0</t>
  </si>
  <si>
    <t>940285.0</t>
  </si>
  <si>
    <t>12479874.0</t>
  </si>
  <si>
    <t>7024981.0</t>
  </si>
  <si>
    <t>6087525.0</t>
  </si>
  <si>
    <t>944338.0</t>
  </si>
  <si>
    <t>12497274.0</t>
  </si>
  <si>
    <t>7031195.0</t>
  </si>
  <si>
    <t>6097229.0</t>
  </si>
  <si>
    <t>948234.0</t>
  </si>
  <si>
    <t>3660414.0</t>
  </si>
  <si>
    <t>298.494</t>
  </si>
  <si>
    <t>12515433.0</t>
  </si>
  <si>
    <t>7036915.0</t>
  </si>
  <si>
    <t>6107788.0</t>
  </si>
  <si>
    <t>952453.0</t>
  </si>
  <si>
    <t>17429.0</t>
  </si>
  <si>
    <t>12535903.0</t>
  </si>
  <si>
    <t>7040687.0</t>
  </si>
  <si>
    <t>6116577.0</t>
  </si>
  <si>
    <t>962421.0</t>
  </si>
  <si>
    <t>12552782.0</t>
  </si>
  <si>
    <t>7046024.0</t>
  </si>
  <si>
    <t>6124275.0</t>
  </si>
  <si>
    <t>967701.0</t>
  </si>
  <si>
    <t>12573385.0</t>
  </si>
  <si>
    <t>7050632.0</t>
  </si>
  <si>
    <t>6132884.0</t>
  </si>
  <si>
    <t>977123.0</t>
  </si>
  <si>
    <t>3783881.0</t>
  </si>
  <si>
    <t>308.562</t>
  </si>
  <si>
    <t>12592621.0</t>
  </si>
  <si>
    <t>7055003.0</t>
  </si>
  <si>
    <t>6140624.0</t>
  </si>
  <si>
    <t>986276.0</t>
  </si>
  <si>
    <t>29926.0</t>
  </si>
  <si>
    <t>12654706.0</t>
  </si>
  <si>
    <t>7079681.0</t>
  </si>
  <si>
    <t>6175817.0</t>
  </si>
  <si>
    <t>1001320.0</t>
  </si>
  <si>
    <t>3868881.0</t>
  </si>
  <si>
    <t>315.494</t>
  </si>
  <si>
    <t>0.3167</t>
  </si>
  <si>
    <t>12672586.0</t>
  </si>
  <si>
    <t>7083316.0</t>
  </si>
  <si>
    <t>6187489.0</t>
  </si>
  <si>
    <t>1005478.0</t>
  </si>
  <si>
    <t>12684824.0</t>
  </si>
  <si>
    <t>7085339.0</t>
  </si>
  <si>
    <t>6193743.0</t>
  </si>
  <si>
    <t>3908255.0</t>
  </si>
  <si>
    <t>318.704</t>
  </si>
  <si>
    <t>12698232.0</t>
  </si>
  <si>
    <t>7088214.0</t>
  </si>
  <si>
    <t>6201904.0</t>
  </si>
  <si>
    <t>1013713.0</t>
  </si>
  <si>
    <t>12706499.0</t>
  </si>
  <si>
    <t>7089669.0</t>
  </si>
  <si>
    <t>6206900.0</t>
  </si>
  <si>
    <t>1016080.0</t>
  </si>
  <si>
    <t>3962119.0</t>
  </si>
  <si>
    <t>323.097</t>
  </si>
  <si>
    <t>12713783.0</t>
  </si>
  <si>
    <t>7091922.0</t>
  </si>
  <si>
    <t>6211633.0</t>
  </si>
  <si>
    <t>1017438.0</t>
  </si>
  <si>
    <t>12722944.0</t>
  </si>
  <si>
    <t>7093969.0</t>
  </si>
  <si>
    <t>6217064.0</t>
  </si>
  <si>
    <t>1020053.0</t>
  </si>
  <si>
    <t>4006640.0</t>
  </si>
  <si>
    <t>326.727</t>
  </si>
  <si>
    <t>0.3477</t>
  </si>
  <si>
    <t>12731605.0</t>
  </si>
  <si>
    <t>7095889.0</t>
  </si>
  <si>
    <t>6222157.0</t>
  </si>
  <si>
    <t>1022584.0</t>
  </si>
  <si>
    <t>4026806.0</t>
  </si>
  <si>
    <t>328.372</t>
  </si>
  <si>
    <t>12740062.0</t>
  </si>
  <si>
    <t>7097979.0</t>
  </si>
  <si>
    <t>6226898.0</t>
  </si>
  <si>
    <t>1025095.0</t>
  </si>
  <si>
    <t>12748822.0</t>
  </si>
  <si>
    <t>7098898.0</t>
  </si>
  <si>
    <t>6230542.0</t>
  </si>
  <si>
    <t>1029590.0</t>
  </si>
  <si>
    <t>4057762.0</t>
  </si>
  <si>
    <t>330.896</t>
  </si>
  <si>
    <t>12757250.0</t>
  </si>
  <si>
    <t>7100854.0</t>
  </si>
  <si>
    <t>6234262.0</t>
  </si>
  <si>
    <t>1033173.0</t>
  </si>
  <si>
    <t>29978.6</t>
  </si>
  <si>
    <t>2426.21548713204</t>
  </si>
  <si>
    <t>4077300.0</t>
  </si>
  <si>
    <t>332.489</t>
  </si>
  <si>
    <t>12788767.0</t>
  </si>
  <si>
    <t>7105519.0</t>
  </si>
  <si>
    <t>6260918.0</t>
  </si>
  <si>
    <t>1040285.0</t>
  </si>
  <si>
    <t>4092366.0</t>
  </si>
  <si>
    <t>333.718</t>
  </si>
  <si>
    <t>12791490.0</t>
  </si>
  <si>
    <t>7106753.0</t>
  </si>
  <si>
    <t>6262239.0</t>
  </si>
  <si>
    <t>1041032.0</t>
  </si>
  <si>
    <t>12797534.0</t>
  </si>
  <si>
    <t>7108160.0</t>
  </si>
  <si>
    <t>6265513.0</t>
  </si>
  <si>
    <t>1043001.0</t>
  </si>
  <si>
    <t>0.4479</t>
  </si>
  <si>
    <t>12803714.0</t>
  </si>
  <si>
    <t>7109693.0</t>
  </si>
  <si>
    <t>6268617.0</t>
  </si>
  <si>
    <t>1045693.0</t>
  </si>
  <si>
    <t>4131634.0</t>
  </si>
  <si>
    <t>336.92</t>
  </si>
  <si>
    <t>0.3732</t>
  </si>
  <si>
    <t>12810015.0</t>
  </si>
  <si>
    <t>7110923.0</t>
  </si>
  <si>
    <t>6271674.0</t>
  </si>
  <si>
    <t>1047730.0</t>
  </si>
  <si>
    <t>12816347.0</t>
  </si>
  <si>
    <t>7111689.0</t>
  </si>
  <si>
    <t>6274197.0</t>
  </si>
  <si>
    <t>1051057.0</t>
  </si>
  <si>
    <t>12822908.0</t>
  </si>
  <si>
    <t>7112952.0</t>
  </si>
  <si>
    <t>6276485.0</t>
  </si>
  <si>
    <t>1054666.0</t>
  </si>
  <si>
    <t>12829466.0</t>
  </si>
  <si>
    <t>7114276.0</t>
  </si>
  <si>
    <t>6278773.0</t>
  </si>
  <si>
    <t>1058324.0</t>
  </si>
  <si>
    <t>4175438.0</t>
  </si>
  <si>
    <t>340.492</t>
  </si>
  <si>
    <t>0.4444</t>
  </si>
  <si>
    <t>12837339.0</t>
  </si>
  <si>
    <t>7115467.0</t>
  </si>
  <si>
    <t>6280836.0</t>
  </si>
  <si>
    <t>1063318.0</t>
  </si>
  <si>
    <t>12847352.0</t>
  </si>
  <si>
    <t>7116788.0</t>
  </si>
  <si>
    <t>6283440.0</t>
  </si>
  <si>
    <t>1070023.0</t>
  </si>
  <si>
    <t>12858134.0</t>
  </si>
  <si>
    <t>7117804.0</t>
  </si>
  <si>
    <t>6285618.0</t>
  </si>
  <si>
    <t>1078061.0</t>
  </si>
  <si>
    <t>12867598.0</t>
  </si>
  <si>
    <t>7118728.0</t>
  </si>
  <si>
    <t>6287835.0</t>
  </si>
  <si>
    <t>1084771.0</t>
  </si>
  <si>
    <t>4212591.0</t>
  </si>
  <si>
    <t>343.522</t>
  </si>
  <si>
    <t>12874885.0</t>
  </si>
  <si>
    <t>7119310.0</t>
  </si>
  <si>
    <t>6289682.0</t>
  </si>
  <si>
    <t>1089820.0</t>
  </si>
  <si>
    <t>4224392.0</t>
  </si>
  <si>
    <t>344.484</t>
  </si>
  <si>
    <t>12882887.0</t>
  </si>
  <si>
    <t>7120357.0</t>
  </si>
  <si>
    <t>6291456.0</t>
  </si>
  <si>
    <t>1095468.0</t>
  </si>
  <si>
    <t>4233759.0</t>
  </si>
  <si>
    <t>345.248</t>
  </si>
  <si>
    <t>12892198.0</t>
  </si>
  <si>
    <t>7121535.0</t>
  </si>
  <si>
    <t>6293533.0</t>
  </si>
  <si>
    <t>1102115.0</t>
  </si>
  <si>
    <t>12904394.0</t>
  </si>
  <si>
    <t>7123498.0</t>
  </si>
  <si>
    <t>6296725.0</t>
  </si>
  <si>
    <t>1110104.0</t>
  </si>
  <si>
    <t>12910304.0</t>
  </si>
  <si>
    <t>7124611.0</t>
  </si>
  <si>
    <t>6298535.0</t>
  </si>
  <si>
    <t>1113656.0</t>
  </si>
  <si>
    <t>4280200.0</t>
  </si>
  <si>
    <t>349.035</t>
  </si>
  <si>
    <t>12916199.0</t>
  </si>
  <si>
    <t>7125702.0</t>
  </si>
  <si>
    <t>6300255.0</t>
  </si>
  <si>
    <t>1117287.0</t>
  </si>
  <si>
    <t>4286361.0</t>
  </si>
  <si>
    <t>349.538</t>
  </si>
  <si>
    <t>12921507.0</t>
  </si>
  <si>
    <t>7126431.0</t>
  </si>
  <si>
    <t>6301481.0</t>
  </si>
  <si>
    <t>1120869.0</t>
  </si>
  <si>
    <t>12926331.0</t>
  </si>
  <si>
    <t>7127827.0</t>
  </si>
  <si>
    <t>6302847.0</t>
  </si>
  <si>
    <t>1123562.0</t>
  </si>
  <si>
    <t>4315443.0</t>
  </si>
  <si>
    <t>351.909</t>
  </si>
  <si>
    <t>12964961.0</t>
  </si>
  <si>
    <t>7150957.0</t>
  </si>
  <si>
    <t>6321761.0</t>
  </si>
  <si>
    <t>1128590.0</t>
  </si>
  <si>
    <t>4323847.0</t>
  </si>
  <si>
    <t>352.594</t>
  </si>
  <si>
    <t>12973815.0</t>
  </si>
  <si>
    <t>7152362.0</t>
  </si>
  <si>
    <t>6324537.0</t>
  </si>
  <si>
    <t>1133551.0</t>
  </si>
  <si>
    <t>12978485.0</t>
  </si>
  <si>
    <t>7153904.0</t>
  </si>
  <si>
    <t>6326343.0</t>
  </si>
  <si>
    <t>1135472.0</t>
  </si>
  <si>
    <t>12985614.0</t>
  </si>
  <si>
    <t>7157868.0</t>
  </si>
  <si>
    <t>6328989.0</t>
  </si>
  <si>
    <t>1137659.0</t>
  </si>
  <si>
    <t>4341110.0</t>
  </si>
  <si>
    <t>354.002</t>
  </si>
  <si>
    <t>12987004.0</t>
  </si>
  <si>
    <t>7158590.0</t>
  </si>
  <si>
    <t>6329542.0</t>
  </si>
  <si>
    <t>1138121.0</t>
  </si>
  <si>
    <t>105.11</t>
  </si>
  <si>
    <t>4343907.0</t>
  </si>
  <si>
    <t>354.23</t>
  </si>
  <si>
    <t>12990212.0</t>
  </si>
  <si>
    <t>7159239.0</t>
  </si>
  <si>
    <t>6330350.0</t>
  </si>
  <si>
    <t>1140058.0</t>
  </si>
  <si>
    <t>4350544.0</t>
  </si>
  <si>
    <t>354.772</t>
  </si>
  <si>
    <t>12993306.0</t>
  </si>
  <si>
    <t>7160078.0</t>
  </si>
  <si>
    <t>6331265.0</t>
  </si>
  <si>
    <t>1141682.0</t>
  </si>
  <si>
    <t>105.16</t>
  </si>
  <si>
    <t>2481.84785575014</t>
  </si>
  <si>
    <t>4362099.0</t>
  </si>
  <si>
    <t>355.714</t>
  </si>
  <si>
    <t>12998954.0</t>
  </si>
  <si>
    <t>7161963.0</t>
  </si>
  <si>
    <t>6333248.0</t>
  </si>
  <si>
    <t>1144526.0</t>
  </si>
  <si>
    <t>4370335.0</t>
  </si>
  <si>
    <t>356.385</t>
  </si>
  <si>
    <t>13002063.0</t>
  </si>
  <si>
    <t>7162573.0</t>
  </si>
  <si>
    <t>6334308.0</t>
  </si>
  <si>
    <t>1146151.0</t>
  </si>
  <si>
    <t>4379844.0</t>
  </si>
  <si>
    <t>357.161</t>
  </si>
  <si>
    <t>13005232.0</t>
  </si>
  <si>
    <t>7163290.0</t>
  </si>
  <si>
    <t>6335224.0</t>
  </si>
  <si>
    <t>1147988.0</t>
  </si>
  <si>
    <t>4383962.0</t>
  </si>
  <si>
    <t>357.497</t>
  </si>
  <si>
    <t>13007862.0</t>
  </si>
  <si>
    <t>7163868.0</t>
  </si>
  <si>
    <t>6336058.0</t>
  </si>
  <si>
    <t>1149500.0</t>
  </si>
  <si>
    <t>105.27</t>
  </si>
  <si>
    <t>4412724.0</t>
  </si>
  <si>
    <t>359.842</t>
  </si>
  <si>
    <t>13010053.0</t>
  </si>
  <si>
    <t>7164186.0</t>
  </si>
  <si>
    <t>6336607.0</t>
  </si>
  <si>
    <t>1150919.0</t>
  </si>
  <si>
    <t>13014472.0</t>
  </si>
  <si>
    <t>7165557.0</t>
  </si>
  <si>
    <t>6338109.0</t>
  </si>
  <si>
    <t>1153164.0</t>
  </si>
  <si>
    <t>4432295.0</t>
  </si>
  <si>
    <t>13017226.0</t>
  </si>
  <si>
    <t>7166473.0</t>
  </si>
  <si>
    <t>6338837.0</t>
  </si>
  <si>
    <t>1154699.0</t>
  </si>
  <si>
    <t>13018888.0</t>
  </si>
  <si>
    <t>7167040.0</t>
  </si>
  <si>
    <t>6339503.0</t>
  </si>
  <si>
    <t>1155398.0</t>
  </si>
  <si>
    <t>4473309.0</t>
  </si>
  <si>
    <t>364.783</t>
  </si>
  <si>
    <t>4475031.0</t>
  </si>
  <si>
    <t>364.923</t>
  </si>
  <si>
    <t>13025166.0</t>
  </si>
  <si>
    <t>7168733.0</t>
  </si>
  <si>
    <t>6341665.0</t>
  </si>
  <si>
    <t>1158567.0</t>
  </si>
  <si>
    <t>105.41</t>
  </si>
  <si>
    <t>4500701.0</t>
  </si>
  <si>
    <t>13037269.0</t>
  </si>
  <si>
    <t>7171789.0</t>
  </si>
  <si>
    <t>6345597.0</t>
  </si>
  <si>
    <t>4521880.0</t>
  </si>
  <si>
    <t>368.743</t>
  </si>
  <si>
    <t>13049848.0</t>
  </si>
  <si>
    <t>7174500.0</t>
  </si>
  <si>
    <t>6349274.0</t>
  </si>
  <si>
    <t>1172680.0</t>
  </si>
  <si>
    <t>4537900.0</t>
  </si>
  <si>
    <t>370.05</t>
  </si>
  <si>
    <t>13058621.0</t>
  </si>
  <si>
    <t>7176738.0</t>
  </si>
  <si>
    <t>6352181.0</t>
  </si>
  <si>
    <t>1177518.0</t>
  </si>
  <si>
    <t>13062714.0</t>
  </si>
  <si>
    <t>7177958.0</t>
  </si>
  <si>
    <t>6353688.0</t>
  </si>
  <si>
    <t>1179457.0</t>
  </si>
  <si>
    <t>4563397.0</t>
  </si>
  <si>
    <t>372.129</t>
  </si>
  <si>
    <t>13073517.0</t>
  </si>
  <si>
    <t>7179183.0</t>
  </si>
  <si>
    <t>6355154.0</t>
  </si>
  <si>
    <t>1181795.0</t>
  </si>
  <si>
    <t>4572976.0</t>
  </si>
  <si>
    <t>372.91</t>
  </si>
  <si>
    <t>13118962.0</t>
  </si>
  <si>
    <t>7179498.0</t>
  </si>
  <si>
    <t>6366918.0</t>
  </si>
  <si>
    <t>1190733.0</t>
  </si>
  <si>
    <t>4584296.0</t>
  </si>
  <si>
    <t>373.833</t>
  </si>
  <si>
    <t>13133590.0</t>
  </si>
  <si>
    <t>6367441.0</t>
  </si>
  <si>
    <t>1227271.0</t>
  </si>
  <si>
    <t>4592916.0</t>
  </si>
  <si>
    <t>374.536</t>
  </si>
  <si>
    <t>6368899.0</t>
  </si>
  <si>
    <t>4607327.0</t>
  </si>
  <si>
    <t>375.711</t>
  </si>
  <si>
    <t>6370393.0</t>
  </si>
  <si>
    <t>4632454.0</t>
  </si>
  <si>
    <t>377.76</t>
  </si>
  <si>
    <t>6372301.0</t>
  </si>
  <si>
    <t>4640840.0</t>
  </si>
  <si>
    <t>378.444</t>
  </si>
  <si>
    <t>4647813.0</t>
  </si>
  <si>
    <t>379.013</t>
  </si>
  <si>
    <t>6373862.0</t>
  </si>
  <si>
    <t>6376006.0</t>
  </si>
  <si>
    <t>6377304.0</t>
  </si>
  <si>
    <t>6377749.0</t>
  </si>
  <si>
    <t>6378774.0</t>
  </si>
  <si>
    <t>6379291.0</t>
  </si>
  <si>
    <t>6379629.0</t>
  </si>
  <si>
    <t>6381189.0</t>
  </si>
  <si>
    <t>6381735.0</t>
  </si>
  <si>
    <t>6382155.0</t>
  </si>
  <si>
    <t>13141597.0</t>
  </si>
  <si>
    <t>7207019.0</t>
  </si>
  <si>
    <t>6382822.0</t>
  </si>
  <si>
    <t>1242934.0</t>
  </si>
  <si>
    <t>13143889.0</t>
  </si>
  <si>
    <t>7207589.0</t>
  </si>
  <si>
    <t>6383122.0</t>
  </si>
  <si>
    <t>1244356.0</t>
  </si>
  <si>
    <t>13146062.0</t>
  </si>
  <si>
    <t>7208140.0</t>
  </si>
  <si>
    <t>6383424.0</t>
  </si>
  <si>
    <t>1245676.0</t>
  </si>
  <si>
    <t>13147985.0</t>
  </si>
  <si>
    <t>7208580.0</t>
  </si>
  <si>
    <t>6383742.0</t>
  </si>
  <si>
    <t>1246841.0</t>
  </si>
  <si>
    <t>13149434.0</t>
  </si>
  <si>
    <t>7208922.0</t>
  </si>
  <si>
    <t>6383981.0</t>
  </si>
  <si>
    <t>1247709.0</t>
  </si>
  <si>
    <t>13150936.0</t>
  </si>
  <si>
    <t>7209283.0</t>
  </si>
  <si>
    <t>6384257.0</t>
  </si>
  <si>
    <t>1248574.0</t>
  </si>
  <si>
    <t>13154159.0</t>
  </si>
  <si>
    <t>7209983.0</t>
  </si>
  <si>
    <t>6384739.0</t>
  </si>
  <si>
    <t>1250615.0</t>
  </si>
  <si>
    <t>13155275.0</t>
  </si>
  <si>
    <t>7210222.0</t>
  </si>
  <si>
    <t>6384938.0</t>
  </si>
  <si>
    <t>1251293.0</t>
  </si>
  <si>
    <t>7215570.0</t>
  </si>
  <si>
    <t>6391288.0</t>
  </si>
  <si>
    <t>13170075.0</t>
  </si>
  <si>
    <t>7215716.0</t>
  </si>
  <si>
    <t>6392574.0</t>
  </si>
  <si>
    <t>1252963.0</t>
  </si>
  <si>
    <t>13172572.0</t>
  </si>
  <si>
    <t>7217098.0</t>
  </si>
  <si>
    <t>1254078.0</t>
  </si>
  <si>
    <t>TUR</t>
  </si>
  <si>
    <t>Turkey</t>
  </si>
  <si>
    <t>52113.0</t>
  </si>
  <si>
    <t>15422.0</t>
  </si>
  <si>
    <t>121090.0</t>
  </si>
  <si>
    <t>141155.0</t>
  </si>
  <si>
    <t>182578.0</t>
  </si>
  <si>
    <t>207478.0</t>
  </si>
  <si>
    <t>236056.0</t>
  </si>
  <si>
    <t>266920.0</t>
  </si>
  <si>
    <t>300090.0</t>
  </si>
  <si>
    <t>335810.0</t>
  </si>
  <si>
    <t>370266.0</t>
  </si>
  <si>
    <t>403336.0</t>
  </si>
  <si>
    <t>437426.0</t>
  </si>
  <si>
    <t>477853.0</t>
  </si>
  <si>
    <t>518123.0</t>
  </si>
  <si>
    <t>558643.0</t>
  </si>
  <si>
    <t>36936.0</t>
  </si>
  <si>
    <t>593987.0</t>
  </si>
  <si>
    <t>633690.0</t>
  </si>
  <si>
    <t>37632.0</t>
  </si>
  <si>
    <t>673119.0</t>
  </si>
  <si>
    <t>710654.0</t>
  </si>
  <si>
    <t>751616.0</t>
  </si>
  <si>
    <t>39109.0</t>
  </si>
  <si>
    <t>789967.0</t>
  </si>
  <si>
    <t>828275.0</t>
  </si>
  <si>
    <t>858452.0</t>
  </si>
  <si>
    <t>878595.0</t>
  </si>
  <si>
    <t>907825.0</t>
  </si>
  <si>
    <t>10.709</t>
  </si>
  <si>
    <t>951323.0</t>
  </si>
  <si>
    <t>993327.0</t>
  </si>
  <si>
    <t>42004.0</t>
  </si>
  <si>
    <t>11.717</t>
  </si>
  <si>
    <t>1071076.0</t>
  </si>
  <si>
    <t>1095077.0</t>
  </si>
  <si>
    <t>1130848.0</t>
  </si>
  <si>
    <t>1164131.0</t>
  </si>
  <si>
    <t>1194434.0</t>
  </si>
  <si>
    <t>14.089</t>
  </si>
  <si>
    <t>1224829.0</t>
  </si>
  <si>
    <t>14.448</t>
  </si>
  <si>
    <t>1258516.0</t>
  </si>
  <si>
    <t>1294121.0</t>
  </si>
  <si>
    <t>35605.0</t>
  </si>
  <si>
    <t>1330308.0</t>
  </si>
  <si>
    <t>36187.0</t>
  </si>
  <si>
    <t>15.692</t>
  </si>
  <si>
    <t>33604.0</t>
  </si>
  <si>
    <t>1363030.0</t>
  </si>
  <si>
    <t>32722.0</t>
  </si>
  <si>
    <t>16.078</t>
  </si>
  <si>
    <t>33169.0</t>
  </si>
  <si>
    <t>1400381.0</t>
  </si>
  <si>
    <t>16.519</t>
  </si>
  <si>
    <t>1433713.0</t>
  </si>
  <si>
    <t>16.912</t>
  </si>
  <si>
    <t>1468534.0</t>
  </si>
  <si>
    <t>17.323</t>
  </si>
  <si>
    <t>1507099.0</t>
  </si>
  <si>
    <t>35512.0</t>
  </si>
  <si>
    <t>1549335.0</t>
  </si>
  <si>
    <t>1584704.0</t>
  </si>
  <si>
    <t>36342.0</t>
  </si>
  <si>
    <t>1609845.0</t>
  </si>
  <si>
    <t>1656065.0</t>
  </si>
  <si>
    <t>1689698.0</t>
  </si>
  <si>
    <t>1727205.0</t>
  </si>
  <si>
    <t>1767383.0</t>
  </si>
  <si>
    <t>1791972.0</t>
  </si>
  <si>
    <t>1813464.0</t>
  </si>
  <si>
    <t>21.391</t>
  </si>
  <si>
    <t>1833317.0</t>
  </si>
  <si>
    <t>1854360.0</t>
  </si>
  <si>
    <t>21.874</t>
  </si>
  <si>
    <t>1887919.0</t>
  </si>
  <si>
    <t>1924074.0</t>
  </si>
  <si>
    <t>1963304.0</t>
  </si>
  <si>
    <t>1998904.0</t>
  </si>
  <si>
    <t>2030429.0</t>
  </si>
  <si>
    <t>30995.0</t>
  </si>
  <si>
    <t>2062754.0</t>
  </si>
  <si>
    <t>32777.0</t>
  </si>
  <si>
    <t>2115059.0</t>
  </si>
  <si>
    <t>24.949</t>
  </si>
  <si>
    <t>2169293.0</t>
  </si>
  <si>
    <t>25.589</t>
  </si>
  <si>
    <t>2227122.0</t>
  </si>
  <si>
    <t>2298303.0</t>
  </si>
  <si>
    <t>2337664.0</t>
  </si>
  <si>
    <t>27.575</t>
  </si>
  <si>
    <t>2374889.0</t>
  </si>
  <si>
    <t>28.014</t>
  </si>
  <si>
    <t>2411410.0</t>
  </si>
  <si>
    <t>28.445</t>
  </si>
  <si>
    <t>2460600.0</t>
  </si>
  <si>
    <t>49190.0</t>
  </si>
  <si>
    <t>29.025</t>
  </si>
  <si>
    <t>2501613.0</t>
  </si>
  <si>
    <t>41013.0</t>
  </si>
  <si>
    <t>29.509</t>
  </si>
  <si>
    <t>2546705.0</t>
  </si>
  <si>
    <t>2591881.0</t>
  </si>
  <si>
    <t>45176.0</t>
  </si>
  <si>
    <t>2633913.0</t>
  </si>
  <si>
    <t>31.069</t>
  </si>
  <si>
    <t>42321.0</t>
  </si>
  <si>
    <t>2680713.0</t>
  </si>
  <si>
    <t>2733614.0</t>
  </si>
  <si>
    <t>32.245</t>
  </si>
  <si>
    <t>2782026.0</t>
  </si>
  <si>
    <t>32.816</t>
  </si>
  <si>
    <t>2823342.0</t>
  </si>
  <si>
    <t>41316.0</t>
  </si>
  <si>
    <t>2864454.0</t>
  </si>
  <si>
    <t>2904950.0</t>
  </si>
  <si>
    <t>2946363.0</t>
  </si>
  <si>
    <t>2989345.0</t>
  </si>
  <si>
    <t>3042831.0</t>
  </si>
  <si>
    <t>35.893</t>
  </si>
  <si>
    <t>3095134.0</t>
  </si>
  <si>
    <t>52303.0</t>
  </si>
  <si>
    <t>3146332.0</t>
  </si>
  <si>
    <t>37.114</t>
  </si>
  <si>
    <t>3191545.0</t>
  </si>
  <si>
    <t>37.647</t>
  </si>
  <si>
    <t>3239854.0</t>
  </si>
  <si>
    <t>47843.0</t>
  </si>
  <si>
    <t>3290868.0</t>
  </si>
  <si>
    <t>3341360.0</t>
  </si>
  <si>
    <t>39.414</t>
  </si>
  <si>
    <t>3393673.0</t>
  </si>
  <si>
    <t>40.031</t>
  </si>
  <si>
    <t>3443387.0</t>
  </si>
  <si>
    <t>49714.0</t>
  </si>
  <si>
    <t>40.618</t>
  </si>
  <si>
    <t>3495528.0</t>
  </si>
  <si>
    <t>41.233</t>
  </si>
  <si>
    <t>3543776.0</t>
  </si>
  <si>
    <t>3590190.0</t>
  </si>
  <si>
    <t>3642383.0</t>
  </si>
  <si>
    <t>42.965</t>
  </si>
  <si>
    <t>50216.0</t>
  </si>
  <si>
    <t>3692928.0</t>
  </si>
  <si>
    <t>3742230.0</t>
  </si>
  <si>
    <t>44.143</t>
  </si>
  <si>
    <t>49794.0</t>
  </si>
  <si>
    <t>3792333.0</t>
  </si>
  <si>
    <t>3841120.0</t>
  </si>
  <si>
    <t>45.309</t>
  </si>
  <si>
    <t>3889933.0</t>
  </si>
  <si>
    <t>48813.0</t>
  </si>
  <si>
    <t>45.885</t>
  </si>
  <si>
    <t>3935165.0</t>
  </si>
  <si>
    <t>49282.0</t>
  </si>
  <si>
    <t>3981657.0</t>
  </si>
  <si>
    <t>46492.0</t>
  </si>
  <si>
    <t>4024888.0</t>
  </si>
  <si>
    <t>43231.0</t>
  </si>
  <si>
    <t>47.477</t>
  </si>
  <si>
    <t>4067208.0</t>
  </si>
  <si>
    <t>42320.0</t>
  </si>
  <si>
    <t>47.976</t>
  </si>
  <si>
    <t>4109619.0</t>
  </si>
  <si>
    <t>4150834.0</t>
  </si>
  <si>
    <t>48.963</t>
  </si>
  <si>
    <t>4191777.0</t>
  </si>
  <si>
    <t>49.446</t>
  </si>
  <si>
    <t>4233087.0</t>
  </si>
  <si>
    <t>4276491.0</t>
  </si>
  <si>
    <t>42119.0</t>
  </si>
  <si>
    <t>4319337.0</t>
  </si>
  <si>
    <t>42846.0</t>
  </si>
  <si>
    <t>42064.0</t>
  </si>
  <si>
    <t>4362741.0</t>
  </si>
  <si>
    <t>51.462</t>
  </si>
  <si>
    <t>4406084.0</t>
  </si>
  <si>
    <t>43343.0</t>
  </si>
  <si>
    <t>51.974</t>
  </si>
  <si>
    <t>4449070.0</t>
  </si>
  <si>
    <t>52.481</t>
  </si>
  <si>
    <t>42605.0</t>
  </si>
  <si>
    <t>4492382.0</t>
  </si>
  <si>
    <t>52.992</t>
  </si>
  <si>
    <t>4532398.0</t>
  </si>
  <si>
    <t>40016.0</t>
  </si>
  <si>
    <t>53.464</t>
  </si>
  <si>
    <t>4577681.0</t>
  </si>
  <si>
    <t>53.998</t>
  </si>
  <si>
    <t>4625093.0</t>
  </si>
  <si>
    <t>54.557</t>
  </si>
  <si>
    <t>4670805.0</t>
  </si>
  <si>
    <t>55.096</t>
  </si>
  <si>
    <t>4714041.0</t>
  </si>
  <si>
    <t>55.606</t>
  </si>
  <si>
    <t>4760533.0</t>
  </si>
  <si>
    <t>4805379.0</t>
  </si>
  <si>
    <t>56.684</t>
  </si>
  <si>
    <t>4845626.0</t>
  </si>
  <si>
    <t>57.158</t>
  </si>
  <si>
    <t>44747.0</t>
  </si>
  <si>
    <t>4886927.0</t>
  </si>
  <si>
    <t>57.646</t>
  </si>
  <si>
    <t>4933176.0</t>
  </si>
  <si>
    <t>58.191</t>
  </si>
  <si>
    <t>4987018.0</t>
  </si>
  <si>
    <t>58.826</t>
  </si>
  <si>
    <t>5041512.0</t>
  </si>
  <si>
    <t>46782.0</t>
  </si>
  <si>
    <t>5098238.0</t>
  </si>
  <si>
    <t>60.138</t>
  </si>
  <si>
    <t>48244.0</t>
  </si>
  <si>
    <t>5162080.0</t>
  </si>
  <si>
    <t>63842.0</t>
  </si>
  <si>
    <t>50957.0</t>
  </si>
  <si>
    <t>5223526.0</t>
  </si>
  <si>
    <t>61.616</t>
  </si>
  <si>
    <t>5285745.0</t>
  </si>
  <si>
    <t>56974.0</t>
  </si>
  <si>
    <t>5347461.0</t>
  </si>
  <si>
    <t>61716.0</t>
  </si>
  <si>
    <t>63.078</t>
  </si>
  <si>
    <t>5414698.0</t>
  </si>
  <si>
    <t>63.871</t>
  </si>
  <si>
    <t>5481590.0</t>
  </si>
  <si>
    <t>66892.0</t>
  </si>
  <si>
    <t>5551782.0</t>
  </si>
  <si>
    <t>70192.0</t>
  </si>
  <si>
    <t>64792.0</t>
  </si>
  <si>
    <t>5618996.0</t>
  </si>
  <si>
    <t>66.281</t>
  </si>
  <si>
    <t>5684952.0</t>
  </si>
  <si>
    <t>65956.0</t>
  </si>
  <si>
    <t>67.059</t>
  </si>
  <si>
    <t>5759798.0</t>
  </si>
  <si>
    <t>67.942</t>
  </si>
  <si>
    <t>67722.0</t>
  </si>
  <si>
    <t>5842116.0</t>
  </si>
  <si>
    <t>82318.0</t>
  </si>
  <si>
    <t>5929339.0</t>
  </si>
  <si>
    <t>73520.0</t>
  </si>
  <si>
    <t>6021640.0</t>
  </si>
  <si>
    <t>6113867.0</t>
  </si>
  <si>
    <t>72.118</t>
  </si>
  <si>
    <t>80298.0</t>
  </si>
  <si>
    <t>6206874.0</t>
  </si>
  <si>
    <t>93007.0</t>
  </si>
  <si>
    <t>73.216</t>
  </si>
  <si>
    <t>6287176.0</t>
  </si>
  <si>
    <t>86032.0</t>
  </si>
  <si>
    <t>6383119.0</t>
  </si>
  <si>
    <t>95943.0</t>
  </si>
  <si>
    <t>75.294</t>
  </si>
  <si>
    <t>6481350.0</t>
  </si>
  <si>
    <t>76.453</t>
  </si>
  <si>
    <t>91319.0</t>
  </si>
  <si>
    <t>6581459.0</t>
  </si>
  <si>
    <t>77.634</t>
  </si>
  <si>
    <t>93160.0</t>
  </si>
  <si>
    <t>6687570.0</t>
  </si>
  <si>
    <t>6795384.0</t>
  </si>
  <si>
    <t>107814.0</t>
  </si>
  <si>
    <t>80.157</t>
  </si>
  <si>
    <t>97360.0</t>
  </si>
  <si>
    <t>6896798.0</t>
  </si>
  <si>
    <t>101414.0</t>
  </si>
  <si>
    <t>81.354</t>
  </si>
  <si>
    <t>98561.0</t>
  </si>
  <si>
    <t>91302.0</t>
  </si>
  <si>
    <t>82.431</t>
  </si>
  <si>
    <t>7098202.0</t>
  </si>
  <si>
    <t>110102.0</t>
  </si>
  <si>
    <t>83.729</t>
  </si>
  <si>
    <t>7207645.0</t>
  </si>
  <si>
    <t>7315572.0</t>
  </si>
  <si>
    <t>86.294</t>
  </si>
  <si>
    <t>7425797.0</t>
  </si>
  <si>
    <t>110225.0</t>
  </si>
  <si>
    <t>7542910.0</t>
  </si>
  <si>
    <t>7642407.0</t>
  </si>
  <si>
    <t>90.149</t>
  </si>
  <si>
    <t>106516.0</t>
  </si>
  <si>
    <t>7739249.0</t>
  </si>
  <si>
    <t>96842.0</t>
  </si>
  <si>
    <t>107307.0</t>
  </si>
  <si>
    <t>7843174.0</t>
  </si>
  <si>
    <t>103925.0</t>
  </si>
  <si>
    <t>92.517</t>
  </si>
  <si>
    <t>7953739.0</t>
  </si>
  <si>
    <t>110565.0</t>
  </si>
  <si>
    <t>93.821</t>
  </si>
  <si>
    <t>8064932.0</t>
  </si>
  <si>
    <t>111193.0</t>
  </si>
  <si>
    <t>95.133</t>
  </si>
  <si>
    <t>8172634.0</t>
  </si>
  <si>
    <t>107702.0</t>
  </si>
  <si>
    <t>96.403</t>
  </si>
  <si>
    <t>106691.0</t>
  </si>
  <si>
    <t>8284847.0</t>
  </si>
  <si>
    <t>112213.0</t>
  </si>
  <si>
    <t>97.727</t>
  </si>
  <si>
    <t>8383173.0</t>
  </si>
  <si>
    <t>98.887</t>
  </si>
  <si>
    <t>8479270.0</t>
  </si>
  <si>
    <t>105717.0</t>
  </si>
  <si>
    <t>8591833.0</t>
  </si>
  <si>
    <t>112563.0</t>
  </si>
  <si>
    <t>101.348</t>
  </si>
  <si>
    <t>8702245.0</t>
  </si>
  <si>
    <t>110412.0</t>
  </si>
  <si>
    <t>102.651</t>
  </si>
  <si>
    <t>106929.0</t>
  </si>
  <si>
    <t>8814890.0</t>
  </si>
  <si>
    <t>112645.0</t>
  </si>
  <si>
    <t>103.979</t>
  </si>
  <si>
    <t>107137.0</t>
  </si>
  <si>
    <t>8924875.0</t>
  </si>
  <si>
    <t>109985.0</t>
  </si>
  <si>
    <t>105.277</t>
  </si>
  <si>
    <t>9035988.0</t>
  </si>
  <si>
    <t>106.587</t>
  </si>
  <si>
    <t>9133404.0</t>
  </si>
  <si>
    <t>97416.0</t>
  </si>
  <si>
    <t>107176.0</t>
  </si>
  <si>
    <t>9228725.0</t>
  </si>
  <si>
    <t>95321.0</t>
  </si>
  <si>
    <t>108.861</t>
  </si>
  <si>
    <t>107065.0</t>
  </si>
  <si>
    <t>9341667.0</t>
  </si>
  <si>
    <t>110.193</t>
  </si>
  <si>
    <t>107119.0</t>
  </si>
  <si>
    <t>9455978.0</t>
  </si>
  <si>
    <t>114311.0</t>
  </si>
  <si>
    <t>111.542</t>
  </si>
  <si>
    <t>107676.0</t>
  </si>
  <si>
    <t>9568080.0</t>
  </si>
  <si>
    <t>112102.0</t>
  </si>
  <si>
    <t>112.864</t>
  </si>
  <si>
    <t>107599.0</t>
  </si>
  <si>
    <t>9681397.0</t>
  </si>
  <si>
    <t>114.201</t>
  </si>
  <si>
    <t>108075.0</t>
  </si>
  <si>
    <t>9794282.0</t>
  </si>
  <si>
    <t>112885.0</t>
  </si>
  <si>
    <t>115.532</t>
  </si>
  <si>
    <t>9896291.0</t>
  </si>
  <si>
    <t>116.735</t>
  </si>
  <si>
    <t>108984.0</t>
  </si>
  <si>
    <t>9997410.0</t>
  </si>
  <si>
    <t>101119.0</t>
  </si>
  <si>
    <t>117.928</t>
  </si>
  <si>
    <t>109812.0</t>
  </si>
  <si>
    <t>10112933.0</t>
  </si>
  <si>
    <t>115523.0</t>
  </si>
  <si>
    <t>119.291</t>
  </si>
  <si>
    <t>110181.0</t>
  </si>
  <si>
    <t>10227873.0</t>
  </si>
  <si>
    <t>114940.0</t>
  </si>
  <si>
    <t>120.647</t>
  </si>
  <si>
    <t>10339971.0</t>
  </si>
  <si>
    <t>121.969</t>
  </si>
  <si>
    <t>10453517.0</t>
  </si>
  <si>
    <t>113546.0</t>
  </si>
  <si>
    <t>110303.0</t>
  </si>
  <si>
    <t>10568374.0</t>
  </si>
  <si>
    <t>114857.0</t>
  </si>
  <si>
    <t>110585.0</t>
  </si>
  <si>
    <t>10671593.0</t>
  </si>
  <si>
    <t>103219.0</t>
  </si>
  <si>
    <t>125.881</t>
  </si>
  <si>
    <t>110757.0</t>
  </si>
  <si>
    <t>10775995.0</t>
  </si>
  <si>
    <t>104402.0</t>
  </si>
  <si>
    <t>127.112</t>
  </si>
  <si>
    <t>111226.0</t>
  </si>
  <si>
    <t>10891627.0</t>
  </si>
  <si>
    <t>128.476</t>
  </si>
  <si>
    <t>111242.0</t>
  </si>
  <si>
    <t>11004048.0</t>
  </si>
  <si>
    <t>129.802</t>
  </si>
  <si>
    <t>110882.0</t>
  </si>
  <si>
    <t>11120656.0</t>
  </si>
  <si>
    <t>131.178</t>
  </si>
  <si>
    <t>11237757.0</t>
  </si>
  <si>
    <t>117101.0</t>
  </si>
  <si>
    <t>132.559</t>
  </si>
  <si>
    <t>112034.0</t>
  </si>
  <si>
    <t>11353052.0</t>
  </si>
  <si>
    <t>115295.0</t>
  </si>
  <si>
    <t>133.919</t>
  </si>
  <si>
    <t>11466154.0</t>
  </si>
  <si>
    <t>113102.0</t>
  </si>
  <si>
    <t>135.253</t>
  </si>
  <si>
    <t>113509.0</t>
  </si>
  <si>
    <t>11575455.0</t>
  </si>
  <si>
    <t>136.543</t>
  </si>
  <si>
    <t>11691060.0</t>
  </si>
  <si>
    <t>137.906</t>
  </si>
  <si>
    <t>114205.0</t>
  </si>
  <si>
    <t>11806052.0</t>
  </si>
  <si>
    <t>114992.0</t>
  </si>
  <si>
    <t>139.263</t>
  </si>
  <si>
    <t>11921380.0</t>
  </si>
  <si>
    <t>115328.0</t>
  </si>
  <si>
    <t>140.623</t>
  </si>
  <si>
    <t>114389.0</t>
  </si>
  <si>
    <t>12037483.0</t>
  </si>
  <si>
    <t>116103.0</t>
  </si>
  <si>
    <t>141.993</t>
  </si>
  <si>
    <t>114247.0</t>
  </si>
  <si>
    <t>12154488.0</t>
  </si>
  <si>
    <t>117005.0</t>
  </si>
  <si>
    <t>12266619.0</t>
  </si>
  <si>
    <t>144.695</t>
  </si>
  <si>
    <t>12368022.0</t>
  </si>
  <si>
    <t>101403.0</t>
  </si>
  <si>
    <t>145.892</t>
  </si>
  <si>
    <t>12484271.0</t>
  </si>
  <si>
    <t>116249.0</t>
  </si>
  <si>
    <t>147.263</t>
  </si>
  <si>
    <t>12600836.0</t>
  </si>
  <si>
    <t>148.638</t>
  </si>
  <si>
    <t>113541.0</t>
  </si>
  <si>
    <t>12718779.0</t>
  </si>
  <si>
    <t>117943.0</t>
  </si>
  <si>
    <t>12835977.0</t>
  </si>
  <si>
    <t>117198.0</t>
  </si>
  <si>
    <t>151.412</t>
  </si>
  <si>
    <t>12951956.0</t>
  </si>
  <si>
    <t>115979.0</t>
  </si>
  <si>
    <t>113924.0</t>
  </si>
  <si>
    <t>13065383.0</t>
  </si>
  <si>
    <t>113427.0</t>
  </si>
  <si>
    <t>154.118</t>
  </si>
  <si>
    <t>114109.0</t>
  </si>
  <si>
    <t>13177598.0</t>
  </si>
  <si>
    <t>112215.0</t>
  </si>
  <si>
    <t>155.441</t>
  </si>
  <si>
    <t>115654.0</t>
  </si>
  <si>
    <t>13310511.0</t>
  </si>
  <si>
    <t>132913.0</t>
  </si>
  <si>
    <t>157.009</t>
  </si>
  <si>
    <t>118034.0</t>
  </si>
  <si>
    <t>13438162.0</t>
  </si>
  <si>
    <t>127651.0</t>
  </si>
  <si>
    <t>158.515</t>
  </si>
  <si>
    <t>119618.0</t>
  </si>
  <si>
    <t>13566474.0</t>
  </si>
  <si>
    <t>128312.0</t>
  </si>
  <si>
    <t>160.028</t>
  </si>
  <si>
    <t>13700890.0</t>
  </si>
  <si>
    <t>134416.0</t>
  </si>
  <si>
    <t>161.614</t>
  </si>
  <si>
    <t>13837415.0</t>
  </si>
  <si>
    <t>136525.0</t>
  </si>
  <si>
    <t>163.224</t>
  </si>
  <si>
    <t>126494.0</t>
  </si>
  <si>
    <t>13961524.0</t>
  </si>
  <si>
    <t>124109.0</t>
  </si>
  <si>
    <t>164.688</t>
  </si>
  <si>
    <t>14084867.0</t>
  </si>
  <si>
    <t>166.143</t>
  </si>
  <si>
    <t>14223970.0</t>
  </si>
  <si>
    <t>167.784</t>
  </si>
  <si>
    <t>130494.0</t>
  </si>
  <si>
    <t>14370217.0</t>
  </si>
  <si>
    <t>146247.0</t>
  </si>
  <si>
    <t>169.509</t>
  </si>
  <si>
    <t>14514633.0</t>
  </si>
  <si>
    <t>144416.0</t>
  </si>
  <si>
    <t>171.213</t>
  </si>
  <si>
    <t>135451.0</t>
  </si>
  <si>
    <t>14660661.0</t>
  </si>
  <si>
    <t>146028.0</t>
  </si>
  <si>
    <t>172.935</t>
  </si>
  <si>
    <t>137110.0</t>
  </si>
  <si>
    <t>14805902.0</t>
  </si>
  <si>
    <t>145241.0</t>
  </si>
  <si>
    <t>138355.0</t>
  </si>
  <si>
    <t>14945577.0</t>
  </si>
  <si>
    <t>176.296</t>
  </si>
  <si>
    <t>15087521.0</t>
  </si>
  <si>
    <t>141944.0</t>
  </si>
  <si>
    <t>143236.0</t>
  </si>
  <si>
    <t>15232932.0</t>
  </si>
  <si>
    <t>145411.0</t>
  </si>
  <si>
    <t>144137.0</t>
  </si>
  <si>
    <t>15379130.0</t>
  </si>
  <si>
    <t>146198.0</t>
  </si>
  <si>
    <t>181.41</t>
  </si>
  <si>
    <t>15525119.0</t>
  </si>
  <si>
    <t>144355.0</t>
  </si>
  <si>
    <t>15673601.0</t>
  </si>
  <si>
    <t>148482.0</t>
  </si>
  <si>
    <t>184.884</t>
  </si>
  <si>
    <t>15823543.0</t>
  </si>
  <si>
    <t>149942.0</t>
  </si>
  <si>
    <t>186.653</t>
  </si>
  <si>
    <t>145377.0</t>
  </si>
  <si>
    <t>15973684.0</t>
  </si>
  <si>
    <t>150141.0</t>
  </si>
  <si>
    <t>188.424</t>
  </si>
  <si>
    <t>146872.0</t>
  </si>
  <si>
    <t>16116180.0</t>
  </si>
  <si>
    <t>142496.0</t>
  </si>
  <si>
    <t>190.104</t>
  </si>
  <si>
    <t>146951.0</t>
  </si>
  <si>
    <t>16267696.0</t>
  </si>
  <si>
    <t>191.892</t>
  </si>
  <si>
    <t>147823.0</t>
  </si>
  <si>
    <t>16424388.0</t>
  </si>
  <si>
    <t>156692.0</t>
  </si>
  <si>
    <t>149323.0</t>
  </si>
  <si>
    <t>16583199.0</t>
  </si>
  <si>
    <t>158811.0</t>
  </si>
  <si>
    <t>195.613</t>
  </si>
  <si>
    <t>16740955.0</t>
  </si>
  <si>
    <t>157756.0</t>
  </si>
  <si>
    <t>197.474</t>
  </si>
  <si>
    <t>152479.0</t>
  </si>
  <si>
    <t>16897597.0</t>
  </si>
  <si>
    <t>156642.0</t>
  </si>
  <si>
    <t>199.322</t>
  </si>
  <si>
    <t>153436.0</t>
  </si>
  <si>
    <t>17049811.0</t>
  </si>
  <si>
    <t>152214.0</t>
  </si>
  <si>
    <t>201.117</t>
  </si>
  <si>
    <t>153732.0</t>
  </si>
  <si>
    <t>17205327.0</t>
  </si>
  <si>
    <t>155516.0</t>
  </si>
  <si>
    <t>202.952</t>
  </si>
  <si>
    <t>155592.0</t>
  </si>
  <si>
    <t>17366452.0</t>
  </si>
  <si>
    <t>204.852</t>
  </si>
  <si>
    <t>156965.0</t>
  </si>
  <si>
    <t>17528683.0</t>
  </si>
  <si>
    <t>162231.0</t>
  </si>
  <si>
    <t>206.766</t>
  </si>
  <si>
    <t>17693230.0</t>
  </si>
  <si>
    <t>164547.0</t>
  </si>
  <si>
    <t>208.707</t>
  </si>
  <si>
    <t>158576.0</t>
  </si>
  <si>
    <t>17861578.0</t>
  </si>
  <si>
    <t>168348.0</t>
  </si>
  <si>
    <t>210.693</t>
  </si>
  <si>
    <t>18032691.0</t>
  </si>
  <si>
    <t>171113.0</t>
  </si>
  <si>
    <t>212.711</t>
  </si>
  <si>
    <t>162156.0</t>
  </si>
  <si>
    <t>18207134.0</t>
  </si>
  <si>
    <t>174443.0</t>
  </si>
  <si>
    <t>214.769</t>
  </si>
  <si>
    <t>165332.0</t>
  </si>
  <si>
    <t>18375346.0</t>
  </si>
  <si>
    <t>216.753</t>
  </si>
  <si>
    <t>167146.0</t>
  </si>
  <si>
    <t>18552002.0</t>
  </si>
  <si>
    <t>176656.0</t>
  </si>
  <si>
    <t>218.837</t>
  </si>
  <si>
    <t>169364.0</t>
  </si>
  <si>
    <t>18732314.0</t>
  </si>
  <si>
    <t>180312.0</t>
  </si>
  <si>
    <t>220.964</t>
  </si>
  <si>
    <t>171947.0</t>
  </si>
  <si>
    <t>18915938.0</t>
  </si>
  <si>
    <t>174673.0</t>
  </si>
  <si>
    <t>19103456.0</t>
  </si>
  <si>
    <t>187518.0</t>
  </si>
  <si>
    <t>225.342</t>
  </si>
  <si>
    <t>19297891.0</t>
  </si>
  <si>
    <t>194435.0</t>
  </si>
  <si>
    <t>180743.0</t>
  </si>
  <si>
    <t>19476794.0</t>
  </si>
  <si>
    <t>229.746</t>
  </si>
  <si>
    <t>181380.0</t>
  </si>
  <si>
    <t>19651555.0</t>
  </si>
  <si>
    <t>174761.0</t>
  </si>
  <si>
    <t>231.807</t>
  </si>
  <si>
    <t>182316.0</t>
  </si>
  <si>
    <t>19848457.0</t>
  </si>
  <si>
    <t>196902.0</t>
  </si>
  <si>
    <t>185208.0</t>
  </si>
  <si>
    <t>20049676.0</t>
  </si>
  <si>
    <t>201219.0</t>
  </si>
  <si>
    <t>236.503</t>
  </si>
  <si>
    <t>188195.0</t>
  </si>
  <si>
    <t>20254087.0</t>
  </si>
  <si>
    <t>204411.0</t>
  </si>
  <si>
    <t>238.915</t>
  </si>
  <si>
    <t>191164.0</t>
  </si>
  <si>
    <t>20460289.0</t>
  </si>
  <si>
    <t>206202.0</t>
  </si>
  <si>
    <t>241.347</t>
  </si>
  <si>
    <t>193833.0</t>
  </si>
  <si>
    <t>20669162.0</t>
  </si>
  <si>
    <t>208873.0</t>
  </si>
  <si>
    <t>243.811</t>
  </si>
  <si>
    <t>195896.0</t>
  </si>
  <si>
    <t>20858227.0</t>
  </si>
  <si>
    <t>189065.0</t>
  </si>
  <si>
    <t>246.041</t>
  </si>
  <si>
    <t>197348.0</t>
  </si>
  <si>
    <t>21039426.0</t>
  </si>
  <si>
    <t>198267.0</t>
  </si>
  <si>
    <t>21243715.0</t>
  </si>
  <si>
    <t>250.588</t>
  </si>
  <si>
    <t>199323.0</t>
  </si>
  <si>
    <t>21449905.0</t>
  </si>
  <si>
    <t>206190.0</t>
  </si>
  <si>
    <t>200033.0</t>
  </si>
  <si>
    <t>21655302.0</t>
  </si>
  <si>
    <t>255.443</t>
  </si>
  <si>
    <t>21861404.0</t>
  </si>
  <si>
    <t>206102.0</t>
  </si>
  <si>
    <t>257.874</t>
  </si>
  <si>
    <t>200159.0</t>
  </si>
  <si>
    <t>22067213.0</t>
  </si>
  <si>
    <t>205809.0</t>
  </si>
  <si>
    <t>260.302</t>
  </si>
  <si>
    <t>199722.0</t>
  </si>
  <si>
    <t>22240345.0</t>
  </si>
  <si>
    <t>173132.0</t>
  </si>
  <si>
    <t>262.344</t>
  </si>
  <si>
    <t>197445.0</t>
  </si>
  <si>
    <t>22399237.0</t>
  </si>
  <si>
    <t>158892.0</t>
  </si>
  <si>
    <t>264.219</t>
  </si>
  <si>
    <t>22595347.0</t>
  </si>
  <si>
    <t>196110.0</t>
  </si>
  <si>
    <t>266.532</t>
  </si>
  <si>
    <t>193090.0</t>
  </si>
  <si>
    <t>22787663.0</t>
  </si>
  <si>
    <t>192316.0</t>
  </si>
  <si>
    <t>22989872.0</t>
  </si>
  <si>
    <t>271.186</t>
  </si>
  <si>
    <t>23185547.0</t>
  </si>
  <si>
    <t>273.494</t>
  </si>
  <si>
    <t>189163.0</t>
  </si>
  <si>
    <t>23386651.0</t>
  </si>
  <si>
    <t>201104.0</t>
  </si>
  <si>
    <t>275.866</t>
  </si>
  <si>
    <t>23565523.0</t>
  </si>
  <si>
    <t>178872.0</t>
  </si>
  <si>
    <t>277.976</t>
  </si>
  <si>
    <t>189311.0</t>
  </si>
  <si>
    <t>23737636.0</t>
  </si>
  <si>
    <t>280.006</t>
  </si>
  <si>
    <t>191200.0</t>
  </si>
  <si>
    <t>23918528.0</t>
  </si>
  <si>
    <t>180892.0</t>
  </si>
  <si>
    <t>282.14</t>
  </si>
  <si>
    <t>189026.0</t>
  </si>
  <si>
    <t>24101645.0</t>
  </si>
  <si>
    <t>187712.0</t>
  </si>
  <si>
    <t>24286060.0</t>
  </si>
  <si>
    <t>184415.0</t>
  </si>
  <si>
    <t>286.475</t>
  </si>
  <si>
    <t>185170.0</t>
  </si>
  <si>
    <t>24464277.0</t>
  </si>
  <si>
    <t>178217.0</t>
  </si>
  <si>
    <t>288.578</t>
  </si>
  <si>
    <t>182676.0</t>
  </si>
  <si>
    <t>24622380.0</t>
  </si>
  <si>
    <t>158103.0</t>
  </si>
  <si>
    <t>290.442</t>
  </si>
  <si>
    <t>176533.0</t>
  </si>
  <si>
    <t>24771598.0</t>
  </si>
  <si>
    <t>149218.0</t>
  </si>
  <si>
    <t>292.203</t>
  </si>
  <si>
    <t>172296.0</t>
  </si>
  <si>
    <t>24910539.0</t>
  </si>
  <si>
    <t>138941.0</t>
  </si>
  <si>
    <t>293.842</t>
  </si>
  <si>
    <t>25091862.0</t>
  </si>
  <si>
    <t>181323.0</t>
  </si>
  <si>
    <t>295.98</t>
  </si>
  <si>
    <t>167619.0</t>
  </si>
  <si>
    <t>25275275.0</t>
  </si>
  <si>
    <t>298.144</t>
  </si>
  <si>
    <t>167661.0</t>
  </si>
  <si>
    <t>25457920.0</t>
  </si>
  <si>
    <t>182645.0</t>
  </si>
  <si>
    <t>300.298</t>
  </si>
  <si>
    <t>167409.0</t>
  </si>
  <si>
    <t>25640923.0</t>
  </si>
  <si>
    <t>183003.0</t>
  </si>
  <si>
    <t>302.457</t>
  </si>
  <si>
    <t>168092.0</t>
  </si>
  <si>
    <t>25825116.0</t>
  </si>
  <si>
    <t>184193.0</t>
  </si>
  <si>
    <t>304.63</t>
  </si>
  <si>
    <t>171819.0</t>
  </si>
  <si>
    <t>25993405.0</t>
  </si>
  <si>
    <t>168289.0</t>
  </si>
  <si>
    <t>306.615</t>
  </si>
  <si>
    <t>174544.0</t>
  </si>
  <si>
    <t>26156191.0</t>
  </si>
  <si>
    <t>162786.0</t>
  </si>
  <si>
    <t>308.535</t>
  </si>
  <si>
    <t>26336494.0</t>
  </si>
  <si>
    <t>310.662</t>
  </si>
  <si>
    <t>177805.0</t>
  </si>
  <si>
    <t>26515702.0</t>
  </si>
  <si>
    <t>179208.0</t>
  </si>
  <si>
    <t>312.776</t>
  </si>
  <si>
    <t>177204.0</t>
  </si>
  <si>
    <t>26689305.0</t>
  </si>
  <si>
    <t>173603.0</t>
  </si>
  <si>
    <t>314.824</t>
  </si>
  <si>
    <t>26859152.0</t>
  </si>
  <si>
    <t>316.827</t>
  </si>
  <si>
    <t>174033.0</t>
  </si>
  <si>
    <t>279452.0</t>
  </si>
  <si>
    <t>27026363.0</t>
  </si>
  <si>
    <t>167211.0</t>
  </si>
  <si>
    <t>171607.0</t>
  </si>
  <si>
    <t>616652.0</t>
  </si>
  <si>
    <t>337200.0</t>
  </si>
  <si>
    <t>308326.0</t>
  </si>
  <si>
    <t>27183155.0</t>
  </si>
  <si>
    <t>156792.0</t>
  </si>
  <si>
    <t>320.649</t>
  </si>
  <si>
    <t>169964.0</t>
  </si>
  <si>
    <t>676903.0</t>
  </si>
  <si>
    <t>60251.0</t>
  </si>
  <si>
    <t>225634.0</t>
  </si>
  <si>
    <t>27331791.0</t>
  </si>
  <si>
    <t>322.402</t>
  </si>
  <si>
    <t>167943.0</t>
  </si>
  <si>
    <t>706451.0</t>
  </si>
  <si>
    <t>176613.0</t>
  </si>
  <si>
    <t>27483133.0</t>
  </si>
  <si>
    <t>151342.0</t>
  </si>
  <si>
    <t>324.188</t>
  </si>
  <si>
    <t>163806.0</t>
  </si>
  <si>
    <t>832412.0</t>
  </si>
  <si>
    <t>125961.0</t>
  </si>
  <si>
    <t>166482.0</t>
  </si>
  <si>
    <t>27658266.0</t>
  </si>
  <si>
    <t>175133.0</t>
  </si>
  <si>
    <t>326.253</t>
  </si>
  <si>
    <t>163223.0</t>
  </si>
  <si>
    <t>950635.0</t>
  </si>
  <si>
    <t>158439.0</t>
  </si>
  <si>
    <t>27827160.0</t>
  </si>
  <si>
    <t>168894.0</t>
  </si>
  <si>
    <t>328.246</t>
  </si>
  <si>
    <t>1052493.0</t>
  </si>
  <si>
    <t>101858.0</t>
  </si>
  <si>
    <t>150356.0</t>
  </si>
  <si>
    <t>27992269.0</t>
  </si>
  <si>
    <t>165109.0</t>
  </si>
  <si>
    <t>330.193</t>
  </si>
  <si>
    <t>1120258.0</t>
  </si>
  <si>
    <t>67765.0</t>
  </si>
  <si>
    <t>120115.0</t>
  </si>
  <si>
    <t>28155611.0</t>
  </si>
  <si>
    <t>163342.0</t>
  </si>
  <si>
    <t>332.12</t>
  </si>
  <si>
    <t>1202212.0</t>
  </si>
  <si>
    <t>28308369.0</t>
  </si>
  <si>
    <t>333.922</t>
  </si>
  <si>
    <t>160745.0</t>
  </si>
  <si>
    <t>1226883.0</t>
  </si>
  <si>
    <t>28456794.0</t>
  </si>
  <si>
    <t>148425.0</t>
  </si>
  <si>
    <t>335.673</t>
  </si>
  <si>
    <t>160715.0</t>
  </si>
  <si>
    <t>1244653.0</t>
  </si>
  <si>
    <t>17770.0</t>
  </si>
  <si>
    <t>28607903.0</t>
  </si>
  <si>
    <t>151109.0</t>
  </si>
  <si>
    <t>337.455</t>
  </si>
  <si>
    <t>1302753.0</t>
  </si>
  <si>
    <t>28788206.0</t>
  </si>
  <si>
    <t>339.582</t>
  </si>
  <si>
    <t>161420.0</t>
  </si>
  <si>
    <t>1410273.0</t>
  </si>
  <si>
    <t>28967625.0</t>
  </si>
  <si>
    <t>179419.0</t>
  </si>
  <si>
    <t>341.698</t>
  </si>
  <si>
    <t>162924.0</t>
  </si>
  <si>
    <t>1522580.0</t>
  </si>
  <si>
    <t>29140835.0</t>
  </si>
  <si>
    <t>173210.0</t>
  </si>
  <si>
    <t>343.742</t>
  </si>
  <si>
    <t>164081.0</t>
  </si>
  <si>
    <t>1697575.0</t>
  </si>
  <si>
    <t>174995.0</t>
  </si>
  <si>
    <t>29305929.0</t>
  </si>
  <si>
    <t>165094.0</t>
  </si>
  <si>
    <t>345.689</t>
  </si>
  <si>
    <t>164331.0</t>
  </si>
  <si>
    <t>1928351.0</t>
  </si>
  <si>
    <t>230776.0</t>
  </si>
  <si>
    <t>103734.0</t>
  </si>
  <si>
    <t>29454714.0</t>
  </si>
  <si>
    <t>148785.0</t>
  </si>
  <si>
    <t>347.444</t>
  </si>
  <si>
    <t>163764.0</t>
  </si>
  <si>
    <t>1960860.0</t>
  </si>
  <si>
    <t>104854.0</t>
  </si>
  <si>
    <t>29591132.0</t>
  </si>
  <si>
    <t>136418.0</t>
  </si>
  <si>
    <t>349.053</t>
  </si>
  <si>
    <t>162048.0</t>
  </si>
  <si>
    <t>1986237.0</t>
  </si>
  <si>
    <t>105941.0</t>
  </si>
  <si>
    <t>29732835.0</t>
  </si>
  <si>
    <t>350.725</t>
  </si>
  <si>
    <t>160705.0</t>
  </si>
  <si>
    <t>2136299.0</t>
  </si>
  <si>
    <t>119078.0</t>
  </si>
  <si>
    <t>29872955.0</t>
  </si>
  <si>
    <t>140120.0</t>
  </si>
  <si>
    <t>352.378</t>
  </si>
  <si>
    <t>154964.0</t>
  </si>
  <si>
    <t>2229233.0</t>
  </si>
  <si>
    <t>116994.0</t>
  </si>
  <si>
    <t>30021147.0</t>
  </si>
  <si>
    <t>148192.0</t>
  </si>
  <si>
    <t>354.126</t>
  </si>
  <si>
    <t>150503.0</t>
  </si>
  <si>
    <t>2343280.0</t>
  </si>
  <si>
    <t>117243.0</t>
  </si>
  <si>
    <t>30166214.0</t>
  </si>
  <si>
    <t>145067.0</t>
  </si>
  <si>
    <t>355.837</t>
  </si>
  <si>
    <t>146483.0</t>
  </si>
  <si>
    <t>2500806.0</t>
  </si>
  <si>
    <t>157526.0</t>
  </si>
  <si>
    <t>114747.0</t>
  </si>
  <si>
    <t>30308752.0</t>
  </si>
  <si>
    <t>142538.0</t>
  </si>
  <si>
    <t>357.518</t>
  </si>
  <si>
    <t>2559802.0</t>
  </si>
  <si>
    <t>30446401.0</t>
  </si>
  <si>
    <t>137649.0</t>
  </si>
  <si>
    <t>359.142</t>
  </si>
  <si>
    <t>2601717.0</t>
  </si>
  <si>
    <t>30576116.0</t>
  </si>
  <si>
    <t>129715.0</t>
  </si>
  <si>
    <t>360.672</t>
  </si>
  <si>
    <t>140712.0</t>
  </si>
  <si>
    <t>2610496.0</t>
  </si>
  <si>
    <t>30715494.0</t>
  </si>
  <si>
    <t>139378.0</t>
  </si>
  <si>
    <t>362.316</t>
  </si>
  <si>
    <t>140380.0</t>
  </si>
  <si>
    <t>2664203.0</t>
  </si>
  <si>
    <t>53707.0</t>
  </si>
  <si>
    <t>75415.0</t>
  </si>
  <si>
    <t>30853206.0</t>
  </si>
  <si>
    <t>137712.0</t>
  </si>
  <si>
    <t>363.941</t>
  </si>
  <si>
    <t>140036.0</t>
  </si>
  <si>
    <t>2732709.0</t>
  </si>
  <si>
    <t>30989073.0</t>
  </si>
  <si>
    <t>365.543</t>
  </si>
  <si>
    <t>138275.0</t>
  </si>
  <si>
    <t>2795116.0</t>
  </si>
  <si>
    <t>31119386.0</t>
  </si>
  <si>
    <t>130313.0</t>
  </si>
  <si>
    <t>367.08</t>
  </si>
  <si>
    <t>136167.0</t>
  </si>
  <si>
    <t>2846125.0</t>
  </si>
  <si>
    <t>51009.0</t>
  </si>
  <si>
    <t>31249016.0</t>
  </si>
  <si>
    <t>129630.0</t>
  </si>
  <si>
    <t>368.609</t>
  </si>
  <si>
    <t>3404354.0</t>
  </si>
  <si>
    <t>3067822.0</t>
  </si>
  <si>
    <t>336532.0</t>
  </si>
  <si>
    <t>558229.0</t>
  </si>
  <si>
    <t>31372321.0</t>
  </si>
  <si>
    <t>123305.0</t>
  </si>
  <si>
    <t>370.064</t>
  </si>
  <si>
    <t>132274.0</t>
  </si>
  <si>
    <t>3709896.0</t>
  </si>
  <si>
    <t>3253005.0</t>
  </si>
  <si>
    <t>456891.0</t>
  </si>
  <si>
    <t>305542.0</t>
  </si>
  <si>
    <t>158311.0</t>
  </si>
  <si>
    <t>185183.0</t>
  </si>
  <si>
    <t>31476429.0</t>
  </si>
  <si>
    <t>371.292</t>
  </si>
  <si>
    <t>128616.0</t>
  </si>
  <si>
    <t>3825101.0</t>
  </si>
  <si>
    <t>3336164.0</t>
  </si>
  <si>
    <t>488937.0</t>
  </si>
  <si>
    <t>134171.0</t>
  </si>
  <si>
    <t>31592881.0</t>
  </si>
  <si>
    <t>372.666</t>
  </si>
  <si>
    <t>4182027.0</t>
  </si>
  <si>
    <t>3608148.0</t>
  </si>
  <si>
    <t>573879.0</t>
  </si>
  <si>
    <t>356926.0</t>
  </si>
  <si>
    <t>216832.0</t>
  </si>
  <si>
    <t>180109.0</t>
  </si>
  <si>
    <t>31708675.0</t>
  </si>
  <si>
    <t>374.032</t>
  </si>
  <si>
    <t>122210.0</t>
  </si>
  <si>
    <t>4630784.0</t>
  </si>
  <si>
    <t>3984622.0</t>
  </si>
  <si>
    <t>646162.0</t>
  </si>
  <si>
    <t>448757.0</t>
  </si>
  <si>
    <t>271154.0</t>
  </si>
  <si>
    <t>229200.0</t>
  </si>
  <si>
    <t>31825796.0</t>
  </si>
  <si>
    <t>375.413</t>
  </si>
  <si>
    <t>119532.0</t>
  </si>
  <si>
    <t>5223602.0</t>
  </si>
  <si>
    <t>4477432.0</t>
  </si>
  <si>
    <t>746170.0</t>
  </si>
  <si>
    <t>592818.0</t>
  </si>
  <si>
    <t>346927.0</t>
  </si>
  <si>
    <t>281922.0</t>
  </si>
  <si>
    <t>31941202.0</t>
  </si>
  <si>
    <t>376.774</t>
  </si>
  <si>
    <t>117402.0</t>
  </si>
  <si>
    <t>5895295.0</t>
  </si>
  <si>
    <t>5028179.0</t>
  </si>
  <si>
    <t>867116.0</t>
  </si>
  <si>
    <t>671693.0</t>
  </si>
  <si>
    <t>435596.0</t>
  </si>
  <si>
    <t>326726.0</t>
  </si>
  <si>
    <t>32057876.0</t>
  </si>
  <si>
    <t>116674.0</t>
  </si>
  <si>
    <t>378.151</t>
  </si>
  <si>
    <t>115551.0</t>
  </si>
  <si>
    <t>6361699.0</t>
  </si>
  <si>
    <t>5384983.0</t>
  </si>
  <si>
    <t>976716.0</t>
  </si>
  <si>
    <t>466404.0</t>
  </si>
  <si>
    <t>422478.0</t>
  </si>
  <si>
    <t>32176787.0</t>
  </si>
  <si>
    <t>118911.0</t>
  </si>
  <si>
    <t>379.553</t>
  </si>
  <si>
    <t>114924.0</t>
  </si>
  <si>
    <t>6533510.0</t>
  </si>
  <si>
    <t>5503094.0</t>
  </si>
  <si>
    <t>1030416.0</t>
  </si>
  <si>
    <t>403373.0</t>
  </si>
  <si>
    <t>321441.0</t>
  </si>
  <si>
    <t>32277892.0</t>
  </si>
  <si>
    <t>380.746</t>
  </si>
  <si>
    <t>114495.0</t>
  </si>
  <si>
    <t>6571830.0</t>
  </si>
  <si>
    <t>5517993.0</t>
  </si>
  <si>
    <t>38320.0</t>
  </si>
  <si>
    <t>392390.0</t>
  </si>
  <si>
    <t>32396708.0</t>
  </si>
  <si>
    <t>118816.0</t>
  </si>
  <si>
    <t>382.147</t>
  </si>
  <si>
    <t>6837302.0</t>
  </si>
  <si>
    <t>5738471.0</t>
  </si>
  <si>
    <t>1098831.0</t>
  </si>
  <si>
    <t>265472.0</t>
  </si>
  <si>
    <t>379325.0</t>
  </si>
  <si>
    <t>304332.0</t>
  </si>
  <si>
    <t>32520442.0</t>
  </si>
  <si>
    <t>123734.0</t>
  </si>
  <si>
    <t>383.607</t>
  </si>
  <si>
    <t>7289498.0</t>
  </si>
  <si>
    <t>6106522.0</t>
  </si>
  <si>
    <t>1182976.0</t>
  </si>
  <si>
    <t>452196.0</t>
  </si>
  <si>
    <t>379816.0</t>
  </si>
  <si>
    <t>303129.0</t>
  </si>
  <si>
    <t>32644457.0</t>
  </si>
  <si>
    <t>124015.0</t>
  </si>
  <si>
    <t>385.07</t>
  </si>
  <si>
    <t>116952.0</t>
  </si>
  <si>
    <t>7619695.0</t>
  </si>
  <si>
    <t>6352410.0</t>
  </si>
  <si>
    <t>1267285.0</t>
  </si>
  <si>
    <t>330197.0</t>
  </si>
  <si>
    <t>342299.0</t>
  </si>
  <si>
    <t>267854.0</t>
  </si>
  <si>
    <t>32770984.0</t>
  </si>
  <si>
    <t>126527.0</t>
  </si>
  <si>
    <t>386.562</t>
  </si>
  <si>
    <t>118540.0</t>
  </si>
  <si>
    <t>7979726.0</t>
  </si>
  <si>
    <t>6582239.0</t>
  </si>
  <si>
    <t>1397487.0</t>
  </si>
  <si>
    <t>360031.0</t>
  </si>
  <si>
    <t>297776.0</t>
  </si>
  <si>
    <t>222009.0</t>
  </si>
  <si>
    <t>32899371.0</t>
  </si>
  <si>
    <t>128387.0</t>
  </si>
  <si>
    <t>388.077</t>
  </si>
  <si>
    <t>120214.0</t>
  </si>
  <si>
    <t>8298805.0</t>
  </si>
  <si>
    <t>6745147.0</t>
  </si>
  <si>
    <t>1553658.0</t>
  </si>
  <si>
    <t>319079.0</t>
  </si>
  <si>
    <t>276729.0</t>
  </si>
  <si>
    <t>194309.0</t>
  </si>
  <si>
    <t>33025087.0</t>
  </si>
  <si>
    <t>125716.0</t>
  </si>
  <si>
    <t>389.56</t>
  </si>
  <si>
    <t>8514775.0</t>
  </si>
  <si>
    <t>6854642.0</t>
  </si>
  <si>
    <t>1660133.0</t>
  </si>
  <si>
    <t>215970.0</t>
  </si>
  <si>
    <t>283038.0</t>
  </si>
  <si>
    <t>193078.0</t>
  </si>
  <si>
    <t>33134726.0</t>
  </si>
  <si>
    <t>109639.0</t>
  </si>
  <si>
    <t>390.853</t>
  </si>
  <si>
    <t>8547875.0</t>
  </si>
  <si>
    <t>6869923.0</t>
  </si>
  <si>
    <t>1677952.0</t>
  </si>
  <si>
    <t>282292.0</t>
  </si>
  <si>
    <t>193133.0</t>
  </si>
  <si>
    <t>33265262.0</t>
  </si>
  <si>
    <t>130536.0</t>
  </si>
  <si>
    <t>392.393</t>
  </si>
  <si>
    <t>8774718.0</t>
  </si>
  <si>
    <t>6975558.0</t>
  </si>
  <si>
    <t>1799160.0</t>
  </si>
  <si>
    <t>276774.0</t>
  </si>
  <si>
    <t>33400553.0</t>
  </si>
  <si>
    <t>393.989</t>
  </si>
  <si>
    <t>9073640.0</t>
  </si>
  <si>
    <t>7123722.0</t>
  </si>
  <si>
    <t>1949918.0</t>
  </si>
  <si>
    <t>298922.0</t>
  </si>
  <si>
    <t>254877.0</t>
  </si>
  <si>
    <t>33538571.0</t>
  </si>
  <si>
    <t>138018.0</t>
  </si>
  <si>
    <t>395.617</t>
  </si>
  <si>
    <t>127731.0</t>
  </si>
  <si>
    <t>9317546.0</t>
  </si>
  <si>
    <t>7240515.0</t>
  </si>
  <si>
    <t>2077031.0</t>
  </si>
  <si>
    <t>243906.0</t>
  </si>
  <si>
    <t>126872.0</t>
  </si>
  <si>
    <t>33676456.0</t>
  </si>
  <si>
    <t>137885.0</t>
  </si>
  <si>
    <t>397.243</t>
  </si>
  <si>
    <t>129353.0</t>
  </si>
  <si>
    <t>9560038.0</t>
  </si>
  <si>
    <t>7353536.0</t>
  </si>
  <si>
    <t>2206502.0</t>
  </si>
  <si>
    <t>242492.0</t>
  </si>
  <si>
    <t>225759.0</t>
  </si>
  <si>
    <t>110185.0</t>
  </si>
  <si>
    <t>33814670.0</t>
  </si>
  <si>
    <t>138214.0</t>
  </si>
  <si>
    <t>398.874</t>
  </si>
  <si>
    <t>9756289.0</t>
  </si>
  <si>
    <t>7446337.0</t>
  </si>
  <si>
    <t>2309952.0</t>
  </si>
  <si>
    <t>196251.0</t>
  </si>
  <si>
    <t>208212.0</t>
  </si>
  <si>
    <t>100170.0</t>
  </si>
  <si>
    <t>33953262.0</t>
  </si>
  <si>
    <t>400.508</t>
  </si>
  <si>
    <t>132596.0</t>
  </si>
  <si>
    <t>9883607.0</t>
  </si>
  <si>
    <t>7509923.0</t>
  </si>
  <si>
    <t>2373684.0</t>
  </si>
  <si>
    <t>195547.0</t>
  </si>
  <si>
    <t>34082561.0</t>
  </si>
  <si>
    <t>129299.0</t>
  </si>
  <si>
    <t>402.034</t>
  </si>
  <si>
    <t>135405.0</t>
  </si>
  <si>
    <t>9917348.0</t>
  </si>
  <si>
    <t>7524943.0</t>
  </si>
  <si>
    <t>2392405.0</t>
  </si>
  <si>
    <t>195639.0</t>
  </si>
  <si>
    <t>93574.0</t>
  </si>
  <si>
    <t>34221990.0</t>
  </si>
  <si>
    <t>139429.0</t>
  </si>
  <si>
    <t>403.678</t>
  </si>
  <si>
    <t>10001980.0</t>
  </si>
  <si>
    <t>7565023.0</t>
  </si>
  <si>
    <t>2436957.0</t>
  </si>
  <si>
    <t>84209.0</t>
  </si>
  <si>
    <t>34362818.0</t>
  </si>
  <si>
    <t>140828.0</t>
  </si>
  <si>
    <t>405.339</t>
  </si>
  <si>
    <t>10222994.0</t>
  </si>
  <si>
    <t>7676519.0</t>
  </si>
  <si>
    <t>2546475.0</t>
  </si>
  <si>
    <t>164193.0</t>
  </si>
  <si>
    <t>78971.0</t>
  </si>
  <si>
    <t>34507948.0</t>
  </si>
  <si>
    <t>407.051</t>
  </si>
  <si>
    <t>10360283.0</t>
  </si>
  <si>
    <t>7745480.0</t>
  </si>
  <si>
    <t>2614803.0</t>
  </si>
  <si>
    <t>137289.0</t>
  </si>
  <si>
    <t>148962.0</t>
  </si>
  <si>
    <t>72138.0</t>
  </si>
  <si>
    <t>34654334.0</t>
  </si>
  <si>
    <t>408.778</t>
  </si>
  <si>
    <t>139697.0</t>
  </si>
  <si>
    <t>10502494.0</t>
  </si>
  <si>
    <t>7807838.0</t>
  </si>
  <si>
    <t>2694656.0</t>
  </si>
  <si>
    <t>142211.0</t>
  </si>
  <si>
    <t>134637.0</t>
  </si>
  <si>
    <t>34803190.0</t>
  </si>
  <si>
    <t>148856.0</t>
  </si>
  <si>
    <t>410.534</t>
  </si>
  <si>
    <t>10742277.0</t>
  </si>
  <si>
    <t>7858565.0</t>
  </si>
  <si>
    <t>2883712.0</t>
  </si>
  <si>
    <t>239783.0</t>
  </si>
  <si>
    <t>140855.0</t>
  </si>
  <si>
    <t>34953288.0</t>
  </si>
  <si>
    <t>150098.0</t>
  </si>
  <si>
    <t>412.305</t>
  </si>
  <si>
    <t>142861.0</t>
  </si>
  <si>
    <t>10923284.0</t>
  </si>
  <si>
    <t>7887544.0</t>
  </si>
  <si>
    <t>3035740.0</t>
  </si>
  <si>
    <t>181007.0</t>
  </si>
  <si>
    <t>35085713.0</t>
  </si>
  <si>
    <t>132425.0</t>
  </si>
  <si>
    <t>413.867</t>
  </si>
  <si>
    <t>143307.0</t>
  </si>
  <si>
    <t>10992095.0</t>
  </si>
  <si>
    <t>7892795.0</t>
  </si>
  <si>
    <t>3099300.0</t>
  </si>
  <si>
    <t>68811.0</t>
  </si>
  <si>
    <t>153535.0</t>
  </si>
  <si>
    <t>35236826.0</t>
  </si>
  <si>
    <t>415.649</t>
  </si>
  <si>
    <t>11261612.0</t>
  </si>
  <si>
    <t>7911946.0</t>
  </si>
  <si>
    <t>3349666.0</t>
  </si>
  <si>
    <t>269517.0</t>
  </si>
  <si>
    <t>179947.0</t>
  </si>
  <si>
    <t>35395212.0</t>
  </si>
  <si>
    <t>158386.0</t>
  </si>
  <si>
    <t>417.517</t>
  </si>
  <si>
    <t>147485.0</t>
  </si>
  <si>
    <t>11696296.0</t>
  </si>
  <si>
    <t>7948320.0</t>
  </si>
  <si>
    <t>3747976.0</t>
  </si>
  <si>
    <t>434684.0</t>
  </si>
  <si>
    <t>210472.0</t>
  </si>
  <si>
    <t>35562738.0</t>
  </si>
  <si>
    <t>419.494</t>
  </si>
  <si>
    <t>12142245.0</t>
  </si>
  <si>
    <t>7977222.0</t>
  </si>
  <si>
    <t>4165023.0</t>
  </si>
  <si>
    <t>445949.0</t>
  </si>
  <si>
    <t>254566.0</t>
  </si>
  <si>
    <t>35747190.0</t>
  </si>
  <si>
    <t>184452.0</t>
  </si>
  <si>
    <t>421.669</t>
  </si>
  <si>
    <t>12431482.0</t>
  </si>
  <si>
    <t>7991510.0</t>
  </si>
  <si>
    <t>4439972.0</t>
  </si>
  <si>
    <t>289237.0</t>
  </si>
  <si>
    <t>275570.0</t>
  </si>
  <si>
    <t>35935049.0</t>
  </si>
  <si>
    <t>187859.0</t>
  </si>
  <si>
    <t>423.885</t>
  </si>
  <si>
    <t>161694.0</t>
  </si>
  <si>
    <t>12844577.0</t>
  </si>
  <si>
    <t>8007734.0</t>
  </si>
  <si>
    <t>4836843.0</t>
  </si>
  <si>
    <t>413095.0</t>
  </si>
  <si>
    <t>300329.0</t>
  </si>
  <si>
    <t>36125178.0</t>
  </si>
  <si>
    <t>190129.0</t>
  </si>
  <si>
    <t>426.128</t>
  </si>
  <si>
    <t>167413.0</t>
  </si>
  <si>
    <t>13029754.0</t>
  </si>
  <si>
    <t>8016078.0</t>
  </si>
  <si>
    <t>5013676.0</t>
  </si>
  <si>
    <t>185177.0</t>
  </si>
  <si>
    <t>300924.0</t>
  </si>
  <si>
    <t>36315084.0</t>
  </si>
  <si>
    <t>189906.0</t>
  </si>
  <si>
    <t>428.368</t>
  </si>
  <si>
    <t>175624.0</t>
  </si>
  <si>
    <t>13057722.0</t>
  </si>
  <si>
    <t>8017698.0</t>
  </si>
  <si>
    <t>5040024.0</t>
  </si>
  <si>
    <t>295090.0</t>
  </si>
  <si>
    <t>36516299.0</t>
  </si>
  <si>
    <t>201215.0</t>
  </si>
  <si>
    <t>430.742</t>
  </si>
  <si>
    <t>182782.0</t>
  </si>
  <si>
    <t>13265952.0</t>
  </si>
  <si>
    <t>8045789.0</t>
  </si>
  <si>
    <t>5220163.0</t>
  </si>
  <si>
    <t>208230.0</t>
  </si>
  <si>
    <t>286334.0</t>
  </si>
  <si>
    <t>36728147.0</t>
  </si>
  <si>
    <t>211848.0</t>
  </si>
  <si>
    <t>433.241</t>
  </si>
  <si>
    <t>190419.0</t>
  </si>
  <si>
    <t>13589167.0</t>
  </si>
  <si>
    <t>8091685.0</t>
  </si>
  <si>
    <t>5497482.0</t>
  </si>
  <si>
    <t>323215.0</t>
  </si>
  <si>
    <t>270410.0</t>
  </si>
  <si>
    <t>36949885.0</t>
  </si>
  <si>
    <t>221738.0</t>
  </si>
  <si>
    <t>435.856</t>
  </si>
  <si>
    <t>198164.0</t>
  </si>
  <si>
    <t>13969867.0</t>
  </si>
  <si>
    <t>8133043.0</t>
  </si>
  <si>
    <t>5836824.0</t>
  </si>
  <si>
    <t>380700.0</t>
  </si>
  <si>
    <t>261089.0</t>
  </si>
  <si>
    <t>37172638.0</t>
  </si>
  <si>
    <t>222753.0</t>
  </si>
  <si>
    <t>438.484</t>
  </si>
  <si>
    <t>14227410.0</t>
  </si>
  <si>
    <t>8163156.0</t>
  </si>
  <si>
    <t>6064254.0</t>
  </si>
  <si>
    <t>257543.0</t>
  </si>
  <si>
    <t>37393623.0</t>
  </si>
  <si>
    <t>220985.0</t>
  </si>
  <si>
    <t>441.09</t>
  </si>
  <si>
    <t>208368.0</t>
  </si>
  <si>
    <t>14491247.0</t>
  </si>
  <si>
    <t>8195554.0</t>
  </si>
  <si>
    <t>6295693.0</t>
  </si>
  <si>
    <t>37616837.0</t>
  </si>
  <si>
    <t>223214.0</t>
  </si>
  <si>
    <t>443.723</t>
  </si>
  <si>
    <t>213094.0</t>
  </si>
  <si>
    <t>14652659.0</t>
  </si>
  <si>
    <t>8217124.0</t>
  </si>
  <si>
    <t>6435535.0</t>
  </si>
  <si>
    <t>161412.0</t>
  </si>
  <si>
    <t>231844.0</t>
  </si>
  <si>
    <t>37836946.0</t>
  </si>
  <si>
    <t>220109.0</t>
  </si>
  <si>
    <t>446.32</t>
  </si>
  <si>
    <t>217409.0</t>
  </si>
  <si>
    <t>249034.0</t>
  </si>
  <si>
    <t>39471.0</t>
  </si>
  <si>
    <t>38062457.0</t>
  </si>
  <si>
    <t>220880.0</t>
  </si>
  <si>
    <t>14949260.0</t>
  </si>
  <si>
    <t>8370872.0</t>
  </si>
  <si>
    <t>6578388.0</t>
  </si>
  <si>
    <t>240473.0</t>
  </si>
  <si>
    <t>38297755.0</t>
  </si>
  <si>
    <t>235298.0</t>
  </si>
  <si>
    <t>451.755</t>
  </si>
  <si>
    <t>224230.0</t>
  </si>
  <si>
    <t>15301462.0</t>
  </si>
  <si>
    <t>8614368.0</t>
  </si>
  <si>
    <t>6687094.0</t>
  </si>
  <si>
    <t>352202.0</t>
  </si>
  <si>
    <t>244614.0</t>
  </si>
  <si>
    <t>74669.0</t>
  </si>
  <si>
    <t>38537767.0</t>
  </si>
  <si>
    <t>240012.0</t>
  </si>
  <si>
    <t>454.587</t>
  </si>
  <si>
    <t>226840.0</t>
  </si>
  <si>
    <t>15834787.0</t>
  </si>
  <si>
    <t>8994454.0</t>
  </si>
  <si>
    <t>6840333.0</t>
  </si>
  <si>
    <t>533325.0</t>
  </si>
  <si>
    <t>266417.0</t>
  </si>
  <si>
    <t>123059.0</t>
  </si>
  <si>
    <t>38781505.0</t>
  </si>
  <si>
    <t>243738.0</t>
  </si>
  <si>
    <t>457.462</t>
  </si>
  <si>
    <t>16148683.0</t>
  </si>
  <si>
    <t>9206500.0</t>
  </si>
  <si>
    <t>6942183.0</t>
  </si>
  <si>
    <t>313896.0</t>
  </si>
  <si>
    <t>274468.0</t>
  </si>
  <si>
    <t>149049.0</t>
  </si>
  <si>
    <t>39030473.0</t>
  </si>
  <si>
    <t>248968.0</t>
  </si>
  <si>
    <t>460.399</t>
  </si>
  <si>
    <t>233836.0</t>
  </si>
  <si>
    <t>16317170.0</t>
  </si>
  <si>
    <t>9313746.0</t>
  </si>
  <si>
    <t>7003424.0</t>
  </si>
  <si>
    <t>168487.0</t>
  </si>
  <si>
    <t>260846.0</t>
  </si>
  <si>
    <t>159742.0</t>
  </si>
  <si>
    <t>39279599.0</t>
  </si>
  <si>
    <t>249126.0</t>
  </si>
  <si>
    <t>237537.0</t>
  </si>
  <si>
    <t>16602919.0</t>
  </si>
  <si>
    <t>9478896.0</t>
  </si>
  <si>
    <t>7124023.0</t>
  </si>
  <si>
    <t>285749.0</t>
  </si>
  <si>
    <t>278609.0</t>
  </si>
  <si>
    <t>180253.0</t>
  </si>
  <si>
    <t>39525809.0</t>
  </si>
  <si>
    <t>246210.0</t>
  </si>
  <si>
    <t>466.241</t>
  </si>
  <si>
    <t>241266.0</t>
  </si>
  <si>
    <t>16683067.0</t>
  </si>
  <si>
    <t>9546643.0</t>
  </si>
  <si>
    <t>7136424.0</t>
  </si>
  <si>
    <t>268872.0</t>
  </si>
  <si>
    <t>39771305.0</t>
  </si>
  <si>
    <t>245496.0</t>
  </si>
  <si>
    <t>469.137</t>
  </si>
  <si>
    <t>16993574.0</t>
  </si>
  <si>
    <t>9796506.0</t>
  </si>
  <si>
    <t>7197068.0</t>
  </si>
  <si>
    <t>310507.0</t>
  </si>
  <si>
    <t>292045.0</t>
  </si>
  <si>
    <t>40042852.0</t>
  </si>
  <si>
    <t>271547.0</t>
  </si>
  <si>
    <t>472.34</t>
  </si>
  <si>
    <t>249300.0</t>
  </si>
  <si>
    <t>17367875.0</t>
  </si>
  <si>
    <t>10088238.0</t>
  </si>
  <si>
    <t>7279637.0</t>
  </si>
  <si>
    <t>374301.0</t>
  </si>
  <si>
    <t>295202.0</t>
  </si>
  <si>
    <t>40344960.0</t>
  </si>
  <si>
    <t>302108.0</t>
  </si>
  <si>
    <t>475.904</t>
  </si>
  <si>
    <t>258170.0</t>
  </si>
  <si>
    <t>17704888.0</t>
  </si>
  <si>
    <t>10359390.0</t>
  </si>
  <si>
    <t>7345498.0</t>
  </si>
  <si>
    <t>337013.0</t>
  </si>
  <si>
    <t>267157.0</t>
  </si>
  <si>
    <t>194991.0</t>
  </si>
  <si>
    <t>40649452.0</t>
  </si>
  <si>
    <t>304492.0</t>
  </si>
  <si>
    <t>479.496</t>
  </si>
  <si>
    <t>266850.0</t>
  </si>
  <si>
    <t>18089783.0</t>
  </si>
  <si>
    <t>10627037.0</t>
  </si>
  <si>
    <t>7462746.0</t>
  </si>
  <si>
    <t>384895.0</t>
  </si>
  <si>
    <t>277300.0</t>
  </si>
  <si>
    <t>40954555.0</t>
  </si>
  <si>
    <t>305103.0</t>
  </si>
  <si>
    <t>483.095</t>
  </si>
  <si>
    <t>274869.0</t>
  </si>
  <si>
    <t>18320384.0</t>
  </si>
  <si>
    <t>10777451.0</t>
  </si>
  <si>
    <t>7542933.0</t>
  </si>
  <si>
    <t>230601.0</t>
  </si>
  <si>
    <t>286173.0</t>
  </si>
  <si>
    <t>209101.0</t>
  </si>
  <si>
    <t>41257290.0</t>
  </si>
  <si>
    <t>302735.0</t>
  </si>
  <si>
    <t>486.666</t>
  </si>
  <si>
    <t>282527.0</t>
  </si>
  <si>
    <t>18445354.0</t>
  </si>
  <si>
    <t>10865731.0</t>
  </si>
  <si>
    <t>7579623.0</t>
  </si>
  <si>
    <t>124970.0</t>
  </si>
  <si>
    <t>263205.0</t>
  </si>
  <si>
    <t>198119.0</t>
  </si>
  <si>
    <t>41551564.0</t>
  </si>
  <si>
    <t>294274.0</t>
  </si>
  <si>
    <t>490.137</t>
  </si>
  <si>
    <t>289394.0</t>
  </si>
  <si>
    <t>18494796.0</t>
  </si>
  <si>
    <t>10907432.0</t>
  </si>
  <si>
    <t>7587364.0</t>
  </si>
  <si>
    <t>258818.0</t>
  </si>
  <si>
    <t>194398.0</t>
  </si>
  <si>
    <t>41852632.0</t>
  </si>
  <si>
    <t>301068.0</t>
  </si>
  <si>
    <t>493.688</t>
  </si>
  <si>
    <t>297332.0</t>
  </si>
  <si>
    <t>18728978.0</t>
  </si>
  <si>
    <t>11108847.0</t>
  </si>
  <si>
    <t>7620131.0</t>
  </si>
  <si>
    <t>234182.0</t>
  </si>
  <si>
    <t>247915.0</t>
  </si>
  <si>
    <t>187477.0</t>
  </si>
  <si>
    <t>42159195.0</t>
  </si>
  <si>
    <t>306563.0</t>
  </si>
  <si>
    <t>497.305</t>
  </si>
  <si>
    <t>302335.0</t>
  </si>
  <si>
    <t>19062758.0</t>
  </si>
  <si>
    <t>11388406.0</t>
  </si>
  <si>
    <t>7674352.0</t>
  </si>
  <si>
    <t>333780.0</t>
  </si>
  <si>
    <t>242126.0</t>
  </si>
  <si>
    <t>185738.0</t>
  </si>
  <si>
    <t>42469615.0</t>
  </si>
  <si>
    <t>310420.0</t>
  </si>
  <si>
    <t>500.966</t>
  </si>
  <si>
    <t>303522.0</t>
  </si>
  <si>
    <t>19272675.0</t>
  </si>
  <si>
    <t>11556291.0</t>
  </si>
  <si>
    <t>7716384.0</t>
  </si>
  <si>
    <t>209917.0</t>
  </si>
  <si>
    <t>223970.0</t>
  </si>
  <si>
    <t>170986.0</t>
  </si>
  <si>
    <t>42787832.0</t>
  </si>
  <si>
    <t>318217.0</t>
  </si>
  <si>
    <t>504.72</t>
  </si>
  <si>
    <t>305483.0</t>
  </si>
  <si>
    <t>19445269.0</t>
  </si>
  <si>
    <t>11708135.0</t>
  </si>
  <si>
    <t>7737134.0</t>
  </si>
  <si>
    <t>172594.0</t>
  </si>
  <si>
    <t>154443.0</t>
  </si>
  <si>
    <t>43107910.0</t>
  </si>
  <si>
    <t>320078.0</t>
  </si>
  <si>
    <t>508.495</t>
  </si>
  <si>
    <t>307622.0</t>
  </si>
  <si>
    <t>19811774.0</t>
  </si>
  <si>
    <t>12038403.0</t>
  </si>
  <si>
    <t>7773371.0</t>
  </si>
  <si>
    <t>366505.0</t>
  </si>
  <si>
    <t>213056.0</t>
  </si>
  <si>
    <t>180136.0</t>
  </si>
  <si>
    <t>43427226.0</t>
  </si>
  <si>
    <t>319316.0</t>
  </si>
  <si>
    <t>512.262</t>
  </si>
  <si>
    <t>309991.0</t>
  </si>
  <si>
    <t>19937359.0</t>
  </si>
  <si>
    <t>12151728.0</t>
  </si>
  <si>
    <t>7785631.0</t>
  </si>
  <si>
    <t>125585.0</t>
  </si>
  <si>
    <t>213144.0</t>
  </si>
  <si>
    <t>183714.0</t>
  </si>
  <si>
    <t>43728469.0</t>
  </si>
  <si>
    <t>515.816</t>
  </si>
  <si>
    <t>310986.0</t>
  </si>
  <si>
    <t>19970215.0</t>
  </si>
  <si>
    <t>12182430.0</t>
  </si>
  <si>
    <t>7787785.0</t>
  </si>
  <si>
    <t>210774.0</t>
  </si>
  <si>
    <t>44047338.0</t>
  </si>
  <si>
    <t>519.577</t>
  </si>
  <si>
    <t>20075504.0</t>
  </si>
  <si>
    <t>12260361.0</t>
  </si>
  <si>
    <t>7815143.0</t>
  </si>
  <si>
    <t>105289.0</t>
  </si>
  <si>
    <t>192361.0</t>
  </si>
  <si>
    <t>164502.0</t>
  </si>
  <si>
    <t>44369466.0</t>
  </si>
  <si>
    <t>322128.0</t>
  </si>
  <si>
    <t>523.377</t>
  </si>
  <si>
    <t>315753.0</t>
  </si>
  <si>
    <t>20283227.0</t>
  </si>
  <si>
    <t>12426580.0</t>
  </si>
  <si>
    <t>7856647.0</t>
  </si>
  <si>
    <t>174353.0</t>
  </si>
  <si>
    <t>148311.0</t>
  </si>
  <si>
    <t>44688305.0</t>
  </si>
  <si>
    <t>318839.0</t>
  </si>
  <si>
    <t>527.138</t>
  </si>
  <si>
    <t>20477685.0</t>
  </si>
  <si>
    <t>12590582.0</t>
  </si>
  <si>
    <t>7887103.0</t>
  </si>
  <si>
    <t>194458.0</t>
  </si>
  <si>
    <t>172144.0</t>
  </si>
  <si>
    <t>147756.0</t>
  </si>
  <si>
    <t>45000414.0</t>
  </si>
  <si>
    <t>312109.0</t>
  </si>
  <si>
    <t>530.819</t>
  </si>
  <si>
    <t>316083.0</t>
  </si>
  <si>
    <t>20728975.0</t>
  </si>
  <si>
    <t>12796678.0</t>
  </si>
  <si>
    <t>7932297.0</t>
  </si>
  <si>
    <t>251290.0</t>
  </si>
  <si>
    <t>183387.0</t>
  </si>
  <si>
    <t>155506.0</t>
  </si>
  <si>
    <t>45302505.0</t>
  </si>
  <si>
    <t>302091.0</t>
  </si>
  <si>
    <t>534.383</t>
  </si>
  <si>
    <t>313514.0</t>
  </si>
  <si>
    <t>20887427.0</t>
  </si>
  <si>
    <t>12940482.0</t>
  </si>
  <si>
    <t>7946945.0</t>
  </si>
  <si>
    <t>158452.0</t>
  </si>
  <si>
    <t>153665.0</t>
  </si>
  <si>
    <t>45583688.0</t>
  </si>
  <si>
    <t>537.699</t>
  </si>
  <si>
    <t>308066.0</t>
  </si>
  <si>
    <t>21068403.0</t>
  </si>
  <si>
    <t>13114373.0</t>
  </si>
  <si>
    <t>7954030.0</t>
  </si>
  <si>
    <t>180976.0</t>
  </si>
  <si>
    <t>137521.0</t>
  </si>
  <si>
    <t>45843968.0</t>
  </si>
  <si>
    <t>260280.0</t>
  </si>
  <si>
    <t>540.77</t>
  </si>
  <si>
    <t>302214.0</t>
  </si>
  <si>
    <t>21130963.0</t>
  </si>
  <si>
    <t>13171984.0</t>
  </si>
  <si>
    <t>7958979.0</t>
  </si>
  <si>
    <t>141365.0</t>
  </si>
  <si>
    <t>46112861.0</t>
  </si>
  <si>
    <t>268893.0</t>
  </si>
  <si>
    <t>543.942</t>
  </si>
  <si>
    <t>295075.0</t>
  </si>
  <si>
    <t>21394785.0</t>
  </si>
  <si>
    <t>13287707.0</t>
  </si>
  <si>
    <t>8107078.0</t>
  </si>
  <si>
    <t>46395053.0</t>
  </si>
  <si>
    <t>282192.0</t>
  </si>
  <si>
    <t>547.27</t>
  </si>
  <si>
    <t>289370.0</t>
  </si>
  <si>
    <t>21678461.0</t>
  </si>
  <si>
    <t>13383037.0</t>
  </si>
  <si>
    <t>8295424.0</t>
  </si>
  <si>
    <t>283676.0</t>
  </si>
  <si>
    <t>199319.0</t>
  </si>
  <si>
    <t>46678314.0</t>
  </si>
  <si>
    <t>283261.0</t>
  </si>
  <si>
    <t>550.612</t>
  </si>
  <si>
    <t>284287.0</t>
  </si>
  <si>
    <t>22132803.0</t>
  </si>
  <si>
    <t>13512810.0</t>
  </si>
  <si>
    <t>8619993.0</t>
  </si>
  <si>
    <t>454342.0</t>
  </si>
  <si>
    <t>236445.0</t>
  </si>
  <si>
    <t>131747.0</t>
  </si>
  <si>
    <t>46956422.0</t>
  </si>
  <si>
    <t>278108.0</t>
  </si>
  <si>
    <t>553.892</t>
  </si>
  <si>
    <t>22568172.0</t>
  </si>
  <si>
    <t>13646398.0</t>
  </si>
  <si>
    <t>8921774.0</t>
  </si>
  <si>
    <t>435369.0</t>
  </si>
  <si>
    <t>262742.0</t>
  </si>
  <si>
    <t>121389.0</t>
  </si>
  <si>
    <t>47221709.0</t>
  </si>
  <si>
    <t>265287.0</t>
  </si>
  <si>
    <t>557.021</t>
  </si>
  <si>
    <t>274172.0</t>
  </si>
  <si>
    <t>22816891.0</t>
  </si>
  <si>
    <t>13712254.0</t>
  </si>
  <si>
    <t>9104637.0</t>
  </si>
  <si>
    <t>248719.0</t>
  </si>
  <si>
    <t>275638.0</t>
  </si>
  <si>
    <t>110253.0</t>
  </si>
  <si>
    <t>47463903.0</t>
  </si>
  <si>
    <t>242194.0</t>
  </si>
  <si>
    <t>559.878</t>
  </si>
  <si>
    <t>268602.0</t>
  </si>
  <si>
    <t>22899046.0</t>
  </si>
  <si>
    <t>13752107.0</t>
  </si>
  <si>
    <t>9146939.0</t>
  </si>
  <si>
    <t>261520.0</t>
  </si>
  <si>
    <t>91105.0</t>
  </si>
  <si>
    <t>47704048.0</t>
  </si>
  <si>
    <t>240145.0</t>
  </si>
  <si>
    <t>562.711</t>
  </si>
  <si>
    <t>265726.0</t>
  </si>
  <si>
    <t>23006734.0</t>
  </si>
  <si>
    <t>13800405.0</t>
  </si>
  <si>
    <t>9206329.0</t>
  </si>
  <si>
    <t>107688.0</t>
  </si>
  <si>
    <t>267967.0</t>
  </si>
  <si>
    <t>89774.0</t>
  </si>
  <si>
    <t>47947696.0</t>
  </si>
  <si>
    <t>243648.0</t>
  </si>
  <si>
    <t>565.585</t>
  </si>
  <si>
    <t>262119.0</t>
  </si>
  <si>
    <t>23294477.0</t>
  </si>
  <si>
    <t>13933868.0</t>
  </si>
  <si>
    <t>9360609.0</t>
  </si>
  <si>
    <t>287743.0</t>
  </si>
  <si>
    <t>271385.0</t>
  </si>
  <si>
    <t>92309.0</t>
  </si>
  <si>
    <t>48189443.0</t>
  </si>
  <si>
    <t>241747.0</t>
  </si>
  <si>
    <t>568.437</t>
  </si>
  <si>
    <t>23729113.0</t>
  </si>
  <si>
    <t>14132161.0</t>
  </si>
  <si>
    <t>9596952.0</t>
  </si>
  <si>
    <t>434636.0</t>
  </si>
  <si>
    <t>292950.0</t>
  </si>
  <si>
    <t>107018.0</t>
  </si>
  <si>
    <t>48418934.0</t>
  </si>
  <si>
    <t>229491.0</t>
  </si>
  <si>
    <t>571.144</t>
  </si>
  <si>
    <t>248660.0</t>
  </si>
  <si>
    <t>24103883.0</t>
  </si>
  <si>
    <t>14264014.0</t>
  </si>
  <si>
    <t>9839869.0</t>
  </si>
  <si>
    <t>374770.0</t>
  </si>
  <si>
    <t>281583.0</t>
  </si>
  <si>
    <t>48672316.0</t>
  </si>
  <si>
    <t>253382.0</t>
  </si>
  <si>
    <t>574.133</t>
  </si>
  <si>
    <t>245128.0</t>
  </si>
  <si>
    <t>24467719.0</t>
  </si>
  <si>
    <t>14391595.0</t>
  </si>
  <si>
    <t>10076124.0</t>
  </si>
  <si>
    <t>363836.0</t>
  </si>
  <si>
    <t>271364.0</t>
  </si>
  <si>
    <t>48923510.0</t>
  </si>
  <si>
    <t>577.096</t>
  </si>
  <si>
    <t>243114.0</t>
  </si>
  <si>
    <t>24691044.0</t>
  </si>
  <si>
    <t>14476881.0</t>
  </si>
  <si>
    <t>10214163.0</t>
  </si>
  <si>
    <t>223325.0</t>
  </si>
  <si>
    <t>267736.0</t>
  </si>
  <si>
    <t>49152383.0</t>
  </si>
  <si>
    <t>228873.0</t>
  </si>
  <si>
    <t>24853353.0</t>
  </si>
  <si>
    <t>14545524.0</t>
  </si>
  <si>
    <t>10307829.0</t>
  </si>
  <si>
    <t>162309.0</t>
  </si>
  <si>
    <t>279187.0</t>
  </si>
  <si>
    <t>49349851.0</t>
  </si>
  <si>
    <t>197468.0</t>
  </si>
  <si>
    <t>582.125</t>
  </si>
  <si>
    <t>235115.0</t>
  </si>
  <si>
    <t>24918773.0</t>
  </si>
  <si>
    <t>14585980.0</t>
  </si>
  <si>
    <t>10332793.0</t>
  </si>
  <si>
    <t>273148.0</t>
  </si>
  <si>
    <t>112225.0</t>
  </si>
  <si>
    <t>49563714.0</t>
  </si>
  <si>
    <t>213863.0</t>
  </si>
  <si>
    <t>584.647</t>
  </si>
  <si>
    <t>25018078.0</t>
  </si>
  <si>
    <t>14618167.0</t>
  </si>
  <si>
    <t>10399911.0</t>
  </si>
  <si>
    <t>99305.0</t>
  </si>
  <si>
    <t>246229.0</t>
  </si>
  <si>
    <t>97757.0</t>
  </si>
  <si>
    <t>49790166.0</t>
  </si>
  <si>
    <t>226452.0</t>
  </si>
  <si>
    <t>587.319</t>
  </si>
  <si>
    <t>228675.0</t>
  </si>
  <si>
    <t>25178674.0</t>
  </si>
  <si>
    <t>14660551.0</t>
  </si>
  <si>
    <t>10518123.0</t>
  </si>
  <si>
    <t>160596.0</t>
  </si>
  <si>
    <t>207080.0</t>
  </si>
  <si>
    <t>50018358.0</t>
  </si>
  <si>
    <t>228192.0</t>
  </si>
  <si>
    <t>590.01</t>
  </si>
  <si>
    <t>228489.0</t>
  </si>
  <si>
    <t>25348875.0</t>
  </si>
  <si>
    <t>14711273.0</t>
  </si>
  <si>
    <t>10637602.0</t>
  </si>
  <si>
    <t>177856.0</t>
  </si>
  <si>
    <t>63894.0</t>
  </si>
  <si>
    <t>50219653.0</t>
  </si>
  <si>
    <t>201295.0</t>
  </si>
  <si>
    <t>592.385</t>
  </si>
  <si>
    <t>221048.0</t>
  </si>
  <si>
    <t>25402277.0</t>
  </si>
  <si>
    <t>14732527.0</t>
  </si>
  <si>
    <t>10669750.0</t>
  </si>
  <si>
    <t>133508.0</t>
  </si>
  <si>
    <t>48705.0</t>
  </si>
  <si>
    <t>50422726.0</t>
  </si>
  <si>
    <t>203073.0</t>
  </si>
  <si>
    <t>214174.0</t>
  </si>
  <si>
    <t>25561998.0</t>
  </si>
  <si>
    <t>14814316.0</t>
  </si>
  <si>
    <t>10747682.0</t>
  </si>
  <si>
    <t>159721.0</t>
  </si>
  <si>
    <t>124422.0</t>
  </si>
  <si>
    <t>50627363.0</t>
  </si>
  <si>
    <t>204637.0</t>
  </si>
  <si>
    <t>597.194</t>
  </si>
  <si>
    <t>210711.0</t>
  </si>
  <si>
    <t>25687427.0</t>
  </si>
  <si>
    <t>14895052.0</t>
  </si>
  <si>
    <t>10792375.0</t>
  </si>
  <si>
    <t>125429.0</t>
  </si>
  <si>
    <t>119153.0</t>
  </si>
  <si>
    <t>50829606.0</t>
  </si>
  <si>
    <t>599.58</t>
  </si>
  <si>
    <t>211394.0</t>
  </si>
  <si>
    <t>25772743.0</t>
  </si>
  <si>
    <t>14947740.0</t>
  </si>
  <si>
    <t>10825003.0</t>
  </si>
  <si>
    <t>51036442.0</t>
  </si>
  <si>
    <t>206836.0</t>
  </si>
  <si>
    <t>602.019</t>
  </si>
  <si>
    <t>210390.0</t>
  </si>
  <si>
    <t>25950934.0</t>
  </si>
  <si>
    <t>14986982.0</t>
  </si>
  <si>
    <t>10963952.0</t>
  </si>
  <si>
    <t>178191.0</t>
  </si>
  <si>
    <t>51253718.0</t>
  </si>
  <si>
    <t>217276.0</t>
  </si>
  <si>
    <t>604.582</t>
  </si>
  <si>
    <t>26537163.0</t>
  </si>
  <si>
    <t>15202819.0</t>
  </si>
  <si>
    <t>11334344.0</t>
  </si>
  <si>
    <t>586229.0</t>
  </si>
  <si>
    <t>51472401.0</t>
  </si>
  <si>
    <t>218683.0</t>
  </si>
  <si>
    <t>607.162</t>
  </si>
  <si>
    <t>207720.0</t>
  </si>
  <si>
    <t>26821460.0</t>
  </si>
  <si>
    <t>15366071.0</t>
  </si>
  <si>
    <t>11455389.0</t>
  </si>
  <si>
    <t>210369.0</t>
  </si>
  <si>
    <t>51691593.0</t>
  </si>
  <si>
    <t>219192.0</t>
  </si>
  <si>
    <t>609.748</t>
  </si>
  <si>
    <t>27083374.0</t>
  </si>
  <si>
    <t>15511277.0</t>
  </si>
  <si>
    <t>11572097.0</t>
  </si>
  <si>
    <t>261914.0</t>
  </si>
  <si>
    <t>240157.0</t>
  </si>
  <si>
    <t>51910439.0</t>
  </si>
  <si>
    <t>218846.0</t>
  </si>
  <si>
    <t>612.329</t>
  </si>
  <si>
    <t>212530.0</t>
  </si>
  <si>
    <t>27745400.0</t>
  </si>
  <si>
    <t>15871547.0</t>
  </si>
  <si>
    <t>11873853.0</t>
  </si>
  <si>
    <t>662026.0</t>
  </si>
  <si>
    <t>151033.0</t>
  </si>
  <si>
    <t>52127097.0</t>
  </si>
  <si>
    <t>216658.0</t>
  </si>
  <si>
    <t>614.885</t>
  </si>
  <si>
    <t>214248.0</t>
  </si>
  <si>
    <t>27818947.0</t>
  </si>
  <si>
    <t>15919759.0</t>
  </si>
  <si>
    <t>11899188.0</t>
  </si>
  <si>
    <t>304503.0</t>
  </si>
  <si>
    <t>146387.0</t>
  </si>
  <si>
    <t>52337388.0</t>
  </si>
  <si>
    <t>210291.0</t>
  </si>
  <si>
    <t>617.365</t>
  </si>
  <si>
    <t>215397.0</t>
  </si>
  <si>
    <t>28048727.0</t>
  </si>
  <si>
    <t>16045835.0</t>
  </si>
  <si>
    <t>12002892.0</t>
  </si>
  <si>
    <t>229780.0</t>
  </si>
  <si>
    <t>325141.0</t>
  </si>
  <si>
    <t>52554043.0</t>
  </si>
  <si>
    <t>216655.0</t>
  </si>
  <si>
    <t>619.921</t>
  </si>
  <si>
    <t>216800.0</t>
  </si>
  <si>
    <t>28161235.0</t>
  </si>
  <si>
    <t>16115588.0</t>
  </si>
  <si>
    <t>12045647.0</t>
  </si>
  <si>
    <t>112508.0</t>
  </si>
  <si>
    <t>315757.0</t>
  </si>
  <si>
    <t>52777147.0</t>
  </si>
  <si>
    <t>223104.0</t>
  </si>
  <si>
    <t>622.553</t>
  </si>
  <si>
    <t>217633.0</t>
  </si>
  <si>
    <t>28397847.0</t>
  </si>
  <si>
    <t>16255095.0</t>
  </si>
  <si>
    <t>12142752.0</t>
  </si>
  <si>
    <t>265812.0</t>
  </si>
  <si>
    <t>150325.0</t>
  </si>
  <si>
    <t>52998361.0</t>
  </si>
  <si>
    <t>221214.0</t>
  </si>
  <si>
    <t>625.162</t>
  </si>
  <si>
    <t>217994.0</t>
  </si>
  <si>
    <t>28511333.0</t>
  </si>
  <si>
    <t>16320454.0</t>
  </si>
  <si>
    <t>12190879.0</t>
  </si>
  <si>
    <t>113486.0</t>
  </si>
  <si>
    <t>241410.0</t>
  </si>
  <si>
    <t>136340.0</t>
  </si>
  <si>
    <t>53217826.0</t>
  </si>
  <si>
    <t>219465.0</t>
  </si>
  <si>
    <t>627.751</t>
  </si>
  <si>
    <t>218033.0</t>
  </si>
  <si>
    <t>28605453.0</t>
  </si>
  <si>
    <t>16377100.0</t>
  </si>
  <si>
    <t>12228353.0</t>
  </si>
  <si>
    <t>123689.0</t>
  </si>
  <si>
    <t>53437988.0</t>
  </si>
  <si>
    <t>220162.0</t>
  </si>
  <si>
    <t>630.348</t>
  </si>
  <si>
    <t>218221.0</t>
  </si>
  <si>
    <t>28730177.0</t>
  </si>
  <si>
    <t>16452864.0</t>
  </si>
  <si>
    <t>12277313.0</t>
  </si>
  <si>
    <t>124724.0</t>
  </si>
  <si>
    <t>83045.0</t>
  </si>
  <si>
    <t>53660601.0</t>
  </si>
  <si>
    <t>222613.0</t>
  </si>
  <si>
    <t>632.974</t>
  </si>
  <si>
    <t>219072.0</t>
  </si>
  <si>
    <t>28802681.0</t>
  </si>
  <si>
    <t>16498868.0</t>
  </si>
  <si>
    <t>12303813.0</t>
  </si>
  <si>
    <t>72504.0</t>
  </si>
  <si>
    <t>140533.0</t>
  </si>
  <si>
    <t>82730.0</t>
  </si>
  <si>
    <t>53879558.0</t>
  </si>
  <si>
    <t>218957.0</t>
  </si>
  <si>
    <t>635.556</t>
  </si>
  <si>
    <t>220310.0</t>
  </si>
  <si>
    <t>28960961.0</t>
  </si>
  <si>
    <t>16551775.0</t>
  </si>
  <si>
    <t>12409186.0</t>
  </si>
  <si>
    <t>158280.0</t>
  </si>
  <si>
    <t>130319.0</t>
  </si>
  <si>
    <t>54099019.0</t>
  </si>
  <si>
    <t>219461.0</t>
  </si>
  <si>
    <t>638.145</t>
  </si>
  <si>
    <t>29171543.0</t>
  </si>
  <si>
    <t>16628831.0</t>
  </si>
  <si>
    <t>12542712.0</t>
  </si>
  <si>
    <t>210582.0</t>
  </si>
  <si>
    <t>54322501.0</t>
  </si>
  <si>
    <t>223482.0</t>
  </si>
  <si>
    <t>640.781</t>
  </si>
  <si>
    <t>29375685.0</t>
  </si>
  <si>
    <t>16740180.0</t>
  </si>
  <si>
    <t>12635505.0</t>
  </si>
  <si>
    <t>139691.0</t>
  </si>
  <si>
    <t>69298.0</t>
  </si>
  <si>
    <t>54546651.0</t>
  </si>
  <si>
    <t>224150.0</t>
  </si>
  <si>
    <t>643.425</t>
  </si>
  <si>
    <t>29657059.0</t>
  </si>
  <si>
    <t>16924374.0</t>
  </si>
  <si>
    <t>12732685.0</t>
  </si>
  <si>
    <t>281374.0</t>
  </si>
  <si>
    <t>163675.0</t>
  </si>
  <si>
    <t>86274.0</t>
  </si>
  <si>
    <t>54769498.0</t>
  </si>
  <si>
    <t>222847.0</t>
  </si>
  <si>
    <t>221667.0</t>
  </si>
  <si>
    <t>30129259.0</t>
  </si>
  <si>
    <t>17234801.0</t>
  </si>
  <si>
    <t>12894458.0</t>
  </si>
  <si>
    <t>472200.0</t>
  </si>
  <si>
    <t>217687.0</t>
  </si>
  <si>
    <t>122529.0</t>
  </si>
  <si>
    <t>54994179.0</t>
  </si>
  <si>
    <t>224681.0</t>
  </si>
  <si>
    <t>648.704</t>
  </si>
  <si>
    <t>222313.0</t>
  </si>
  <si>
    <t>30318510.0</t>
  </si>
  <si>
    <t>17346890.0</t>
  </si>
  <si>
    <t>12971620.0</t>
  </si>
  <si>
    <t>189251.0</t>
  </si>
  <si>
    <t>226905.0</t>
  </si>
  <si>
    <t>127718.0</t>
  </si>
  <si>
    <t>55210335.0</t>
  </si>
  <si>
    <t>216156.0</t>
  </si>
  <si>
    <t>651.254</t>
  </si>
  <si>
    <t>221391.0</t>
  </si>
  <si>
    <t>30576062.0</t>
  </si>
  <si>
    <t>17515705.0</t>
  </si>
  <si>
    <t>13060357.0</t>
  </si>
  <si>
    <t>257552.0</t>
  </si>
  <si>
    <t>253340.0</t>
  </si>
  <si>
    <t>55415162.0</t>
  </si>
  <si>
    <t>204827.0</t>
  </si>
  <si>
    <t>653.67</t>
  </si>
  <si>
    <t>219372.0</t>
  </si>
  <si>
    <t>30857320.0</t>
  </si>
  <si>
    <t>17699837.0</t>
  </si>
  <si>
    <t>13157483.0</t>
  </si>
  <si>
    <t>281258.0</t>
  </si>
  <si>
    <t>270908.0</t>
  </si>
  <si>
    <t>55633326.0</t>
  </si>
  <si>
    <t>656.244</t>
  </si>
  <si>
    <t>219187.0</t>
  </si>
  <si>
    <t>31246323.0</t>
  </si>
  <si>
    <t>17987842.0</t>
  </si>
  <si>
    <t>13258481.0</t>
  </si>
  <si>
    <t>389003.0</t>
  </si>
  <si>
    <t>296397.0</t>
  </si>
  <si>
    <t>194144.0</t>
  </si>
  <si>
    <t>55858853.0</t>
  </si>
  <si>
    <t>225527.0</t>
  </si>
  <si>
    <t>658.904</t>
  </si>
  <si>
    <t>219479.0</t>
  </si>
  <si>
    <t>31589838.0</t>
  </si>
  <si>
    <t>18239386.0</t>
  </si>
  <si>
    <t>13350452.0</t>
  </si>
  <si>
    <t>343515.0</t>
  </si>
  <si>
    <t>316308.0</t>
  </si>
  <si>
    <t>214172.0</t>
  </si>
  <si>
    <t>56083046.0</t>
  </si>
  <si>
    <t>224193.0</t>
  </si>
  <si>
    <t>661.549</t>
  </si>
  <si>
    <t>219485.0</t>
  </si>
  <si>
    <t>31987341.0</t>
  </si>
  <si>
    <t>18538800.0</t>
  </si>
  <si>
    <t>13448541.0</t>
  </si>
  <si>
    <t>397503.0</t>
  </si>
  <si>
    <t>332897.0</t>
  </si>
  <si>
    <t>56306366.0</t>
  </si>
  <si>
    <t>223320.0</t>
  </si>
  <si>
    <t>664.183</t>
  </si>
  <si>
    <t>219553.0</t>
  </si>
  <si>
    <t>32507572.0</t>
  </si>
  <si>
    <t>18967237.0</t>
  </si>
  <si>
    <t>13540335.0</t>
  </si>
  <si>
    <t>520231.0</t>
  </si>
  <si>
    <t>339759.0</t>
  </si>
  <si>
    <t>247491.0</t>
  </si>
  <si>
    <t>56530494.0</t>
  </si>
  <si>
    <t>224128.0</t>
  </si>
  <si>
    <t>666.827</t>
  </si>
  <si>
    <t>219474.0</t>
  </si>
  <si>
    <t>32952991.0</t>
  </si>
  <si>
    <t>19349257.0</t>
  </si>
  <si>
    <t>13603734.0</t>
  </si>
  <si>
    <t>445419.0</t>
  </si>
  <si>
    <t>376354.0</t>
  </si>
  <si>
    <t>56749252.0</t>
  </si>
  <si>
    <t>218758.0</t>
  </si>
  <si>
    <t>669.407</t>
  </si>
  <si>
    <t>33428162.0</t>
  </si>
  <si>
    <t>19761182.0</t>
  </si>
  <si>
    <t>13666980.0</t>
  </si>
  <si>
    <t>407443.0</t>
  </si>
  <si>
    <t>56964209.0</t>
  </si>
  <si>
    <t>214957.0</t>
  </si>
  <si>
    <t>671.943</t>
  </si>
  <si>
    <t>221292.0</t>
  </si>
  <si>
    <t>34052689.0</t>
  </si>
  <si>
    <t>20318690.0</t>
  </si>
  <si>
    <t>13733999.0</t>
  </si>
  <si>
    <t>624527.0</t>
  </si>
  <si>
    <t>456481.0</t>
  </si>
  <si>
    <t>374122.0</t>
  </si>
  <si>
    <t>57183499.0</t>
  </si>
  <si>
    <t>219290.0</t>
  </si>
  <si>
    <t>674.529</t>
  </si>
  <si>
    <t>34778165.0</t>
  </si>
  <si>
    <t>20963316.0</t>
  </si>
  <si>
    <t>13814849.0</t>
  </si>
  <si>
    <t>725476.0</t>
  </si>
  <si>
    <t>504549.0</t>
  </si>
  <si>
    <t>425068.0</t>
  </si>
  <si>
    <t>57407345.0</t>
  </si>
  <si>
    <t>223846.0</t>
  </si>
  <si>
    <t>677.17</t>
  </si>
  <si>
    <t>221213.0</t>
  </si>
  <si>
    <t>36241225.0</t>
  </si>
  <si>
    <t>22268007.0</t>
  </si>
  <si>
    <t>13973218.0</t>
  </si>
  <si>
    <t>1463060.0</t>
  </si>
  <si>
    <t>664484.0</t>
  </si>
  <si>
    <t>575517.0</t>
  </si>
  <si>
    <t>57634508.0</t>
  </si>
  <si>
    <t>227163.0</t>
  </si>
  <si>
    <t>679.849</t>
  </si>
  <si>
    <t>221637.0</t>
  </si>
  <si>
    <t>37739099.0</t>
  </si>
  <si>
    <t>23654078.0</t>
  </si>
  <si>
    <t>14085021.0</t>
  </si>
  <si>
    <t>1497874.0</t>
  </si>
  <si>
    <t>821680.0</t>
  </si>
  <si>
    <t>730754.0</t>
  </si>
  <si>
    <t>57859572.0</t>
  </si>
  <si>
    <t>225064.0</t>
  </si>
  <si>
    <t>682.504</t>
  </si>
  <si>
    <t>221887.0</t>
  </si>
  <si>
    <t>39446201.0</t>
  </si>
  <si>
    <t>25225946.0</t>
  </si>
  <si>
    <t>14220255.0</t>
  </si>
  <si>
    <t>1707102.0</t>
  </si>
  <si>
    <t>991233.0</t>
  </si>
  <si>
    <t>894101.0</t>
  </si>
  <si>
    <t>58083700.0</t>
  </si>
  <si>
    <t>685.148</t>
  </si>
  <si>
    <t>40619152.0</t>
  </si>
  <si>
    <t>26301413.0</t>
  </si>
  <si>
    <t>14317739.0</t>
  </si>
  <si>
    <t>1172951.0</t>
  </si>
  <si>
    <t>1095166.0</t>
  </si>
  <si>
    <t>993165.0</t>
  </si>
  <si>
    <t>58299196.0</t>
  </si>
  <si>
    <t>215496.0</t>
  </si>
  <si>
    <t>687.69</t>
  </si>
  <si>
    <t>221421.0</t>
  </si>
  <si>
    <t>41194790.0</t>
  </si>
  <si>
    <t>26824612.0</t>
  </si>
  <si>
    <t>14370178.0</t>
  </si>
  <si>
    <t>575638.0</t>
  </si>
  <si>
    <t>1109518.0</t>
  </si>
  <si>
    <t>1009061.0</t>
  </si>
  <si>
    <t>58512493.0</t>
  </si>
  <si>
    <t>213297.0</t>
  </si>
  <si>
    <t>690.206</t>
  </si>
  <si>
    <t>221183.0</t>
  </si>
  <si>
    <t>42613378.0</t>
  </si>
  <si>
    <t>28123248.0</t>
  </si>
  <si>
    <t>14490130.0</t>
  </si>
  <si>
    <t>1418588.0</t>
  </si>
  <si>
    <t>1222956.0</t>
  </si>
  <si>
    <t>1114937.0</t>
  </si>
  <si>
    <t>58733545.0</t>
  </si>
  <si>
    <t>221052.0</t>
  </si>
  <si>
    <t>692.814</t>
  </si>
  <si>
    <t>43629179.0</t>
  </si>
  <si>
    <t>29052236.0</t>
  </si>
  <si>
    <t>14576943.0</t>
  </si>
  <si>
    <t>1264431.0</t>
  </si>
  <si>
    <t>1155560.0</t>
  </si>
  <si>
    <t>58956783.0</t>
  </si>
  <si>
    <t>695.447</t>
  </si>
  <si>
    <t>221348.0</t>
  </si>
  <si>
    <t>44080123.0</t>
  </si>
  <si>
    <t>29462165.0</t>
  </si>
  <si>
    <t>14617958.0</t>
  </si>
  <si>
    <t>450944.0</t>
  </si>
  <si>
    <t>1119843.0</t>
  </si>
  <si>
    <t>1027737.0</t>
  </si>
  <si>
    <t>59180975.0</t>
  </si>
  <si>
    <t>224192.0</t>
  </si>
  <si>
    <t>698.091</t>
  </si>
  <si>
    <t>220924.0</t>
  </si>
  <si>
    <t>44951168.0</t>
  </si>
  <si>
    <t>30267732.0</t>
  </si>
  <si>
    <t>14683436.0</t>
  </si>
  <si>
    <t>871045.0</t>
  </si>
  <si>
    <t>1030296.0</t>
  </si>
  <si>
    <t>944808.0</t>
  </si>
  <si>
    <t>59404360.0</t>
  </si>
  <si>
    <t>223385.0</t>
  </si>
  <si>
    <t>700.726</t>
  </si>
  <si>
    <t>220684.0</t>
  </si>
  <si>
    <t>45831738.0</t>
  </si>
  <si>
    <t>31090069.0</t>
  </si>
  <si>
    <t>14741669.0</t>
  </si>
  <si>
    <t>912220.0</t>
  </si>
  <si>
    <t>837732.0</t>
  </si>
  <si>
    <t>59627296.0</t>
  </si>
  <si>
    <t>222936.0</t>
  </si>
  <si>
    <t>703.356</t>
  </si>
  <si>
    <t>220514.0</t>
  </si>
  <si>
    <t>46633976.0</t>
  </si>
  <si>
    <t>31838965.0</t>
  </si>
  <si>
    <t>14795011.0</t>
  </si>
  <si>
    <t>802238.0</t>
  </si>
  <si>
    <t>859261.0</t>
  </si>
  <si>
    <t>791079.0</t>
  </si>
  <si>
    <t>59849857.0</t>
  </si>
  <si>
    <t>222561.0</t>
  </si>
  <si>
    <t>705.981</t>
  </si>
  <si>
    <t>221523.0</t>
  </si>
  <si>
    <t>47079628.0</t>
  </si>
  <si>
    <t>32233753.0</t>
  </si>
  <si>
    <t>14845875.0</t>
  </si>
  <si>
    <t>445652.0</t>
  </si>
  <si>
    <t>840691.0</t>
  </si>
  <si>
    <t>772734.0</t>
  </si>
  <si>
    <t>60065151.0</t>
  </si>
  <si>
    <t>708.521</t>
  </si>
  <si>
    <t>221808.0</t>
  </si>
  <si>
    <t>47773102.0</t>
  </si>
  <si>
    <t>32857375.0</t>
  </si>
  <si>
    <t>14915727.0</t>
  </si>
  <si>
    <t>693474.0</t>
  </si>
  <si>
    <t>676304.0</t>
  </si>
  <si>
    <t>60288676.0</t>
  </si>
  <si>
    <t>223525.0</t>
  </si>
  <si>
    <t>711.158</t>
  </si>
  <si>
    <t>48938717.0</t>
  </si>
  <si>
    <t>33934402.0</t>
  </si>
  <si>
    <t>15004315.0</t>
  </si>
  <si>
    <t>1165615.0</t>
  </si>
  <si>
    <t>758505.0</t>
  </si>
  <si>
    <t>697452.0</t>
  </si>
  <si>
    <t>60518522.0</t>
  </si>
  <si>
    <t>229846.0</t>
  </si>
  <si>
    <t>713.869</t>
  </si>
  <si>
    <t>223106.0</t>
  </si>
  <si>
    <t>49401445.0</t>
  </si>
  <si>
    <t>34344798.0</t>
  </si>
  <si>
    <t>15056647.0</t>
  </si>
  <si>
    <t>462728.0</t>
  </si>
  <si>
    <t>760189.0</t>
  </si>
  <si>
    <t>697519.0</t>
  </si>
  <si>
    <t>60746685.0</t>
  </si>
  <si>
    <t>228163.0</t>
  </si>
  <si>
    <t>716.56</t>
  </si>
  <si>
    <t>223673.0</t>
  </si>
  <si>
    <t>50608142.0</t>
  </si>
  <si>
    <t>35091645.0</t>
  </si>
  <si>
    <t>15217656.0</t>
  </si>
  <si>
    <t>808139.0</t>
  </si>
  <si>
    <t>689130.0</t>
  </si>
  <si>
    <t>60972222.0</t>
  </si>
  <si>
    <t>719.221</t>
  </si>
  <si>
    <t>223980.0</t>
  </si>
  <si>
    <t>51212188.0</t>
  </si>
  <si>
    <t>35315962.0</t>
  </si>
  <si>
    <t>15336829.0</t>
  </si>
  <si>
    <t>559397.0</t>
  </si>
  <si>
    <t>604046.0</t>
  </si>
  <si>
    <t>768636.0</t>
  </si>
  <si>
    <t>603699.0</t>
  </si>
  <si>
    <t>61196004.0</t>
  </si>
  <si>
    <t>223782.0</t>
  </si>
  <si>
    <t>721.86</t>
  </si>
  <si>
    <t>224101.0</t>
  </si>
  <si>
    <t>52104718.0</t>
  </si>
  <si>
    <t>35673239.0</t>
  </si>
  <si>
    <t>15522900.0</t>
  </si>
  <si>
    <t>908579.0</t>
  </si>
  <si>
    <t>892530.0</t>
  </si>
  <si>
    <t>781535.0</t>
  </si>
  <si>
    <t>547753.0</t>
  </si>
  <si>
    <t>61414928.0</t>
  </si>
  <si>
    <t>218924.0</t>
  </si>
  <si>
    <t>724.443</t>
  </si>
  <si>
    <t>223582.0</t>
  </si>
  <si>
    <t>52479924.0</t>
  </si>
  <si>
    <t>35828964.0</t>
  </si>
  <si>
    <t>15625651.0</t>
  </si>
  <si>
    <t>1025309.0</t>
  </si>
  <si>
    <t>375206.0</t>
  </si>
  <si>
    <t>771471.0</t>
  </si>
  <si>
    <t>513602.0</t>
  </si>
  <si>
    <t>61631180.0</t>
  </si>
  <si>
    <t>216252.0</t>
  </si>
  <si>
    <t>726.994</t>
  </si>
  <si>
    <t>223718.0</t>
  </si>
  <si>
    <t>53226310.0</t>
  </si>
  <si>
    <t>36084241.0</t>
  </si>
  <si>
    <t>15779136.0</t>
  </si>
  <si>
    <t>1362933.0</t>
  </si>
  <si>
    <t>746386.0</t>
  </si>
  <si>
    <t>779030.0</t>
  </si>
  <si>
    <t>460981.0</t>
  </si>
  <si>
    <t>61850917.0</t>
  </si>
  <si>
    <t>219737.0</t>
  </si>
  <si>
    <t>729.586</t>
  </si>
  <si>
    <t>223177.0</t>
  </si>
  <si>
    <t>54148190.0</t>
  </si>
  <si>
    <t>36416034.0</t>
  </si>
  <si>
    <t>15962069.0</t>
  </si>
  <si>
    <t>1770087.0</t>
  </si>
  <si>
    <t>921880.0</t>
  </si>
  <si>
    <t>744210.0</t>
  </si>
  <si>
    <t>354519.0</t>
  </si>
  <si>
    <t>62077568.0</t>
  </si>
  <si>
    <t>226651.0</t>
  </si>
  <si>
    <t>732.259</t>
  </si>
  <si>
    <t>222721.0</t>
  </si>
  <si>
    <t>55004225.0</t>
  </si>
  <si>
    <t>36736718.0</t>
  </si>
  <si>
    <t>16140197.0</t>
  </si>
  <si>
    <t>2127310.0</t>
  </si>
  <si>
    <t>856035.0</t>
  </si>
  <si>
    <t>800397.0</t>
  </si>
  <si>
    <t>341703.0</t>
  </si>
  <si>
    <t>62302821.0</t>
  </si>
  <si>
    <t>734.916</t>
  </si>
  <si>
    <t>222305.0</t>
  </si>
  <si>
    <t>55808670.0</t>
  </si>
  <si>
    <t>37028443.0</t>
  </si>
  <si>
    <t>16347747.0</t>
  </si>
  <si>
    <t>2432480.0</t>
  </si>
  <si>
    <t>804445.0</t>
  </si>
  <si>
    <t>742933.0</t>
  </si>
  <si>
    <t>276685.0</t>
  </si>
  <si>
    <t>62529248.0</t>
  </si>
  <si>
    <t>737.587</t>
  </si>
  <si>
    <t>222432.0</t>
  </si>
  <si>
    <t>56646457.0</t>
  </si>
  <si>
    <t>37318116.0</t>
  </si>
  <si>
    <t>16639474.0</t>
  </si>
  <si>
    <t>2688867.0</t>
  </si>
  <si>
    <t>837787.0</t>
  </si>
  <si>
    <t>776324.0</t>
  </si>
  <si>
    <t>62758074.0</t>
  </si>
  <si>
    <t>740.286</t>
  </si>
  <si>
    <t>223153.0</t>
  </si>
  <si>
    <t>57248834.0</t>
  </si>
  <si>
    <t>37530250.0</t>
  </si>
  <si>
    <t>16893992.0</t>
  </si>
  <si>
    <t>2824592.0</t>
  </si>
  <si>
    <t>602377.0</t>
  </si>
  <si>
    <t>734874.0</t>
  </si>
  <si>
    <t>62982258.0</t>
  </si>
  <si>
    <t>224184.0</t>
  </si>
  <si>
    <t>742.931</t>
  </si>
  <si>
    <t>223904.0</t>
  </si>
  <si>
    <t>57583424.0</t>
  </si>
  <si>
    <t>37644385.0</t>
  </si>
  <si>
    <t>17070834.0</t>
  </si>
  <si>
    <t>2868205.0</t>
  </si>
  <si>
    <t>334590.0</t>
  </si>
  <si>
    <t>729071.0</t>
  </si>
  <si>
    <t>259346.0</t>
  </si>
  <si>
    <t>63204326.0</t>
  </si>
  <si>
    <t>222068.0</t>
  </si>
  <si>
    <t>745.55</t>
  </si>
  <si>
    <t>224735.0</t>
  </si>
  <si>
    <t>58155459.0</t>
  </si>
  <si>
    <t>37811142.0</t>
  </si>
  <si>
    <t>17350100.0</t>
  </si>
  <si>
    <t>2994217.0</t>
  </si>
  <si>
    <t>704164.0</t>
  </si>
  <si>
    <t>246700.0</t>
  </si>
  <si>
    <t>63431599.0</t>
  </si>
  <si>
    <t>227273.0</t>
  </si>
  <si>
    <t>748.231</t>
  </si>
  <si>
    <t>225812.0</t>
  </si>
  <si>
    <t>59087644.0</t>
  </si>
  <si>
    <t>38090164.0</t>
  </si>
  <si>
    <t>17808050.0</t>
  </si>
  <si>
    <t>3189430.0</t>
  </si>
  <si>
    <t>932185.0</t>
  </si>
  <si>
    <t>705636.0</t>
  </si>
  <si>
    <t>239161.0</t>
  </si>
  <si>
    <t>63666038.0</t>
  </si>
  <si>
    <t>234439.0</t>
  </si>
  <si>
    <t>750.997</t>
  </si>
  <si>
    <t>226924.0</t>
  </si>
  <si>
    <t>60047995.0</t>
  </si>
  <si>
    <t>38337720.0</t>
  </si>
  <si>
    <t>18356412.0</t>
  </si>
  <si>
    <t>3353863.0</t>
  </si>
  <si>
    <t>960351.0</t>
  </si>
  <si>
    <t>720539.0</t>
  </si>
  <si>
    <t>63904905.0</t>
  </si>
  <si>
    <t>238867.0</t>
  </si>
  <si>
    <t>753.814</t>
  </si>
  <si>
    <t>228869.0</t>
  </si>
  <si>
    <t>61011929.0</t>
  </si>
  <si>
    <t>38538814.0</t>
  </si>
  <si>
    <t>19018721.0</t>
  </si>
  <si>
    <t>3454394.0</t>
  </si>
  <si>
    <t>963934.0</t>
  </si>
  <si>
    <t>743323.0</t>
  </si>
  <si>
    <t>215767.0</t>
  </si>
  <si>
    <t>64137162.0</t>
  </si>
  <si>
    <t>756.554</t>
  </si>
  <si>
    <t>62378829.0</t>
  </si>
  <si>
    <t>38786421.0</t>
  </si>
  <si>
    <t>20013130.0</t>
  </si>
  <si>
    <t>3579278.0</t>
  </si>
  <si>
    <t>1366900.0</t>
  </si>
  <si>
    <t>818910.0</t>
  </si>
  <si>
    <t>209758.0</t>
  </si>
  <si>
    <t>64366744.0</t>
  </si>
  <si>
    <t>229582.0</t>
  </si>
  <si>
    <t>759.262</t>
  </si>
  <si>
    <t>229810.0</t>
  </si>
  <si>
    <t>62537504.0</t>
  </si>
  <si>
    <t>38808936.0</t>
  </si>
  <si>
    <t>20139223.0</t>
  </si>
  <si>
    <t>3589345.0</t>
  </si>
  <si>
    <t>158675.0</t>
  </si>
  <si>
    <t>755524.0</t>
  </si>
  <si>
    <t>64600905.0</t>
  </si>
  <si>
    <t>234161.0</t>
  </si>
  <si>
    <t>762.024</t>
  </si>
  <si>
    <t>231235.0</t>
  </si>
  <si>
    <t>63070377.0</t>
  </si>
  <si>
    <t>38900715.0</t>
  </si>
  <si>
    <t>20552887.0</t>
  </si>
  <si>
    <t>3616775.0</t>
  </si>
  <si>
    <t>783850.0</t>
  </si>
  <si>
    <t>64834851.0</t>
  </si>
  <si>
    <t>233946.0</t>
  </si>
  <si>
    <t>764.784</t>
  </si>
  <si>
    <t>232932.0</t>
  </si>
  <si>
    <t>63432446.0</t>
  </si>
  <si>
    <t>38965125.0</t>
  </si>
  <si>
    <t>20832201.0</t>
  </si>
  <si>
    <t>3635120.0</t>
  </si>
  <si>
    <t>362069.0</t>
  </si>
  <si>
    <t>753855.0</t>
  </si>
  <si>
    <t>164855.0</t>
  </si>
  <si>
    <t>65061364.0</t>
  </si>
  <si>
    <t>226513.0</t>
  </si>
  <si>
    <t>767.456</t>
  </si>
  <si>
    <t>232824.0</t>
  </si>
  <si>
    <t>63860891.0</t>
  </si>
  <si>
    <t>39038614.0</t>
  </si>
  <si>
    <t>21162757.0</t>
  </si>
  <si>
    <t>3659520.0</t>
  </si>
  <si>
    <t>428445.0</t>
  </si>
  <si>
    <t>681892.0</t>
  </si>
  <si>
    <t>65259901.0</t>
  </si>
  <si>
    <t>198537.0</t>
  </si>
  <si>
    <t>769.798</t>
  </si>
  <si>
    <t>63929646.0</t>
  </si>
  <si>
    <t>39047910.0</t>
  </si>
  <si>
    <t>21217144.0</t>
  </si>
  <si>
    <t>3664592.0</t>
  </si>
  <si>
    <t>68755.0</t>
  </si>
  <si>
    <t>554522.0</t>
  </si>
  <si>
    <t>101456.0</t>
  </si>
  <si>
    <t>65444363.0</t>
  </si>
  <si>
    <t>184462.0</t>
  </si>
  <si>
    <t>771.973</t>
  </si>
  <si>
    <t>219923.0</t>
  </si>
  <si>
    <t>64438877.0</t>
  </si>
  <si>
    <t>39145657.0</t>
  </si>
  <si>
    <t>21598476.0</t>
  </si>
  <si>
    <t>3694744.0</t>
  </si>
  <si>
    <t>509231.0</t>
  </si>
  <si>
    <t>489564.0</t>
  </si>
  <si>
    <t>86692.0</t>
  </si>
  <si>
    <t>65658559.0</t>
  </si>
  <si>
    <t>214196.0</t>
  </si>
  <si>
    <t>774.5</t>
  </si>
  <si>
    <t>217342.0</t>
  </si>
  <si>
    <t>65102892.0</t>
  </si>
  <si>
    <t>39277100.0</t>
  </si>
  <si>
    <t>22097661.0</t>
  </si>
  <si>
    <t>3728131.0</t>
  </si>
  <si>
    <t>664015.0</t>
  </si>
  <si>
    <t>389152.0</t>
  </si>
  <si>
    <t>70097.0</t>
  </si>
  <si>
    <t>65878087.0</t>
  </si>
  <si>
    <t>219528.0</t>
  </si>
  <si>
    <t>777.09</t>
  </si>
  <si>
    <t>215906.0</t>
  </si>
  <si>
    <t>65329543.0</t>
  </si>
  <si>
    <t>39320939.0</t>
  </si>
  <si>
    <t>22267239.0</t>
  </si>
  <si>
    <t>3741365.0</t>
  </si>
  <si>
    <t>398863.0</t>
  </si>
  <si>
    <t>73143.0</t>
  </si>
  <si>
    <t>66099550.0</t>
  </si>
  <si>
    <t>221463.0</t>
  </si>
  <si>
    <t>779.702</t>
  </si>
  <si>
    <t>214092.0</t>
  </si>
  <si>
    <t>65783297.0</t>
  </si>
  <si>
    <t>39413330.0</t>
  </si>
  <si>
    <t>22597613.0</t>
  </si>
  <si>
    <t>3772354.0</t>
  </si>
  <si>
    <t>453754.0</t>
  </si>
  <si>
    <t>387560.0</t>
  </si>
  <si>
    <t>73231.0</t>
  </si>
  <si>
    <t>66323387.0</t>
  </si>
  <si>
    <t>223837.0</t>
  </si>
  <si>
    <t>782.342</t>
  </si>
  <si>
    <t>212648.0</t>
  </si>
  <si>
    <t>66806525.0</t>
  </si>
  <si>
    <t>39597116.0</t>
  </si>
  <si>
    <t>23273023.0</t>
  </si>
  <si>
    <t>3936386.0</t>
  </si>
  <si>
    <t>482011.0</t>
  </si>
  <si>
    <t>66547585.0</t>
  </si>
  <si>
    <t>224198.0</t>
  </si>
  <si>
    <t>784.987</t>
  </si>
  <si>
    <t>212317.0</t>
  </si>
  <si>
    <t>68082990.0</t>
  </si>
  <si>
    <t>39836563.0</t>
  </si>
  <si>
    <t>24108507.0</t>
  </si>
  <si>
    <t>4137920.0</t>
  </si>
  <si>
    <t>1276465.0</t>
  </si>
  <si>
    <t>603157.0</t>
  </si>
  <si>
    <t>113993.0</t>
  </si>
  <si>
    <t>66794233.0</t>
  </si>
  <si>
    <t>246648.0</t>
  </si>
  <si>
    <t>787.896</t>
  </si>
  <si>
    <t>219190.0</t>
  </si>
  <si>
    <t>69240538.0</t>
  </si>
  <si>
    <t>40071797.0</t>
  </si>
  <si>
    <t>24830627.0</t>
  </si>
  <si>
    <t>4338114.0</t>
  </si>
  <si>
    <t>1157548.0</t>
  </si>
  <si>
    <t>758699.0</t>
  </si>
  <si>
    <t>146270.0</t>
  </si>
  <si>
    <t>67051707.0</t>
  </si>
  <si>
    <t>790.934</t>
  </si>
  <si>
    <t>229621.0</t>
  </si>
  <si>
    <t>70436741.0</t>
  </si>
  <si>
    <t>40330955.0</t>
  </si>
  <si>
    <t>25566171.0</t>
  </si>
  <si>
    <t>4539615.0</t>
  </si>
  <si>
    <t>1196203.0</t>
  </si>
  <si>
    <t>856838.0</t>
  </si>
  <si>
    <t>67312905.0</t>
  </si>
  <si>
    <t>261198.0</t>
  </si>
  <si>
    <t>794.015</t>
  </si>
  <si>
    <t>236335.0</t>
  </si>
  <si>
    <t>71842834.0</t>
  </si>
  <si>
    <t>40661999.0</t>
  </si>
  <si>
    <t>26437993.0</t>
  </si>
  <si>
    <t>4742842.0</t>
  </si>
  <si>
    <t>1406093.0</t>
  </si>
  <si>
    <t>962849.0</t>
  </si>
  <si>
    <t>67569365.0</t>
  </si>
  <si>
    <t>256460.0</t>
  </si>
  <si>
    <t>797.04</t>
  </si>
  <si>
    <t>241611.0</t>
  </si>
  <si>
    <t>72929642.0</t>
  </si>
  <si>
    <t>40929557.0</t>
  </si>
  <si>
    <t>27133225.0</t>
  </si>
  <si>
    <t>4866860.0</t>
  </si>
  <si>
    <t>1086808.0</t>
  </si>
  <si>
    <t>1085728.0</t>
  </si>
  <si>
    <t>67828561.0</t>
  </si>
  <si>
    <t>259196.0</t>
  </si>
  <si>
    <t>800.097</t>
  </si>
  <si>
    <t>73272667.0</t>
  </si>
  <si>
    <t>41012715.0</t>
  </si>
  <si>
    <t>27355633.0</t>
  </si>
  <si>
    <t>4904319.0</t>
  </si>
  <si>
    <t>343025.0</t>
  </si>
  <si>
    <t>1069910.0</t>
  </si>
  <si>
    <t>228484.0</t>
  </si>
  <si>
    <t>68079785.0</t>
  </si>
  <si>
    <t>251224.0</t>
  </si>
  <si>
    <t>803.061</t>
  </si>
  <si>
    <t>250914.0</t>
  </si>
  <si>
    <t>73493059.0</t>
  </si>
  <si>
    <t>41062834.0</t>
  </si>
  <si>
    <t>27472822.0</t>
  </si>
  <si>
    <t>4957403.0</t>
  </si>
  <si>
    <t>220392.0</t>
  </si>
  <si>
    <t>955219.0</t>
  </si>
  <si>
    <t>209388.0</t>
  </si>
  <si>
    <t>68350211.0</t>
  </si>
  <si>
    <t>270426.0</t>
  </si>
  <si>
    <t>806.25</t>
  </si>
  <si>
    <t>73887381.0</t>
  </si>
  <si>
    <t>41165345.0</t>
  </si>
  <si>
    <t>27655792.0</t>
  </si>
  <si>
    <t>5066244.0</t>
  </si>
  <si>
    <t>394322.0</t>
  </si>
  <si>
    <t>829199.0</t>
  </si>
  <si>
    <t>189826.0</t>
  </si>
  <si>
    <t>68606374.0</t>
  </si>
  <si>
    <t>256163.0</t>
  </si>
  <si>
    <t>809.272</t>
  </si>
  <si>
    <t>74330222.0</t>
  </si>
  <si>
    <t>41303951.0</t>
  </si>
  <si>
    <t>27831923.0</t>
  </si>
  <si>
    <t>5194348.0</t>
  </si>
  <si>
    <t>442841.0</t>
  </si>
  <si>
    <t>727098.0</t>
  </si>
  <si>
    <t>176022.0</t>
  </si>
  <si>
    <t>68868422.0</t>
  </si>
  <si>
    <t>812.363</t>
  </si>
  <si>
    <t>259531.0</t>
  </si>
  <si>
    <t>74335704.0</t>
  </si>
  <si>
    <t>41306343.0</t>
  </si>
  <si>
    <t>27834147.0</t>
  </si>
  <si>
    <t>5195214.0</t>
  </si>
  <si>
    <t>556995.0</t>
  </si>
  <si>
    <t>139341.0</t>
  </si>
  <si>
    <t>69113574.0</t>
  </si>
  <si>
    <t>245152.0</t>
  </si>
  <si>
    <t>815.255</t>
  </si>
  <si>
    <t>257238.0</t>
  </si>
  <si>
    <t>74512881.0</t>
  </si>
  <si>
    <t>41346860.0</t>
  </si>
  <si>
    <t>27921501.0</t>
  </si>
  <si>
    <t>5244520.0</t>
  </si>
  <si>
    <t>177177.0</t>
  </si>
  <si>
    <t>381435.0</t>
  </si>
  <si>
    <t>97837.0</t>
  </si>
  <si>
    <t>69356854.0</t>
  </si>
  <si>
    <t>243280.0</t>
  </si>
  <si>
    <t>818.125</t>
  </si>
  <si>
    <t>75102478.0</t>
  </si>
  <si>
    <t>41490596.0</t>
  </si>
  <si>
    <t>28250858.0</t>
  </si>
  <si>
    <t>5361024.0</t>
  </si>
  <si>
    <t>589597.0</t>
  </si>
  <si>
    <t>69602891.0</t>
  </si>
  <si>
    <t>246037.0</t>
  </si>
  <si>
    <t>821.027</t>
  </si>
  <si>
    <t>253476.0</t>
  </si>
  <si>
    <t>75674278.0</t>
  </si>
  <si>
    <t>41632116.0</t>
  </si>
  <si>
    <t>28572955.0</t>
  </si>
  <si>
    <t>5469207.0</t>
  </si>
  <si>
    <t>571800.0</t>
  </si>
  <si>
    <t>343087.0</t>
  </si>
  <si>
    <t>69842528.0</t>
  </si>
  <si>
    <t>239637.0</t>
  </si>
  <si>
    <t>823.854</t>
  </si>
  <si>
    <t>251820.0</t>
  </si>
  <si>
    <t>76029390.0</t>
  </si>
  <si>
    <t>41726338.0</t>
  </si>
  <si>
    <t>28777993.0</t>
  </si>
  <si>
    <t>5525059.0</t>
  </si>
  <si>
    <t>355112.0</t>
  </si>
  <si>
    <t>362333.0</t>
  </si>
  <si>
    <t>94786.0</t>
  </si>
  <si>
    <t>70087781.0</t>
  </si>
  <si>
    <t>245253.0</t>
  </si>
  <si>
    <t>826.747</t>
  </si>
  <si>
    <t>248224.0</t>
  </si>
  <si>
    <t>76602059.0</t>
  </si>
  <si>
    <t>41874764.0</t>
  </si>
  <si>
    <t>29098283.0</t>
  </si>
  <si>
    <t>5629012.0</t>
  </si>
  <si>
    <t>572669.0</t>
  </si>
  <si>
    <t>387811.0</t>
  </si>
  <si>
    <t>70352428.0</t>
  </si>
  <si>
    <t>264647.0</t>
  </si>
  <si>
    <t>829.868</t>
  </si>
  <si>
    <t>249436.0</t>
  </si>
  <si>
    <t>78265217.0</t>
  </si>
  <si>
    <t>42333084.0</t>
  </si>
  <si>
    <t>30045631.0</t>
  </si>
  <si>
    <t>5886502.0</t>
  </si>
  <si>
    <t>1663158.0</t>
  </si>
  <si>
    <t>562142.0</t>
  </si>
  <si>
    <t>147019.0</t>
  </si>
  <si>
    <t>70630691.0</t>
  </si>
  <si>
    <t>278263.0</t>
  </si>
  <si>
    <t>833.151</t>
  </si>
  <si>
    <t>251753.0</t>
  </si>
  <si>
    <t>79639120.0</t>
  </si>
  <si>
    <t>42732950.0</t>
  </si>
  <si>
    <t>30819342.0</t>
  </si>
  <si>
    <t>1373903.0</t>
  </si>
  <si>
    <t>757631.0</t>
  </si>
  <si>
    <t>203801.0</t>
  </si>
  <si>
    <t>70912226.0</t>
  </si>
  <si>
    <t>281535.0</t>
  </si>
  <si>
    <t>836.472</t>
  </si>
  <si>
    <t>256950.0</t>
  </si>
  <si>
    <t>81436011.0</t>
  </si>
  <si>
    <t>43304840.0</t>
  </si>
  <si>
    <t>31782995.0</t>
  </si>
  <si>
    <t>6348176.0</t>
  </si>
  <si>
    <t>1796891.0</t>
  </si>
  <si>
    <t>989019.0</t>
  </si>
  <si>
    <t>279711.0</t>
  </si>
  <si>
    <t>71197468.0</t>
  </si>
  <si>
    <t>285242.0</t>
  </si>
  <si>
    <t>839.836</t>
  </si>
  <si>
    <t>262945.0</t>
  </si>
  <si>
    <t>82021528.0</t>
  </si>
  <si>
    <t>43493299.0</t>
  </si>
  <si>
    <t>32095253.0</t>
  </si>
  <si>
    <t>6432976.0</t>
  </si>
  <si>
    <t>585517.0</t>
  </si>
  <si>
    <t>988436.0</t>
  </si>
  <si>
    <t>286100.0</t>
  </si>
  <si>
    <t>71482415.0</t>
  </si>
  <si>
    <t>284947.0</t>
  </si>
  <si>
    <t>843.198</t>
  </si>
  <si>
    <t>268503.0</t>
  </si>
  <si>
    <t>82865497.0</t>
  </si>
  <si>
    <t>43784866.0</t>
  </si>
  <si>
    <t>32546912.0</t>
  </si>
  <si>
    <t>6533719.0</t>
  </si>
  <si>
    <t>843969.0</t>
  </si>
  <si>
    <t>1027317.0</t>
  </si>
  <si>
    <t>307536.0</t>
  </si>
  <si>
    <t>71763599.0</t>
  </si>
  <si>
    <t>281184.0</t>
  </si>
  <si>
    <t>846.514</t>
  </si>
  <si>
    <t>274439.0</t>
  </si>
  <si>
    <t>83338627.0</t>
  </si>
  <si>
    <t>43946656.0</t>
  </si>
  <si>
    <t>32807818.0</t>
  </si>
  <si>
    <t>6584153.0</t>
  </si>
  <si>
    <t>473130.0</t>
  </si>
  <si>
    <t>1044177.0</t>
  </si>
  <si>
    <t>317188.0</t>
  </si>
  <si>
    <t>72051546.0</t>
  </si>
  <si>
    <t>287947.0</t>
  </si>
  <si>
    <t>849.911</t>
  </si>
  <si>
    <t>280538.0</t>
  </si>
  <si>
    <t>84055687.0</t>
  </si>
  <si>
    <t>44187137.0</t>
  </si>
  <si>
    <t>33140399.0</t>
  </si>
  <si>
    <t>6728151.0</t>
  </si>
  <si>
    <t>717060.0</t>
  </si>
  <si>
    <t>1064804.0</t>
  </si>
  <si>
    <t>330339.0</t>
  </si>
  <si>
    <t>72346107.0</t>
  </si>
  <si>
    <t>294561.0</t>
  </si>
  <si>
    <t>853.386</t>
  </si>
  <si>
    <t>284811.0</t>
  </si>
  <si>
    <t>85004270.0</t>
  </si>
  <si>
    <t>44522947.0</t>
  </si>
  <si>
    <t>33557585.0</t>
  </si>
  <si>
    <t>6923738.0</t>
  </si>
  <si>
    <t>948583.0</t>
  </si>
  <si>
    <t>962722.0</t>
  </si>
  <si>
    <t>312838.0</t>
  </si>
  <si>
    <t>72641313.0</t>
  </si>
  <si>
    <t>295206.0</t>
  </si>
  <si>
    <t>856.868</t>
  </si>
  <si>
    <t>287232.0</t>
  </si>
  <si>
    <t>86413722.0</t>
  </si>
  <si>
    <t>45025676.0</t>
  </si>
  <si>
    <t>34128107.0</t>
  </si>
  <si>
    <t>7259939.0</t>
  </si>
  <si>
    <t>1409452.0</t>
  </si>
  <si>
    <t>967800.0</t>
  </si>
  <si>
    <t>327532.0</t>
  </si>
  <si>
    <t>72933851.0</t>
  </si>
  <si>
    <t>292538.0</t>
  </si>
  <si>
    <t>860.319</t>
  </si>
  <si>
    <t>87195574.0</t>
  </si>
  <si>
    <t>45304742.0</t>
  </si>
  <si>
    <t>34446015.0</t>
  </si>
  <si>
    <t>7444817.0</t>
  </si>
  <si>
    <t>781852.0</t>
  </si>
  <si>
    <t>822795.0</t>
  </si>
  <si>
    <t>102.17</t>
  </si>
  <si>
    <t>73227103.0</t>
  </si>
  <si>
    <t>293252.0</t>
  </si>
  <si>
    <t>863.778</t>
  </si>
  <si>
    <t>289948.0</t>
  </si>
  <si>
    <t>88059440.0</t>
  </si>
  <si>
    <t>45636614.0</t>
  </si>
  <si>
    <t>34791602.0</t>
  </si>
  <si>
    <t>863866.0</t>
  </si>
  <si>
    <t>862559.0</t>
  </si>
  <si>
    <t>306188.0</t>
  </si>
  <si>
    <t>73509960.0</t>
  </si>
  <si>
    <t>867.114</t>
  </si>
  <si>
    <t>289649.0</t>
  </si>
  <si>
    <t>88443350.0</t>
  </si>
  <si>
    <t>45796679.0</t>
  </si>
  <si>
    <t>34963740.0</t>
  </si>
  <si>
    <t>7682931.0</t>
  </si>
  <si>
    <t>383910.0</t>
  </si>
  <si>
    <t>796836.0</t>
  </si>
  <si>
    <t>287402.0</t>
  </si>
  <si>
    <t>73775156.0</t>
  </si>
  <si>
    <t>265196.0</t>
  </si>
  <si>
    <t>870.242</t>
  </si>
  <si>
    <t>287365.0</t>
  </si>
  <si>
    <t>88760525.0</t>
  </si>
  <si>
    <t>45936819.0</t>
  </si>
  <si>
    <t>35099244.0</t>
  </si>
  <si>
    <t>7724462.0</t>
  </si>
  <si>
    <t>317175.0</t>
  </si>
  <si>
    <t>774557.0</t>
  </si>
  <si>
    <t>284309.0</t>
  </si>
  <si>
    <t>74057684.0</t>
  </si>
  <si>
    <t>873.575</t>
  </si>
  <si>
    <t>286591.0</t>
  </si>
  <si>
    <t>89651157.0</t>
  </si>
  <si>
    <t>46317869.0</t>
  </si>
  <si>
    <t>35408683.0</t>
  </si>
  <si>
    <t>7924605.0</t>
  </si>
  <si>
    <t>890632.0</t>
  </si>
  <si>
    <t>799353.0</t>
  </si>
  <si>
    <t>304390.0</t>
  </si>
  <si>
    <t>74350721.0</t>
  </si>
  <si>
    <t>293037.0</t>
  </si>
  <si>
    <t>877.032</t>
  </si>
  <si>
    <t>286373.0</t>
  </si>
  <si>
    <t>90405737.0</t>
  </si>
  <si>
    <t>46649044.0</t>
  </si>
  <si>
    <t>35672814.0</t>
  </si>
  <si>
    <t>8083879.0</t>
  </si>
  <si>
    <t>754580.0</t>
  </si>
  <si>
    <t>771638.0</t>
  </si>
  <si>
    <t>303728.0</t>
  </si>
  <si>
    <t>74647432.0</t>
  </si>
  <si>
    <t>296711.0</t>
  </si>
  <si>
    <t>880.532</t>
  </si>
  <si>
    <t>286588.0</t>
  </si>
  <si>
    <t>91081547.0</t>
  </si>
  <si>
    <t>46949549.0</t>
  </si>
  <si>
    <t>35908553.0</t>
  </si>
  <si>
    <t>8223445.0</t>
  </si>
  <si>
    <t>675810.0</t>
  </si>
  <si>
    <t>666832.0</t>
  </si>
  <si>
    <t>74944500.0</t>
  </si>
  <si>
    <t>297068.0</t>
  </si>
  <si>
    <t>884.036</t>
  </si>
  <si>
    <t>287236.0</t>
  </si>
  <si>
    <t>91747545.0</t>
  </si>
  <si>
    <t>47247097.0</t>
  </si>
  <si>
    <t>36145891.0</t>
  </si>
  <si>
    <t>8354557.0</t>
  </si>
  <si>
    <t>665998.0</t>
  </si>
  <si>
    <t>650282.0</t>
  </si>
  <si>
    <t>75240147.0</t>
  </si>
  <si>
    <t>295647.0</t>
  </si>
  <si>
    <t>887.523</t>
  </si>
  <si>
    <t>287578.0</t>
  </si>
  <si>
    <t>92391003.0</t>
  </si>
  <si>
    <t>47528894.0</t>
  </si>
  <si>
    <t>36388775.0</t>
  </si>
  <si>
    <t>8473334.0</t>
  </si>
  <si>
    <t>643458.0</t>
  </si>
  <si>
    <t>618795.0</t>
  </si>
  <si>
    <t>270326.0</t>
  </si>
  <si>
    <t>75530333.0</t>
  </si>
  <si>
    <t>290186.0</t>
  </si>
  <si>
    <t>890.946</t>
  </si>
  <si>
    <t>288625.0</t>
  </si>
  <si>
    <t>92710374.0</t>
  </si>
  <si>
    <t>47675684.0</t>
  </si>
  <si>
    <t>36521647.0</t>
  </si>
  <si>
    <t>8513043.0</t>
  </si>
  <si>
    <t>319371.0</t>
  </si>
  <si>
    <t>609575.0</t>
  </si>
  <si>
    <t>268429.0</t>
  </si>
  <si>
    <t>75816758.0</t>
  </si>
  <si>
    <t>286425.0</t>
  </si>
  <si>
    <t>894.325</t>
  </si>
  <si>
    <t>291657.0</t>
  </si>
  <si>
    <t>93004856.0</t>
  </si>
  <si>
    <t>47797199.0</t>
  </si>
  <si>
    <t>36636290.0</t>
  </si>
  <si>
    <t>8571367.0</t>
  </si>
  <si>
    <t>294482.0</t>
  </si>
  <si>
    <t>606333.0</t>
  </si>
  <si>
    <t>108.98</t>
  </si>
  <si>
    <t>76100008.0</t>
  </si>
  <si>
    <t>283250.0</t>
  </si>
  <si>
    <t>897.666</t>
  </si>
  <si>
    <t>291761.0</t>
  </si>
  <si>
    <t>93318338.0</t>
  </si>
  <si>
    <t>47929111.0</t>
  </si>
  <si>
    <t>36765581.0</t>
  </si>
  <si>
    <t>8623646.0</t>
  </si>
  <si>
    <t>313482.0</t>
  </si>
  <si>
    <t>523883.0</t>
  </si>
  <si>
    <t>76397175.0</t>
  </si>
  <si>
    <t>297167.0</t>
  </si>
  <si>
    <t>901.171</t>
  </si>
  <si>
    <t>292351.0</t>
  </si>
  <si>
    <t>94167554.0</t>
  </si>
  <si>
    <t>48271065.0</t>
  </si>
  <si>
    <t>37089601.0</t>
  </si>
  <si>
    <t>8806888.0</t>
  </si>
  <si>
    <t>849216.0</t>
  </si>
  <si>
    <t>537402.0</t>
  </si>
  <si>
    <t>231717.0</t>
  </si>
  <si>
    <t>76700044.0</t>
  </si>
  <si>
    <t>302869.0</t>
  </si>
  <si>
    <t>904.744</t>
  </si>
  <si>
    <t>293230.0</t>
  </si>
  <si>
    <t>94873884.0</t>
  </si>
  <si>
    <t>48563507.0</t>
  </si>
  <si>
    <t>37368108.0</t>
  </si>
  <si>
    <t>8942269.0</t>
  </si>
  <si>
    <t>706330.0</t>
  </si>
  <si>
    <t>541762.0</t>
  </si>
  <si>
    <t>230565.0</t>
  </si>
  <si>
    <t>77005091.0</t>
  </si>
  <si>
    <t>305047.0</t>
  </si>
  <si>
    <t>908.342</t>
  </si>
  <si>
    <t>294370.0</t>
  </si>
  <si>
    <t>95565306.0</t>
  </si>
  <si>
    <t>48854935.0</t>
  </si>
  <si>
    <t>37645172.0</t>
  </si>
  <si>
    <t>9065199.0</t>
  </si>
  <si>
    <t>691422.0</t>
  </si>
  <si>
    <t>545394.0</t>
  </si>
  <si>
    <t>229691.0</t>
  </si>
  <si>
    <t>77309621.0</t>
  </si>
  <si>
    <t>911.935</t>
  </si>
  <si>
    <t>295639.0</t>
  </si>
  <si>
    <t>96378383.0</t>
  </si>
  <si>
    <t>49197925.0</t>
  </si>
  <si>
    <t>37976800.0</t>
  </si>
  <si>
    <t>9203658.0</t>
  </si>
  <si>
    <t>813077.0</t>
  </si>
  <si>
    <t>569626.0</t>
  </si>
  <si>
    <t>238433.0</t>
  </si>
  <si>
    <t>77593006.0</t>
  </si>
  <si>
    <t>283385.0</t>
  </si>
  <si>
    <t>915.277</t>
  </si>
  <si>
    <t>96761208.0</t>
  </si>
  <si>
    <t>49376328.0</t>
  </si>
  <si>
    <t>38141442.0</t>
  </si>
  <si>
    <t>9243438.0</t>
  </si>
  <si>
    <t>578691.0</t>
  </si>
  <si>
    <t>242949.0</t>
  </si>
  <si>
    <t>77872069.0</t>
  </si>
  <si>
    <t>279063.0</t>
  </si>
  <si>
    <t>918.569</t>
  </si>
  <si>
    <t>293616.0</t>
  </si>
  <si>
    <t>97113297.0</t>
  </si>
  <si>
    <t>49551529.0</t>
  </si>
  <si>
    <t>38288329.0</t>
  </si>
  <si>
    <t>9273439.0</t>
  </si>
  <si>
    <t>352089.0</t>
  </si>
  <si>
    <t>113.79</t>
  </si>
  <si>
    <t>78173233.0</t>
  </si>
  <si>
    <t>301164.0</t>
  </si>
  <si>
    <t>922.122</t>
  </si>
  <si>
    <t>296175.0</t>
  </si>
  <si>
    <t>97981595.0</t>
  </si>
  <si>
    <t>49946816.0</t>
  </si>
  <si>
    <t>38628745.0</t>
  </si>
  <si>
    <t>9406034.0</t>
  </si>
  <si>
    <t>868298.0</t>
  </si>
  <si>
    <t>666180.0</t>
  </si>
  <si>
    <t>288244.0</t>
  </si>
  <si>
    <t>78478097.0</t>
  </si>
  <si>
    <t>304864.0</t>
  </si>
  <si>
    <t>925.718</t>
  </si>
  <si>
    <t>297275.0</t>
  </si>
  <si>
    <t>98828646.0</t>
  </si>
  <si>
    <t>50324643.0</t>
  </si>
  <si>
    <t>38978541.0</t>
  </si>
  <si>
    <t>9525462.0</t>
  </si>
  <si>
    <t>847051.0</t>
  </si>
  <si>
    <t>665870.0</t>
  </si>
  <si>
    <t>293368.0</t>
  </si>
  <si>
    <t>78786534.0</t>
  </si>
  <si>
    <t>308437.0</t>
  </si>
  <si>
    <t>929.356</t>
  </si>
  <si>
    <t>298070.0</t>
  </si>
  <si>
    <t>99582607.0</t>
  </si>
  <si>
    <t>50648789.0</t>
  </si>
  <si>
    <t>39298396.0</t>
  </si>
  <si>
    <t>9635422.0</t>
  </si>
  <si>
    <t>753961.0</t>
  </si>
  <si>
    <t>672675.0</t>
  </si>
  <si>
    <t>79101327.0</t>
  </si>
  <si>
    <t>314793.0</t>
  </si>
  <si>
    <t>299462.0</t>
  </si>
  <si>
    <t>100267925.0</t>
  </si>
  <si>
    <t>50930700.0</t>
  </si>
  <si>
    <t>39599848.0</t>
  </si>
  <si>
    <t>9737377.0</t>
  </si>
  <si>
    <t>671803.0</t>
  </si>
  <si>
    <t>296538.0</t>
  </si>
  <si>
    <t>79420162.0</t>
  </si>
  <si>
    <t>318835.0</t>
  </si>
  <si>
    <t>936.83</t>
  </si>
  <si>
    <t>301506.0</t>
  </si>
  <si>
    <t>101048667.0</t>
  </si>
  <si>
    <t>51234095.0</t>
  </si>
  <si>
    <t>39963236.0</t>
  </si>
  <si>
    <t>9851336.0</t>
  </si>
  <si>
    <t>780742.0</t>
  </si>
  <si>
    <t>667183.0</t>
  </si>
  <si>
    <t>290881.0</t>
  </si>
  <si>
    <t>79734208.0</t>
  </si>
  <si>
    <t>314046.0</t>
  </si>
  <si>
    <t>940.535</t>
  </si>
  <si>
    <t>305886.0</t>
  </si>
  <si>
    <t>101454754.0</t>
  </si>
  <si>
    <t>51411717.0</t>
  </si>
  <si>
    <t>40158373.0</t>
  </si>
  <si>
    <t>9884664.0</t>
  </si>
  <si>
    <t>406087.0</t>
  </si>
  <si>
    <t>670507.0</t>
  </si>
  <si>
    <t>290770.0</t>
  </si>
  <si>
    <t>80044754.0</t>
  </si>
  <si>
    <t>310546.0</t>
  </si>
  <si>
    <t>944.198</t>
  </si>
  <si>
    <t>101748658.0</t>
  </si>
  <si>
    <t>51536013.0</t>
  </si>
  <si>
    <t>40305712.0</t>
  </si>
  <si>
    <t>9906933.0</t>
  </si>
  <si>
    <t>662194.0</t>
  </si>
  <si>
    <t>283498.0</t>
  </si>
  <si>
    <t>80363864.0</t>
  </si>
  <si>
    <t>319110.0</t>
  </si>
  <si>
    <t>947.962</t>
  </si>
  <si>
    <t>312947.0</t>
  </si>
  <si>
    <t>102431607.0</t>
  </si>
  <si>
    <t>51780811.0</t>
  </si>
  <si>
    <t>40635924.0</t>
  </si>
  <si>
    <t>10014872.0</t>
  </si>
  <si>
    <t>682949.0</t>
  </si>
  <si>
    <t>635716.0</t>
  </si>
  <si>
    <t>261999.0</t>
  </si>
  <si>
    <t>80698399.0</t>
  </si>
  <si>
    <t>334535.0</t>
  </si>
  <si>
    <t>951.908</t>
  </si>
  <si>
    <t>103001616.0</t>
  </si>
  <si>
    <t>51979208.0</t>
  </si>
  <si>
    <t>40921431.0</t>
  </si>
  <si>
    <t>10100977.0</t>
  </si>
  <si>
    <t>570009.0</t>
  </si>
  <si>
    <t>596139.0</t>
  </si>
  <si>
    <t>236366.0</t>
  </si>
  <si>
    <t>81039403.0</t>
  </si>
  <si>
    <t>955.931</t>
  </si>
  <si>
    <t>321838.0</t>
  </si>
  <si>
    <t>103526811.0</t>
  </si>
  <si>
    <t>52153868.0</t>
  </si>
  <si>
    <t>41182546.0</t>
  </si>
  <si>
    <t>10190397.0</t>
  </si>
  <si>
    <t>215011.0</t>
  </si>
  <si>
    <t>81382545.0</t>
  </si>
  <si>
    <t>343142.0</t>
  </si>
  <si>
    <t>959.978</t>
  </si>
  <si>
    <t>325888.0</t>
  </si>
  <si>
    <t>104020938.0</t>
  </si>
  <si>
    <t>52315108.0</t>
  </si>
  <si>
    <t>41435326.0</t>
  </si>
  <si>
    <t>10270504.0</t>
  </si>
  <si>
    <t>494127.0</t>
  </si>
  <si>
    <t>197773.0</t>
  </si>
  <si>
    <t>81724399.0</t>
  </si>
  <si>
    <t>341854.0</t>
  </si>
  <si>
    <t>964.011</t>
  </si>
  <si>
    <t>329177.0</t>
  </si>
  <si>
    <t>104593216.0</t>
  </si>
  <si>
    <t>52497989.0</t>
  </si>
  <si>
    <t>41739242.0</t>
  </si>
  <si>
    <t>10355985.0</t>
  </si>
  <si>
    <t>572278.0</t>
  </si>
  <si>
    <t>506364.0</t>
  </si>
  <si>
    <t>180556.0</t>
  </si>
  <si>
    <t>82059643.0</t>
  </si>
  <si>
    <t>335244.0</t>
  </si>
  <si>
    <t>967.965</t>
  </si>
  <si>
    <t>332205.0</t>
  </si>
  <si>
    <t>104894094.0</t>
  </si>
  <si>
    <t>52601310.0</t>
  </si>
  <si>
    <t>41902917.0</t>
  </si>
  <si>
    <t>10389867.0</t>
  </si>
  <si>
    <t>300878.0</t>
  </si>
  <si>
    <t>491334.0</t>
  </si>
  <si>
    <t>169942.0</t>
  </si>
  <si>
    <t>82398516.0</t>
  </si>
  <si>
    <t>338873.0</t>
  </si>
  <si>
    <t>971.963</t>
  </si>
  <si>
    <t>105110950.0</t>
  </si>
  <si>
    <t>52672498.0</t>
  </si>
  <si>
    <t>42024517.0</t>
  </si>
  <si>
    <t>10413935.0</t>
  </si>
  <si>
    <t>216856.0</t>
  </si>
  <si>
    <t>480327.0</t>
  </si>
  <si>
    <t>123.17</t>
  </si>
  <si>
    <t>82744951.0</t>
  </si>
  <si>
    <t>346435.0</t>
  </si>
  <si>
    <t>976.049</t>
  </si>
  <si>
    <t>340155.0</t>
  </si>
  <si>
    <t>105611261.0</t>
  </si>
  <si>
    <t>52824748.0</t>
  </si>
  <si>
    <t>42286431.0</t>
  </si>
  <si>
    <t>10500082.0</t>
  </si>
  <si>
    <t>454236.0</t>
  </si>
  <si>
    <t>149134.0</t>
  </si>
  <si>
    <t>83099805.0</t>
  </si>
  <si>
    <t>354854.0</t>
  </si>
  <si>
    <t>106066262.0</t>
  </si>
  <si>
    <t>52956452.0</t>
  </si>
  <si>
    <t>42536503.0</t>
  </si>
  <si>
    <t>10573307.0</t>
  </si>
  <si>
    <t>455001.0</t>
  </si>
  <si>
    <t>437807.0</t>
  </si>
  <si>
    <t>83451460.0</t>
  </si>
  <si>
    <t>351655.0</t>
  </si>
  <si>
    <t>984.383</t>
  </si>
  <si>
    <t>106492764.0</t>
  </si>
  <si>
    <t>53076143.0</t>
  </si>
  <si>
    <t>42774152.0</t>
  </si>
  <si>
    <t>10642469.0</t>
  </si>
  <si>
    <t>426502.0</t>
  </si>
  <si>
    <t>423708.0</t>
  </si>
  <si>
    <t>83807592.0</t>
  </si>
  <si>
    <t>356132.0</t>
  </si>
  <si>
    <t>988.584</t>
  </si>
  <si>
    <t>106893726.0</t>
  </si>
  <si>
    <t>53185113.0</t>
  </si>
  <si>
    <t>43002194.0</t>
  </si>
  <si>
    <t>10706419.0</t>
  </si>
  <si>
    <t>400962.0</t>
  </si>
  <si>
    <t>410398.0</t>
  </si>
  <si>
    <t>125.25</t>
  </si>
  <si>
    <t>124286.0</t>
  </si>
  <si>
    <t>84162818.0</t>
  </si>
  <si>
    <t>355226.0</t>
  </si>
  <si>
    <t>992.774</t>
  </si>
  <si>
    <t>107380295.0</t>
  </si>
  <si>
    <t>53317014.0</t>
  </si>
  <si>
    <t>43285677.0</t>
  </si>
  <si>
    <t>10777604.0</t>
  </si>
  <si>
    <t>398154.0</t>
  </si>
  <si>
    <t>125.82</t>
  </si>
  <si>
    <t>117004.0</t>
  </si>
  <si>
    <t>84504963.0</t>
  </si>
  <si>
    <t>342145.0</t>
  </si>
  <si>
    <t>996.81</t>
  </si>
  <si>
    <t>107641923.0</t>
  </si>
  <si>
    <t>53390829.0</t>
  </si>
  <si>
    <t>43439793.0</t>
  </si>
  <si>
    <t>10811301.0</t>
  </si>
  <si>
    <t>261628.0</t>
  </si>
  <si>
    <t>392547.0</t>
  </si>
  <si>
    <t>112788.0</t>
  </si>
  <si>
    <t>84846184.0</t>
  </si>
  <si>
    <t>341221.0</t>
  </si>
  <si>
    <t>1000.835</t>
  </si>
  <si>
    <t>349667.0</t>
  </si>
  <si>
    <t>107840404.0</t>
  </si>
  <si>
    <t>53443024.0</t>
  </si>
  <si>
    <t>43560247.0</t>
  </si>
  <si>
    <t>10837133.0</t>
  </si>
  <si>
    <t>198481.0</t>
  </si>
  <si>
    <t>389922.0</t>
  </si>
  <si>
    <t>110075.0</t>
  </si>
  <si>
    <t>85199508.0</t>
  </si>
  <si>
    <t>353324.0</t>
  </si>
  <si>
    <t>1005.003</t>
  </si>
  <si>
    <t>350651.0</t>
  </si>
  <si>
    <t>108305902.0</t>
  </si>
  <si>
    <t>53556013.0</t>
  </si>
  <si>
    <t>43813987.0</t>
  </si>
  <si>
    <t>10935902.0</t>
  </si>
  <si>
    <t>465498.0</t>
  </si>
  <si>
    <t>104466.0</t>
  </si>
  <si>
    <t>85556169.0</t>
  </si>
  <si>
    <t>356661.0</t>
  </si>
  <si>
    <t>1009.21</t>
  </si>
  <si>
    <t>350909.0</t>
  </si>
  <si>
    <t>108734111.0</t>
  </si>
  <si>
    <t>53658331.0</t>
  </si>
  <si>
    <t>44059772.0</t>
  </si>
  <si>
    <t>11016008.0</t>
  </si>
  <si>
    <t>428209.0</t>
  </si>
  <si>
    <t>381121.0</t>
  </si>
  <si>
    <t>85911611.0</t>
  </si>
  <si>
    <t>355442.0</t>
  </si>
  <si>
    <t>1013.403</t>
  </si>
  <si>
    <t>351450.0</t>
  </si>
  <si>
    <t>374585.0</t>
  </si>
  <si>
    <t>86269464.0</t>
  </si>
  <si>
    <t>357853.0</t>
  </si>
  <si>
    <t>1017.624</t>
  </si>
  <si>
    <t>351696.0</t>
  </si>
  <si>
    <t>109495613.0</t>
  </si>
  <si>
    <t>53840659.0</t>
  </si>
  <si>
    <t>44498344.0</t>
  </si>
  <si>
    <t>11156610.0</t>
  </si>
  <si>
    <t>371698.0</t>
  </si>
  <si>
    <t>93649.0</t>
  </si>
  <si>
    <t>86625816.0</t>
  </si>
  <si>
    <t>356352.0</t>
  </si>
  <si>
    <t>1021.827</t>
  </si>
  <si>
    <t>351857.0</t>
  </si>
  <si>
    <t>109925744.0</t>
  </si>
  <si>
    <t>53941450.0</t>
  </si>
  <si>
    <t>44758512.0</t>
  </si>
  <si>
    <t>11225782.0</t>
  </si>
  <si>
    <t>430131.0</t>
  </si>
  <si>
    <t>363636.0</t>
  </si>
  <si>
    <t>89205.0</t>
  </si>
  <si>
    <t>86977978.0</t>
  </si>
  <si>
    <t>352162.0</t>
  </si>
  <si>
    <t>1025.981</t>
  </si>
  <si>
    <t>353288.0</t>
  </si>
  <si>
    <t>110159938.0</t>
  </si>
  <si>
    <t>53997429.0</t>
  </si>
  <si>
    <t>44910311.0</t>
  </si>
  <si>
    <t>11252198.0</t>
  </si>
  <si>
    <t>234194.0</t>
  </si>
  <si>
    <t>359716.0</t>
  </si>
  <si>
    <t>87326440.0</t>
  </si>
  <si>
    <t>348462.0</t>
  </si>
  <si>
    <t>1030.092</t>
  </si>
  <si>
    <t>354322.0</t>
  </si>
  <si>
    <t>110333793.0</t>
  </si>
  <si>
    <t>54038516.0</t>
  </si>
  <si>
    <t>45023309.0</t>
  </si>
  <si>
    <t>11271968.0</t>
  </si>
  <si>
    <t>173855.0</t>
  </si>
  <si>
    <t>356198.0</t>
  </si>
  <si>
    <t>85070.0</t>
  </si>
  <si>
    <t>87678654.0</t>
  </si>
  <si>
    <t>352214.0</t>
  </si>
  <si>
    <t>1034.246</t>
  </si>
  <si>
    <t>354164.0</t>
  </si>
  <si>
    <t>110745658.0</t>
  </si>
  <si>
    <t>54140738.0</t>
  </si>
  <si>
    <t>45258194.0</t>
  </si>
  <si>
    <t>11346726.0</t>
  </si>
  <si>
    <t>411865.0</t>
  </si>
  <si>
    <t>348537.0</t>
  </si>
  <si>
    <t>88034218.0</t>
  </si>
  <si>
    <t>355564.0</t>
  </si>
  <si>
    <t>1038.441</t>
  </si>
  <si>
    <t>354007.0</t>
  </si>
  <si>
    <t>111078323.0</t>
  </si>
  <si>
    <t>54214776.0</t>
  </si>
  <si>
    <t>45454130.0</t>
  </si>
  <si>
    <t>11409417.0</t>
  </si>
  <si>
    <t>332665.0</t>
  </si>
  <si>
    <t>334887.0</t>
  </si>
  <si>
    <t>79492.0</t>
  </si>
  <si>
    <t>88392282.0</t>
  </si>
  <si>
    <t>358064.0</t>
  </si>
  <si>
    <t>1042.664</t>
  </si>
  <si>
    <t>354382.0</t>
  </si>
  <si>
    <t>111391198.0</t>
  </si>
  <si>
    <t>54284532.0</t>
  </si>
  <si>
    <t>45638744.0</t>
  </si>
  <si>
    <t>11467922.0</t>
  </si>
  <si>
    <t>312875.0</t>
  </si>
  <si>
    <t>325191.0</t>
  </si>
  <si>
    <t>76434.0</t>
  </si>
  <si>
    <t>88754434.0</t>
  </si>
  <si>
    <t>362152.0</t>
  </si>
  <si>
    <t>1046.936</t>
  </si>
  <si>
    <t>354996.0</t>
  </si>
  <si>
    <t>111674310.0</t>
  </si>
  <si>
    <t>54347957.0</t>
  </si>
  <si>
    <t>45807085.0</t>
  </si>
  <si>
    <t>11519268.0</t>
  </si>
  <si>
    <t>311242.0</t>
  </si>
  <si>
    <t>89114549.0</t>
  </si>
  <si>
    <t>360115.0</t>
  </si>
  <si>
    <t>1051.184</t>
  </si>
  <si>
    <t>355533.0</t>
  </si>
  <si>
    <t>112037763.0</t>
  </si>
  <si>
    <t>54427081.0</t>
  </si>
  <si>
    <t>46030897.0</t>
  </si>
  <si>
    <t>11579785.0</t>
  </si>
  <si>
    <t>363453.0</t>
  </si>
  <si>
    <t>301717.0</t>
  </si>
  <si>
    <t>69376.0</t>
  </si>
  <si>
    <t>89463405.0</t>
  </si>
  <si>
    <t>348856.0</t>
  </si>
  <si>
    <t>1055.299</t>
  </si>
  <si>
    <t>355061.0</t>
  </si>
  <si>
    <t>112225352.0</t>
  </si>
  <si>
    <t>54467941.0</t>
  </si>
  <si>
    <t>46156214.0</t>
  </si>
  <si>
    <t>11601197.0</t>
  </si>
  <si>
    <t>187589.0</t>
  </si>
  <si>
    <t>295059.0</t>
  </si>
  <si>
    <t>67216.0</t>
  </si>
  <si>
    <t>89807685.0</t>
  </si>
  <si>
    <t>344280.0</t>
  </si>
  <si>
    <t>1059.36</t>
  </si>
  <si>
    <t>354464.0</t>
  </si>
  <si>
    <t>112360409.0</t>
  </si>
  <si>
    <t>54497626.0</t>
  </si>
  <si>
    <t>46245192.0</t>
  </si>
  <si>
    <t>11617591.0</t>
  </si>
  <si>
    <t>135057.0</t>
  </si>
  <si>
    <t>65587.0</t>
  </si>
  <si>
    <t>90162700.0</t>
  </si>
  <si>
    <t>355015.0</t>
  </si>
  <si>
    <t>1063.548</t>
  </si>
  <si>
    <t>354864.0</t>
  </si>
  <si>
    <t>112666626.0</t>
  </si>
  <si>
    <t>54565515.0</t>
  </si>
  <si>
    <t>46435265.0</t>
  </si>
  <si>
    <t>11665846.0</t>
  </si>
  <si>
    <t>306217.0</t>
  </si>
  <si>
    <t>274424.0</t>
  </si>
  <si>
    <t>60682.0</t>
  </si>
  <si>
    <t>90520336.0</t>
  </si>
  <si>
    <t>357636.0</t>
  </si>
  <si>
    <t>1067.766</t>
  </si>
  <si>
    <t>355160.0</t>
  </si>
  <si>
    <t>112941094.0</t>
  </si>
  <si>
    <t>54624841.0</t>
  </si>
  <si>
    <t>46617072.0</t>
  </si>
  <si>
    <t>11699181.0</t>
  </si>
  <si>
    <t>266110.0</t>
  </si>
  <si>
    <t>58581.0</t>
  </si>
  <si>
    <t>90881500.0</t>
  </si>
  <si>
    <t>361164.0</t>
  </si>
  <si>
    <t>1072.027</t>
  </si>
  <si>
    <t>113183300.0</t>
  </si>
  <si>
    <t>54679606.0</t>
  </si>
  <si>
    <t>46775005.0</t>
  </si>
  <si>
    <t>11728689.0</t>
  </si>
  <si>
    <t>242206.0</t>
  </si>
  <si>
    <t>256015.0</t>
  </si>
  <si>
    <t>91243717.0</t>
  </si>
  <si>
    <t>362217.0</t>
  </si>
  <si>
    <t>1076.299</t>
  </si>
  <si>
    <t>113418257.0</t>
  </si>
  <si>
    <t>54734206.0</t>
  </si>
  <si>
    <t>46926728.0</t>
  </si>
  <si>
    <t>11757323.0</t>
  </si>
  <si>
    <t>234957.0</t>
  </si>
  <si>
    <t>249135.0</t>
  </si>
  <si>
    <t>55178.0</t>
  </si>
  <si>
    <t>91607253.0</t>
  </si>
  <si>
    <t>363536.0</t>
  </si>
  <si>
    <t>1080.588</t>
  </si>
  <si>
    <t>356101.0</t>
  </si>
  <si>
    <t>113709533.0</t>
  </si>
  <si>
    <t>54799554.0</t>
  </si>
  <si>
    <t>47119099.0</t>
  </si>
  <si>
    <t>11790880.0</t>
  </si>
  <si>
    <t>291276.0</t>
  </si>
  <si>
    <t>238824.0</t>
  </si>
  <si>
    <t>91964420.0</t>
  </si>
  <si>
    <t>357167.0</t>
  </si>
  <si>
    <t>1084.801</t>
  </si>
  <si>
    <t>357288.0</t>
  </si>
  <si>
    <t>113862236.0</t>
  </si>
  <si>
    <t>54833779.0</t>
  </si>
  <si>
    <t>47226488.0</t>
  </si>
  <si>
    <t>11801969.0</t>
  </si>
  <si>
    <t>152703.0</t>
  </si>
  <si>
    <t>92305846.0</t>
  </si>
  <si>
    <t>356880.0</t>
  </si>
  <si>
    <t>113971512.0</t>
  </si>
  <si>
    <t>54858848.0</t>
  </si>
  <si>
    <t>47303190.0</t>
  </si>
  <si>
    <t>11809474.0</t>
  </si>
  <si>
    <t>109276.0</t>
  </si>
  <si>
    <t>230158.0</t>
  </si>
  <si>
    <t>92657011.0</t>
  </si>
  <si>
    <t>1092.97</t>
  </si>
  <si>
    <t>356330.0</t>
  </si>
  <si>
    <t>114207634.0</t>
  </si>
  <si>
    <t>54914321.0</t>
  </si>
  <si>
    <t>47450026.0</t>
  </si>
  <si>
    <t>11843287.0</t>
  </si>
  <si>
    <t>236122.0</t>
  </si>
  <si>
    <t>220144.0</t>
  </si>
  <si>
    <t>93017860.0</t>
  </si>
  <si>
    <t>360849.0</t>
  </si>
  <si>
    <t>1097.227</t>
  </si>
  <si>
    <t>356789.0</t>
  </si>
  <si>
    <t>114425692.0</t>
  </si>
  <si>
    <t>54966932.0</t>
  </si>
  <si>
    <t>47585869.0</t>
  </si>
  <si>
    <t>11872891.0</t>
  </si>
  <si>
    <t>218058.0</t>
  </si>
  <si>
    <t>212085.0</t>
  </si>
  <si>
    <t>48870.0</t>
  </si>
  <si>
    <t>93379210.0</t>
  </si>
  <si>
    <t>1101.489</t>
  </si>
  <si>
    <t>356816.0</t>
  </si>
  <si>
    <t>114620510.0</t>
  </si>
  <si>
    <t>55013831.0</t>
  </si>
  <si>
    <t>47704367.0</t>
  </si>
  <si>
    <t>11902312.0</t>
  </si>
  <si>
    <t>194818.0</t>
  </si>
  <si>
    <t>205316.0</t>
  </si>
  <si>
    <t>134.31</t>
  </si>
  <si>
    <t>47746.0</t>
  </si>
  <si>
    <t>93741423.0</t>
  </si>
  <si>
    <t>362213.0</t>
  </si>
  <si>
    <t>1105.762</t>
  </si>
  <si>
    <t>356815.0</t>
  </si>
  <si>
    <t>114807774.0</t>
  </si>
  <si>
    <t>55059732.0</t>
  </si>
  <si>
    <t>47817661.0</t>
  </si>
  <si>
    <t>11930381.0</t>
  </si>
  <si>
    <t>187264.0</t>
  </si>
  <si>
    <t>198502.0</t>
  </si>
  <si>
    <t>94104976.0</t>
  </si>
  <si>
    <t>363553.0</t>
  </si>
  <si>
    <t>1110.05</t>
  </si>
  <si>
    <t>356818.0</t>
  </si>
  <si>
    <t>115040699.0</t>
  </si>
  <si>
    <t>55115287.0</t>
  </si>
  <si>
    <t>47962680.0</t>
  </si>
  <si>
    <t>11962732.0</t>
  </si>
  <si>
    <t>232925.0</t>
  </si>
  <si>
    <t>190167.0</t>
  </si>
  <si>
    <t>45105.0</t>
  </si>
  <si>
    <t>94456160.0</t>
  </si>
  <si>
    <t>351184.0</t>
  </si>
  <si>
    <t>1114.193</t>
  </si>
  <si>
    <t>115164597.0</t>
  </si>
  <si>
    <t>55144241.0</t>
  </si>
  <si>
    <t>48043489.0</t>
  </si>
  <si>
    <t>11976867.0</t>
  </si>
  <si>
    <t>123898.0</t>
  </si>
  <si>
    <t>186052.0</t>
  </si>
  <si>
    <t>94794696.0</t>
  </si>
  <si>
    <t>338536.0</t>
  </si>
  <si>
    <t>1118.186</t>
  </si>
  <si>
    <t>355550.0</t>
  </si>
  <si>
    <t>115255712.0</t>
  </si>
  <si>
    <t>55164675.0</t>
  </si>
  <si>
    <t>48100346.0</t>
  </si>
  <si>
    <t>11990691.0</t>
  </si>
  <si>
    <t>95145848.0</t>
  </si>
  <si>
    <t>351152.0</t>
  </si>
  <si>
    <t>1122.328</t>
  </si>
  <si>
    <t>355548.0</t>
  </si>
  <si>
    <t>115480511.0</t>
  </si>
  <si>
    <t>55214596.0</t>
  </si>
  <si>
    <t>48218503.0</t>
  </si>
  <si>
    <t>12047412.0</t>
  </si>
  <si>
    <t>181840.0</t>
  </si>
  <si>
    <t>42896.0</t>
  </si>
  <si>
    <t>95502484.0</t>
  </si>
  <si>
    <t>356636.0</t>
  </si>
  <si>
    <t>1126.535</t>
  </si>
  <si>
    <t>354946.0</t>
  </si>
  <si>
    <t>115674594.0</t>
  </si>
  <si>
    <t>55256541.0</t>
  </si>
  <si>
    <t>48319754.0</t>
  </si>
  <si>
    <t>12098299.0</t>
  </si>
  <si>
    <t>194083.0</t>
  </si>
  <si>
    <t>178415.0</t>
  </si>
  <si>
    <t>95858431.0</t>
  </si>
  <si>
    <t>355947.0</t>
  </si>
  <si>
    <t>1130.734</t>
  </si>
  <si>
    <t>354174.0</t>
  </si>
  <si>
    <t>115861861.0</t>
  </si>
  <si>
    <t>55297093.0</t>
  </si>
  <si>
    <t>48418126.0</t>
  </si>
  <si>
    <t>12146642.0</t>
  </si>
  <si>
    <t>187267.0</t>
  </si>
  <si>
    <t>177336.0</t>
  </si>
  <si>
    <t>96213011.0</t>
  </si>
  <si>
    <t>354580.0</t>
  </si>
  <si>
    <t>1134.917</t>
  </si>
  <si>
    <t>353084.0</t>
  </si>
  <si>
    <t>116023796.0</t>
  </si>
  <si>
    <t>55332860.0</t>
  </si>
  <si>
    <t>48505748.0</t>
  </si>
  <si>
    <t>12185188.0</t>
  </si>
  <si>
    <t>173717.0</t>
  </si>
  <si>
    <t>96564384.0</t>
  </si>
  <si>
    <t>1139.061</t>
  </si>
  <si>
    <t>116123219.0</t>
  </si>
  <si>
    <t>55355972.0</t>
  </si>
  <si>
    <t>48563435.0</t>
  </si>
  <si>
    <t>12203812.0</t>
  </si>
  <si>
    <t>99423.0</t>
  </si>
  <si>
    <t>154646.0</t>
  </si>
  <si>
    <t>96908547.0</t>
  </si>
  <si>
    <t>344163.0</t>
  </si>
  <si>
    <t>1143.121</t>
  </si>
  <si>
    <t>350341.0</t>
  </si>
  <si>
    <t>116210213.0</t>
  </si>
  <si>
    <t>55375923.0</t>
  </si>
  <si>
    <t>48614256.0</t>
  </si>
  <si>
    <t>12220034.0</t>
  </si>
  <si>
    <t>97255909.0</t>
  </si>
  <si>
    <t>347362.0</t>
  </si>
  <si>
    <t>1147.218</t>
  </si>
  <si>
    <t>351602.0</t>
  </si>
  <si>
    <t>116280951.0</t>
  </si>
  <si>
    <t>55392343.0</t>
  </si>
  <si>
    <t>48655853.0</t>
  </si>
  <si>
    <t>12232755.0</t>
  </si>
  <si>
    <t>70738.0</t>
  </si>
  <si>
    <t>146463.0</t>
  </si>
  <si>
    <t>97612552.0</t>
  </si>
  <si>
    <t>356643.0</t>
  </si>
  <si>
    <t>1151.425</t>
  </si>
  <si>
    <t>352386.0</t>
  </si>
  <si>
    <t>116486234.0</t>
  </si>
  <si>
    <t>55437166.0</t>
  </si>
  <si>
    <t>48758456.0</t>
  </si>
  <si>
    <t>12290612.0</t>
  </si>
  <si>
    <t>205283.0</t>
  </si>
  <si>
    <t>143675.0</t>
  </si>
  <si>
    <t>97974085.0</t>
  </si>
  <si>
    <t>361533.0</t>
  </si>
  <si>
    <t>1155.69</t>
  </si>
  <si>
    <t>353086.0</t>
  </si>
  <si>
    <t>116663497.0</t>
  </si>
  <si>
    <t>55477173.0</t>
  </si>
  <si>
    <t>48846431.0</t>
  </si>
  <si>
    <t>12339893.0</t>
  </si>
  <si>
    <t>177263.0</t>
  </si>
  <si>
    <t>141272.0</t>
  </si>
  <si>
    <t>98337323.0</t>
  </si>
  <si>
    <t>363238.0</t>
  </si>
  <si>
    <t>1159.975</t>
  </si>
  <si>
    <t>354127.0</t>
  </si>
  <si>
    <t>116831329.0</t>
  </si>
  <si>
    <t>55513911.0</t>
  </si>
  <si>
    <t>48927418.0</t>
  </si>
  <si>
    <t>12390000.0</t>
  </si>
  <si>
    <t>98700155.0</t>
  </si>
  <si>
    <t>362832.0</t>
  </si>
  <si>
    <t>1164.255</t>
  </si>
  <si>
    <t>355306.0</t>
  </si>
  <si>
    <t>117008424.0</t>
  </si>
  <si>
    <t>55549947.0</t>
  </si>
  <si>
    <t>49007760.0</t>
  </si>
  <si>
    <t>12450717.0</t>
  </si>
  <si>
    <t>177095.0</t>
  </si>
  <si>
    <t>140661.0</t>
  </si>
  <si>
    <t>99061577.0</t>
  </si>
  <si>
    <t>361422.0</t>
  </si>
  <si>
    <t>1168.518</t>
  </si>
  <si>
    <t>356742.0</t>
  </si>
  <si>
    <t>117223420.0</t>
  </si>
  <si>
    <t>55591906.0</t>
  </si>
  <si>
    <t>49107343.0</t>
  </si>
  <si>
    <t>12524171.0</t>
  </si>
  <si>
    <t>214996.0</t>
  </si>
  <si>
    <t>157172.0</t>
  </si>
  <si>
    <t>33705.0</t>
  </si>
  <si>
    <t>99419903.0</t>
  </si>
  <si>
    <t>358326.0</t>
  </si>
  <si>
    <t>1172.745</t>
  </si>
  <si>
    <t>358765.0</t>
  </si>
  <si>
    <t>117311720.0</t>
  </si>
  <si>
    <t>55610309.0</t>
  </si>
  <si>
    <t>49155101.0</t>
  </si>
  <si>
    <t>12546310.0</t>
  </si>
  <si>
    <t>88300.0</t>
  </si>
  <si>
    <t>157358.0</t>
  </si>
  <si>
    <t>99767686.0</t>
  </si>
  <si>
    <t>347783.0</t>
  </si>
  <si>
    <t>1176.847</t>
  </si>
  <si>
    <t>117378532.0</t>
  </si>
  <si>
    <t>55625504.0</t>
  </si>
  <si>
    <t>49190536.0</t>
  </si>
  <si>
    <t>12562492.0</t>
  </si>
  <si>
    <t>66812.0</t>
  </si>
  <si>
    <t>100125518.0</t>
  </si>
  <si>
    <t>1181.068</t>
  </si>
  <si>
    <t>358995.0</t>
  </si>
  <si>
    <t>117562317.0</t>
  </si>
  <si>
    <t>55663530.0</t>
  </si>
  <si>
    <t>49270114.0</t>
  </si>
  <si>
    <t>12628673.0</t>
  </si>
  <si>
    <t>153726.0</t>
  </si>
  <si>
    <t>100485078.0</t>
  </si>
  <si>
    <t>359560.0</t>
  </si>
  <si>
    <t>1185.309</t>
  </si>
  <si>
    <t>358713.0</t>
  </si>
  <si>
    <t>117723821.0</t>
  </si>
  <si>
    <t>55697102.0</t>
  </si>
  <si>
    <t>49341966.0</t>
  </si>
  <si>
    <t>12684753.0</t>
  </si>
  <si>
    <t>100843329.0</t>
  </si>
  <si>
    <t>358251.0</t>
  </si>
  <si>
    <t>1189.535</t>
  </si>
  <si>
    <t>358001.0</t>
  </si>
  <si>
    <t>117866846.0</t>
  </si>
  <si>
    <t>55726882.0</t>
  </si>
  <si>
    <t>49405070.0</t>
  </si>
  <si>
    <t>12734894.0</t>
  </si>
  <si>
    <t>143025.0</t>
  </si>
  <si>
    <t>147931.0</t>
  </si>
  <si>
    <t>101199333.0</t>
  </si>
  <si>
    <t>356004.0</t>
  </si>
  <si>
    <t>1193.735</t>
  </si>
  <si>
    <t>357025.0</t>
  </si>
  <si>
    <t>118029902.0</t>
  </si>
  <si>
    <t>55757564.0</t>
  </si>
  <si>
    <t>49472726.0</t>
  </si>
  <si>
    <t>12799612.0</t>
  </si>
  <si>
    <t>163056.0</t>
  </si>
  <si>
    <t>29660.0</t>
  </si>
  <si>
    <t>101553620.0</t>
  </si>
  <si>
    <t>354287.0</t>
  </si>
  <si>
    <t>1197.914</t>
  </si>
  <si>
    <t>356006.0</t>
  </si>
  <si>
    <t>118219170.0</t>
  </si>
  <si>
    <t>55793328.0</t>
  </si>
  <si>
    <t>49554129.0</t>
  </si>
  <si>
    <t>12871713.0</t>
  </si>
  <si>
    <t>189268.0</t>
  </si>
  <si>
    <t>142250.0</t>
  </si>
  <si>
    <t>28775.0</t>
  </si>
  <si>
    <t>101901046.0</t>
  </si>
  <si>
    <t>1202.012</t>
  </si>
  <si>
    <t>118302677.0</t>
  </si>
  <si>
    <t>55810636.0</t>
  </si>
  <si>
    <t>49594716.0</t>
  </si>
  <si>
    <t>12897325.0</t>
  </si>
  <si>
    <t>102247688.0</t>
  </si>
  <si>
    <t>346642.0</t>
  </si>
  <si>
    <t>1206.101</t>
  </si>
  <si>
    <t>354286.0</t>
  </si>
  <si>
    <t>118367035.0</t>
  </si>
  <si>
    <t>55824402.0</t>
  </si>
  <si>
    <t>49626098.0</t>
  </si>
  <si>
    <t>12916535.0</t>
  </si>
  <si>
    <t>102598621.0</t>
  </si>
  <si>
    <t>350933.0</t>
  </si>
  <si>
    <t>1210.24</t>
  </si>
  <si>
    <t>353300.0</t>
  </si>
  <si>
    <t>118559680.0</t>
  </si>
  <si>
    <t>55867039.0</t>
  </si>
  <si>
    <t>49707889.0</t>
  </si>
  <si>
    <t>12984752.0</t>
  </si>
  <si>
    <t>192645.0</t>
  </si>
  <si>
    <t>142480.0</t>
  </si>
  <si>
    <t>102955135.0</t>
  </si>
  <si>
    <t>356514.0</t>
  </si>
  <si>
    <t>1214.446</t>
  </si>
  <si>
    <t>352865.0</t>
  </si>
  <si>
    <t>118727805.0</t>
  </si>
  <si>
    <t>55904542.0</t>
  </si>
  <si>
    <t>49777801.0</t>
  </si>
  <si>
    <t>13045462.0</t>
  </si>
  <si>
    <t>168125.0</t>
  </si>
  <si>
    <t>143426.0</t>
  </si>
  <si>
    <t>103313919.0</t>
  </si>
  <si>
    <t>358784.0</t>
  </si>
  <si>
    <t>1218.678</t>
  </si>
  <si>
    <t>118883070.0</t>
  </si>
  <si>
    <t>55939336.0</t>
  </si>
  <si>
    <t>49842072.0</t>
  </si>
  <si>
    <t>13101662.0</t>
  </si>
  <si>
    <t>155265.0</t>
  </si>
  <si>
    <t>145175.0</t>
  </si>
  <si>
    <t>103671142.0</t>
  </si>
  <si>
    <t>357223.0</t>
  </si>
  <si>
    <t>1222.892</t>
  </si>
  <si>
    <t>353116.0</t>
  </si>
  <si>
    <t>119029798.0</t>
  </si>
  <si>
    <t>55972966.0</t>
  </si>
  <si>
    <t>49904400.0</t>
  </si>
  <si>
    <t>13152432.0</t>
  </si>
  <si>
    <t>142842.0</t>
  </si>
  <si>
    <t>104027705.0</t>
  </si>
  <si>
    <t>1227.098</t>
  </si>
  <si>
    <t>353441.0</t>
  </si>
  <si>
    <t>119200467.0</t>
  </si>
  <si>
    <t>56011115.0</t>
  </si>
  <si>
    <t>49979995.0</t>
  </si>
  <si>
    <t>13209357.0</t>
  </si>
  <si>
    <t>170669.0</t>
  </si>
  <si>
    <t>140185.0</t>
  </si>
  <si>
    <t>104380040.0</t>
  </si>
  <si>
    <t>352335.0</t>
  </si>
  <si>
    <t>1231.254</t>
  </si>
  <si>
    <t>354142.0</t>
  </si>
  <si>
    <t>119272284.0</t>
  </si>
  <si>
    <t>56026218.0</t>
  </si>
  <si>
    <t>50012340.0</t>
  </si>
  <si>
    <t>13233726.0</t>
  </si>
  <si>
    <t>138515.0</t>
  </si>
  <si>
    <t>104730203.0</t>
  </si>
  <si>
    <t>350163.0</t>
  </si>
  <si>
    <t>354645.0</t>
  </si>
  <si>
    <t>119327719.0</t>
  </si>
  <si>
    <t>56038139.0</t>
  </si>
  <si>
    <t>50037605.0</t>
  </si>
  <si>
    <t>13251975.0</t>
  </si>
  <si>
    <t>137241.0</t>
  </si>
  <si>
    <t>105091208.0</t>
  </si>
  <si>
    <t>1239.643</t>
  </si>
  <si>
    <t>119473872.0</t>
  </si>
  <si>
    <t>56067208.0</t>
  </si>
  <si>
    <t>50093635.0</t>
  </si>
  <si>
    <t>13313029.0</t>
  </si>
  <si>
    <t>146153.0</t>
  </si>
  <si>
    <t>130599.0</t>
  </si>
  <si>
    <t>105456620.0</t>
  </si>
  <si>
    <t>365412.0</t>
  </si>
  <si>
    <t>1243.953</t>
  </si>
  <si>
    <t>357355.0</t>
  </si>
  <si>
    <t>119602103.0</t>
  </si>
  <si>
    <t>56093801.0</t>
  </si>
  <si>
    <t>50144041.0</t>
  </si>
  <si>
    <t>13364261.0</t>
  </si>
  <si>
    <t>128231.0</t>
  </si>
  <si>
    <t>124900.0</t>
  </si>
  <si>
    <t>105820971.0</t>
  </si>
  <si>
    <t>364351.0</t>
  </si>
  <si>
    <t>1248.251</t>
  </si>
  <si>
    <t>358150.0</t>
  </si>
  <si>
    <t>119726075.0</t>
  </si>
  <si>
    <t>56119518.0</t>
  </si>
  <si>
    <t>50192722.0</t>
  </si>
  <si>
    <t>13413835.0</t>
  </si>
  <si>
    <t>123972.0</t>
  </si>
  <si>
    <t>106184014.0</t>
  </si>
  <si>
    <t>363043.0</t>
  </si>
  <si>
    <t>1252.533</t>
  </si>
  <si>
    <t>358982.0</t>
  </si>
  <si>
    <t>119844933.0</t>
  </si>
  <si>
    <t>56144078.0</t>
  </si>
  <si>
    <t>50240356.0</t>
  </si>
  <si>
    <t>13460499.0</t>
  </si>
  <si>
    <t>116448.0</t>
  </si>
  <si>
    <t>106545243.0</t>
  </si>
  <si>
    <t>359648.0</t>
  </si>
  <si>
    <t>119987705.0</t>
  </si>
  <si>
    <t>56173117.0</t>
  </si>
  <si>
    <t>50298544.0</t>
  </si>
  <si>
    <t>13516044.0</t>
  </si>
  <si>
    <t>142772.0</t>
  </si>
  <si>
    <t>112463.0</t>
  </si>
  <si>
    <t>106903517.0</t>
  </si>
  <si>
    <t>1261.02</t>
  </si>
  <si>
    <t>360497.0</t>
  </si>
  <si>
    <t>120058425.0</t>
  </si>
  <si>
    <t>56188582.0</t>
  </si>
  <si>
    <t>50329638.0</t>
  </si>
  <si>
    <t>13540205.0</t>
  </si>
  <si>
    <t>112306.0</t>
  </si>
  <si>
    <t>107253902.0</t>
  </si>
  <si>
    <t>350385.0</t>
  </si>
  <si>
    <t>1265.154</t>
  </si>
  <si>
    <t>360528.0</t>
  </si>
  <si>
    <t>120114498.0</t>
  </si>
  <si>
    <t>56201040.0</t>
  </si>
  <si>
    <t>50354168.0</t>
  </si>
  <si>
    <t>13559290.0</t>
  </si>
  <si>
    <t>107612718.0</t>
  </si>
  <si>
    <t>358816.0</t>
  </si>
  <si>
    <t>1269.386</t>
  </si>
  <si>
    <t>360216.0</t>
  </si>
  <si>
    <t>120261629.0</t>
  </si>
  <si>
    <t>56232602.0</t>
  </si>
  <si>
    <t>50409060.0</t>
  </si>
  <si>
    <t>13619967.0</t>
  </si>
  <si>
    <t>107972138.0</t>
  </si>
  <si>
    <t>359420.0</t>
  </si>
  <si>
    <t>1273.626</t>
  </si>
  <si>
    <t>359360.0</t>
  </si>
  <si>
    <t>120390651.0</t>
  </si>
  <si>
    <t>56261687.0</t>
  </si>
  <si>
    <t>50458355.0</t>
  </si>
  <si>
    <t>13670609.0</t>
  </si>
  <si>
    <t>129022.0</t>
  </si>
  <si>
    <t>108327390.0</t>
  </si>
  <si>
    <t>355252.0</t>
  </si>
  <si>
    <t>1277.816</t>
  </si>
  <si>
    <t>120516813.0</t>
  </si>
  <si>
    <t>56288895.0</t>
  </si>
  <si>
    <t>50505240.0</t>
  </si>
  <si>
    <t>13722678.0</t>
  </si>
  <si>
    <t>126162.0</t>
  </si>
  <si>
    <t>112963.0</t>
  </si>
  <si>
    <t>108681775.0</t>
  </si>
  <si>
    <t>354385.0</t>
  </si>
  <si>
    <t>1281.997</t>
  </si>
  <si>
    <t>356823.0</t>
  </si>
  <si>
    <t>120640853.0</t>
  </si>
  <si>
    <t>56314900.0</t>
  </si>
  <si>
    <t>50550332.0</t>
  </si>
  <si>
    <t>13775621.0</t>
  </si>
  <si>
    <t>124040.0</t>
  </si>
  <si>
    <t>109037001.0</t>
  </si>
  <si>
    <t>1286.187</t>
  </si>
  <si>
    <t>355965.0</t>
  </si>
  <si>
    <t>120788673.0</t>
  </si>
  <si>
    <t>56346149.0</t>
  </si>
  <si>
    <t>50605933.0</t>
  </si>
  <si>
    <t>13836591.0</t>
  </si>
  <si>
    <t>109390036.0</t>
  </si>
  <si>
    <t>353035.0</t>
  </si>
  <si>
    <t>1290.351</t>
  </si>
  <si>
    <t>355217.0</t>
  </si>
  <si>
    <t>120857540.0</t>
  </si>
  <si>
    <t>56360977.0</t>
  </si>
  <si>
    <t>50632985.0</t>
  </si>
  <si>
    <t>13863578.0</t>
  </si>
  <si>
    <t>114159.0</t>
  </si>
  <si>
    <t>109740973.0</t>
  </si>
  <si>
    <t>1294.491</t>
  </si>
  <si>
    <t>355296.0</t>
  </si>
  <si>
    <t>120910438.0</t>
  </si>
  <si>
    <t>56371961.0</t>
  </si>
  <si>
    <t>50653666.0</t>
  </si>
  <si>
    <t>13884811.0</t>
  </si>
  <si>
    <t>110095242.0</t>
  </si>
  <si>
    <t>354269.0</t>
  </si>
  <si>
    <t>1298.67</t>
  </si>
  <si>
    <t>354646.0</t>
  </si>
  <si>
    <t>121042428.0</t>
  </si>
  <si>
    <t>56398458.0</t>
  </si>
  <si>
    <t>50698978.0</t>
  </si>
  <si>
    <t>13944992.0</t>
  </si>
  <si>
    <t>131990.0</t>
  </si>
  <si>
    <t>111543.0</t>
  </si>
  <si>
    <t>110450559.0</t>
  </si>
  <si>
    <t>355317.0</t>
  </si>
  <si>
    <t>1302.861</t>
  </si>
  <si>
    <t>354060.0</t>
  </si>
  <si>
    <t>121160790.0</t>
  </si>
  <si>
    <t>56422378.0</t>
  </si>
  <si>
    <t>50740424.0</t>
  </si>
  <si>
    <t>13997988.0</t>
  </si>
  <si>
    <t>118362.0</t>
  </si>
  <si>
    <t>110020.0</t>
  </si>
  <si>
    <t>110806813.0</t>
  </si>
  <si>
    <t>356254.0</t>
  </si>
  <si>
    <t>1307.063</t>
  </si>
  <si>
    <t>121276848.0</t>
  </si>
  <si>
    <t>56445351.0</t>
  </si>
  <si>
    <t>50780761.0</t>
  </si>
  <si>
    <t>14050736.0</t>
  </si>
  <si>
    <t>116058.0</t>
  </si>
  <si>
    <t>111157335.0</t>
  </si>
  <si>
    <t>350522.0</t>
  </si>
  <si>
    <t>1311.198</t>
  </si>
  <si>
    <t>353651.0</t>
  </si>
  <si>
    <t>121394026.0</t>
  </si>
  <si>
    <t>56468112.0</t>
  </si>
  <si>
    <t>50821293.0</t>
  </si>
  <si>
    <t>14104621.0</t>
  </si>
  <si>
    <t>111504567.0</t>
  </si>
  <si>
    <t>347232.0</t>
  </si>
  <si>
    <t>1315.294</t>
  </si>
  <si>
    <t>352509.0</t>
  </si>
  <si>
    <t>121532728.0</t>
  </si>
  <si>
    <t>56494740.0</t>
  </si>
  <si>
    <t>50871127.0</t>
  </si>
  <si>
    <t>14166861.0</t>
  </si>
  <si>
    <t>138702.0</t>
  </si>
  <si>
    <t>21227.0</t>
  </si>
  <si>
    <t>111853788.0</t>
  </si>
  <si>
    <t>349221.0</t>
  </si>
  <si>
    <t>1319.413</t>
  </si>
  <si>
    <t>351965.0</t>
  </si>
  <si>
    <t>121600540.0</t>
  </si>
  <si>
    <t>56507792.0</t>
  </si>
  <si>
    <t>50896427.0</t>
  </si>
  <si>
    <t>14196321.0</t>
  </si>
  <si>
    <t>67812.0</t>
  </si>
  <si>
    <t>112199542.0</t>
  </si>
  <si>
    <t>1323.492</t>
  </si>
  <si>
    <t>121655651.0</t>
  </si>
  <si>
    <t>56517947.0</t>
  </si>
  <si>
    <t>50916147.0</t>
  </si>
  <si>
    <t>14221557.0</t>
  </si>
  <si>
    <t>55111.0</t>
  </si>
  <si>
    <t>106459.0</t>
  </si>
  <si>
    <t>142.55</t>
  </si>
  <si>
    <t>112551078.0</t>
  </si>
  <si>
    <t>351536.0</t>
  </si>
  <si>
    <t>1327.638</t>
  </si>
  <si>
    <t>350834.0</t>
  </si>
  <si>
    <t>121804033.0</t>
  </si>
  <si>
    <t>56544501.0</t>
  </si>
  <si>
    <t>50961533.0</t>
  </si>
  <si>
    <t>14297999.0</t>
  </si>
  <si>
    <t>112909195.0</t>
  </si>
  <si>
    <t>358117.0</t>
  </si>
  <si>
    <t>1331.863</t>
  </si>
  <si>
    <t>351234.0</t>
  </si>
  <si>
    <t>121935289.0</t>
  </si>
  <si>
    <t>56569332.0</t>
  </si>
  <si>
    <t>51003175.0</t>
  </si>
  <si>
    <t>14362782.0</t>
  </si>
  <si>
    <t>113266520.0</t>
  </si>
  <si>
    <t>357325.0</t>
  </si>
  <si>
    <t>1336.078</t>
  </si>
  <si>
    <t>351387.0</t>
  </si>
  <si>
    <t>122037127.0</t>
  </si>
  <si>
    <t>56588506.0</t>
  </si>
  <si>
    <t>51036485.0</t>
  </si>
  <si>
    <t>14412136.0</t>
  </si>
  <si>
    <t>108611.0</t>
  </si>
  <si>
    <t>113620523.0</t>
  </si>
  <si>
    <t>354003.0</t>
  </si>
  <si>
    <t>1340.253</t>
  </si>
  <si>
    <t>351884.0</t>
  </si>
  <si>
    <t>122393466.0</t>
  </si>
  <si>
    <t>56610525.0</t>
  </si>
  <si>
    <t>51073891.0</t>
  </si>
  <si>
    <t>14709050.0</t>
  </si>
  <si>
    <t>142777.0</t>
  </si>
  <si>
    <t>113975380.0</t>
  </si>
  <si>
    <t>354857.0</t>
  </si>
  <si>
    <t>1344.439</t>
  </si>
  <si>
    <t>352973.0</t>
  </si>
  <si>
    <t>123144781.0</t>
  </si>
  <si>
    <t>56636507.0</t>
  </si>
  <si>
    <t>51119629.0</t>
  </si>
  <si>
    <t>15388645.0</t>
  </si>
  <si>
    <t>751315.0</t>
  </si>
  <si>
    <t>230293.0</t>
  </si>
  <si>
    <t>114317563.0</t>
  </si>
  <si>
    <t>342183.0</t>
  </si>
  <si>
    <t>1348.476</t>
  </si>
  <si>
    <t>123625349.0</t>
  </si>
  <si>
    <t>56649405.0</t>
  </si>
  <si>
    <t>51142896.0</t>
  </si>
  <si>
    <t>15833048.0</t>
  </si>
  <si>
    <t>480568.0</t>
  </si>
  <si>
    <t>289258.0</t>
  </si>
  <si>
    <t>114666756.0</t>
  </si>
  <si>
    <t>349193.0</t>
  </si>
  <si>
    <t>1352.595</t>
  </si>
  <si>
    <t>352459.0</t>
  </si>
  <si>
    <t>124058691.0</t>
  </si>
  <si>
    <t>56660272.0</t>
  </si>
  <si>
    <t>51161679.0</t>
  </si>
  <si>
    <t>16236740.0</t>
  </si>
  <si>
    <t>433342.0</t>
  </si>
  <si>
    <t>343291.0</t>
  </si>
  <si>
    <t>115018009.0</t>
  </si>
  <si>
    <t>351253.0</t>
  </si>
  <si>
    <t>1356.738</t>
  </si>
  <si>
    <t>352419.0</t>
  </si>
  <si>
    <t>124912525.0</t>
  </si>
  <si>
    <t>56684204.0</t>
  </si>
  <si>
    <t>51202223.0</t>
  </si>
  <si>
    <t>17026098.0</t>
  </si>
  <si>
    <t>853834.0</t>
  </si>
  <si>
    <t>444070.0</t>
  </si>
  <si>
    <t>115371161.0</t>
  </si>
  <si>
    <t>353152.0</t>
  </si>
  <si>
    <t>1360.904</t>
  </si>
  <si>
    <t>125761472.0</t>
  </si>
  <si>
    <t>56708402.0</t>
  </si>
  <si>
    <t>51242632.0</t>
  </si>
  <si>
    <t>17810438.0</t>
  </si>
  <si>
    <t>848947.0</t>
  </si>
  <si>
    <t>546598.0</t>
  </si>
  <si>
    <t>115723599.0</t>
  </si>
  <si>
    <t>352438.0</t>
  </si>
  <si>
    <t>1365.061</t>
  </si>
  <si>
    <t>351011.0</t>
  </si>
  <si>
    <t>126565703.0</t>
  </si>
  <si>
    <t>56731257.0</t>
  </si>
  <si>
    <t>51282294.0</t>
  </si>
  <si>
    <t>18552152.0</t>
  </si>
  <si>
    <t>804231.0</t>
  </si>
  <si>
    <t>646939.0</t>
  </si>
  <si>
    <t>116079352.0</t>
  </si>
  <si>
    <t>355753.0</t>
  </si>
  <si>
    <t>1369.257</t>
  </si>
  <si>
    <t>351261.0</t>
  </si>
  <si>
    <t>127285128.0</t>
  </si>
  <si>
    <t>56753275.0</t>
  </si>
  <si>
    <t>51321064.0</t>
  </si>
  <si>
    <t>19210789.0</t>
  </si>
  <si>
    <t>719425.0</t>
  </si>
  <si>
    <t>698809.0</t>
  </si>
  <si>
    <t>116435458.0</t>
  </si>
  <si>
    <t>356106.0</t>
  </si>
  <si>
    <t>1373.458</t>
  </si>
  <si>
    <t>351440.0</t>
  </si>
  <si>
    <t>127994715.0</t>
  </si>
  <si>
    <t>56777545.0</t>
  </si>
  <si>
    <t>51365908.0</t>
  </si>
  <si>
    <t>19851262.0</t>
  </si>
  <si>
    <t>692848.0</t>
  </si>
  <si>
    <t>116792994.0</t>
  </si>
  <si>
    <t>357536.0</t>
  </si>
  <si>
    <t>1377.675</t>
  </si>
  <si>
    <t>353633.0</t>
  </si>
  <si>
    <t>128349256.0</t>
  </si>
  <si>
    <t>56789326.0</t>
  </si>
  <si>
    <t>51387150.0</t>
  </si>
  <si>
    <t>20172780.0</t>
  </si>
  <si>
    <t>674844.0</t>
  </si>
  <si>
    <t>117144959.0</t>
  </si>
  <si>
    <t>1381.827</t>
  </si>
  <si>
    <t>128654886.0</t>
  </si>
  <si>
    <t>56799280.0</t>
  </si>
  <si>
    <t>51405278.0</t>
  </si>
  <si>
    <t>20450328.0</t>
  </si>
  <si>
    <t>305630.0</t>
  </si>
  <si>
    <t>656599.0</t>
  </si>
  <si>
    <t>117507494.0</t>
  </si>
  <si>
    <t>362535.0</t>
  </si>
  <si>
    <t>1386.104</t>
  </si>
  <si>
    <t>355641.0</t>
  </si>
  <si>
    <t>129332845.0</t>
  </si>
  <si>
    <t>56823081.0</t>
  </si>
  <si>
    <t>51447094.0</t>
  </si>
  <si>
    <t>21062670.0</t>
  </si>
  <si>
    <t>677959.0</t>
  </si>
  <si>
    <t>631474.0</t>
  </si>
  <si>
    <t>117876336.0</t>
  </si>
  <si>
    <t>368842.0</t>
  </si>
  <si>
    <t>357882.0</t>
  </si>
  <si>
    <t>129972508.0</t>
  </si>
  <si>
    <t>56845477.0</t>
  </si>
  <si>
    <t>51487225.0</t>
  </si>
  <si>
    <t>21639806.0</t>
  </si>
  <si>
    <t>639663.0</t>
  </si>
  <si>
    <t>601577.0</t>
  </si>
  <si>
    <t>118242699.0</t>
  </si>
  <si>
    <t>366363.0</t>
  </si>
  <si>
    <t>1394.776</t>
  </si>
  <si>
    <t>359871.0</t>
  </si>
  <si>
    <t>130571857.0</t>
  </si>
  <si>
    <t>56867625.0</t>
  </si>
  <si>
    <t>51527171.0</t>
  </si>
  <si>
    <t>22177061.0</t>
  </si>
  <si>
    <t>599349.0</t>
  </si>
  <si>
    <t>572308.0</t>
  </si>
  <si>
    <t>118612346.0</t>
  </si>
  <si>
    <t>369647.0</t>
  </si>
  <si>
    <t>1399.136</t>
  </si>
  <si>
    <t>361856.0</t>
  </si>
  <si>
    <t>131134774.0</t>
  </si>
  <si>
    <t>56890943.0</t>
  </si>
  <si>
    <t>51565713.0</t>
  </si>
  <si>
    <t>22678118.0</t>
  </si>
  <si>
    <t>562917.0</t>
  </si>
  <si>
    <t>549949.0</t>
  </si>
  <si>
    <t>118984862.0</t>
  </si>
  <si>
    <t>372516.0</t>
  </si>
  <si>
    <t>1403.53</t>
  </si>
  <si>
    <t>364201.0</t>
  </si>
  <si>
    <t>131646005.0</t>
  </si>
  <si>
    <t>56914268.0</t>
  </si>
  <si>
    <t>51604894.0</t>
  </si>
  <si>
    <t>23126843.0</t>
  </si>
  <si>
    <t>521613.0</t>
  </si>
  <si>
    <t>119353889.0</t>
  </si>
  <si>
    <t>369027.0</t>
  </si>
  <si>
    <t>1407.883</t>
  </si>
  <si>
    <t>365842.0</t>
  </si>
  <si>
    <t>131930475.0</t>
  </si>
  <si>
    <t>56925363.0</t>
  </si>
  <si>
    <t>51621727.0</t>
  </si>
  <si>
    <t>23383385.0</t>
  </si>
  <si>
    <t>511603.0</t>
  </si>
  <si>
    <t>119716725.0</t>
  </si>
  <si>
    <t>362836.0</t>
  </si>
  <si>
    <t>1412.163</t>
  </si>
  <si>
    <t>367395.0</t>
  </si>
  <si>
    <t>132215015.0</t>
  </si>
  <si>
    <t>56936303.0</t>
  </si>
  <si>
    <t>51638889.0</t>
  </si>
  <si>
    <t>23639823.0</t>
  </si>
  <si>
    <t>284540.0</t>
  </si>
  <si>
    <t>508590.0</t>
  </si>
  <si>
    <t>120085638.0</t>
  </si>
  <si>
    <t>368913.0</t>
  </si>
  <si>
    <t>1416.515</t>
  </si>
  <si>
    <t>368306.0</t>
  </si>
  <si>
    <t>132897714.0</t>
  </si>
  <si>
    <t>56960334.0</t>
  </si>
  <si>
    <t>51677320.0</t>
  </si>
  <si>
    <t>24260060.0</t>
  </si>
  <si>
    <t>682699.0</t>
  </si>
  <si>
    <t>509267.0</t>
  </si>
  <si>
    <t>120468526.0</t>
  </si>
  <si>
    <t>382888.0</t>
  </si>
  <si>
    <t>1421.032</t>
  </si>
  <si>
    <t>370313.0</t>
  </si>
  <si>
    <t>510554.0</t>
  </si>
  <si>
    <t>120886313.0</t>
  </si>
  <si>
    <t>417787.0</t>
  </si>
  <si>
    <t>1425.96</t>
  </si>
  <si>
    <t>377659.0</t>
  </si>
  <si>
    <t>134195065.0</t>
  </si>
  <si>
    <t>57009739.0</t>
  </si>
  <si>
    <t>51756893.0</t>
  </si>
  <si>
    <t>25428433.0</t>
  </si>
  <si>
    <t>517601.0</t>
  </si>
  <si>
    <t>121305136.0</t>
  </si>
  <si>
    <t>418823.0</t>
  </si>
  <si>
    <t>1430.9</t>
  </si>
  <si>
    <t>134863259.0</t>
  </si>
  <si>
    <t>57036087.0</t>
  </si>
  <si>
    <t>51798496.0</t>
  </si>
  <si>
    <t>26028676.0</t>
  </si>
  <si>
    <t>668194.0</t>
  </si>
  <si>
    <t>532641.0</t>
  </si>
  <si>
    <t>158.03</t>
  </si>
  <si>
    <t>121711932.0</t>
  </si>
  <si>
    <t>406796.0</t>
  </si>
  <si>
    <t>1435.699</t>
  </si>
  <si>
    <t>389581.0</t>
  </si>
  <si>
    <t>135618050.0</t>
  </si>
  <si>
    <t>57067961.0</t>
  </si>
  <si>
    <t>51847785.0</t>
  </si>
  <si>
    <t>26702304.0</t>
  </si>
  <si>
    <t>754791.0</t>
  </si>
  <si>
    <t>567435.0</t>
  </si>
  <si>
    <t>122130196.0</t>
  </si>
  <si>
    <t>418264.0</t>
  </si>
  <si>
    <t>1440.632</t>
  </si>
  <si>
    <t>396615.0</t>
  </si>
  <si>
    <t>135997933.0</t>
  </si>
  <si>
    <t>57086572.0</t>
  </si>
  <si>
    <t>51872868.0</t>
  </si>
  <si>
    <t>27038493.0</t>
  </si>
  <si>
    <t>581065.0</t>
  </si>
  <si>
    <t>159.36</t>
  </si>
  <si>
    <t>122514245.0</t>
  </si>
  <si>
    <t>384049.0</t>
  </si>
  <si>
    <t>1445.163</t>
  </si>
  <si>
    <t>136281040.0</t>
  </si>
  <si>
    <t>57101293.0</t>
  </si>
  <si>
    <t>51893771.0</t>
  </si>
  <si>
    <t>27285976.0</t>
  </si>
  <si>
    <t>283107.0</t>
  </si>
  <si>
    <t>580861.0</t>
  </si>
  <si>
    <t>122917349.0</t>
  </si>
  <si>
    <t>403104.0</t>
  </si>
  <si>
    <t>1449.918</t>
  </si>
  <si>
    <t>404530.0</t>
  </si>
  <si>
    <t>136898878.0</t>
  </si>
  <si>
    <t>57130601.0</t>
  </si>
  <si>
    <t>51937001.0</t>
  </si>
  <si>
    <t>27831276.0</t>
  </si>
  <si>
    <t>617838.0</t>
  </si>
  <si>
    <t>571595.0</t>
  </si>
  <si>
    <t>123347602.0</t>
  </si>
  <si>
    <t>430253.0</t>
  </si>
  <si>
    <t>1454.993</t>
  </si>
  <si>
    <t>411297.0</t>
  </si>
  <si>
    <t>137428160.0</t>
  </si>
  <si>
    <t>57157272.0</t>
  </si>
  <si>
    <t>51976752.0</t>
  </si>
  <si>
    <t>28294136.0</t>
  </si>
  <si>
    <t>529282.0</t>
  </si>
  <si>
    <t>554539.0</t>
  </si>
  <si>
    <t>123769630.0</t>
  </si>
  <si>
    <t>422028.0</t>
  </si>
  <si>
    <t>1459.971</t>
  </si>
  <si>
    <t>137891835.0</t>
  </si>
  <si>
    <t>57182206.0</t>
  </si>
  <si>
    <t>52016406.0</t>
  </si>
  <si>
    <t>28693223.0</t>
  </si>
  <si>
    <t>463675.0</t>
  </si>
  <si>
    <t>528110.0</t>
  </si>
  <si>
    <t>124179746.0</t>
  </si>
  <si>
    <t>410116.0</t>
  </si>
  <si>
    <t>1464.809</t>
  </si>
  <si>
    <t>410659.0</t>
  </si>
  <si>
    <t>138326318.0</t>
  </si>
  <si>
    <t>57205214.0</t>
  </si>
  <si>
    <t>52051409.0</t>
  </si>
  <si>
    <t>29069695.0</t>
  </si>
  <si>
    <t>434483.0</t>
  </si>
  <si>
    <t>494723.0</t>
  </si>
  <si>
    <t>124572184.0</t>
  </si>
  <si>
    <t>392438.0</t>
  </si>
  <si>
    <t>1469.438</t>
  </si>
  <si>
    <t>408607.0</t>
  </si>
  <si>
    <t>138826560.0</t>
  </si>
  <si>
    <t>57232010.0</t>
  </si>
  <si>
    <t>52092874.0</t>
  </si>
  <si>
    <t>29501676.0</t>
  </si>
  <si>
    <t>500242.0</t>
  </si>
  <si>
    <t>458359.0</t>
  </si>
  <si>
    <t>124956447.0</t>
  </si>
  <si>
    <t>384263.0</t>
  </si>
  <si>
    <t>1473.971</t>
  </si>
  <si>
    <t>403750.0</t>
  </si>
  <si>
    <t>139071821.0</t>
  </si>
  <si>
    <t>57245214.0</t>
  </si>
  <si>
    <t>52112351.0</t>
  </si>
  <si>
    <t>29714256.0</t>
  </si>
  <si>
    <t>439127.0</t>
  </si>
  <si>
    <t>125320873.0</t>
  </si>
  <si>
    <t>1478.269</t>
  </si>
  <si>
    <t>400947.0</t>
  </si>
  <si>
    <t>139230188.0</t>
  </si>
  <si>
    <t>57253263.0</t>
  </si>
  <si>
    <t>52126002.0</t>
  </si>
  <si>
    <t>29850923.0</t>
  </si>
  <si>
    <t>158367.0</t>
  </si>
  <si>
    <t>421307.0</t>
  </si>
  <si>
    <t>125724709.0</t>
  </si>
  <si>
    <t>403836.0</t>
  </si>
  <si>
    <t>1483.033</t>
  </si>
  <si>
    <t>401051.0</t>
  </si>
  <si>
    <t>139578409.0</t>
  </si>
  <si>
    <t>57271832.0</t>
  </si>
  <si>
    <t>52155792.0</t>
  </si>
  <si>
    <t>30150785.0</t>
  </si>
  <si>
    <t>348221.0</t>
  </si>
  <si>
    <t>382790.0</t>
  </si>
  <si>
    <t>126142962.0</t>
  </si>
  <si>
    <t>418253.0</t>
  </si>
  <si>
    <t>1487.967</t>
  </si>
  <si>
    <t>399337.0</t>
  </si>
  <si>
    <t>139865637.0</t>
  </si>
  <si>
    <t>57288097.0</t>
  </si>
  <si>
    <t>52182212.0</t>
  </si>
  <si>
    <t>30395328.0</t>
  </si>
  <si>
    <t>287228.0</t>
  </si>
  <si>
    <t>348211.0</t>
  </si>
  <si>
    <t>18689.0</t>
  </si>
  <si>
    <t>126554993.0</t>
  </si>
  <si>
    <t>412031.0</t>
  </si>
  <si>
    <t>1492.827</t>
  </si>
  <si>
    <t>397909.0</t>
  </si>
  <si>
    <t>140087559.0</t>
  </si>
  <si>
    <t>57300231.0</t>
  </si>
  <si>
    <t>52201758.0</t>
  </si>
  <si>
    <t>30585570.0</t>
  </si>
  <si>
    <t>221922.0</t>
  </si>
  <si>
    <t>313675.0</t>
  </si>
  <si>
    <t>126969305.0</t>
  </si>
  <si>
    <t>1497.714</t>
  </si>
  <si>
    <t>398508.0</t>
  </si>
  <si>
    <t>140311232.0</t>
  </si>
  <si>
    <t>57312984.0</t>
  </si>
  <si>
    <t>52222180.0</t>
  </si>
  <si>
    <t>30776068.0</t>
  </si>
  <si>
    <t>283559.0</t>
  </si>
  <si>
    <t>127385758.0</t>
  </si>
  <si>
    <t>416453.0</t>
  </si>
  <si>
    <t>1502.626</t>
  </si>
  <si>
    <t>401939.0</t>
  </si>
  <si>
    <t>140556373.0</t>
  </si>
  <si>
    <t>57325861.0</t>
  </si>
  <si>
    <t>52244190.0</t>
  </si>
  <si>
    <t>30986322.0</t>
  </si>
  <si>
    <t>245141.0</t>
  </si>
  <si>
    <t>247116.0</t>
  </si>
  <si>
    <t>127802919.0</t>
  </si>
  <si>
    <t>417161.0</t>
  </si>
  <si>
    <t>1507.547</t>
  </si>
  <si>
    <t>406639.0</t>
  </si>
  <si>
    <t>140665664.0</t>
  </si>
  <si>
    <t>57331624.0</t>
  </si>
  <si>
    <t>52253904.0</t>
  </si>
  <si>
    <t>31080136.0</t>
  </si>
  <si>
    <t>109291.0</t>
  </si>
  <si>
    <t>227692.0</t>
  </si>
  <si>
    <t>128195200.0</t>
  </si>
  <si>
    <t>392281.0</t>
  </si>
  <si>
    <t>1512.174</t>
  </si>
  <si>
    <t>410618.0</t>
  </si>
  <si>
    <t>140743552.0</t>
  </si>
  <si>
    <t>57336203.0</t>
  </si>
  <si>
    <t>52262703.0</t>
  </si>
  <si>
    <t>31144646.0</t>
  </si>
  <si>
    <t>77888.0</t>
  </si>
  <si>
    <t>128596836.0</t>
  </si>
  <si>
    <t>401636.0</t>
  </si>
  <si>
    <t>1516.912</t>
  </si>
  <si>
    <t>410304.0</t>
  </si>
  <si>
    <t>140938758.0</t>
  </si>
  <si>
    <t>57349728.0</t>
  </si>
  <si>
    <t>52282544.0</t>
  </si>
  <si>
    <t>31306486.0</t>
  </si>
  <si>
    <t>195206.0</t>
  </si>
  <si>
    <t>194336.0</t>
  </si>
  <si>
    <t>129015263.0</t>
  </si>
  <si>
    <t>418427.0</t>
  </si>
  <si>
    <t>1521.848</t>
  </si>
  <si>
    <t>410329.0</t>
  </si>
  <si>
    <t>141098118.0</t>
  </si>
  <si>
    <t>57361027.0</t>
  </si>
  <si>
    <t>52299996.0</t>
  </si>
  <si>
    <t>31437095.0</t>
  </si>
  <si>
    <t>159360.0</t>
  </si>
  <si>
    <t>176069.0</t>
  </si>
  <si>
    <t>129431799.0</t>
  </si>
  <si>
    <t>416536.0</t>
  </si>
  <si>
    <t>1526.761</t>
  </si>
  <si>
    <t>410972.0</t>
  </si>
  <si>
    <t>141252329.0</t>
  </si>
  <si>
    <t>57371915.0</t>
  </si>
  <si>
    <t>52317284.0</t>
  </si>
  <si>
    <t>31563130.0</t>
  </si>
  <si>
    <t>166396.0</t>
  </si>
  <si>
    <t>129855963.0</t>
  </si>
  <si>
    <t>424164.0</t>
  </si>
  <si>
    <t>1531.765</t>
  </si>
  <si>
    <t>412380.0</t>
  </si>
  <si>
    <t>141416957.0</t>
  </si>
  <si>
    <t>57383642.0</t>
  </si>
  <si>
    <t>52335677.0</t>
  </si>
  <si>
    <t>31697638.0</t>
  </si>
  <si>
    <t>157961.0</t>
  </si>
  <si>
    <t>130294215.0</t>
  </si>
  <si>
    <t>438252.0</t>
  </si>
  <si>
    <t>1536.934</t>
  </si>
  <si>
    <t>415494.0</t>
  </si>
  <si>
    <t>141612186.0</t>
  </si>
  <si>
    <t>57396805.0</t>
  </si>
  <si>
    <t>52357621.0</t>
  </si>
  <si>
    <t>31857760.0</t>
  </si>
  <si>
    <t>195229.0</t>
  </si>
  <si>
    <t>150830.0</t>
  </si>
  <si>
    <t>130734232.0</t>
  </si>
  <si>
    <t>440017.0</t>
  </si>
  <si>
    <t>1542.125</t>
  </si>
  <si>
    <t>141703801.0</t>
  </si>
  <si>
    <t>57402431.0</t>
  </si>
  <si>
    <t>52367432.0</t>
  </si>
  <si>
    <t>31933938.0</t>
  </si>
  <si>
    <t>91615.0</t>
  </si>
  <si>
    <t>148305.0</t>
  </si>
  <si>
    <t>131162446.0</t>
  </si>
  <si>
    <t>1547.176</t>
  </si>
  <si>
    <t>423892.0</t>
  </si>
  <si>
    <t>141778517.0</t>
  </si>
  <si>
    <t>57407159.0</t>
  </si>
  <si>
    <t>52375810.0</t>
  </si>
  <si>
    <t>31995548.0</t>
  </si>
  <si>
    <t>74716.0</t>
  </si>
  <si>
    <t>147852.0</t>
  </si>
  <si>
    <t>131597959.0</t>
  </si>
  <si>
    <t>435513.0</t>
  </si>
  <si>
    <t>1552.313</t>
  </si>
  <si>
    <t>428732.0</t>
  </si>
  <si>
    <t>141981790.0</t>
  </si>
  <si>
    <t>57422636.0</t>
  </si>
  <si>
    <t>52399906.0</t>
  </si>
  <si>
    <t>32159248.0</t>
  </si>
  <si>
    <t>203273.0</t>
  </si>
  <si>
    <t>149005.0</t>
  </si>
  <si>
    <t>132050132.0</t>
  </si>
  <si>
    <t>452173.0</t>
  </si>
  <si>
    <t>1557.647</t>
  </si>
  <si>
    <t>5.334</t>
  </si>
  <si>
    <t>433553.0</t>
  </si>
  <si>
    <t>142171571.0</t>
  </si>
  <si>
    <t>57437044.0</t>
  </si>
  <si>
    <t>52422425.0</t>
  </si>
  <si>
    <t>32312102.0</t>
  </si>
  <si>
    <t>132508017.0</t>
  </si>
  <si>
    <t>457885.0</t>
  </si>
  <si>
    <t>1563.048</t>
  </si>
  <si>
    <t>5.401</t>
  </si>
  <si>
    <t>142348958.0</t>
  </si>
  <si>
    <t>57451069.0</t>
  </si>
  <si>
    <t>52443629.0</t>
  </si>
  <si>
    <t>32454260.0</t>
  </si>
  <si>
    <t>156661.0</t>
  </si>
  <si>
    <t>132963480.0</t>
  </si>
  <si>
    <t>455463.0</t>
  </si>
  <si>
    <t>1568.42</t>
  </si>
  <si>
    <t>443931.0</t>
  </si>
  <si>
    <t>142522697.0</t>
  </si>
  <si>
    <t>57464203.0</t>
  </si>
  <si>
    <t>52464047.0</t>
  </si>
  <si>
    <t>32594447.0</t>
  </si>
  <si>
    <t>157963.0</t>
  </si>
  <si>
    <t>133431632.0</t>
  </si>
  <si>
    <t>468152.0</t>
  </si>
  <si>
    <t>1573.943</t>
  </si>
  <si>
    <t>448202.0</t>
  </si>
  <si>
    <t>142735468.0</t>
  </si>
  <si>
    <t>57480352.0</t>
  </si>
  <si>
    <t>52489431.0</t>
  </si>
  <si>
    <t>32765685.0</t>
  </si>
  <si>
    <t>212771.0</t>
  </si>
  <si>
    <t>160469.0</t>
  </si>
  <si>
    <t>133853067.0</t>
  </si>
  <si>
    <t>421435.0</t>
  </si>
  <si>
    <t>1578.914</t>
  </si>
  <si>
    <t>445548.0</t>
  </si>
  <si>
    <t>142833393.0</t>
  </si>
  <si>
    <t>57486690.0</t>
  </si>
  <si>
    <t>52500475.0</t>
  </si>
  <si>
    <t>32846228.0</t>
  </si>
  <si>
    <t>97925.0</t>
  </si>
  <si>
    <t>161370.0</t>
  </si>
  <si>
    <t>167.37</t>
  </si>
  <si>
    <t>134265419.0</t>
  </si>
  <si>
    <t>412352.0</t>
  </si>
  <si>
    <t>1583.778</t>
  </si>
  <si>
    <t>443282.0</t>
  </si>
  <si>
    <t>142910046.0</t>
  </si>
  <si>
    <t>57491657.0</t>
  </si>
  <si>
    <t>52509065.0</t>
  </si>
  <si>
    <t>32909324.0</t>
  </si>
  <si>
    <t>76653.0</t>
  </si>
  <si>
    <t>161647.0</t>
  </si>
  <si>
    <t>134697550.0</t>
  </si>
  <si>
    <t>432131.0</t>
  </si>
  <si>
    <t>1588.875</t>
  </si>
  <si>
    <t>442799.0</t>
  </si>
  <si>
    <t>143125638.0</t>
  </si>
  <si>
    <t>57505252.0</t>
  </si>
  <si>
    <t>52530366.0</t>
  </si>
  <si>
    <t>33090020.0</t>
  </si>
  <si>
    <t>215592.0</t>
  </si>
  <si>
    <t>163407.0</t>
  </si>
  <si>
    <t>167.71</t>
  </si>
  <si>
    <t>135149913.0</t>
  </si>
  <si>
    <t>452363.0</t>
  </si>
  <si>
    <t>1594.211</t>
  </si>
  <si>
    <t>442826.0</t>
  </si>
  <si>
    <t>143303935.0</t>
  </si>
  <si>
    <t>57517069.0</t>
  </si>
  <si>
    <t>52548851.0</t>
  </si>
  <si>
    <t>33238015.0</t>
  </si>
  <si>
    <t>161766.0</t>
  </si>
  <si>
    <t>135606154.0</t>
  </si>
  <si>
    <t>456241.0</t>
  </si>
  <si>
    <t>1599.593</t>
  </si>
  <si>
    <t>442591.0</t>
  </si>
  <si>
    <t>143478985.0</t>
  </si>
  <si>
    <t>57528865.0</t>
  </si>
  <si>
    <t>52566932.0</t>
  </si>
  <si>
    <t>33383188.0</t>
  </si>
  <si>
    <t>175050.0</t>
  </si>
  <si>
    <t>161432.0</t>
  </si>
  <si>
    <t>136056198.0</t>
  </si>
  <si>
    <t>1604.902</t>
  </si>
  <si>
    <t>441817.0</t>
  </si>
  <si>
    <t>143645420.0</t>
  </si>
  <si>
    <t>57540072.0</t>
  </si>
  <si>
    <t>52585057.0</t>
  </si>
  <si>
    <t>33520291.0</t>
  </si>
  <si>
    <t>166435.0</t>
  </si>
  <si>
    <t>160389.0</t>
  </si>
  <si>
    <t>136514340.0</t>
  </si>
  <si>
    <t>458142.0</t>
  </si>
  <si>
    <t>1610.306</t>
  </si>
  <si>
    <t>440387.0</t>
  </si>
  <si>
    <t>143845934.0</t>
  </si>
  <si>
    <t>57553305.0</t>
  </si>
  <si>
    <t>52606514.0</t>
  </si>
  <si>
    <t>33686115.0</t>
  </si>
  <si>
    <t>200514.0</t>
  </si>
  <si>
    <t>158638.0</t>
  </si>
  <si>
    <t>136962687.0</t>
  </si>
  <si>
    <t>448347.0</t>
  </si>
  <si>
    <t>1615.595</t>
  </si>
  <si>
    <t>444231.0</t>
  </si>
  <si>
    <t>143940936.0</t>
  </si>
  <si>
    <t>57559910.0</t>
  </si>
  <si>
    <t>52616197.0</t>
  </si>
  <si>
    <t>33764829.0</t>
  </si>
  <si>
    <t>95002.0</t>
  </si>
  <si>
    <t>158220.0</t>
  </si>
  <si>
    <t>137382243.0</t>
  </si>
  <si>
    <t>419556.0</t>
  </si>
  <si>
    <t>1620.544</t>
  </si>
  <si>
    <t>445261.0</t>
  </si>
  <si>
    <t>144007120.0</t>
  </si>
  <si>
    <t>57564527.0</t>
  </si>
  <si>
    <t>52623391.0</t>
  </si>
  <si>
    <t>33819202.0</t>
  </si>
  <si>
    <t>156725.0</t>
  </si>
  <si>
    <t>137820796.0</t>
  </si>
  <si>
    <t>438553.0</t>
  </si>
  <si>
    <t>1625.717</t>
  </si>
  <si>
    <t>446178.0</t>
  </si>
  <si>
    <t>144173367.0</t>
  </si>
  <si>
    <t>57576058.0</t>
  </si>
  <si>
    <t>52640859.0</t>
  </si>
  <si>
    <t>33956450.0</t>
  </si>
  <si>
    <t>138282751.0</t>
  </si>
  <si>
    <t>461955.0</t>
  </si>
  <si>
    <t>1631.166</t>
  </si>
  <si>
    <t>144326883.0</t>
  </si>
  <si>
    <t>57586821.0</t>
  </si>
  <si>
    <t>52657210.0</t>
  </si>
  <si>
    <t>34082852.0</t>
  </si>
  <si>
    <t>153516.0</t>
  </si>
  <si>
    <t>146135.0</t>
  </si>
  <si>
    <t>138745992.0</t>
  </si>
  <si>
    <t>463241.0</t>
  </si>
  <si>
    <t>1636.63</t>
  </si>
  <si>
    <t>448548.0</t>
  </si>
  <si>
    <t>144476562.0</t>
  </si>
  <si>
    <t>57596845.0</t>
  </si>
  <si>
    <t>52672756.0</t>
  </si>
  <si>
    <t>34206961.0</t>
  </si>
  <si>
    <t>149679.0</t>
  </si>
  <si>
    <t>139211555.0</t>
  </si>
  <si>
    <t>465563.0</t>
  </si>
  <si>
    <t>1642.122</t>
  </si>
  <si>
    <t>450765.0</t>
  </si>
  <si>
    <t>144599375.0</t>
  </si>
  <si>
    <t>57605406.0</t>
  </si>
  <si>
    <t>52685959.0</t>
  </si>
  <si>
    <t>34308010.0</t>
  </si>
  <si>
    <t>122813.0</t>
  </si>
  <si>
    <t>139675410.0</t>
  </si>
  <si>
    <t>463855.0</t>
  </si>
  <si>
    <t>1647.594</t>
  </si>
  <si>
    <t>144730193.0</t>
  </si>
  <si>
    <t>57614902.0</t>
  </si>
  <si>
    <t>52701325.0</t>
  </si>
  <si>
    <t>34413966.0</t>
  </si>
  <si>
    <t>130818.0</t>
  </si>
  <si>
    <t>126323.0</t>
  </si>
  <si>
    <t>169.59</t>
  </si>
  <si>
    <t>140137662.0</t>
  </si>
  <si>
    <t>462252.0</t>
  </si>
  <si>
    <t>1653.046</t>
  </si>
  <si>
    <t>453568.0</t>
  </si>
  <si>
    <t>144799530.0</t>
  </si>
  <si>
    <t>57619810.0</t>
  </si>
  <si>
    <t>52709583.0</t>
  </si>
  <si>
    <t>34470137.0</t>
  </si>
  <si>
    <t>122656.0</t>
  </si>
  <si>
    <t>140577845.0</t>
  </si>
  <si>
    <t>440183.0</t>
  </si>
  <si>
    <t>1658.239</t>
  </si>
  <si>
    <t>456515.0</t>
  </si>
  <si>
    <t>144850157.0</t>
  </si>
  <si>
    <t>57623451.0</t>
  </si>
  <si>
    <t>52715583.0</t>
  </si>
  <si>
    <t>34511123.0</t>
  </si>
  <si>
    <t>141039358.0</t>
  </si>
  <si>
    <t>461513.0</t>
  </si>
  <si>
    <t>1663.683</t>
  </si>
  <si>
    <t>459795.0</t>
  </si>
  <si>
    <t>144999620.0</t>
  </si>
  <si>
    <t>57634087.0</t>
  </si>
  <si>
    <t>52732078.0</t>
  </si>
  <si>
    <t>34633455.0</t>
  </si>
  <si>
    <t>149463.0</t>
  </si>
  <si>
    <t>118036.0</t>
  </si>
  <si>
    <t>141502693.0</t>
  </si>
  <si>
    <t>463335.0</t>
  </si>
  <si>
    <t>1669.148</t>
  </si>
  <si>
    <t>459992.0</t>
  </si>
  <si>
    <t>145128369.0</t>
  </si>
  <si>
    <t>57643606.0</t>
  </si>
  <si>
    <t>52746699.0</t>
  </si>
  <si>
    <t>34738064.0</t>
  </si>
  <si>
    <t>128749.0</t>
  </si>
  <si>
    <t>114498.0</t>
  </si>
  <si>
    <t>141966778.0</t>
  </si>
  <si>
    <t>464085.0</t>
  </si>
  <si>
    <t>1674.622</t>
  </si>
  <si>
    <t>460112.0</t>
  </si>
  <si>
    <t>145243896.0</t>
  </si>
  <si>
    <t>57652077.0</t>
  </si>
  <si>
    <t>52760079.0</t>
  </si>
  <si>
    <t>34831740.0</t>
  </si>
  <si>
    <t>115527.0</t>
  </si>
  <si>
    <t>109619.0</t>
  </si>
  <si>
    <t>142421979.0</t>
  </si>
  <si>
    <t>455201.0</t>
  </si>
  <si>
    <t>1679.992</t>
  </si>
  <si>
    <t>145344212.0</t>
  </si>
  <si>
    <t>57659736.0</t>
  </si>
  <si>
    <t>52771929.0</t>
  </si>
  <si>
    <t>34912547.0</t>
  </si>
  <si>
    <t>100316.0</t>
  </si>
  <si>
    <t>106405.0</t>
  </si>
  <si>
    <t>142875926.0</t>
  </si>
  <si>
    <t>453947.0</t>
  </si>
  <si>
    <t>1685.346</t>
  </si>
  <si>
    <t>457217.0</t>
  </si>
  <si>
    <t>145454202.0</t>
  </si>
  <si>
    <t>57668314.0</t>
  </si>
  <si>
    <t>52786023.0</t>
  </si>
  <si>
    <t>34999865.0</t>
  </si>
  <si>
    <t>109990.0</t>
  </si>
  <si>
    <t>103430.0</t>
  </si>
  <si>
    <t>143297781.0</t>
  </si>
  <si>
    <t>421855.0</t>
  </si>
  <si>
    <t>1690.323</t>
  </si>
  <si>
    <t>451446.0</t>
  </si>
  <si>
    <t>145503292.0</t>
  </si>
  <si>
    <t>57672341.0</t>
  </si>
  <si>
    <t>52792845.0</t>
  </si>
  <si>
    <t>35038106.0</t>
  </si>
  <si>
    <t>143692044.0</t>
  </si>
  <si>
    <t>394263.0</t>
  </si>
  <si>
    <t>1694.973</t>
  </si>
  <si>
    <t>145537442.0</t>
  </si>
  <si>
    <t>57675034.0</t>
  </si>
  <si>
    <t>52797530.0</t>
  </si>
  <si>
    <t>35064878.0</t>
  </si>
  <si>
    <t>144102479.0</t>
  </si>
  <si>
    <t>410435.0</t>
  </si>
  <si>
    <t>1699.815</t>
  </si>
  <si>
    <t>145631632.0</t>
  </si>
  <si>
    <t>57682903.0</t>
  </si>
  <si>
    <t>52809698.0</t>
  </si>
  <si>
    <t>35139031.0</t>
  </si>
  <si>
    <t>144505596.0</t>
  </si>
  <si>
    <t>403117.0</t>
  </si>
  <si>
    <t>1704.57</t>
  </si>
  <si>
    <t>428986.0</t>
  </si>
  <si>
    <t>145719490.0</t>
  </si>
  <si>
    <t>57690044.0</t>
  </si>
  <si>
    <t>52821088.0</t>
  </si>
  <si>
    <t>35208358.0</t>
  </si>
  <si>
    <t>87858.0</t>
  </si>
  <si>
    <t>84446.0</t>
  </si>
  <si>
    <t>144913132.0</t>
  </si>
  <si>
    <t>407536.0</t>
  </si>
  <si>
    <t>1709.377</t>
  </si>
  <si>
    <t>420908.0</t>
  </si>
  <si>
    <t>145801884.0</t>
  </si>
  <si>
    <t>57696907.0</t>
  </si>
  <si>
    <t>52832010.0</t>
  </si>
  <si>
    <t>35272967.0</t>
  </si>
  <si>
    <t>145311374.0</t>
  </si>
  <si>
    <t>398242.0</t>
  </si>
  <si>
    <t>1714.075</t>
  </si>
  <si>
    <t>145870323.0</t>
  </si>
  <si>
    <t>57702481.0</t>
  </si>
  <si>
    <t>52841206.0</t>
  </si>
  <si>
    <t>35326636.0</t>
  </si>
  <si>
    <t>68439.0</t>
  </si>
  <si>
    <t>145676988.0</t>
  </si>
  <si>
    <t>365614.0</t>
  </si>
  <si>
    <t>1718.387</t>
  </si>
  <si>
    <t>400152.0</t>
  </si>
  <si>
    <t>145943346.0</t>
  </si>
  <si>
    <t>57708290.0</t>
  </si>
  <si>
    <t>52851442.0</t>
  </si>
  <si>
    <t>35383614.0</t>
  </si>
  <si>
    <t>146037341.0</t>
  </si>
  <si>
    <t>360353.0</t>
  </si>
  <si>
    <t>1722.638</t>
  </si>
  <si>
    <t>391366.0</t>
  </si>
  <si>
    <t>145972393.0</t>
  </si>
  <si>
    <t>57710714.0</t>
  </si>
  <si>
    <t>52855894.0</t>
  </si>
  <si>
    <t>35405785.0</t>
  </si>
  <si>
    <t>146385487.0</t>
  </si>
  <si>
    <t>348146.0</t>
  </si>
  <si>
    <t>1726.745</t>
  </si>
  <si>
    <t>145990177.0</t>
  </si>
  <si>
    <t>57712192.0</t>
  </si>
  <si>
    <t>52858604.0</t>
  </si>
  <si>
    <t>35419381.0</t>
  </si>
  <si>
    <t>171.07</t>
  </si>
  <si>
    <t>146757171.0</t>
  </si>
  <si>
    <t>371684.0</t>
  </si>
  <si>
    <t>1731.129</t>
  </si>
  <si>
    <t>379242.0</t>
  </si>
  <si>
    <t>146048178.0</t>
  </si>
  <si>
    <t>57717026.0</t>
  </si>
  <si>
    <t>52866807.0</t>
  </si>
  <si>
    <t>35464345.0</t>
  </si>
  <si>
    <t>58001.0</t>
  </si>
  <si>
    <t>59507.0</t>
  </si>
  <si>
    <t>147122176.0</t>
  </si>
  <si>
    <t>1735.435</t>
  </si>
  <si>
    <t>373797.0</t>
  </si>
  <si>
    <t>146097881.0</t>
  </si>
  <si>
    <t>57721404.0</t>
  </si>
  <si>
    <t>52874017.0</t>
  </si>
  <si>
    <t>35502460.0</t>
  </si>
  <si>
    <t>49703.0</t>
  </si>
  <si>
    <t>147488712.0</t>
  </si>
  <si>
    <t>366536.0</t>
  </si>
  <si>
    <t>1739.758</t>
  </si>
  <si>
    <t>367940.0</t>
  </si>
  <si>
    <t>146144478.0</t>
  </si>
  <si>
    <t>57725502.0</t>
  </si>
  <si>
    <t>52880970.0</t>
  </si>
  <si>
    <t>35538006.0</t>
  </si>
  <si>
    <t>147847558.0</t>
  </si>
  <si>
    <t>358846.0</t>
  </si>
  <si>
    <t>1743.991</t>
  </si>
  <si>
    <t>362312.0</t>
  </si>
  <si>
    <t>146183069.0</t>
  </si>
  <si>
    <t>57729220.0</t>
  </si>
  <si>
    <t>52886909.0</t>
  </si>
  <si>
    <t>35566940.0</t>
  </si>
  <si>
    <t>148189923.0</t>
  </si>
  <si>
    <t>342365.0</t>
  </si>
  <si>
    <t>1748.03</t>
  </si>
  <si>
    <t>358991.0</t>
  </si>
  <si>
    <t>146222195.0</t>
  </si>
  <si>
    <t>57732735.0</t>
  </si>
  <si>
    <t>52893442.0</t>
  </si>
  <si>
    <t>35596018.0</t>
  </si>
  <si>
    <t>148508769.0</t>
  </si>
  <si>
    <t>1751.791</t>
  </si>
  <si>
    <t>353061.0</t>
  </si>
  <si>
    <t>146235452.0</t>
  </si>
  <si>
    <t>57733973.0</t>
  </si>
  <si>
    <t>52895872.0</t>
  </si>
  <si>
    <t>35605607.0</t>
  </si>
  <si>
    <t>171.35</t>
  </si>
  <si>
    <t>148807021.0</t>
  </si>
  <si>
    <t>298252.0</t>
  </si>
  <si>
    <t>1755.309</t>
  </si>
  <si>
    <t>345933.0</t>
  </si>
  <si>
    <t>146243976.0</t>
  </si>
  <si>
    <t>57734779.0</t>
  </si>
  <si>
    <t>52897465.0</t>
  </si>
  <si>
    <t>35611732.0</t>
  </si>
  <si>
    <t>171.36</t>
  </si>
  <si>
    <t>149126670.0</t>
  </si>
  <si>
    <t>319649.0</t>
  </si>
  <si>
    <t>1759.079</t>
  </si>
  <si>
    <t>338500.0</t>
  </si>
  <si>
    <t>146273906.0</t>
  </si>
  <si>
    <t>57737917.0</t>
  </si>
  <si>
    <t>52902566.0</t>
  </si>
  <si>
    <t>35633423.0</t>
  </si>
  <si>
    <t>149459866.0</t>
  </si>
  <si>
    <t>333196.0</t>
  </si>
  <si>
    <t>1763.01</t>
  </si>
  <si>
    <t>333956.0</t>
  </si>
  <si>
    <t>146304093.0</t>
  </si>
  <si>
    <t>57740810.0</t>
  </si>
  <si>
    <t>52907403.0</t>
  </si>
  <si>
    <t>35655880.0</t>
  </si>
  <si>
    <t>149783924.0</t>
  </si>
  <si>
    <t>324058.0</t>
  </si>
  <si>
    <t>1766.832</t>
  </si>
  <si>
    <t>327887.0</t>
  </si>
  <si>
    <t>146336317.0</t>
  </si>
  <si>
    <t>57743879.0</t>
  </si>
  <si>
    <t>52912588.0</t>
  </si>
  <si>
    <t>35679850.0</t>
  </si>
  <si>
    <t>150103184.0</t>
  </si>
  <si>
    <t>319260.0</t>
  </si>
  <si>
    <t>1770.598</t>
  </si>
  <si>
    <t>322232.0</t>
  </si>
  <si>
    <t>146377975.0</t>
  </si>
  <si>
    <t>57747211.0</t>
  </si>
  <si>
    <t>52918230.0</t>
  </si>
  <si>
    <t>35712534.0</t>
  </si>
  <si>
    <t>150415301.0</t>
  </si>
  <si>
    <t>312117.0</t>
  </si>
  <si>
    <t>1774.28</t>
  </si>
  <si>
    <t>317911.0</t>
  </si>
  <si>
    <t>146421935.0</t>
  </si>
  <si>
    <t>57750663.0</t>
  </si>
  <si>
    <t>52924123.0</t>
  </si>
  <si>
    <t>35747149.0</t>
  </si>
  <si>
    <t>150710305.0</t>
  </si>
  <si>
    <t>295004.0</t>
  </si>
  <si>
    <t>1777.76</t>
  </si>
  <si>
    <t>314505.0</t>
  </si>
  <si>
    <t>146435701.0</t>
  </si>
  <si>
    <t>57752216.0</t>
  </si>
  <si>
    <t>52926256.0</t>
  </si>
  <si>
    <t>35757229.0</t>
  </si>
  <si>
    <t>150972421.0</t>
  </si>
  <si>
    <t>262116.0</t>
  </si>
  <si>
    <t>1780.852</t>
  </si>
  <si>
    <t>146446575.0</t>
  </si>
  <si>
    <t>57753041.0</t>
  </si>
  <si>
    <t>52927949.0</t>
  </si>
  <si>
    <t>35765585.0</t>
  </si>
  <si>
    <t>28943.0</t>
  </si>
  <si>
    <t>151253663.0</t>
  </si>
  <si>
    <t>281242.0</t>
  </si>
  <si>
    <t>1784.169</t>
  </si>
  <si>
    <t>303856.0</t>
  </si>
  <si>
    <t>146503050.0</t>
  </si>
  <si>
    <t>57756278.0</t>
  </si>
  <si>
    <t>52934131.0</t>
  </si>
  <si>
    <t>35812641.0</t>
  </si>
  <si>
    <t>171.67</t>
  </si>
  <si>
    <t>151550529.0</t>
  </si>
  <si>
    <t>296866.0</t>
  </si>
  <si>
    <t>1787.671</t>
  </si>
  <si>
    <t>298666.0</t>
  </si>
  <si>
    <t>146561848.0</t>
  </si>
  <si>
    <t>57759605.0</t>
  </si>
  <si>
    <t>52939958.0</t>
  </si>
  <si>
    <t>35862285.0</t>
  </si>
  <si>
    <t>171.74</t>
  </si>
  <si>
    <t>151851543.0</t>
  </si>
  <si>
    <t>1791.222</t>
  </si>
  <si>
    <t>146618996.0</t>
  </si>
  <si>
    <t>57762885.0</t>
  </si>
  <si>
    <t>52945494.0</t>
  </si>
  <si>
    <t>35910617.0</t>
  </si>
  <si>
    <t>152150004.0</t>
  </si>
  <si>
    <t>298461.0</t>
  </si>
  <si>
    <t>1794.742</t>
  </si>
  <si>
    <t>292403.0</t>
  </si>
  <si>
    <t>146675886.0</t>
  </si>
  <si>
    <t>57765818.0</t>
  </si>
  <si>
    <t>52950698.0</t>
  </si>
  <si>
    <t>35959370.0</t>
  </si>
  <si>
    <t>152438144.0</t>
  </si>
  <si>
    <t>288140.0</t>
  </si>
  <si>
    <t>1798.141</t>
  </si>
  <si>
    <t>288978.0</t>
  </si>
  <si>
    <t>146733931.0</t>
  </si>
  <si>
    <t>57768992.0</t>
  </si>
  <si>
    <t>52956116.0</t>
  </si>
  <si>
    <t>36008823.0</t>
  </si>
  <si>
    <t>58045.0</t>
  </si>
  <si>
    <t>44571.0</t>
  </si>
  <si>
    <t>152705992.0</t>
  </si>
  <si>
    <t>267848.0</t>
  </si>
  <si>
    <t>1801.301</t>
  </si>
  <si>
    <t>285098.0</t>
  </si>
  <si>
    <t>146751309.0</t>
  </si>
  <si>
    <t>57770305.0</t>
  </si>
  <si>
    <t>52958300.0</t>
  </si>
  <si>
    <t>36022704.0</t>
  </si>
  <si>
    <t>152957234.0</t>
  </si>
  <si>
    <t>251242.0</t>
  </si>
  <si>
    <t>1804.264</t>
  </si>
  <si>
    <t>283545.0</t>
  </si>
  <si>
    <t>146762564.0</t>
  </si>
  <si>
    <t>57770999.0</t>
  </si>
  <si>
    <t>52959745.0</t>
  </si>
  <si>
    <t>36031820.0</t>
  </si>
  <si>
    <t>45141.0</t>
  </si>
  <si>
    <t>153229669.0</t>
  </si>
  <si>
    <t>272435.0</t>
  </si>
  <si>
    <t>1807.478</t>
  </si>
  <si>
    <t>282287.0</t>
  </si>
  <si>
    <t>146823531.0</t>
  </si>
  <si>
    <t>57773691.0</t>
  </si>
  <si>
    <t>52964480.0</t>
  </si>
  <si>
    <t>36085360.0</t>
  </si>
  <si>
    <t>45783.0</t>
  </si>
  <si>
    <t>153518637.0</t>
  </si>
  <si>
    <t>288968.0</t>
  </si>
  <si>
    <t>1810.887</t>
  </si>
  <si>
    <t>281158.0</t>
  </si>
  <si>
    <t>146881913.0</t>
  </si>
  <si>
    <t>57776278.0</t>
  </si>
  <si>
    <t>52968985.0</t>
  </si>
  <si>
    <t>36136650.0</t>
  </si>
  <si>
    <t>58382.0</t>
  </si>
  <si>
    <t>153796174.0</t>
  </si>
  <si>
    <t>277537.0</t>
  </si>
  <si>
    <t>1814.16</t>
  </si>
  <si>
    <t>277804.0</t>
  </si>
  <si>
    <t>146940492.0</t>
  </si>
  <si>
    <t>57778898.0</t>
  </si>
  <si>
    <t>52973497.0</t>
  </si>
  <si>
    <t>36188097.0</t>
  </si>
  <si>
    <t>58579.0</t>
  </si>
  <si>
    <t>154068370.0</t>
  </si>
  <si>
    <t>272196.0</t>
  </si>
  <si>
    <t>1817.371</t>
  </si>
  <si>
    <t>274052.0</t>
  </si>
  <si>
    <t>146995383.0</t>
  </si>
  <si>
    <t>57781315.0</t>
  </si>
  <si>
    <t>52977660.0</t>
  </si>
  <si>
    <t>36236408.0</t>
  </si>
  <si>
    <t>154333732.0</t>
  </si>
  <si>
    <t>265362.0</t>
  </si>
  <si>
    <t>1820.501</t>
  </si>
  <si>
    <t>270798.0</t>
  </si>
  <si>
    <t>40912.0</t>
  </si>
  <si>
    <t>154575918.0</t>
  </si>
  <si>
    <t>242186.0</t>
  </si>
  <si>
    <t>1823.358</t>
  </si>
  <si>
    <t>41991.0</t>
  </si>
  <si>
    <t>154786986.0</t>
  </si>
  <si>
    <t>211068.0</t>
  </si>
  <si>
    <t>1825.848</t>
  </si>
  <si>
    <t>261393.0</t>
  </si>
  <si>
    <t>147070173.0</t>
  </si>
  <si>
    <t>57785259.0</t>
  </si>
  <si>
    <t>52984321.0</t>
  </si>
  <si>
    <t>36300593.0</t>
  </si>
  <si>
    <t>155023329.0</t>
  </si>
  <si>
    <t>236343.0</t>
  </si>
  <si>
    <t>1828.636</t>
  </si>
  <si>
    <t>256237.0</t>
  </si>
  <si>
    <t>147097462.0</t>
  </si>
  <si>
    <t>57786876.0</t>
  </si>
  <si>
    <t>52986694.0</t>
  </si>
  <si>
    <t>36323892.0</t>
  </si>
  <si>
    <t>155255464.0</t>
  </si>
  <si>
    <t>232135.0</t>
  </si>
  <si>
    <t>1831.374</t>
  </si>
  <si>
    <t>147122340.0</t>
  </si>
  <si>
    <t>57788419.0</t>
  </si>
  <si>
    <t>52989037.0</t>
  </si>
  <si>
    <t>36344884.0</t>
  </si>
  <si>
    <t>155476000.0</t>
  </si>
  <si>
    <t>220536.0</t>
  </si>
  <si>
    <t>1833.975</t>
  </si>
  <si>
    <t>239975.0</t>
  </si>
  <si>
    <t>147147731.0</t>
  </si>
  <si>
    <t>57790237.0</t>
  </si>
  <si>
    <t>52991940.0</t>
  </si>
  <si>
    <t>36365554.0</t>
  </si>
  <si>
    <t>155691229.0</t>
  </si>
  <si>
    <t>215229.0</t>
  </si>
  <si>
    <t>1836.514</t>
  </si>
  <si>
    <t>231837.0</t>
  </si>
  <si>
    <t>147171659.0</t>
  </si>
  <si>
    <t>57791874.0</t>
  </si>
  <si>
    <t>52994461.0</t>
  </si>
  <si>
    <t>36385324.0</t>
  </si>
  <si>
    <t>155888783.0</t>
  </si>
  <si>
    <t>197554.0</t>
  </si>
  <si>
    <t>1838.844</t>
  </si>
  <si>
    <t>147197855.0</t>
  </si>
  <si>
    <t>57793814.0</t>
  </si>
  <si>
    <t>52997699.0</t>
  </si>
  <si>
    <t>36406342.0</t>
  </si>
  <si>
    <t>156075009.0</t>
  </si>
  <si>
    <t>1841.041</t>
  </si>
  <si>
    <t>214156.0</t>
  </si>
  <si>
    <t>147206133.0</t>
  </si>
  <si>
    <t>57794538.0</t>
  </si>
  <si>
    <t>52999118.0</t>
  </si>
  <si>
    <t>36412477.0</t>
  </si>
  <si>
    <t>156247470.0</t>
  </si>
  <si>
    <t>1843.075</t>
  </si>
  <si>
    <t>208641.0</t>
  </si>
  <si>
    <t>147211194.0</t>
  </si>
  <si>
    <t>57794926.0</t>
  </si>
  <si>
    <t>52999855.0</t>
  </si>
  <si>
    <t>36416413.0</t>
  </si>
  <si>
    <t>156429686.0</t>
  </si>
  <si>
    <t>182216.0</t>
  </si>
  <si>
    <t>1845.225</t>
  </si>
  <si>
    <t>200908.0</t>
  </si>
  <si>
    <t>147235102.0</t>
  </si>
  <si>
    <t>57796702.0</t>
  </si>
  <si>
    <t>53002640.0</t>
  </si>
  <si>
    <t>36435760.0</t>
  </si>
  <si>
    <t>156620712.0</t>
  </si>
  <si>
    <t>1847.478</t>
  </si>
  <si>
    <t>195035.0</t>
  </si>
  <si>
    <t>147257592.0</t>
  </si>
  <si>
    <t>57798438.0</t>
  </si>
  <si>
    <t>53005218.0</t>
  </si>
  <si>
    <t>36453936.0</t>
  </si>
  <si>
    <t>156805470.0</t>
  </si>
  <si>
    <t>184758.0</t>
  </si>
  <si>
    <t>1849.658</t>
  </si>
  <si>
    <t>189924.0</t>
  </si>
  <si>
    <t>147279922.0</t>
  </si>
  <si>
    <t>57800090.0</t>
  </si>
  <si>
    <t>53007739.0</t>
  </si>
  <si>
    <t>36472093.0</t>
  </si>
  <si>
    <t>172.58</t>
  </si>
  <si>
    <t>156987916.0</t>
  </si>
  <si>
    <t>1851.81</t>
  </si>
  <si>
    <t>185241.0</t>
  </si>
  <si>
    <t>147301011.0</t>
  </si>
  <si>
    <t>57801926.0</t>
  </si>
  <si>
    <t>53010344.0</t>
  </si>
  <si>
    <t>36488741.0</t>
  </si>
  <si>
    <t>157159862.0</t>
  </si>
  <si>
    <t>171946.0</t>
  </si>
  <si>
    <t>1853.838</t>
  </si>
  <si>
    <t>181583.0</t>
  </si>
  <si>
    <t>157322115.0</t>
  </si>
  <si>
    <t>162253.0</t>
  </si>
  <si>
    <t>1855.752</t>
  </si>
  <si>
    <t>157475433.0</t>
  </si>
  <si>
    <t>1857.56</t>
  </si>
  <si>
    <t>175423.0</t>
  </si>
  <si>
    <t>147333131.0</t>
  </si>
  <si>
    <t>57804686.0</t>
  </si>
  <si>
    <t>53014873.0</t>
  </si>
  <si>
    <t>36513572.0</t>
  </si>
  <si>
    <t>157639926.0</t>
  </si>
  <si>
    <t>164493.0</t>
  </si>
  <si>
    <t>1859.501</t>
  </si>
  <si>
    <t>172891.0</t>
  </si>
  <si>
    <t>147351467.0</t>
  </si>
  <si>
    <t>57806052.0</t>
  </si>
  <si>
    <t>53016951.0</t>
  </si>
  <si>
    <t>36528464.0</t>
  </si>
  <si>
    <t>172.66</t>
  </si>
  <si>
    <t>157802781.0</t>
  </si>
  <si>
    <t>162855.0</t>
  </si>
  <si>
    <t>1861.422</t>
  </si>
  <si>
    <t>147369656.0</t>
  </si>
  <si>
    <t>57807483.0</t>
  </si>
  <si>
    <t>53019032.0</t>
  </si>
  <si>
    <t>36543141.0</t>
  </si>
  <si>
    <t>157961304.0</t>
  </si>
  <si>
    <t>158523.0</t>
  </si>
  <si>
    <t>1863.292</t>
  </si>
  <si>
    <t>165119.0</t>
  </si>
  <si>
    <t>147386767.0</t>
  </si>
  <si>
    <t>57808773.0</t>
  </si>
  <si>
    <t>53020913.0</t>
  </si>
  <si>
    <t>36557081.0</t>
  </si>
  <si>
    <t>158115037.0</t>
  </si>
  <si>
    <t>153733.0</t>
  </si>
  <si>
    <t>1865.105</t>
  </si>
  <si>
    <t>161017.0</t>
  </si>
  <si>
    <t>147402858.0</t>
  </si>
  <si>
    <t>57810012.0</t>
  </si>
  <si>
    <t>53022686.0</t>
  </si>
  <si>
    <t>36570160.0</t>
  </si>
  <si>
    <t>158264289.0</t>
  </si>
  <si>
    <t>1866.866</t>
  </si>
  <si>
    <t>157775.0</t>
  </si>
  <si>
    <t>158402142.0</t>
  </si>
  <si>
    <t>1868.492</t>
  </si>
  <si>
    <t>154290.0</t>
  </si>
  <si>
    <t>147423229.0</t>
  </si>
  <si>
    <t>57811832.0</t>
  </si>
  <si>
    <t>53025218.0</t>
  </si>
  <si>
    <t>36586179.0</t>
  </si>
  <si>
    <t>158529395.0</t>
  </si>
  <si>
    <t>127253.0</t>
  </si>
  <si>
    <t>1869.993</t>
  </si>
  <si>
    <t>147426248.0</t>
  </si>
  <si>
    <t>57812094.0</t>
  </si>
  <si>
    <t>53025688.0</t>
  </si>
  <si>
    <t>36588466.0</t>
  </si>
  <si>
    <t>158663741.0</t>
  </si>
  <si>
    <t>134346.0</t>
  </si>
  <si>
    <t>1871.578</t>
  </si>
  <si>
    <t>146259.0</t>
  </si>
  <si>
    <t>147441608.0</t>
  </si>
  <si>
    <t>57813302.0</t>
  </si>
  <si>
    <t>53027406.0</t>
  </si>
  <si>
    <t>36600900.0</t>
  </si>
  <si>
    <t>158796374.0</t>
  </si>
  <si>
    <t>132633.0</t>
  </si>
  <si>
    <t>1873.142</t>
  </si>
  <si>
    <t>141942.0</t>
  </si>
  <si>
    <t>147455844.0</t>
  </si>
  <si>
    <t>57814672.0</t>
  </si>
  <si>
    <t>53029128.0</t>
  </si>
  <si>
    <t>36612044.0</t>
  </si>
  <si>
    <t>158934021.0</t>
  </si>
  <si>
    <t>137647.0</t>
  </si>
  <si>
    <t>1874.766</t>
  </si>
  <si>
    <t>138960.0</t>
  </si>
  <si>
    <t>147470087.0</t>
  </si>
  <si>
    <t>57815915.0</t>
  </si>
  <si>
    <t>53030738.0</t>
  </si>
  <si>
    <t>36623434.0</t>
  </si>
  <si>
    <t>159069274.0</t>
  </si>
  <si>
    <t>1876.361</t>
  </si>
  <si>
    <t>136320.0</t>
  </si>
  <si>
    <t>147482673.0</t>
  </si>
  <si>
    <t>57817045.0</t>
  </si>
  <si>
    <t>53032270.0</t>
  </si>
  <si>
    <t>36633358.0</t>
  </si>
  <si>
    <t>159196369.0</t>
  </si>
  <si>
    <t>127095.0</t>
  </si>
  <si>
    <t>1877.86</t>
  </si>
  <si>
    <t>133154.0</t>
  </si>
  <si>
    <t>147495274.0</t>
  </si>
  <si>
    <t>57818414.0</t>
  </si>
  <si>
    <t>53034037.0</t>
  </si>
  <si>
    <t>36642823.0</t>
  </si>
  <si>
    <t>159315633.0</t>
  </si>
  <si>
    <t>119264.0</t>
  </si>
  <si>
    <t>1879.267</t>
  </si>
  <si>
    <t>147498664.0</t>
  </si>
  <si>
    <t>57818874.0</t>
  </si>
  <si>
    <t>53034655.0</t>
  </si>
  <si>
    <t>36645135.0</t>
  </si>
  <si>
    <t>159424435.0</t>
  </si>
  <si>
    <t>1880.551</t>
  </si>
  <si>
    <t>127863.0</t>
  </si>
  <si>
    <t>147499821.0</t>
  </si>
  <si>
    <t>57818995.0</t>
  </si>
  <si>
    <t>53034869.0</t>
  </si>
  <si>
    <t>36645957.0</t>
  </si>
  <si>
    <t>159522218.0</t>
  </si>
  <si>
    <t>1881.704</t>
  </si>
  <si>
    <t>147501398.0</t>
  </si>
  <si>
    <t>57819148.0</t>
  </si>
  <si>
    <t>53035172.0</t>
  </si>
  <si>
    <t>36647078.0</t>
  </si>
  <si>
    <t>159614780.0</t>
  </si>
  <si>
    <t>1882.796</t>
  </si>
  <si>
    <t>147503141.0</t>
  </si>
  <si>
    <t>57819293.0</t>
  </si>
  <si>
    <t>53035458.0</t>
  </si>
  <si>
    <t>36648390.0</t>
  </si>
  <si>
    <t>159705081.0</t>
  </si>
  <si>
    <t>90301.0</t>
  </si>
  <si>
    <t>1883.861</t>
  </si>
  <si>
    <t>110151.0</t>
  </si>
  <si>
    <t>147505412.0</t>
  </si>
  <si>
    <t>57819472.0</t>
  </si>
  <si>
    <t>53035817.0</t>
  </si>
  <si>
    <t>36650123.0</t>
  </si>
  <si>
    <t>159806344.0</t>
  </si>
  <si>
    <t>101263.0</t>
  </si>
  <si>
    <t>1885.056</t>
  </si>
  <si>
    <t>105296.0</t>
  </si>
  <si>
    <t>147520160.0</t>
  </si>
  <si>
    <t>57820690.0</t>
  </si>
  <si>
    <t>53037607.0</t>
  </si>
  <si>
    <t>36661863.0</t>
  </si>
  <si>
    <t>159941660.0</t>
  </si>
  <si>
    <t>135316.0</t>
  </si>
  <si>
    <t>1886.652</t>
  </si>
  <si>
    <t>147536047.0</t>
  </si>
  <si>
    <t>57822233.0</t>
  </si>
  <si>
    <t>53039684.0</t>
  </si>
  <si>
    <t>36674130.0</t>
  </si>
  <si>
    <t>160043902.0</t>
  </si>
  <si>
    <t>102242.0</t>
  </si>
  <si>
    <t>1887.858</t>
  </si>
  <si>
    <t>104038.0</t>
  </si>
  <si>
    <t>147540208.0</t>
  </si>
  <si>
    <t>57822768.0</t>
  </si>
  <si>
    <t>53040431.0</t>
  </si>
  <si>
    <t>36677009.0</t>
  </si>
  <si>
    <t>160142660.0</t>
  </si>
  <si>
    <t>1889.023</t>
  </si>
  <si>
    <t>102604.0</t>
  </si>
  <si>
    <t>147542401.0</t>
  </si>
  <si>
    <t>57823012.0</t>
  </si>
  <si>
    <t>53040762.0</t>
  </si>
  <si>
    <t>36678627.0</t>
  </si>
  <si>
    <t>172.89</t>
  </si>
  <si>
    <t>160252618.0</t>
  </si>
  <si>
    <t>109958.0</t>
  </si>
  <si>
    <t>1890.32</t>
  </si>
  <si>
    <t>147560229.0</t>
  </si>
  <si>
    <t>57824444.0</t>
  </si>
  <si>
    <t>53042663.0</t>
  </si>
  <si>
    <t>36693122.0</t>
  </si>
  <si>
    <t>160387264.0</t>
  </si>
  <si>
    <t>134646.0</t>
  </si>
  <si>
    <t>1891.908</t>
  </si>
  <si>
    <t>110355.0</t>
  </si>
  <si>
    <t>147576861.0</t>
  </si>
  <si>
    <t>57825933.0</t>
  </si>
  <si>
    <t>53044519.0</t>
  </si>
  <si>
    <t>36706409.0</t>
  </si>
  <si>
    <t>160516626.0</t>
  </si>
  <si>
    <t>129362.0</t>
  </si>
  <si>
    <t>1893.434</t>
  </si>
  <si>
    <t>115935.0</t>
  </si>
  <si>
    <t>147592145.0</t>
  </si>
  <si>
    <t>57827296.0</t>
  </si>
  <si>
    <t>53046297.0</t>
  </si>
  <si>
    <t>36718552.0</t>
  </si>
  <si>
    <t>160652364.0</t>
  </si>
  <si>
    <t>135738.0</t>
  </si>
  <si>
    <t>1895.035</t>
  </si>
  <si>
    <t>120860.0</t>
  </si>
  <si>
    <t>147606278.0</t>
  </si>
  <si>
    <t>57828630.0</t>
  </si>
  <si>
    <t>53047991.0</t>
  </si>
  <si>
    <t>36729657.0</t>
  </si>
  <si>
    <t>160786391.0</t>
  </si>
  <si>
    <t>134027.0</t>
  </si>
  <si>
    <t>1896.616</t>
  </si>
  <si>
    <t>120676.0</t>
  </si>
  <si>
    <t>147620847.0</t>
  </si>
  <si>
    <t>57830007.0</t>
  </si>
  <si>
    <t>53049922.0</t>
  </si>
  <si>
    <t>36740918.0</t>
  </si>
  <si>
    <t>160913929.0</t>
  </si>
  <si>
    <t>1898.12</t>
  </si>
  <si>
    <t>147623608.0</t>
  </si>
  <si>
    <t>57830467.0</t>
  </si>
  <si>
    <t>53050434.0</t>
  </si>
  <si>
    <t>36742707.0</t>
  </si>
  <si>
    <t>161034112.0</t>
  </si>
  <si>
    <t>120183.0</t>
  </si>
  <si>
    <t>1899.538</t>
  </si>
  <si>
    <t>127350.0</t>
  </si>
  <si>
    <t>147625535.0</t>
  </si>
  <si>
    <t>57830726.0</t>
  </si>
  <si>
    <t>53050727.0</t>
  </si>
  <si>
    <t>36744082.0</t>
  </si>
  <si>
    <t>161163069.0</t>
  </si>
  <si>
    <t>128957.0</t>
  </si>
  <si>
    <t>1901.059</t>
  </si>
  <si>
    <t>130064.0</t>
  </si>
  <si>
    <t>147638328.0</t>
  </si>
  <si>
    <t>57832015.0</t>
  </si>
  <si>
    <t>53052226.0</t>
  </si>
  <si>
    <t>36754087.0</t>
  </si>
  <si>
    <t>161301963.0</t>
  </si>
  <si>
    <t>138894.0</t>
  </si>
  <si>
    <t>1902.698</t>
  </si>
  <si>
    <t>130671.0</t>
  </si>
  <si>
    <t>147650166.0</t>
  </si>
  <si>
    <t>57833176.0</t>
  </si>
  <si>
    <t>53053751.0</t>
  </si>
  <si>
    <t>36763239.0</t>
  </si>
  <si>
    <t>161437526.0</t>
  </si>
  <si>
    <t>1904.297</t>
  </si>
  <si>
    <t>131557.0</t>
  </si>
  <si>
    <t>147661034.0</t>
  </si>
  <si>
    <t>57834305.0</t>
  </si>
  <si>
    <t>53055016.0</t>
  </si>
  <si>
    <t>36771713.0</t>
  </si>
  <si>
    <t>161575256.0</t>
  </si>
  <si>
    <t>137730.0</t>
  </si>
  <si>
    <t>1905.921</t>
  </si>
  <si>
    <t>147663432.0</t>
  </si>
  <si>
    <t>57834671.0</t>
  </si>
  <si>
    <t>53055541.0</t>
  </si>
  <si>
    <t>36773220.0</t>
  </si>
  <si>
    <t>173.03</t>
  </si>
  <si>
    <t>161705201.0</t>
  </si>
  <si>
    <t>129945.0</t>
  </si>
  <si>
    <t>1907.454</t>
  </si>
  <si>
    <t>161843587.0</t>
  </si>
  <si>
    <t>1909.087</t>
  </si>
  <si>
    <t>132808.0</t>
  </si>
  <si>
    <t>147677323.0</t>
  </si>
  <si>
    <t>57836357.0</t>
  </si>
  <si>
    <t>53057831.0</t>
  </si>
  <si>
    <t>36783135.0</t>
  </si>
  <si>
    <t>161962439.0</t>
  </si>
  <si>
    <t>118852.0</t>
  </si>
  <si>
    <t>1910.489</t>
  </si>
  <si>
    <t>132618.0</t>
  </si>
  <si>
    <t>147678580.0</t>
  </si>
  <si>
    <t>57836527.0</t>
  </si>
  <si>
    <t>53058053.0</t>
  </si>
  <si>
    <t>36784000.0</t>
  </si>
  <si>
    <t>162085975.0</t>
  </si>
  <si>
    <t>123536.0</t>
  </si>
  <si>
    <t>1911.946</t>
  </si>
  <si>
    <t>147687693.0</t>
  </si>
  <si>
    <t>57837603.0</t>
  </si>
  <si>
    <t>53059422.0</t>
  </si>
  <si>
    <t>36790668.0</t>
  </si>
  <si>
    <t>162222307.0</t>
  </si>
  <si>
    <t>136332.0</t>
  </si>
  <si>
    <t>1913.554</t>
  </si>
  <si>
    <t>131478.0</t>
  </si>
  <si>
    <t>147697010.0</t>
  </si>
  <si>
    <t>57838738.0</t>
  </si>
  <si>
    <t>53060701.0</t>
  </si>
  <si>
    <t>36797571.0</t>
  </si>
  <si>
    <t>162359880.0</t>
  </si>
  <si>
    <t>137573.0</t>
  </si>
  <si>
    <t>1915.177</t>
  </si>
  <si>
    <t>131765.0</t>
  </si>
  <si>
    <t>147705146.0</t>
  </si>
  <si>
    <t>57839717.0</t>
  </si>
  <si>
    <t>53061776.0</t>
  </si>
  <si>
    <t>36803653.0</t>
  </si>
  <si>
    <t>162499362.0</t>
  </si>
  <si>
    <t>139482.0</t>
  </si>
  <si>
    <t>1916.822</t>
  </si>
  <si>
    <t>132015.0</t>
  </si>
  <si>
    <t>147711493.0</t>
  </si>
  <si>
    <t>57840555.0</t>
  </si>
  <si>
    <t>53062844.0</t>
  </si>
  <si>
    <t>36808094.0</t>
  </si>
  <si>
    <t>162633614.0</t>
  </si>
  <si>
    <t>134252.0</t>
  </si>
  <si>
    <t>1918.406</t>
  </si>
  <si>
    <t>132630.0</t>
  </si>
  <si>
    <t>147717865.0</t>
  </si>
  <si>
    <t>57841428.0</t>
  </si>
  <si>
    <t>53063994.0</t>
  </si>
  <si>
    <t>36812443.0</t>
  </si>
  <si>
    <t>162772366.0</t>
  </si>
  <si>
    <t>138752.0</t>
  </si>
  <si>
    <t>1920.042</t>
  </si>
  <si>
    <t>132683.0</t>
  </si>
  <si>
    <t>147719809.0</t>
  </si>
  <si>
    <t>57841732.0</t>
  </si>
  <si>
    <t>53064473.0</t>
  </si>
  <si>
    <t>36813604.0</t>
  </si>
  <si>
    <t>162902327.0</t>
  </si>
  <si>
    <t>129961.0</t>
  </si>
  <si>
    <t>1921.575</t>
  </si>
  <si>
    <t>147720907.0</t>
  </si>
  <si>
    <t>57841876.0</t>
  </si>
  <si>
    <t>53064752.0</t>
  </si>
  <si>
    <t>36814279.0</t>
  </si>
  <si>
    <t>163035679.0</t>
  </si>
  <si>
    <t>1923.148</t>
  </si>
  <si>
    <t>135672.0</t>
  </si>
  <si>
    <t>147728185.0</t>
  </si>
  <si>
    <t>57842849.0</t>
  </si>
  <si>
    <t>53066241.0</t>
  </si>
  <si>
    <t>36819095.0</t>
  </si>
  <si>
    <t>163164533.0</t>
  </si>
  <si>
    <t>128854.0</t>
  </si>
  <si>
    <t>1924.668</t>
  </si>
  <si>
    <t>134604.0</t>
  </si>
  <si>
    <t>147734958.0</t>
  </si>
  <si>
    <t>57843685.0</t>
  </si>
  <si>
    <t>53067556.0</t>
  </si>
  <si>
    <t>36823717.0</t>
  </si>
  <si>
    <t>173.11</t>
  </si>
  <si>
    <t>147781738.0</t>
  </si>
  <si>
    <t>57850805.0</t>
  </si>
  <si>
    <t>53077814.0</t>
  </si>
  <si>
    <t>36853119.0</t>
  </si>
  <si>
    <t>147785589.0</t>
  </si>
  <si>
    <t>57851486.0</t>
  </si>
  <si>
    <t>53078735.0</t>
  </si>
  <si>
    <t>36855368.0</t>
  </si>
  <si>
    <t>147789639.0</t>
  </si>
  <si>
    <t>57852170.0</t>
  </si>
  <si>
    <t>53079737.0</t>
  </si>
  <si>
    <t>36857732.0</t>
  </si>
  <si>
    <t>147792806.0</t>
  </si>
  <si>
    <t>57852730.0</t>
  </si>
  <si>
    <t>53080538.0</t>
  </si>
  <si>
    <t>36859538.0</t>
  </si>
  <si>
    <t>147796295.0</t>
  </si>
  <si>
    <t>57853298.0</t>
  </si>
  <si>
    <t>53081449.0</t>
  </si>
  <si>
    <t>36861548.0</t>
  </si>
  <si>
    <t>147797138.0</t>
  </si>
  <si>
    <t>57853442.0</t>
  </si>
  <si>
    <t>53081718.0</t>
  </si>
  <si>
    <t>36861978.0</t>
  </si>
  <si>
    <t>147797537.0</t>
  </si>
  <si>
    <t>57853512.0</t>
  </si>
  <si>
    <t>53081826.0</t>
  </si>
  <si>
    <t>36862199.0</t>
  </si>
  <si>
    <t>147800941.0</t>
  </si>
  <si>
    <t>57854139.0</t>
  </si>
  <si>
    <t>53082621.0</t>
  </si>
  <si>
    <t>36864181.0</t>
  </si>
  <si>
    <t>147804002.0</t>
  </si>
  <si>
    <t>57854722.0</t>
  </si>
  <si>
    <t>53083368.0</t>
  </si>
  <si>
    <t>36865912.0</t>
  </si>
  <si>
    <t>147807384.0</t>
  </si>
  <si>
    <t>57855345.0</t>
  </si>
  <si>
    <t>53084085.0</t>
  </si>
  <si>
    <t>36867954.0</t>
  </si>
  <si>
    <t>147810465.0</t>
  </si>
  <si>
    <t>57855891.0</t>
  </si>
  <si>
    <t>53084761.0</t>
  </si>
  <si>
    <t>36869813.0</t>
  </si>
  <si>
    <t>147813734.0</t>
  </si>
  <si>
    <t>57856500.0</t>
  </si>
  <si>
    <t>53085544.0</t>
  </si>
  <si>
    <t>36871690.0</t>
  </si>
  <si>
    <t>147814534.0</t>
  </si>
  <si>
    <t>57856676.0</t>
  </si>
  <si>
    <t>53085724.0</t>
  </si>
  <si>
    <t>36872134.0</t>
  </si>
  <si>
    <t>147818598.0</t>
  </si>
  <si>
    <t>57857304.0</t>
  </si>
  <si>
    <t>53086539.0</t>
  </si>
  <si>
    <t>36874755.0</t>
  </si>
  <si>
    <t>147822027.0</t>
  </si>
  <si>
    <t>57857831.0</t>
  </si>
  <si>
    <t>53087211.0</t>
  </si>
  <si>
    <t>36876985.0</t>
  </si>
  <si>
    <t>147825439.0</t>
  </si>
  <si>
    <t>57858289.0</t>
  </si>
  <si>
    <t>53087739.0</t>
  </si>
  <si>
    <t>36879411.0</t>
  </si>
  <si>
    <t>147828801.0</t>
  </si>
  <si>
    <t>57858728.0</t>
  </si>
  <si>
    <t>53088281.0</t>
  </si>
  <si>
    <t>36881792.0</t>
  </si>
  <si>
    <t>147833636.0</t>
  </si>
  <si>
    <t>57859392.0</t>
  </si>
  <si>
    <t>53089113.0</t>
  </si>
  <si>
    <t>36885131.0</t>
  </si>
  <si>
    <t>147834278.0</t>
  </si>
  <si>
    <t>57859471.0</t>
  </si>
  <si>
    <t>53089222.0</t>
  </si>
  <si>
    <t>36885585.0</t>
  </si>
  <si>
    <t>147839557.0</t>
  </si>
  <si>
    <t>57860003.0</t>
  </si>
  <si>
    <t>53089939.0</t>
  </si>
  <si>
    <t>36889615.0</t>
  </si>
  <si>
    <t>147844749.0</t>
  </si>
  <si>
    <t>57860529.0</t>
  </si>
  <si>
    <t>53090611.0</t>
  </si>
  <si>
    <t>36893609.0</t>
  </si>
  <si>
    <t>173.24</t>
  </si>
  <si>
    <t>147851838.0</t>
  </si>
  <si>
    <t>57861075.0</t>
  </si>
  <si>
    <t>53091198.0</t>
  </si>
  <si>
    <t>36899565.0</t>
  </si>
  <si>
    <t>147857274.0</t>
  </si>
  <si>
    <t>57861505.0</t>
  </si>
  <si>
    <t>53091777.0</t>
  </si>
  <si>
    <t>36903992.0</t>
  </si>
  <si>
    <t>147861309.0</t>
  </si>
  <si>
    <t>57861902.0</t>
  </si>
  <si>
    <t>53092235.0</t>
  </si>
  <si>
    <t>36907172.0</t>
  </si>
  <si>
    <t>147875499.0</t>
  </si>
  <si>
    <t>57861997.0</t>
  </si>
  <si>
    <t>53092337.0</t>
  </si>
  <si>
    <t>36921165.0</t>
  </si>
  <si>
    <t>147935562.0</t>
  </si>
  <si>
    <t>57862251.0</t>
  </si>
  <si>
    <t>53092630.0</t>
  </si>
  <si>
    <t>36980681.0</t>
  </si>
  <si>
    <t>148020063.0</t>
  </si>
  <si>
    <t>57862625.0</t>
  </si>
  <si>
    <t>53093089.0</t>
  </si>
  <si>
    <t>37064349.0</t>
  </si>
  <si>
    <t>148117265.0</t>
  </si>
  <si>
    <t>57863181.0</t>
  </si>
  <si>
    <t>53093707.0</t>
  </si>
  <si>
    <t>37160377.0</t>
  </si>
  <si>
    <t>148218087.0</t>
  </si>
  <si>
    <t>57863787.0</t>
  </si>
  <si>
    <t>53094407.0</t>
  </si>
  <si>
    <t>37259893.0</t>
  </si>
  <si>
    <t>100822.0</t>
  </si>
  <si>
    <t>51545.0</t>
  </si>
  <si>
    <t>148309125.0</t>
  </si>
  <si>
    <t>57864399.0</t>
  </si>
  <si>
    <t>53095028.0</t>
  </si>
  <si>
    <t>37349698.0</t>
  </si>
  <si>
    <t>148376835.0</t>
  </si>
  <si>
    <t>57864852.0</t>
  </si>
  <si>
    <t>53095452.0</t>
  </si>
  <si>
    <t>37416531.0</t>
  </si>
  <si>
    <t>67710.0</t>
  </si>
  <si>
    <t>73647.0</t>
  </si>
  <si>
    <t>148434633.0</t>
  </si>
  <si>
    <t>57865181.0</t>
  </si>
  <si>
    <t>53095812.0</t>
  </si>
  <si>
    <t>37473640.0</t>
  </si>
  <si>
    <t>79876.0</t>
  </si>
  <si>
    <t>148603312.0</t>
  </si>
  <si>
    <t>57866638.0</t>
  </si>
  <si>
    <t>53097261.0</t>
  </si>
  <si>
    <t>37639413.0</t>
  </si>
  <si>
    <t>168679.0</t>
  </si>
  <si>
    <t>148803395.0</t>
  </si>
  <si>
    <t>57868289.0</t>
  </si>
  <si>
    <t>53098738.0</t>
  </si>
  <si>
    <t>37836368.0</t>
  </si>
  <si>
    <t>111905.0</t>
  </si>
  <si>
    <t>149016479.0</t>
  </si>
  <si>
    <t>57869962.0</t>
  </si>
  <si>
    <t>53100342.0</t>
  </si>
  <si>
    <t>38046175.0</t>
  </si>
  <si>
    <t>213084.0</t>
  </si>
  <si>
    <t>128459.0</t>
  </si>
  <si>
    <t>174.61</t>
  </si>
  <si>
    <t>149219611.0</t>
  </si>
  <si>
    <t>57871753.0</t>
  </si>
  <si>
    <t>53101995.0</t>
  </si>
  <si>
    <t>38245863.0</t>
  </si>
  <si>
    <t>203132.0</t>
  </si>
  <si>
    <t>143075.0</t>
  </si>
  <si>
    <t>149440133.0</t>
  </si>
  <si>
    <t>57873729.0</t>
  </si>
  <si>
    <t>53103997.0</t>
  </si>
  <si>
    <t>38462407.0</t>
  </si>
  <si>
    <t>220522.0</t>
  </si>
  <si>
    <t>149510602.0</t>
  </si>
  <si>
    <t>57874397.0</t>
  </si>
  <si>
    <t>53104692.0</t>
  </si>
  <si>
    <t>38531513.0</t>
  </si>
  <si>
    <t>161967.0</t>
  </si>
  <si>
    <t>149563323.0</t>
  </si>
  <si>
    <t>57874843.0</t>
  </si>
  <si>
    <t>53105133.0</t>
  </si>
  <si>
    <t>38583347.0</t>
  </si>
  <si>
    <t>175.25</t>
  </si>
  <si>
    <t>149772979.0</t>
  </si>
  <si>
    <t>57876767.0</t>
  </si>
  <si>
    <t>53106992.0</t>
  </si>
  <si>
    <t>38789220.0</t>
  </si>
  <si>
    <t>209656.0</t>
  </si>
  <si>
    <t>149964366.0</t>
  </si>
  <si>
    <t>57878740.0</t>
  </si>
  <si>
    <t>53108899.0</t>
  </si>
  <si>
    <t>38976727.0</t>
  </si>
  <si>
    <t>191387.0</t>
  </si>
  <si>
    <t>150142703.0</t>
  </si>
  <si>
    <t>57880649.0</t>
  </si>
  <si>
    <t>53110871.0</t>
  </si>
  <si>
    <t>39151183.0</t>
  </si>
  <si>
    <t>178337.0</t>
  </si>
  <si>
    <t>150301720.0</t>
  </si>
  <si>
    <t>57882553.0</t>
  </si>
  <si>
    <t>53112754.0</t>
  </si>
  <si>
    <t>39306413.0</t>
  </si>
  <si>
    <t>159017.0</t>
  </si>
  <si>
    <t>154587.0</t>
  </si>
  <si>
    <t>150453133.0</t>
  </si>
  <si>
    <t>57884377.0</t>
  </si>
  <si>
    <t>53114750.0</t>
  </si>
  <si>
    <t>39454006.0</t>
  </si>
  <si>
    <t>144714.0</t>
  </si>
  <si>
    <t>150496193.0</t>
  </si>
  <si>
    <t>57884846.0</t>
  </si>
  <si>
    <t>53115227.0</t>
  </si>
  <si>
    <t>39496120.0</t>
  </si>
  <si>
    <t>43060.0</t>
  </si>
  <si>
    <t>140799.0</t>
  </si>
  <si>
    <t>150530369.0</t>
  </si>
  <si>
    <t>57885216.0</t>
  </si>
  <si>
    <t>53115583.0</t>
  </si>
  <si>
    <t>39529570.0</t>
  </si>
  <si>
    <t>150662956.0</t>
  </si>
  <si>
    <t>57886857.0</t>
  </si>
  <si>
    <t>53117131.0</t>
  </si>
  <si>
    <t>39658968.0</t>
  </si>
  <si>
    <t>127140.0</t>
  </si>
  <si>
    <t>150781180.0</t>
  </si>
  <si>
    <t>57888416.0</t>
  </si>
  <si>
    <t>53118677.0</t>
  </si>
  <si>
    <t>39774087.0</t>
  </si>
  <si>
    <t>150892690.0</t>
  </si>
  <si>
    <t>57889918.0</t>
  </si>
  <si>
    <t>53120250.0</t>
  </si>
  <si>
    <t>39882522.0</t>
  </si>
  <si>
    <t>111510.0</t>
  </si>
  <si>
    <t>107141.0</t>
  </si>
  <si>
    <t>150990977.0</t>
  </si>
  <si>
    <t>57891491.0</t>
  </si>
  <si>
    <t>53121833.0</t>
  </si>
  <si>
    <t>39977653.0</t>
  </si>
  <si>
    <t>176.93</t>
  </si>
  <si>
    <t>151089853.0</t>
  </si>
  <si>
    <t>57893122.0</t>
  </si>
  <si>
    <t>53123370.0</t>
  </si>
  <si>
    <t>40073361.0</t>
  </si>
  <si>
    <t>98876.0</t>
  </si>
  <si>
    <t>151114930.0</t>
  </si>
  <si>
    <t>57893532.0</t>
  </si>
  <si>
    <t>53123772.0</t>
  </si>
  <si>
    <t>40097626.0</t>
  </si>
  <si>
    <t>151133348.0</t>
  </si>
  <si>
    <t>57893779.0</t>
  </si>
  <si>
    <t>53124036.0</t>
  </si>
  <si>
    <t>40115533.0</t>
  </si>
  <si>
    <t>177.09</t>
  </si>
  <si>
    <t>151222037.0</t>
  </si>
  <si>
    <t>57895168.0</t>
  </si>
  <si>
    <t>53125350.0</t>
  </si>
  <si>
    <t>40201519.0</t>
  </si>
  <si>
    <t>79869.0</t>
  </si>
  <si>
    <t>151300951.0</t>
  </si>
  <si>
    <t>57896782.0</t>
  </si>
  <si>
    <t>53126813.0</t>
  </si>
  <si>
    <t>40277356.0</t>
  </si>
  <si>
    <t>151377524.0</t>
  </si>
  <si>
    <t>57898165.0</t>
  </si>
  <si>
    <t>53128263.0</t>
  </si>
  <si>
    <t>40351096.0</t>
  </si>
  <si>
    <t>76573.0</t>
  </si>
  <si>
    <t>177.38</t>
  </si>
  <si>
    <t>151449592.0</t>
  </si>
  <si>
    <t>57899514.0</t>
  </si>
  <si>
    <t>53129483.0</t>
  </si>
  <si>
    <t>40420595.0</t>
  </si>
  <si>
    <t>72068.0</t>
  </si>
  <si>
    <t>65516.0</t>
  </si>
  <si>
    <t>151523007.0</t>
  </si>
  <si>
    <t>57900813.0</t>
  </si>
  <si>
    <t>53130772.0</t>
  </si>
  <si>
    <t>40491422.0</t>
  </si>
  <si>
    <t>151541132.0</t>
  </si>
  <si>
    <t>57901189.0</t>
  </si>
  <si>
    <t>53131148.0</t>
  </si>
  <si>
    <t>40508795.0</t>
  </si>
  <si>
    <t>60886.0</t>
  </si>
  <si>
    <t>151552957.0</t>
  </si>
  <si>
    <t>57901432.0</t>
  </si>
  <si>
    <t>53131375.0</t>
  </si>
  <si>
    <t>40520150.0</t>
  </si>
  <si>
    <t>151610456.0</t>
  </si>
  <si>
    <t>57902559.0</t>
  </si>
  <si>
    <t>53132590.0</t>
  </si>
  <si>
    <t>40575307.0</t>
  </si>
  <si>
    <t>151661619.0</t>
  </si>
  <si>
    <t>57903744.0</t>
  </si>
  <si>
    <t>53133786.0</t>
  </si>
  <si>
    <t>40624089.0</t>
  </si>
  <si>
    <t>51524.0</t>
  </si>
  <si>
    <t>151708298.0</t>
  </si>
  <si>
    <t>57904833.0</t>
  </si>
  <si>
    <t>53135008.0</t>
  </si>
  <si>
    <t>40668457.0</t>
  </si>
  <si>
    <t>151749807.0</t>
  </si>
  <si>
    <t>57905916.0</t>
  </si>
  <si>
    <t>53136221.0</t>
  </si>
  <si>
    <t>40707670.0</t>
  </si>
  <si>
    <t>151787363.0</t>
  </si>
  <si>
    <t>57906968.0</t>
  </si>
  <si>
    <t>53137408.0</t>
  </si>
  <si>
    <t>40742987.0</t>
  </si>
  <si>
    <t>151796112.0</t>
  </si>
  <si>
    <t>57907220.0</t>
  </si>
  <si>
    <t>53137739.0</t>
  </si>
  <si>
    <t>40751153.0</t>
  </si>
  <si>
    <t>151802459.0</t>
  </si>
  <si>
    <t>57907377.0</t>
  </si>
  <si>
    <t>53137947.0</t>
  </si>
  <si>
    <t>40757135.0</t>
  </si>
  <si>
    <t>177.88</t>
  </si>
  <si>
    <t>151836431.0</t>
  </si>
  <si>
    <t>57908303.0</t>
  </si>
  <si>
    <t>53139048.0</t>
  </si>
  <si>
    <t>40789080.0</t>
  </si>
  <si>
    <t>177.92</t>
  </si>
  <si>
    <t>151869115.0</t>
  </si>
  <si>
    <t>57909227.0</t>
  </si>
  <si>
    <t>53140134.0</t>
  </si>
  <si>
    <t>40819754.0</t>
  </si>
  <si>
    <t>177.96</t>
  </si>
  <si>
    <t>151899198.0</t>
  </si>
  <si>
    <t>57910228.0</t>
  </si>
  <si>
    <t>53141233.0</t>
  </si>
  <si>
    <t>40847737.0</t>
  </si>
  <si>
    <t>151924922.0</t>
  </si>
  <si>
    <t>57910986.0</t>
  </si>
  <si>
    <t>53142069.0</t>
  </si>
  <si>
    <t>40871867.0</t>
  </si>
  <si>
    <t>151951291.0</t>
  </si>
  <si>
    <t>57911969.0</t>
  </si>
  <si>
    <t>53143131.0</t>
  </si>
  <si>
    <t>40896191.0</t>
  </si>
  <si>
    <t>151957308.0</t>
  </si>
  <si>
    <t>57912183.0</t>
  </si>
  <si>
    <t>53143421.0</t>
  </si>
  <si>
    <t>40901704.0</t>
  </si>
  <si>
    <t>151961166.0</t>
  </si>
  <si>
    <t>57912319.0</t>
  </si>
  <si>
    <t>53143609.0</t>
  </si>
  <si>
    <t>40905238.0</t>
  </si>
  <si>
    <t>151984505.0</t>
  </si>
  <si>
    <t>57913112.0</t>
  </si>
  <si>
    <t>53144548.0</t>
  </si>
  <si>
    <t>40926845.0</t>
  </si>
  <si>
    <t>151989203.0</t>
  </si>
  <si>
    <t>57913328.0</t>
  </si>
  <si>
    <t>53144855.0</t>
  </si>
  <si>
    <t>40931020.0</t>
  </si>
  <si>
    <t>152010807.0</t>
  </si>
  <si>
    <t>57914125.0</t>
  </si>
  <si>
    <t>53145838.0</t>
  </si>
  <si>
    <t>40950844.0</t>
  </si>
  <si>
    <t>152031115.0</t>
  </si>
  <si>
    <t>57914793.0</t>
  </si>
  <si>
    <t>53146691.0</t>
  </si>
  <si>
    <t>40969631.0</t>
  </si>
  <si>
    <t>152050973.0</t>
  </si>
  <si>
    <t>57915726.0</t>
  </si>
  <si>
    <t>53147833.0</t>
  </si>
  <si>
    <t>40987414.0</t>
  </si>
  <si>
    <t>152056551.0</t>
  </si>
  <si>
    <t>57915985.0</t>
  </si>
  <si>
    <t>53148187.0</t>
  </si>
  <si>
    <t>40992379.0</t>
  </si>
  <si>
    <t>152059687.0</t>
  </si>
  <si>
    <t>57916105.0</t>
  </si>
  <si>
    <t>53148374.0</t>
  </si>
  <si>
    <t>40995208.0</t>
  </si>
  <si>
    <t>152077632.0</t>
  </si>
  <si>
    <t>57916913.0</t>
  </si>
  <si>
    <t>53149309.0</t>
  </si>
  <si>
    <t>41011410.0</t>
  </si>
  <si>
    <t>152094461.0</t>
  </si>
  <si>
    <t>57917772.0</t>
  </si>
  <si>
    <t>53150223.0</t>
  </si>
  <si>
    <t>41026466.0</t>
  </si>
  <si>
    <t>152110410.0</t>
  </si>
  <si>
    <t>57918470.0</t>
  </si>
  <si>
    <t>53151076.0</t>
  </si>
  <si>
    <t>41040864.0</t>
  </si>
  <si>
    <t>152125788.0</t>
  </si>
  <si>
    <t>57919237.0</t>
  </si>
  <si>
    <t>53151919.0</t>
  </si>
  <si>
    <t>41054632.0</t>
  </si>
  <si>
    <t>152140261.0</t>
  </si>
  <si>
    <t>57919951.0</t>
  </si>
  <si>
    <t>53152754.0</t>
  </si>
  <si>
    <t>41067556.0</t>
  </si>
  <si>
    <t>152143933.0</t>
  </si>
  <si>
    <t>57920139.0</t>
  </si>
  <si>
    <t>53152957.0</t>
  </si>
  <si>
    <t>41070837.0</t>
  </si>
  <si>
    <t>152146127.0</t>
  </si>
  <si>
    <t>57920266.0</t>
  </si>
  <si>
    <t>53153091.0</t>
  </si>
  <si>
    <t>41072770.0</t>
  </si>
  <si>
    <t>152158566.0</t>
  </si>
  <si>
    <t>57920944.0</t>
  </si>
  <si>
    <t>53153731.0</t>
  </si>
  <si>
    <t>41083891.0</t>
  </si>
  <si>
    <t>152170810.0</t>
  </si>
  <si>
    <t>57921623.0</t>
  </si>
  <si>
    <t>53154382.0</t>
  </si>
  <si>
    <t>41094805.0</t>
  </si>
  <si>
    <t>152183121.0</t>
  </si>
  <si>
    <t>57922275.0</t>
  </si>
  <si>
    <t>53155097.0</t>
  </si>
  <si>
    <t>41105749.0</t>
  </si>
  <si>
    <t>152194025.0</t>
  </si>
  <si>
    <t>57922800.0</t>
  </si>
  <si>
    <t>53155677.0</t>
  </si>
  <si>
    <t>41115548.0</t>
  </si>
  <si>
    <t>152204324.0</t>
  </si>
  <si>
    <t>57923451.0</t>
  </si>
  <si>
    <t>53156342.0</t>
  </si>
  <si>
    <t>41124531.0</t>
  </si>
  <si>
    <t>152207222.0</t>
  </si>
  <si>
    <t>57923580.0</t>
  </si>
  <si>
    <t>53156559.0</t>
  </si>
  <si>
    <t>41127083.0</t>
  </si>
  <si>
    <t>152209055.0</t>
  </si>
  <si>
    <t>57923650.0</t>
  </si>
  <si>
    <t>53156652.0</t>
  </si>
  <si>
    <t>41128753.0</t>
  </si>
  <si>
    <t>152220486.0</t>
  </si>
  <si>
    <t>57924134.0</t>
  </si>
  <si>
    <t>53157251.0</t>
  </si>
  <si>
    <t>41139101.0</t>
  </si>
  <si>
    <t>152230610.0</t>
  </si>
  <si>
    <t>57924615.0</t>
  </si>
  <si>
    <t>53157748.0</t>
  </si>
  <si>
    <t>41148247.0</t>
  </si>
  <si>
    <t>152240857.0</t>
  </si>
  <si>
    <t>57925071.0</t>
  </si>
  <si>
    <t>53158270.0</t>
  </si>
  <si>
    <t>41157516.0</t>
  </si>
  <si>
    <t>152250192.0</t>
  </si>
  <si>
    <t>57925499.0</t>
  </si>
  <si>
    <t>53158823.0</t>
  </si>
  <si>
    <t>41165870.0</t>
  </si>
  <si>
    <t>152259900.0</t>
  </si>
  <si>
    <t>57925973.0</t>
  </si>
  <si>
    <t>53159417.0</t>
  </si>
  <si>
    <t>41174510.0</t>
  </si>
  <si>
    <t>178.41</t>
  </si>
  <si>
    <t>152262747.0</t>
  </si>
  <si>
    <t>57926134.0</t>
  </si>
  <si>
    <t>53159603.0</t>
  </si>
  <si>
    <t>41177010.0</t>
  </si>
  <si>
    <t>152264336.0</t>
  </si>
  <si>
    <t>57926194.0</t>
  </si>
  <si>
    <t>53159684.0</t>
  </si>
  <si>
    <t>41178458.0</t>
  </si>
  <si>
    <t>152274590.0</t>
  </si>
  <si>
    <t>57926644.0</t>
  </si>
  <si>
    <t>53160172.0</t>
  </si>
  <si>
    <t>41187774.0</t>
  </si>
  <si>
    <t>152284195.0</t>
  </si>
  <si>
    <t>57927109.0</t>
  </si>
  <si>
    <t>53160684.0</t>
  </si>
  <si>
    <t>41196402.0</t>
  </si>
  <si>
    <t>152294946.0</t>
  </si>
  <si>
    <t>57927516.0</t>
  </si>
  <si>
    <t>53161153.0</t>
  </si>
  <si>
    <t>41206277.0</t>
  </si>
  <si>
    <t>152305100.0</t>
  </si>
  <si>
    <t>57927889.0</t>
  </si>
  <si>
    <t>53161598.0</t>
  </si>
  <si>
    <t>41215613.0</t>
  </si>
  <si>
    <t>152315295.0</t>
  </si>
  <si>
    <t>57928376.0</t>
  </si>
  <si>
    <t>53162154.0</t>
  </si>
  <si>
    <t>41224765.0</t>
  </si>
  <si>
    <t>178.48</t>
  </si>
  <si>
    <t>152317553.0</t>
  </si>
  <si>
    <t>57928495.0</t>
  </si>
  <si>
    <t>53162320.0</t>
  </si>
  <si>
    <t>41226738.0</t>
  </si>
  <si>
    <t>152318861.0</t>
  </si>
  <si>
    <t>57928561.0</t>
  </si>
  <si>
    <t>53162396.0</t>
  </si>
  <si>
    <t>41227904.0</t>
  </si>
  <si>
    <t>152329103.0</t>
  </si>
  <si>
    <t>57929076.0</t>
  </si>
  <si>
    <t>53162959.0</t>
  </si>
  <si>
    <t>41237068.0</t>
  </si>
  <si>
    <t>152338569.0</t>
  </si>
  <si>
    <t>57929614.0</t>
  </si>
  <si>
    <t>53163571.0</t>
  </si>
  <si>
    <t>41245384.0</t>
  </si>
  <si>
    <t>152347744.0</t>
  </si>
  <si>
    <t>57930038.0</t>
  </si>
  <si>
    <t>53164007.0</t>
  </si>
  <si>
    <t>41253699.0</t>
  </si>
  <si>
    <t>152355645.0</t>
  </si>
  <si>
    <t>57930348.0</t>
  </si>
  <si>
    <t>53164426.0</t>
  </si>
  <si>
    <t>41260871.0</t>
  </si>
  <si>
    <t>152363561.0</t>
  </si>
  <si>
    <t>57930744.0</t>
  </si>
  <si>
    <t>53164849.0</t>
  </si>
  <si>
    <t>41267968.0</t>
  </si>
  <si>
    <t>152365572.0</t>
  </si>
  <si>
    <t>57930829.0</t>
  </si>
  <si>
    <t>53164980.0</t>
  </si>
  <si>
    <t>41269763.0</t>
  </si>
  <si>
    <t>152366798.0</t>
  </si>
  <si>
    <t>57930884.0</t>
  </si>
  <si>
    <t>53165045.0</t>
  </si>
  <si>
    <t>41270869.0</t>
  </si>
  <si>
    <t>152374837.0</t>
  </si>
  <si>
    <t>57931293.0</t>
  </si>
  <si>
    <t>53165414.0</t>
  </si>
  <si>
    <t>41278130.0</t>
  </si>
  <si>
    <t>152381745.0</t>
  </si>
  <si>
    <t>57931643.0</t>
  </si>
  <si>
    <t>53165778.0</t>
  </si>
  <si>
    <t>41284324.0</t>
  </si>
  <si>
    <t>152396067.0</t>
  </si>
  <si>
    <t>57932348.0</t>
  </si>
  <si>
    <t>53166520.0</t>
  </si>
  <si>
    <t>41297199.0</t>
  </si>
  <si>
    <t>152402737.0</t>
  </si>
  <si>
    <t>57932679.0</t>
  </si>
  <si>
    <t>53166929.0</t>
  </si>
  <si>
    <t>41303129.0</t>
  </si>
  <si>
    <t>152404335.0</t>
  </si>
  <si>
    <t>57932798.0</t>
  </si>
  <si>
    <t>53167065.0</t>
  </si>
  <si>
    <t>41304472.0</t>
  </si>
  <si>
    <t>152405372.0</t>
  </si>
  <si>
    <t>57932853.0</t>
  </si>
  <si>
    <t>53167127.0</t>
  </si>
  <si>
    <t>41305392.0</t>
  </si>
  <si>
    <t>152412690.0</t>
  </si>
  <si>
    <t>57933234.0</t>
  </si>
  <si>
    <t>53167551.0</t>
  </si>
  <si>
    <t>41311905.0</t>
  </si>
  <si>
    <t>152419471.0</t>
  </si>
  <si>
    <t>57933569.0</t>
  </si>
  <si>
    <t>53167945.0</t>
  </si>
  <si>
    <t>41317957.0</t>
  </si>
  <si>
    <t>152425561.0</t>
  </si>
  <si>
    <t>57933894.0</t>
  </si>
  <si>
    <t>53168308.0</t>
  </si>
  <si>
    <t>41323359.0</t>
  </si>
  <si>
    <t>152431317.0</t>
  </si>
  <si>
    <t>57934222.0</t>
  </si>
  <si>
    <t>53168646.0</t>
  </si>
  <si>
    <t>41328449.0</t>
  </si>
  <si>
    <t>152437381.0</t>
  </si>
  <si>
    <t>57934582.0</t>
  </si>
  <si>
    <t>53169122.0</t>
  </si>
  <si>
    <t>41333677.0</t>
  </si>
  <si>
    <t>152438632.0</t>
  </si>
  <si>
    <t>57934659.0</t>
  </si>
  <si>
    <t>53169234.0</t>
  </si>
  <si>
    <t>41334739.0</t>
  </si>
  <si>
    <t>152439487.0</t>
  </si>
  <si>
    <t>57934697.0</t>
  </si>
  <si>
    <t>53169292.0</t>
  </si>
  <si>
    <t>41335498.0</t>
  </si>
  <si>
    <t>152445442.0</t>
  </si>
  <si>
    <t>57935031.0</t>
  </si>
  <si>
    <t>53169685.0</t>
  </si>
  <si>
    <t>41340726.0</t>
  </si>
  <si>
    <t>152450818.0</t>
  </si>
  <si>
    <t>57935331.0</t>
  </si>
  <si>
    <t>53170042.0</t>
  </si>
  <si>
    <t>41345445.0</t>
  </si>
  <si>
    <t>178.64</t>
  </si>
  <si>
    <t>152455950.0</t>
  </si>
  <si>
    <t>57935611.0</t>
  </si>
  <si>
    <t>53170385.0</t>
  </si>
  <si>
    <t>41349954.0</t>
  </si>
  <si>
    <t>152461142.0</t>
  </si>
  <si>
    <t>57935904.0</t>
  </si>
  <si>
    <t>53170729.0</t>
  </si>
  <si>
    <t>41354509.0</t>
  </si>
  <si>
    <t>152464422.0</t>
  </si>
  <si>
    <t>57936117.0</t>
  </si>
  <si>
    <t>53170982.0</t>
  </si>
  <si>
    <t>41357323.0</t>
  </si>
  <si>
    <t>152465212.0</t>
  </si>
  <si>
    <t>57936171.0</t>
  </si>
  <si>
    <t>53171054.0</t>
  </si>
  <si>
    <t>41357987.0</t>
  </si>
  <si>
    <t>152469836.0</t>
  </si>
  <si>
    <t>57936443.0</t>
  </si>
  <si>
    <t>53171374.0</t>
  </si>
  <si>
    <t>41362019.0</t>
  </si>
  <si>
    <t>152475057.0</t>
  </si>
  <si>
    <t>57936783.0</t>
  </si>
  <si>
    <t>53171790.0</t>
  </si>
  <si>
    <t>41366484.0</t>
  </si>
  <si>
    <t>152543341.0</t>
  </si>
  <si>
    <t>57941051.0</t>
  </si>
  <si>
    <t>53176961.0</t>
  </si>
  <si>
    <t>41425329.0</t>
  </si>
  <si>
    <t>TKM</t>
  </si>
  <si>
    <t>Turkmenistan</t>
  </si>
  <si>
    <t>19506.0</t>
  </si>
  <si>
    <t>19106.0</t>
  </si>
  <si>
    <t>7140000.0</t>
  </si>
  <si>
    <t>2970000.0</t>
  </si>
  <si>
    <t>2920000.0</t>
  </si>
  <si>
    <t>1250000.0</t>
  </si>
  <si>
    <t>13514000.0</t>
  </si>
  <si>
    <t>3689000.0</t>
  </si>
  <si>
    <t>3340000.0</t>
  </si>
  <si>
    <t>TCA</t>
  </si>
  <si>
    <t>Turks and Caicos Islands</t>
  </si>
  <si>
    <t>22700.0</t>
  </si>
  <si>
    <t>24567.0</t>
  </si>
  <si>
    <t>22696.0</t>
  </si>
  <si>
    <t>49107.0</t>
  </si>
  <si>
    <t>23486.0</t>
  </si>
  <si>
    <t>107.39</t>
  </si>
  <si>
    <t>24618.0</t>
  </si>
  <si>
    <t>54417.0</t>
  </si>
  <si>
    <t>29210.0</t>
  </si>
  <si>
    <t>67463.0</t>
  </si>
  <si>
    <t>31082.0</t>
  </si>
  <si>
    <t>29160.0</t>
  </si>
  <si>
    <t>68800.0</t>
  </si>
  <si>
    <t>69803.0</t>
  </si>
  <si>
    <t>70169.0</t>
  </si>
  <si>
    <t>32189.0</t>
  </si>
  <si>
    <t>30129.0</t>
  </si>
  <si>
    <t>72837.0</t>
  </si>
  <si>
    <t>159.29</t>
  </si>
  <si>
    <t>TUV</t>
  </si>
  <si>
    <t>Tuvalu</t>
  </si>
  <si>
    <t>UGA</t>
  </si>
  <si>
    <t>Uganda</t>
  </si>
  <si>
    <t>252.8</t>
  </si>
  <si>
    <t>432.8</t>
  </si>
  <si>
    <t>1116.6</t>
  </si>
  <si>
    <t>2083.9</t>
  </si>
  <si>
    <t>1890.4</t>
  </si>
  <si>
    <t>3765.7</t>
  </si>
  <si>
    <t>447.3</t>
  </si>
  <si>
    <t>461.3</t>
  </si>
  <si>
    <t>483.9</t>
  </si>
  <si>
    <t>695.4</t>
  </si>
  <si>
    <t>1620.5</t>
  </si>
  <si>
    <t>1550.7</t>
  </si>
  <si>
    <t>1276.3</t>
  </si>
  <si>
    <t>1752.3</t>
  </si>
  <si>
    <t>956.8</t>
  </si>
  <si>
    <t>48233.0</t>
  </si>
  <si>
    <t>997.8</t>
  </si>
  <si>
    <t>52042.0</t>
  </si>
  <si>
    <t>1297.9</t>
  </si>
  <si>
    <t>744.8</t>
  </si>
  <si>
    <t>59607.0</t>
  </si>
  <si>
    <t>617.6</t>
  </si>
  <si>
    <t>62461.0</t>
  </si>
  <si>
    <t>627.2</t>
  </si>
  <si>
    <t>66276.0</t>
  </si>
  <si>
    <t>462.8</t>
  </si>
  <si>
    <t>70730.0</t>
  </si>
  <si>
    <t>72774.0</t>
  </si>
  <si>
    <t>130508.0</t>
  </si>
  <si>
    <t>133002.0</t>
  </si>
  <si>
    <t>136760.0</t>
  </si>
  <si>
    <t>141519.0</t>
  </si>
  <si>
    <t>146372.0</t>
  </si>
  <si>
    <t>151909.0</t>
  </si>
  <si>
    <t>154586.0</t>
  </si>
  <si>
    <t>156798.0</t>
  </si>
  <si>
    <t>271.4</t>
  </si>
  <si>
    <t>165067.0</t>
  </si>
  <si>
    <t>166917.0</t>
  </si>
  <si>
    <t>169852.0</t>
  </si>
  <si>
    <t>174295.0</t>
  </si>
  <si>
    <t>176491.0</t>
  </si>
  <si>
    <t>179946.0</t>
  </si>
  <si>
    <t>182059.0</t>
  </si>
  <si>
    <t>184927.0</t>
  </si>
  <si>
    <t>230.9</t>
  </si>
  <si>
    <t>188313.0</t>
  </si>
  <si>
    <t>190643.0</t>
  </si>
  <si>
    <t>192813.0</t>
  </si>
  <si>
    <t>194872.0</t>
  </si>
  <si>
    <t>200179.0</t>
  </si>
  <si>
    <t>205312.0</t>
  </si>
  <si>
    <t>210446.0</t>
  </si>
  <si>
    <t>212860.0</t>
  </si>
  <si>
    <t>216311.0</t>
  </si>
  <si>
    <t>219627.0</t>
  </si>
  <si>
    <t>221675.0</t>
  </si>
  <si>
    <t>219.4</t>
  </si>
  <si>
    <t>224111.0</t>
  </si>
  <si>
    <t>234.5</t>
  </si>
  <si>
    <t>235015.0</t>
  </si>
  <si>
    <t>238709.0</t>
  </si>
  <si>
    <t>242405.0</t>
  </si>
  <si>
    <t>245450.0</t>
  </si>
  <si>
    <t>400.7</t>
  </si>
  <si>
    <t>247646.0</t>
  </si>
  <si>
    <t>488.6</t>
  </si>
  <si>
    <t>250029.0</t>
  </si>
  <si>
    <t>483.7</t>
  </si>
  <si>
    <t>252127.0</t>
  </si>
  <si>
    <t>602.5</t>
  </si>
  <si>
    <t>254255.0</t>
  </si>
  <si>
    <t>256040.0</t>
  </si>
  <si>
    <t>258528.0</t>
  </si>
  <si>
    <t>264162.0</t>
  </si>
  <si>
    <t>266856.0</t>
  </si>
  <si>
    <t>269576.0</t>
  </si>
  <si>
    <t>272805.0</t>
  </si>
  <si>
    <t>275355.0</t>
  </si>
  <si>
    <t>278262.0</t>
  </si>
  <si>
    <t>6.068</t>
  </si>
  <si>
    <t>280747.0</t>
  </si>
  <si>
    <t>282512.0</t>
  </si>
  <si>
    <t>273.8</t>
  </si>
  <si>
    <t>284790.0</t>
  </si>
  <si>
    <t>288367.0</t>
  </si>
  <si>
    <t>290701.0</t>
  </si>
  <si>
    <t>293397.0</t>
  </si>
  <si>
    <t>296601.0</t>
  </si>
  <si>
    <t>299036.0</t>
  </si>
  <si>
    <t>301286.0</t>
  </si>
  <si>
    <t>304485.0</t>
  </si>
  <si>
    <t>308503.0</t>
  </si>
  <si>
    <t>312792.0</t>
  </si>
  <si>
    <t>316560.0</t>
  </si>
  <si>
    <t>321376.0</t>
  </si>
  <si>
    <t>325637.0</t>
  </si>
  <si>
    <t>329542.0</t>
  </si>
  <si>
    <t>333667.0</t>
  </si>
  <si>
    <t>336713.0</t>
  </si>
  <si>
    <t>340844.0</t>
  </si>
  <si>
    <t>351845.0</t>
  </si>
  <si>
    <t>359289.0</t>
  </si>
  <si>
    <t>363802.0</t>
  </si>
  <si>
    <t>367423.0</t>
  </si>
  <si>
    <t>371898.0</t>
  </si>
  <si>
    <t>375788.0</t>
  </si>
  <si>
    <t>378185.0</t>
  </si>
  <si>
    <t>381749.0</t>
  </si>
  <si>
    <t>385882.0</t>
  </si>
  <si>
    <t>391335.0</t>
  </si>
  <si>
    <t>395875.0</t>
  </si>
  <si>
    <t>400624.0</t>
  </si>
  <si>
    <t>405277.0</t>
  </si>
  <si>
    <t>8.838</t>
  </si>
  <si>
    <t>411666.0</t>
  </si>
  <si>
    <t>415908.0</t>
  </si>
  <si>
    <t>417897.0</t>
  </si>
  <si>
    <t>420198.0</t>
  </si>
  <si>
    <t>423214.0</t>
  </si>
  <si>
    <t>427320.0</t>
  </si>
  <si>
    <t>430670.0</t>
  </si>
  <si>
    <t>434243.0</t>
  </si>
  <si>
    <t>436246.0</t>
  </si>
  <si>
    <t>439025.0</t>
  </si>
  <si>
    <t>441710.0</t>
  </si>
  <si>
    <t>444346.0</t>
  </si>
  <si>
    <t>446666.0</t>
  </si>
  <si>
    <t>451737.0</t>
  </si>
  <si>
    <t>9.852</t>
  </si>
  <si>
    <t>453593.0</t>
  </si>
  <si>
    <t>457128.0</t>
  </si>
  <si>
    <t>460690.0</t>
  </si>
  <si>
    <t>463618.0</t>
  </si>
  <si>
    <t>473456.0</t>
  </si>
  <si>
    <t>477473.0</t>
  </si>
  <si>
    <t>478687.0</t>
  </si>
  <si>
    <t>10.439</t>
  </si>
  <si>
    <t>480037.0</t>
  </si>
  <si>
    <t>482658.0</t>
  </si>
  <si>
    <t>486658.0</t>
  </si>
  <si>
    <t>491547.0</t>
  </si>
  <si>
    <t>493595.0</t>
  </si>
  <si>
    <t>497498.0</t>
  </si>
  <si>
    <t>501040.0</t>
  </si>
  <si>
    <t>502829.0</t>
  </si>
  <si>
    <t>505662.0</t>
  </si>
  <si>
    <t>508899.0</t>
  </si>
  <si>
    <t>511156.0</t>
  </si>
  <si>
    <t>513414.0</t>
  </si>
  <si>
    <t>514923.0</t>
  </si>
  <si>
    <t>518558.0</t>
  </si>
  <si>
    <t>520450.0</t>
  </si>
  <si>
    <t>522286.0</t>
  </si>
  <si>
    <t>523399.0</t>
  </si>
  <si>
    <t>11.415</t>
  </si>
  <si>
    <t>524966.0</t>
  </si>
  <si>
    <t>527350.0</t>
  </si>
  <si>
    <t>529236.0</t>
  </si>
  <si>
    <t>532332.0</t>
  </si>
  <si>
    <t>534072.0</t>
  </si>
  <si>
    <t>536177.0</t>
  </si>
  <si>
    <t>539146.0</t>
  </si>
  <si>
    <t>540202.0</t>
  </si>
  <si>
    <t>541422.0</t>
  </si>
  <si>
    <t>544657.0</t>
  </si>
  <si>
    <t>547279.0</t>
  </si>
  <si>
    <t>11.935</t>
  </si>
  <si>
    <t>549158.0</t>
  </si>
  <si>
    <t>552713.0</t>
  </si>
  <si>
    <t>554711.0</t>
  </si>
  <si>
    <t>556314.0</t>
  </si>
  <si>
    <t>558978.0</t>
  </si>
  <si>
    <t>560859.0</t>
  </si>
  <si>
    <t>563835.0</t>
  </si>
  <si>
    <t>567193.0</t>
  </si>
  <si>
    <t>569624.0</t>
  </si>
  <si>
    <t>12.423</t>
  </si>
  <si>
    <t>572325.0</t>
  </si>
  <si>
    <t>574363.0</t>
  </si>
  <si>
    <t>577630.0</t>
  </si>
  <si>
    <t>12.597</t>
  </si>
  <si>
    <t>579443.0</t>
  </si>
  <si>
    <t>582209.0</t>
  </si>
  <si>
    <t>585456.0</t>
  </si>
  <si>
    <t>588533.0</t>
  </si>
  <si>
    <t>12.835</t>
  </si>
  <si>
    <t>591658.0</t>
  </si>
  <si>
    <t>594574.0</t>
  </si>
  <si>
    <t>597192.0</t>
  </si>
  <si>
    <t>599650.0</t>
  </si>
  <si>
    <t>13.077</t>
  </si>
  <si>
    <t>13.165</t>
  </si>
  <si>
    <t>607583.0</t>
  </si>
  <si>
    <t>609268.0</t>
  </si>
  <si>
    <t>13.337</t>
  </si>
  <si>
    <t>616610.0</t>
  </si>
  <si>
    <t>618783.0</t>
  </si>
  <si>
    <t>620558.0</t>
  </si>
  <si>
    <t>623154.0</t>
  </si>
  <si>
    <t>623977.0</t>
  </si>
  <si>
    <t>13.608</t>
  </si>
  <si>
    <t>625029.0</t>
  </si>
  <si>
    <t>630441.0</t>
  </si>
  <si>
    <t>633932.0</t>
  </si>
  <si>
    <t>635916.0</t>
  </si>
  <si>
    <t>637124.0</t>
  </si>
  <si>
    <t>638787.0</t>
  </si>
  <si>
    <t>641893.0</t>
  </si>
  <si>
    <t>647471.0</t>
  </si>
  <si>
    <t>652535.0</t>
  </si>
  <si>
    <t>14.231</t>
  </si>
  <si>
    <t>660758.0</t>
  </si>
  <si>
    <t>666328.0</t>
  </si>
  <si>
    <t>671376.0</t>
  </si>
  <si>
    <t>676531.0</t>
  </si>
  <si>
    <t>683236.0</t>
  </si>
  <si>
    <t>686847.0</t>
  </si>
  <si>
    <t>692455.0</t>
  </si>
  <si>
    <t>697496.0</t>
  </si>
  <si>
    <t>702198.0</t>
  </si>
  <si>
    <t>711468.0</t>
  </si>
  <si>
    <t>713509.0</t>
  </si>
  <si>
    <t>717595.0</t>
  </si>
  <si>
    <t>722591.0</t>
  </si>
  <si>
    <t>727200.0</t>
  </si>
  <si>
    <t>15.859</t>
  </si>
  <si>
    <t>730193.0</t>
  </si>
  <si>
    <t>15.924</t>
  </si>
  <si>
    <t>732329.0</t>
  </si>
  <si>
    <t>734581.0</t>
  </si>
  <si>
    <t>736720.0</t>
  </si>
  <si>
    <t>16.067</t>
  </si>
  <si>
    <t>739532.0</t>
  </si>
  <si>
    <t>743098.0</t>
  </si>
  <si>
    <t>747134.0</t>
  </si>
  <si>
    <t>16.294</t>
  </si>
  <si>
    <t>750583.0</t>
  </si>
  <si>
    <t>16.369</t>
  </si>
  <si>
    <t>753602.0</t>
  </si>
  <si>
    <t>758383.0</t>
  </si>
  <si>
    <t>762862.0</t>
  </si>
  <si>
    <t>766664.0</t>
  </si>
  <si>
    <t>771238.0</t>
  </si>
  <si>
    <t>775941.0</t>
  </si>
  <si>
    <t>17.019</t>
  </si>
  <si>
    <t>784351.0</t>
  </si>
  <si>
    <t>786510.0</t>
  </si>
  <si>
    <t>789755.0</t>
  </si>
  <si>
    <t>793837.0</t>
  </si>
  <si>
    <t>801935.0</t>
  </si>
  <si>
    <t>804415.0</t>
  </si>
  <si>
    <t>807925.0</t>
  </si>
  <si>
    <t>810849.0</t>
  </si>
  <si>
    <t>813825.0</t>
  </si>
  <si>
    <t>816562.0</t>
  </si>
  <si>
    <t>818180.0</t>
  </si>
  <si>
    <t>820154.0</t>
  </si>
  <si>
    <t>821720.0</t>
  </si>
  <si>
    <t>824471.0</t>
  </si>
  <si>
    <t>826475.0</t>
  </si>
  <si>
    <t>828735.0</t>
  </si>
  <si>
    <t>830970.0</t>
  </si>
  <si>
    <t>18.122</t>
  </si>
  <si>
    <t>831924.0</t>
  </si>
  <si>
    <t>18.143</t>
  </si>
  <si>
    <t>833534.0</t>
  </si>
  <si>
    <t>18.178</t>
  </si>
  <si>
    <t>835243.0</t>
  </si>
  <si>
    <t>18.215</t>
  </si>
  <si>
    <t>837299.0</t>
  </si>
  <si>
    <t>839627.0</t>
  </si>
  <si>
    <t>18.311</t>
  </si>
  <si>
    <t>841560.0</t>
  </si>
  <si>
    <t>18.353</t>
  </si>
  <si>
    <t>18.389</t>
  </si>
  <si>
    <t>844042.0</t>
  </si>
  <si>
    <t>18.407</t>
  </si>
  <si>
    <t>845566.0</t>
  </si>
  <si>
    <t>847856.0</t>
  </si>
  <si>
    <t>850130.0</t>
  </si>
  <si>
    <t>852444.0</t>
  </si>
  <si>
    <t>854532.0</t>
  </si>
  <si>
    <t>18.636</t>
  </si>
  <si>
    <t>856762.0</t>
  </si>
  <si>
    <t>857550.0</t>
  </si>
  <si>
    <t>859578.0</t>
  </si>
  <si>
    <t>18.746</t>
  </si>
  <si>
    <t>860643.0</t>
  </si>
  <si>
    <t>863389.0</t>
  </si>
  <si>
    <t>867506.0</t>
  </si>
  <si>
    <t>868823.0</t>
  </si>
  <si>
    <t>869807.0</t>
  </si>
  <si>
    <t>871686.0</t>
  </si>
  <si>
    <t>873352.0</t>
  </si>
  <si>
    <t>875450.0</t>
  </si>
  <si>
    <t>19.092</t>
  </si>
  <si>
    <t>879037.0</t>
  </si>
  <si>
    <t>880395.0</t>
  </si>
  <si>
    <t>881407.0</t>
  </si>
  <si>
    <t>883390.0</t>
  </si>
  <si>
    <t>19.265</t>
  </si>
  <si>
    <t>885330.0</t>
  </si>
  <si>
    <t>887701.0</t>
  </si>
  <si>
    <t>19.359</t>
  </si>
  <si>
    <t>889845.0</t>
  </si>
  <si>
    <t>891637.0</t>
  </si>
  <si>
    <t>892878.0</t>
  </si>
  <si>
    <t>893607.0</t>
  </si>
  <si>
    <t>894547.0</t>
  </si>
  <si>
    <t>896145.0</t>
  </si>
  <si>
    <t>19.544</t>
  </si>
  <si>
    <t>897975.0</t>
  </si>
  <si>
    <t>900214.0</t>
  </si>
  <si>
    <t>19.632</t>
  </si>
  <si>
    <t>901884.0</t>
  </si>
  <si>
    <t>902929.0</t>
  </si>
  <si>
    <t>19.691</t>
  </si>
  <si>
    <t>903648.0</t>
  </si>
  <si>
    <t>904943.0</t>
  </si>
  <si>
    <t>907398.0</t>
  </si>
  <si>
    <t>19.789</t>
  </si>
  <si>
    <t>910045.0</t>
  </si>
  <si>
    <t>912786.0</t>
  </si>
  <si>
    <t>915714.0</t>
  </si>
  <si>
    <t>917690.0</t>
  </si>
  <si>
    <t>20.013</t>
  </si>
  <si>
    <t>919651.0</t>
  </si>
  <si>
    <t>922290.0</t>
  </si>
  <si>
    <t>924770.0</t>
  </si>
  <si>
    <t>927238.0</t>
  </si>
  <si>
    <t>20.222</t>
  </si>
  <si>
    <t>930429.0</t>
  </si>
  <si>
    <t>20.291</t>
  </si>
  <si>
    <t>933199.0</t>
  </si>
  <si>
    <t>935360.0</t>
  </si>
  <si>
    <t>20.399</t>
  </si>
  <si>
    <t>937521.0</t>
  </si>
  <si>
    <t>69701.0</t>
  </si>
  <si>
    <t>940146.0</t>
  </si>
  <si>
    <t>20.503</t>
  </si>
  <si>
    <t>80836.0</t>
  </si>
  <si>
    <t>942737.0</t>
  </si>
  <si>
    <t>90196.0</t>
  </si>
  <si>
    <t>945344.0</t>
  </si>
  <si>
    <t>20.616</t>
  </si>
  <si>
    <t>948526.0</t>
  </si>
  <si>
    <t>20.686</t>
  </si>
  <si>
    <t>952434.0</t>
  </si>
  <si>
    <t>20.771</t>
  </si>
  <si>
    <t>953669.0</t>
  </si>
  <si>
    <t>20.798</t>
  </si>
  <si>
    <t>955609.0</t>
  </si>
  <si>
    <t>957920.0</t>
  </si>
  <si>
    <t>20.891</t>
  </si>
  <si>
    <t>144025.0</t>
  </si>
  <si>
    <t>960758.0</t>
  </si>
  <si>
    <t>20.953</t>
  </si>
  <si>
    <t>163491.0</t>
  </si>
  <si>
    <t>964009.0</t>
  </si>
  <si>
    <t>176469.0</t>
  </si>
  <si>
    <t>967026.0</t>
  </si>
  <si>
    <t>969637.0</t>
  </si>
  <si>
    <t>180969.0</t>
  </si>
  <si>
    <t>971265.0</t>
  </si>
  <si>
    <t>21.182</t>
  </si>
  <si>
    <t>974067.0</t>
  </si>
  <si>
    <t>197299.0</t>
  </si>
  <si>
    <t>976929.0</t>
  </si>
  <si>
    <t>21.305</t>
  </si>
  <si>
    <t>980790.0</t>
  </si>
  <si>
    <t>220893.0</t>
  </si>
  <si>
    <t>983862.0</t>
  </si>
  <si>
    <t>986829.0</t>
  </si>
  <si>
    <t>227691.0</t>
  </si>
  <si>
    <t>989628.0</t>
  </si>
  <si>
    <t>232514.0</t>
  </si>
  <si>
    <t>991038.0</t>
  </si>
  <si>
    <t>239617.0</t>
  </si>
  <si>
    <t>996140.0</t>
  </si>
  <si>
    <t>21.724</t>
  </si>
  <si>
    <t>245939.0</t>
  </si>
  <si>
    <t>998791.0</t>
  </si>
  <si>
    <t>253562.0</t>
  </si>
  <si>
    <t>268317.0</t>
  </si>
  <si>
    <t>1008838.0</t>
  </si>
  <si>
    <t>22.001</t>
  </si>
  <si>
    <t>276306.0</t>
  </si>
  <si>
    <t>1010071.0</t>
  </si>
  <si>
    <t>22.028</t>
  </si>
  <si>
    <t>304030.0</t>
  </si>
  <si>
    <t>1015177.0</t>
  </si>
  <si>
    <t>330077.0</t>
  </si>
  <si>
    <t>1022436.0</t>
  </si>
  <si>
    <t>339607.0</t>
  </si>
  <si>
    <t>341819.0</t>
  </si>
  <si>
    <t>1029255.0</t>
  </si>
  <si>
    <t>22.446</t>
  </si>
  <si>
    <t>375283.0</t>
  </si>
  <si>
    <t>1032526.0</t>
  </si>
  <si>
    <t>22.518</t>
  </si>
  <si>
    <t>387024.0</t>
  </si>
  <si>
    <t>1035822.0</t>
  </si>
  <si>
    <t>392146.0</t>
  </si>
  <si>
    <t>1039271.0</t>
  </si>
  <si>
    <t>395805.0</t>
  </si>
  <si>
    <t>1042169.0</t>
  </si>
  <si>
    <t>399746.0</t>
  </si>
  <si>
    <t>1044170.0</t>
  </si>
  <si>
    <t>22.772</t>
  </si>
  <si>
    <t>404972.0</t>
  </si>
  <si>
    <t>1052657.0</t>
  </si>
  <si>
    <t>22.957</t>
  </si>
  <si>
    <t>418354.0</t>
  </si>
  <si>
    <t>423092.0</t>
  </si>
  <si>
    <t>430301.0</t>
  </si>
  <si>
    <t>1064201.0</t>
  </si>
  <si>
    <t>453422.0</t>
  </si>
  <si>
    <t>1066651.0</t>
  </si>
  <si>
    <t>466823.0</t>
  </si>
  <si>
    <t>1072007.0</t>
  </si>
  <si>
    <t>488986.0</t>
  </si>
  <si>
    <t>506787.0</t>
  </si>
  <si>
    <t>513338.0</t>
  </si>
  <si>
    <t>511064.0</t>
  </si>
  <si>
    <t>1084760.0</t>
  </si>
  <si>
    <t>23.657</t>
  </si>
  <si>
    <t>530653.0</t>
  </si>
  <si>
    <t>527917.0</t>
  </si>
  <si>
    <t>1087405.0</t>
  </si>
  <si>
    <t>541569.0</t>
  </si>
  <si>
    <t>537440.0</t>
  </si>
  <si>
    <t>565163.0</t>
  </si>
  <si>
    <t>1100350.0</t>
  </si>
  <si>
    <t>577036.0</t>
  </si>
  <si>
    <t>1109851.0</t>
  </si>
  <si>
    <t>595924.0</t>
  </si>
  <si>
    <t>1113368.0</t>
  </si>
  <si>
    <t>647357.0</t>
  </si>
  <si>
    <t>1119023.0</t>
  </si>
  <si>
    <t>672395.0</t>
  </si>
  <si>
    <t>1125306.0</t>
  </si>
  <si>
    <t>677084.0</t>
  </si>
  <si>
    <t>1132193.0</t>
  </si>
  <si>
    <t>706626.0</t>
  </si>
  <si>
    <t>24.952</t>
  </si>
  <si>
    <t>1151421.0</t>
  </si>
  <si>
    <t>748676.0</t>
  </si>
  <si>
    <t>25.191</t>
  </si>
  <si>
    <t>1160001.0</t>
  </si>
  <si>
    <t>1168479.0</t>
  </si>
  <si>
    <t>757664.0</t>
  </si>
  <si>
    <t>1178182.0</t>
  </si>
  <si>
    <t>1187676.0</t>
  </si>
  <si>
    <t>777805.0</t>
  </si>
  <si>
    <t>1196926.0</t>
  </si>
  <si>
    <t>26.103</t>
  </si>
  <si>
    <t>1203499.0</t>
  </si>
  <si>
    <t>786160.0</t>
  </si>
  <si>
    <t>1210114.0</t>
  </si>
  <si>
    <t>26.391</t>
  </si>
  <si>
    <t>803797.0</t>
  </si>
  <si>
    <t>1217352.0</t>
  </si>
  <si>
    <t>26.549</t>
  </si>
  <si>
    <t>806129.0</t>
  </si>
  <si>
    <t>1228618.0</t>
  </si>
  <si>
    <t>812118.0</t>
  </si>
  <si>
    <t>1239128.0</t>
  </si>
  <si>
    <t>821659.0</t>
  </si>
  <si>
    <t>1248469.0</t>
  </si>
  <si>
    <t>27.227</t>
  </si>
  <si>
    <t>1257535.0</t>
  </si>
  <si>
    <t>27.425</t>
  </si>
  <si>
    <t>1266601.0</t>
  </si>
  <si>
    <t>831146.0</t>
  </si>
  <si>
    <t>834271.0</t>
  </si>
  <si>
    <t>1277941.0</t>
  </si>
  <si>
    <t>1287020.0</t>
  </si>
  <si>
    <t>28.068</t>
  </si>
  <si>
    <t>841629.0</t>
  </si>
  <si>
    <t>1295376.0</t>
  </si>
  <si>
    <t>843039.0</t>
  </si>
  <si>
    <t>1303509.0</t>
  </si>
  <si>
    <t>1311683.0</t>
  </si>
  <si>
    <t>28.606</t>
  </si>
  <si>
    <t>1316741.0</t>
  </si>
  <si>
    <t>854232.0</t>
  </si>
  <si>
    <t>1319958.0</t>
  </si>
  <si>
    <t>854443.0</t>
  </si>
  <si>
    <t>1326017.0</t>
  </si>
  <si>
    <t>856025.0</t>
  </si>
  <si>
    <t>29.081</t>
  </si>
  <si>
    <t>861645.0</t>
  </si>
  <si>
    <t>1341182.0</t>
  </si>
  <si>
    <t>1348266.0</t>
  </si>
  <si>
    <t>990902.0</t>
  </si>
  <si>
    <t>1355146.0</t>
  </si>
  <si>
    <t>1359790.0</t>
  </si>
  <si>
    <t>1027036.0</t>
  </si>
  <si>
    <t>1363101.0</t>
  </si>
  <si>
    <t>29.727</t>
  </si>
  <si>
    <t>1058094.0</t>
  </si>
  <si>
    <t>1373065.0</t>
  </si>
  <si>
    <t>1379070.0</t>
  </si>
  <si>
    <t>30.075</t>
  </si>
  <si>
    <t>1384388.0</t>
  </si>
  <si>
    <t>1390017.0</t>
  </si>
  <si>
    <t>1394963.0</t>
  </si>
  <si>
    <t>30.422</t>
  </si>
  <si>
    <t>1398851.0</t>
  </si>
  <si>
    <t>30.507</t>
  </si>
  <si>
    <t>1403076.0</t>
  </si>
  <si>
    <t>1079943.0</t>
  </si>
  <si>
    <t>1408002.0</t>
  </si>
  <si>
    <t>1085382.0</t>
  </si>
  <si>
    <t>1413482.0</t>
  </si>
  <si>
    <t>1418721.0</t>
  </si>
  <si>
    <t>1424270.0</t>
  </si>
  <si>
    <t>31.061</t>
  </si>
  <si>
    <t>1427897.0</t>
  </si>
  <si>
    <t>1087152.0</t>
  </si>
  <si>
    <t>1434303.0</t>
  </si>
  <si>
    <t>1101431.0</t>
  </si>
  <si>
    <t>1436820.0</t>
  </si>
  <si>
    <t>31.335</t>
  </si>
  <si>
    <t>1440445.0</t>
  </si>
  <si>
    <t>1106762.0</t>
  </si>
  <si>
    <t>1445413.0</t>
  </si>
  <si>
    <t>1449128.0</t>
  </si>
  <si>
    <t>1452687.0</t>
  </si>
  <si>
    <t>1454301.0</t>
  </si>
  <si>
    <t>31.716</t>
  </si>
  <si>
    <t>1458646.0</t>
  </si>
  <si>
    <t>31.811</t>
  </si>
  <si>
    <t>1461319.0</t>
  </si>
  <si>
    <t>31.869</t>
  </si>
  <si>
    <t>1465216.0</t>
  </si>
  <si>
    <t>31.954</t>
  </si>
  <si>
    <t>1135036.0</t>
  </si>
  <si>
    <t>1469682.0</t>
  </si>
  <si>
    <t>32.051</t>
  </si>
  <si>
    <t>1473950.0</t>
  </si>
  <si>
    <t>32.145</t>
  </si>
  <si>
    <t>1143763.0</t>
  </si>
  <si>
    <t>1477497.0</t>
  </si>
  <si>
    <t>32.222</t>
  </si>
  <si>
    <t>1479471.0</t>
  </si>
  <si>
    <t>1483302.0</t>
  </si>
  <si>
    <t>1486951.0</t>
  </si>
  <si>
    <t>1150676.0</t>
  </si>
  <si>
    <t>32.523</t>
  </si>
  <si>
    <t>1152874.0</t>
  </si>
  <si>
    <t>1499619.0</t>
  </si>
  <si>
    <t>1503132.0</t>
  </si>
  <si>
    <t>1505054.0</t>
  </si>
  <si>
    <t>32.884</t>
  </si>
  <si>
    <t>1511089.0</t>
  </si>
  <si>
    <t>32.955</t>
  </si>
  <si>
    <t>1515178.0</t>
  </si>
  <si>
    <t>1524527.0</t>
  </si>
  <si>
    <t>1527899.0</t>
  </si>
  <si>
    <t>1530107.0</t>
  </si>
  <si>
    <t>33.369</t>
  </si>
  <si>
    <t>1533326.0</t>
  </si>
  <si>
    <t>1536425.0</t>
  </si>
  <si>
    <t>33.507</t>
  </si>
  <si>
    <t>1546900.0</t>
  </si>
  <si>
    <t>33.735</t>
  </si>
  <si>
    <t>1550386.0</t>
  </si>
  <si>
    <t>33.812</t>
  </si>
  <si>
    <t>1163451.0</t>
  </si>
  <si>
    <t>901900.0</t>
  </si>
  <si>
    <t>242310.0</t>
  </si>
  <si>
    <t>1553673.0</t>
  </si>
  <si>
    <t>33.883</t>
  </si>
  <si>
    <t>1297726.0</t>
  </si>
  <si>
    <t>134275.0</t>
  </si>
  <si>
    <t>1555664.0</t>
  </si>
  <si>
    <t>33.927</t>
  </si>
  <si>
    <t>1558706.0</t>
  </si>
  <si>
    <t>33.993</t>
  </si>
  <si>
    <t>0.8531</t>
  </si>
  <si>
    <t>1561437.0</t>
  </si>
  <si>
    <t>1565071.0</t>
  </si>
  <si>
    <t>34.132</t>
  </si>
  <si>
    <t>0.9289</t>
  </si>
  <si>
    <t>1569347.0</t>
  </si>
  <si>
    <t>34.225</t>
  </si>
  <si>
    <t>0.9661</t>
  </si>
  <si>
    <t>28279.0</t>
  </si>
  <si>
    <t>1573499.0</t>
  </si>
  <si>
    <t>0.9464</t>
  </si>
  <si>
    <t>1576439.0</t>
  </si>
  <si>
    <t>0.9704</t>
  </si>
  <si>
    <t>1579638.0</t>
  </si>
  <si>
    <t>34.449</t>
  </si>
  <si>
    <t>1583298.0</t>
  </si>
  <si>
    <t>34.529</t>
  </si>
  <si>
    <t>1586275.0</t>
  </si>
  <si>
    <t>1436264.0</t>
  </si>
  <si>
    <t>1030447.0</t>
  </si>
  <si>
    <t>1593197.0</t>
  </si>
  <si>
    <t>1596628.0</t>
  </si>
  <si>
    <t>1600315.0</t>
  </si>
  <si>
    <t>1603010.0</t>
  </si>
  <si>
    <t>34.959</t>
  </si>
  <si>
    <t>1606210.0</t>
  </si>
  <si>
    <t>1610131.0</t>
  </si>
  <si>
    <t>35.114</t>
  </si>
  <si>
    <t>1613803.0</t>
  </si>
  <si>
    <t>35.195</t>
  </si>
  <si>
    <t>1617657.0</t>
  </si>
  <si>
    <t>1622495.0</t>
  </si>
  <si>
    <t>1626546.0</t>
  </si>
  <si>
    <t>35.472</t>
  </si>
  <si>
    <t>1629020.0</t>
  </si>
  <si>
    <t>1632256.0</t>
  </si>
  <si>
    <t>35.597</t>
  </si>
  <si>
    <t>1635630.0</t>
  </si>
  <si>
    <t>35.671</t>
  </si>
  <si>
    <t>1639822.0</t>
  </si>
  <si>
    <t>35.762</t>
  </si>
  <si>
    <t>1643750.0</t>
  </si>
  <si>
    <t>35.848</t>
  </si>
  <si>
    <t>1647322.0</t>
  </si>
  <si>
    <t>1650421.0</t>
  </si>
  <si>
    <t>35.993</t>
  </si>
  <si>
    <t>1653033.0</t>
  </si>
  <si>
    <t>1656110.0</t>
  </si>
  <si>
    <t>36.117</t>
  </si>
  <si>
    <t>1659900.0</t>
  </si>
  <si>
    <t>1663729.0</t>
  </si>
  <si>
    <t>36.283</t>
  </si>
  <si>
    <t>2058553.0</t>
  </si>
  <si>
    <t>1643067.0</t>
  </si>
  <si>
    <t>1667531.0</t>
  </si>
  <si>
    <t>36.366</t>
  </si>
  <si>
    <t>30707.0</t>
  </si>
  <si>
    <t>1671304.0</t>
  </si>
  <si>
    <t>1675142.0</t>
  </si>
  <si>
    <t>36.532</t>
  </si>
  <si>
    <t>1677756.0</t>
  </si>
  <si>
    <t>36.589</t>
  </si>
  <si>
    <t>1680863.0</t>
  </si>
  <si>
    <t>36.657</t>
  </si>
  <si>
    <t>1684232.0</t>
  </si>
  <si>
    <t>1687958.0</t>
  </si>
  <si>
    <t>1692121.0</t>
  </si>
  <si>
    <t>36.903</t>
  </si>
  <si>
    <t>1696176.0</t>
  </si>
  <si>
    <t>36.991</t>
  </si>
  <si>
    <t>1700054.0</t>
  </si>
  <si>
    <t>37.076</t>
  </si>
  <si>
    <t>1702945.0</t>
  </si>
  <si>
    <t>1705808.0</t>
  </si>
  <si>
    <t>37.201</t>
  </si>
  <si>
    <t>1709310.0</t>
  </si>
  <si>
    <t>1713164.0</t>
  </si>
  <si>
    <t>37.361</t>
  </si>
  <si>
    <t>1718085.0</t>
  </si>
  <si>
    <t>37.469</t>
  </si>
  <si>
    <t>2615807.0</t>
  </si>
  <si>
    <t>2200321.0</t>
  </si>
  <si>
    <t>1723620.0</t>
  </si>
  <si>
    <t>1728303.0</t>
  </si>
  <si>
    <t>33795.0</t>
  </si>
  <si>
    <t>1731848.0</t>
  </si>
  <si>
    <t>37.769</t>
  </si>
  <si>
    <t>1735671.0</t>
  </si>
  <si>
    <t>37.852</t>
  </si>
  <si>
    <t>1739178.0</t>
  </si>
  <si>
    <t>37.929</t>
  </si>
  <si>
    <t>1742981.0</t>
  </si>
  <si>
    <t>38.012</t>
  </si>
  <si>
    <t>1746963.0</t>
  </si>
  <si>
    <t>2793657.0</t>
  </si>
  <si>
    <t>2378171.0</t>
  </si>
  <si>
    <t>1751384.0</t>
  </si>
  <si>
    <t>38.195</t>
  </si>
  <si>
    <t>1755591.0</t>
  </si>
  <si>
    <t>38.287</t>
  </si>
  <si>
    <t>1758302.0</t>
  </si>
  <si>
    <t>38.346</t>
  </si>
  <si>
    <t>1761622.0</t>
  </si>
  <si>
    <t>38.418</t>
  </si>
  <si>
    <t>1765008.0</t>
  </si>
  <si>
    <t>38.492</t>
  </si>
  <si>
    <t>1768664.0</t>
  </si>
  <si>
    <t>1773181.0</t>
  </si>
  <si>
    <t>2990507.0</t>
  </si>
  <si>
    <t>2575021.0</t>
  </si>
  <si>
    <t>1777540.0</t>
  </si>
  <si>
    <t>38.765</t>
  </si>
  <si>
    <t>1781878.0</t>
  </si>
  <si>
    <t>33155.0</t>
  </si>
  <si>
    <t>1788699.0</t>
  </si>
  <si>
    <t>34833.0</t>
  </si>
  <si>
    <t>1792314.0</t>
  </si>
  <si>
    <t>39.088</t>
  </si>
  <si>
    <t>1796161.0</t>
  </si>
  <si>
    <t>1801297.0</t>
  </si>
  <si>
    <t>3269568.0</t>
  </si>
  <si>
    <t>2854082.0</t>
  </si>
  <si>
    <t>1811360.0</t>
  </si>
  <si>
    <t>42153.0</t>
  </si>
  <si>
    <t>1816587.0</t>
  </si>
  <si>
    <t>1820976.0</t>
  </si>
  <si>
    <t>1825936.0</t>
  </si>
  <si>
    <t>39.821</t>
  </si>
  <si>
    <t>1830185.0</t>
  </si>
  <si>
    <t>39.914</t>
  </si>
  <si>
    <t>1836413.0</t>
  </si>
  <si>
    <t>40.049</t>
  </si>
  <si>
    <t>3604659.0</t>
  </si>
  <si>
    <t>3189173.0</t>
  </si>
  <si>
    <t>1841503.0</t>
  </si>
  <si>
    <t>1846902.0</t>
  </si>
  <si>
    <t>1850164.0</t>
  </si>
  <si>
    <t>48357.0</t>
  </si>
  <si>
    <t>1854910.0</t>
  </si>
  <si>
    <t>48519.0</t>
  </si>
  <si>
    <t>1860467.0</t>
  </si>
  <si>
    <t>40.574</t>
  </si>
  <si>
    <t>1865329.0</t>
  </si>
  <si>
    <t>3898698.0</t>
  </si>
  <si>
    <t>3483212.0</t>
  </si>
  <si>
    <t>1871997.0</t>
  </si>
  <si>
    <t>40.825</t>
  </si>
  <si>
    <t>52155.0</t>
  </si>
  <si>
    <t>1877667.0</t>
  </si>
  <si>
    <t>40.949</t>
  </si>
  <si>
    <t>83732.0</t>
  </si>
  <si>
    <t>55303.0</t>
  </si>
  <si>
    <t>1882780.0</t>
  </si>
  <si>
    <t>101094.0</t>
  </si>
  <si>
    <t>1888207.0</t>
  </si>
  <si>
    <t>41.179</t>
  </si>
  <si>
    <t>118457.0</t>
  </si>
  <si>
    <t>61600.0</t>
  </si>
  <si>
    <t>1892694.0</t>
  </si>
  <si>
    <t>4751422.0</t>
  </si>
  <si>
    <t>3838439.0</t>
  </si>
  <si>
    <t>912983.0</t>
  </si>
  <si>
    <t>135820.0</t>
  </si>
  <si>
    <t>1897125.0</t>
  </si>
  <si>
    <t>41.373</t>
  </si>
  <si>
    <t>147043.0</t>
  </si>
  <si>
    <t>1901770.0</t>
  </si>
  <si>
    <t>82734.0</t>
  </si>
  <si>
    <t>1907599.0</t>
  </si>
  <si>
    <t>41.602</t>
  </si>
  <si>
    <t>152128.0</t>
  </si>
  <si>
    <t>88578.0</t>
  </si>
  <si>
    <t>1913238.0</t>
  </si>
  <si>
    <t>41.725</t>
  </si>
  <si>
    <t>94423.0</t>
  </si>
  <si>
    <t>1918690.0</t>
  </si>
  <si>
    <t>139851.0</t>
  </si>
  <si>
    <t>1922628.0</t>
  </si>
  <si>
    <t>133712.0</t>
  </si>
  <si>
    <t>1927610.0</t>
  </si>
  <si>
    <t>42.038</t>
  </si>
  <si>
    <t>127573.0</t>
  </si>
  <si>
    <t>111956.0</t>
  </si>
  <si>
    <t>1932220.0</t>
  </si>
  <si>
    <t>42.139</t>
  </si>
  <si>
    <t>1937697.0</t>
  </si>
  <si>
    <t>1948131.0</t>
  </si>
  <si>
    <t>42.486</t>
  </si>
  <si>
    <t>1953083.0</t>
  </si>
  <si>
    <t>1958401.0</t>
  </si>
  <si>
    <t>1963048.0</t>
  </si>
  <si>
    <t>1968583.0</t>
  </si>
  <si>
    <t>42.932</t>
  </si>
  <si>
    <t>1972975.0</t>
  </si>
  <si>
    <t>43.028</t>
  </si>
  <si>
    <t>1978839.0</t>
  </si>
  <si>
    <t>43.155</t>
  </si>
  <si>
    <t>1984169.0</t>
  </si>
  <si>
    <t>1989470.0</t>
  </si>
  <si>
    <t>43.387</t>
  </si>
  <si>
    <t>1994268.0</t>
  </si>
  <si>
    <t>43.492</t>
  </si>
  <si>
    <t>1998517.0</t>
  </si>
  <si>
    <t>43.585</t>
  </si>
  <si>
    <t>2003614.0</t>
  </si>
  <si>
    <t>2003652.0</t>
  </si>
  <si>
    <t>43.697</t>
  </si>
  <si>
    <t>2013674.0</t>
  </si>
  <si>
    <t>43.915</t>
  </si>
  <si>
    <t>7813170.0</t>
  </si>
  <si>
    <t>6525371.0</t>
  </si>
  <si>
    <t>1287799.0</t>
  </si>
  <si>
    <t>2019433.0</t>
  </si>
  <si>
    <t>44.041</t>
  </si>
  <si>
    <t>134671.0</t>
  </si>
  <si>
    <t>2026011.0</t>
  </si>
  <si>
    <t>141769.0</t>
  </si>
  <si>
    <t>2030496.0</t>
  </si>
  <si>
    <t>135251.0</t>
  </si>
  <si>
    <t>2034616.0</t>
  </si>
  <si>
    <t>44.372</t>
  </si>
  <si>
    <t>143017.0</t>
  </si>
  <si>
    <t>2041466.0</t>
  </si>
  <si>
    <t>44.521</t>
  </si>
  <si>
    <t>163064.0</t>
  </si>
  <si>
    <t>150782.0</t>
  </si>
  <si>
    <t>2046278.0</t>
  </si>
  <si>
    <t>44.626</t>
  </si>
  <si>
    <t>170162.0</t>
  </si>
  <si>
    <t>158547.0</t>
  </si>
  <si>
    <t>2053117.0</t>
  </si>
  <si>
    <t>44.775</t>
  </si>
  <si>
    <t>177260.0</t>
  </si>
  <si>
    <t>166312.0</t>
  </si>
  <si>
    <t>2059797.0</t>
  </si>
  <si>
    <t>2066294.0</t>
  </si>
  <si>
    <t>45.063</t>
  </si>
  <si>
    <t>2078188.0</t>
  </si>
  <si>
    <t>45.322</t>
  </si>
  <si>
    <t>9763030.0</t>
  </si>
  <si>
    <t>8354808.0</t>
  </si>
  <si>
    <t>1408222.0</t>
  </si>
  <si>
    <t>2085180.0</t>
  </si>
  <si>
    <t>45.475</t>
  </si>
  <si>
    <t>171453.0</t>
  </si>
  <si>
    <t>156538.0</t>
  </si>
  <si>
    <t>2092620.0</t>
  </si>
  <si>
    <t>165646.0</t>
  </si>
  <si>
    <t>2101546.0</t>
  </si>
  <si>
    <t>159839.0</t>
  </si>
  <si>
    <t>2109457.0</t>
  </si>
  <si>
    <t>154032.0</t>
  </si>
  <si>
    <t>127213.0</t>
  </si>
  <si>
    <t>2115474.0</t>
  </si>
  <si>
    <t>46.135</t>
  </si>
  <si>
    <t>117439.0</t>
  </si>
  <si>
    <t>2120823.0</t>
  </si>
  <si>
    <t>46.252</t>
  </si>
  <si>
    <t>107664.0</t>
  </si>
  <si>
    <t>2127766.0</t>
  </si>
  <si>
    <t>46.403</t>
  </si>
  <si>
    <t>97889.0</t>
  </si>
  <si>
    <t>2136079.0</t>
  </si>
  <si>
    <t>2143822.0</t>
  </si>
  <si>
    <t>2151870.0</t>
  </si>
  <si>
    <t>2160185.0</t>
  </si>
  <si>
    <t>2166777.0</t>
  </si>
  <si>
    <t>47.254</t>
  </si>
  <si>
    <t>2171946.0</t>
  </si>
  <si>
    <t>2180640.0</t>
  </si>
  <si>
    <t>47.556</t>
  </si>
  <si>
    <t>2189299.0</t>
  </si>
  <si>
    <t>47.745</t>
  </si>
  <si>
    <t>2205686.0</t>
  </si>
  <si>
    <t>12085428.0</t>
  </si>
  <si>
    <t>2214470.0</t>
  </si>
  <si>
    <t>48.294</t>
  </si>
  <si>
    <t>121906.0</t>
  </si>
  <si>
    <t>2222413.0</t>
  </si>
  <si>
    <t>48.636</t>
  </si>
  <si>
    <t>92494.0</t>
  </si>
  <si>
    <t>2237144.0</t>
  </si>
  <si>
    <t>48.789</t>
  </si>
  <si>
    <t>12220106.0</t>
  </si>
  <si>
    <t>10410479.0</t>
  </si>
  <si>
    <t>1809627.0</t>
  </si>
  <si>
    <t>2244422.0</t>
  </si>
  <si>
    <t>86754.0</t>
  </si>
  <si>
    <t>2250798.0</t>
  </si>
  <si>
    <t>2258524.0</t>
  </si>
  <si>
    <t>64483.0</t>
  </si>
  <si>
    <t>2265977.0</t>
  </si>
  <si>
    <t>53348.0</t>
  </si>
  <si>
    <t>2273381.0</t>
  </si>
  <si>
    <t>2279236.0</t>
  </si>
  <si>
    <t>2284774.0</t>
  </si>
  <si>
    <t>49.827</t>
  </si>
  <si>
    <t>2289947.0</t>
  </si>
  <si>
    <t>2301253.0</t>
  </si>
  <si>
    <t>50.187</t>
  </si>
  <si>
    <t>2307432.0</t>
  </si>
  <si>
    <t>50.322</t>
  </si>
  <si>
    <t>2313681.0</t>
  </si>
  <si>
    <t>50.458</t>
  </si>
  <si>
    <t>2318408.0</t>
  </si>
  <si>
    <t>12599741.0</t>
  </si>
  <si>
    <t>10669724.0</t>
  </si>
  <si>
    <t>1930017.0</t>
  </si>
  <si>
    <t>2324355.0</t>
  </si>
  <si>
    <t>50.691</t>
  </si>
  <si>
    <t>2330157.0</t>
  </si>
  <si>
    <t>50.817</t>
  </si>
  <si>
    <t>2334756.0</t>
  </si>
  <si>
    <t>50.917</t>
  </si>
  <si>
    <t>2340410.0</t>
  </si>
  <si>
    <t>51.041</t>
  </si>
  <si>
    <t>2346079.0</t>
  </si>
  <si>
    <t>2350819.0</t>
  </si>
  <si>
    <t>51.268</t>
  </si>
  <si>
    <t>12911692.0</t>
  </si>
  <si>
    <t>10896664.0</t>
  </si>
  <si>
    <t>2015028.0</t>
  </si>
  <si>
    <t>75497.0</t>
  </si>
  <si>
    <t>95592.0</t>
  </si>
  <si>
    <t>2364426.0</t>
  </si>
  <si>
    <t>51.564</t>
  </si>
  <si>
    <t>148503.0</t>
  </si>
  <si>
    <t>2368066.0</t>
  </si>
  <si>
    <t>221509.0</t>
  </si>
  <si>
    <t>258011.0</t>
  </si>
  <si>
    <t>230040.0</t>
  </si>
  <si>
    <t>14973293.0</t>
  </si>
  <si>
    <t>12742231.0</t>
  </si>
  <si>
    <t>294514.0</t>
  </si>
  <si>
    <t>263652.0</t>
  </si>
  <si>
    <t>2385367.0</t>
  </si>
  <si>
    <t>265512.0</t>
  </si>
  <si>
    <t>236510.0</t>
  </si>
  <si>
    <t>204435.0</t>
  </si>
  <si>
    <t>2389360.0</t>
  </si>
  <si>
    <t>52.108</t>
  </si>
  <si>
    <t>207507.0</t>
  </si>
  <si>
    <t>174827.0</t>
  </si>
  <si>
    <t>178505.0</t>
  </si>
  <si>
    <t>145218.0</t>
  </si>
  <si>
    <t>149503.0</t>
  </si>
  <si>
    <t>115610.0</t>
  </si>
  <si>
    <t>120501.0</t>
  </si>
  <si>
    <t>91498.0</t>
  </si>
  <si>
    <t>2414784.0</t>
  </si>
  <si>
    <t>52.663</t>
  </si>
  <si>
    <t>2426761.0</t>
  </si>
  <si>
    <t>52.924</t>
  </si>
  <si>
    <t>2437127.0</t>
  </si>
  <si>
    <t>16254268.0</t>
  </si>
  <si>
    <t>13531724.0</t>
  </si>
  <si>
    <t>2706785.0</t>
  </si>
  <si>
    <t>2443245.0</t>
  </si>
  <si>
    <t>53.283</t>
  </si>
  <si>
    <t>82445.0</t>
  </si>
  <si>
    <t>2446107.0</t>
  </si>
  <si>
    <t>53.346</t>
  </si>
  <si>
    <t>2452572.0</t>
  </si>
  <si>
    <t>53.487</t>
  </si>
  <si>
    <t>2457240.0</t>
  </si>
  <si>
    <t>64338.0</t>
  </si>
  <si>
    <t>42105.0</t>
  </si>
  <si>
    <t>16672943.0</t>
  </si>
  <si>
    <t>13809794.0</t>
  </si>
  <si>
    <t>59811.0</t>
  </si>
  <si>
    <t>39724.0</t>
  </si>
  <si>
    <t>57415.0</t>
  </si>
  <si>
    <t>2465948.0</t>
  </si>
  <si>
    <t>53.779</t>
  </si>
  <si>
    <t>52623.0</t>
  </si>
  <si>
    <t>2468798.0</t>
  </si>
  <si>
    <t>32534.0</t>
  </si>
  <si>
    <t>47831.0</t>
  </si>
  <si>
    <t>2472516.0</t>
  </si>
  <si>
    <t>53.922</t>
  </si>
  <si>
    <t>2482619.0</t>
  </si>
  <si>
    <t>54.142</t>
  </si>
  <si>
    <t>17060289.0</t>
  </si>
  <si>
    <t>14054059.0</t>
  </si>
  <si>
    <t>2985472.0</t>
  </si>
  <si>
    <t>2491586.0</t>
  </si>
  <si>
    <t>54.338</t>
  </si>
  <si>
    <t>40823.0</t>
  </si>
  <si>
    <t>38608.0</t>
  </si>
  <si>
    <t>17197954.0</t>
  </si>
  <si>
    <t>14131307.0</t>
  </si>
  <si>
    <t>8014082.0</t>
  </si>
  <si>
    <t>27438.0</t>
  </si>
  <si>
    <t>27295.0</t>
  </si>
  <si>
    <t>2513469.0</t>
  </si>
  <si>
    <t>54.815</t>
  </si>
  <si>
    <t>2529930.0</t>
  </si>
  <si>
    <t>2542633.0</t>
  </si>
  <si>
    <t>55.451</t>
  </si>
  <si>
    <t>17605945.0</t>
  </si>
  <si>
    <t>14247523.0</t>
  </si>
  <si>
    <t>2555603.0</t>
  </si>
  <si>
    <t>55.734</t>
  </si>
  <si>
    <t>79608.0</t>
  </si>
  <si>
    <t>97078.0</t>
  </si>
  <si>
    <t>114548.0</t>
  </si>
  <si>
    <t>132017.0</t>
  </si>
  <si>
    <t>149487.0</t>
  </si>
  <si>
    <t>2573530.0</t>
  </si>
  <si>
    <t>2577730.0</t>
  </si>
  <si>
    <t>283.3</t>
  </si>
  <si>
    <t>19399787.0</t>
  </si>
  <si>
    <t>10127207.0</t>
  </si>
  <si>
    <t>336.3</t>
  </si>
  <si>
    <t>130310.0</t>
  </si>
  <si>
    <t>253.4</t>
  </si>
  <si>
    <t>2598861.0</t>
  </si>
  <si>
    <t>56.677</t>
  </si>
  <si>
    <t>395.1</t>
  </si>
  <si>
    <t>396.6</t>
  </si>
  <si>
    <t>637.5</t>
  </si>
  <si>
    <t>938.5</t>
  </si>
  <si>
    <t>2612795.0</t>
  </si>
  <si>
    <t>1768.3</t>
  </si>
  <si>
    <t>19643808.0</t>
  </si>
  <si>
    <t>10235247.0</t>
  </si>
  <si>
    <t>44046.0</t>
  </si>
  <si>
    <t>58444.0</t>
  </si>
  <si>
    <t>1721.4</t>
  </si>
  <si>
    <t>72841.0</t>
  </si>
  <si>
    <t>1827.8</t>
  </si>
  <si>
    <t>20223978.0</t>
  </si>
  <si>
    <t>15208403.0</t>
  </si>
  <si>
    <t>10250742.0</t>
  </si>
  <si>
    <t>87239.0</t>
  </si>
  <si>
    <t>783.4</t>
  </si>
  <si>
    <t>98845.0</t>
  </si>
  <si>
    <t>110451.0</t>
  </si>
  <si>
    <t>2651965.0</t>
  </si>
  <si>
    <t>107660.0</t>
  </si>
  <si>
    <t>727.8</t>
  </si>
  <si>
    <t>104869.0</t>
  </si>
  <si>
    <t>51473.0</t>
  </si>
  <si>
    <t>102077.0</t>
  </si>
  <si>
    <t>57062.0</t>
  </si>
  <si>
    <t>634.5</t>
  </si>
  <si>
    <t>577.3</t>
  </si>
  <si>
    <t>20899440.0</t>
  </si>
  <si>
    <t>15686085.0</t>
  </si>
  <si>
    <t>10568519.0</t>
  </si>
  <si>
    <t>96495.0</t>
  </si>
  <si>
    <t>68240.0</t>
  </si>
  <si>
    <t>392.9</t>
  </si>
  <si>
    <t>82710.0</t>
  </si>
  <si>
    <t>68925.0</t>
  </si>
  <si>
    <t>51193.0</t>
  </si>
  <si>
    <t>2665752.0</t>
  </si>
  <si>
    <t>58.136</t>
  </si>
  <si>
    <t>55140.0</t>
  </si>
  <si>
    <t>41355.0</t>
  </si>
  <si>
    <t>15746111.0</t>
  </si>
  <si>
    <t>10643058.0</t>
  </si>
  <si>
    <t>3835.4</t>
  </si>
  <si>
    <t>2681702.0</t>
  </si>
  <si>
    <t>58.484</t>
  </si>
  <si>
    <t>21044430.0</t>
  </si>
  <si>
    <t>15753703.0</t>
  </si>
  <si>
    <t>10663135.0</t>
  </si>
  <si>
    <t>2713906.0</t>
  </si>
  <si>
    <t>21268120.0</t>
  </si>
  <si>
    <t>15896844.0</t>
  </si>
  <si>
    <t>10790397.0</t>
  </si>
  <si>
    <t>74990.0</t>
  </si>
  <si>
    <t>2729243.0</t>
  </si>
  <si>
    <t>21490654.0</t>
  </si>
  <si>
    <t>16032667.0</t>
  </si>
  <si>
    <t>10966811.0</t>
  </si>
  <si>
    <t>2746816.0</t>
  </si>
  <si>
    <t>2749166.0</t>
  </si>
  <si>
    <t>59.955</t>
  </si>
  <si>
    <t>21756456.0</t>
  </si>
  <si>
    <t>16226827.0</t>
  </si>
  <si>
    <t>11144005.0</t>
  </si>
  <si>
    <t>82919.0</t>
  </si>
  <si>
    <t>51797.0</t>
  </si>
  <si>
    <t>38323.0</t>
  </si>
  <si>
    <t>65622.0</t>
  </si>
  <si>
    <t>79447.0</t>
  </si>
  <si>
    <t>86360.0</t>
  </si>
  <si>
    <t>22965496.0</t>
  </si>
  <si>
    <t>16960947.0</t>
  </si>
  <si>
    <t>11647306.0</t>
  </si>
  <si>
    <t>188743.0</t>
  </si>
  <si>
    <t>94567.0</t>
  </si>
  <si>
    <t>64226.0</t>
  </si>
  <si>
    <t>110982.0</t>
  </si>
  <si>
    <t>70121.0</t>
  </si>
  <si>
    <t>119189.0</t>
  </si>
  <si>
    <t>127396.0</t>
  </si>
  <si>
    <t>135603.0</t>
  </si>
  <si>
    <t>23972170.0</t>
  </si>
  <si>
    <t>17616836.0</t>
  </si>
  <si>
    <t>12029925.0</t>
  </si>
  <si>
    <t>143811.0</t>
  </si>
  <si>
    <t>137210.0</t>
  </si>
  <si>
    <t>85892.0</t>
  </si>
  <si>
    <t>117407.0</t>
  </si>
  <si>
    <t>74182.0</t>
  </si>
  <si>
    <t>104206.0</t>
  </si>
  <si>
    <t>24655406.0</t>
  </si>
  <si>
    <t>18081463.0</t>
  </si>
  <si>
    <t>12280315.0</t>
  </si>
  <si>
    <t>361585.0</t>
  </si>
  <si>
    <t>97605.0</t>
  </si>
  <si>
    <t>85748.0</t>
  </si>
  <si>
    <t>58137.0</t>
  </si>
  <si>
    <t>73891.0</t>
  </si>
  <si>
    <t>24859885.0</t>
  </si>
  <si>
    <t>18203390.0</t>
  </si>
  <si>
    <t>12434786.0</t>
  </si>
  <si>
    <t>378659.0</t>
  </si>
  <si>
    <t>25078754.0</t>
  </si>
  <si>
    <t>18339496.0</t>
  </si>
  <si>
    <t>12527180.0</t>
  </si>
  <si>
    <t>391233.0</t>
  </si>
  <si>
    <t>25120036.0</t>
  </si>
  <si>
    <t>18386089.0</t>
  </si>
  <si>
    <t>12560355.0</t>
  </si>
  <si>
    <t>398627.0</t>
  </si>
  <si>
    <t>25273890.0</t>
  </si>
  <si>
    <t>18483027.0</t>
  </si>
  <si>
    <t>12668841.0</t>
  </si>
  <si>
    <t>25400085.0</t>
  </si>
  <si>
    <t>18582783.0</t>
  </si>
  <si>
    <t>12704592.0</t>
  </si>
  <si>
    <t>431349.0</t>
  </si>
  <si>
    <t>16846.0</t>
  </si>
  <si>
    <t>25783131.0</t>
  </si>
  <si>
    <t>18867075.0</t>
  </si>
  <si>
    <t>12765601.0</t>
  </si>
  <si>
    <t>26244519.0</t>
  </si>
  <si>
    <t>12950873.0</t>
  </si>
  <si>
    <t>26299538.0</t>
  </si>
  <si>
    <t>12961901.0</t>
  </si>
  <si>
    <t>453508.0</t>
  </si>
  <si>
    <t>UKR</t>
  </si>
  <si>
    <t>Ukraine</t>
  </si>
  <si>
    <t>-6728.0</t>
  </si>
  <si>
    <t>-169.463588299799</t>
  </si>
  <si>
    <t>93519.0</t>
  </si>
  <si>
    <t>98719.0</t>
  </si>
  <si>
    <t>104544.0</t>
  </si>
  <si>
    <t>111859.0</t>
  </si>
  <si>
    <t>-9025.8</t>
  </si>
  <si>
    <t>-227.340139012533</t>
  </si>
  <si>
    <t>118545.0</t>
  </si>
  <si>
    <t>122752.0</t>
  </si>
  <si>
    <t>129723.0</t>
  </si>
  <si>
    <t>134592.0</t>
  </si>
  <si>
    <t>139759.0</t>
  </si>
  <si>
    <t>144283.0</t>
  </si>
  <si>
    <t>151569.0</t>
  </si>
  <si>
    <t>159155.0</t>
  </si>
  <si>
    <t>176403.0</t>
  </si>
  <si>
    <t>181552.0</t>
  </si>
  <si>
    <t>187307.0</t>
  </si>
  <si>
    <t>202495.0</t>
  </si>
  <si>
    <t>211614.0</t>
  </si>
  <si>
    <t>220638.0</t>
  </si>
  <si>
    <t>227801.0</t>
  </si>
  <si>
    <t>232899.0</t>
  </si>
  <si>
    <t>239961.0</t>
  </si>
  <si>
    <t>248529.0</t>
  </si>
  <si>
    <t>267185.0</t>
  </si>
  <si>
    <t>277712.0</t>
  </si>
  <si>
    <t>285626.0</t>
  </si>
  <si>
    <t>291868.0</t>
  </si>
  <si>
    <t>301736.0</t>
  </si>
  <si>
    <t>312532.0</t>
  </si>
  <si>
    <t>322746.0</t>
  </si>
  <si>
    <t>337318.0</t>
  </si>
  <si>
    <t>348279.0</t>
  </si>
  <si>
    <t>-14858.4</t>
  </si>
  <si>
    <t>-374.250561889674</t>
  </si>
  <si>
    <t>356187.0</t>
  </si>
  <si>
    <t>371668.0</t>
  </si>
  <si>
    <t>381552.0</t>
  </si>
  <si>
    <t>392316.0</t>
  </si>
  <si>
    <t>9.012</t>
  </si>
  <si>
    <t>403551.0</t>
  </si>
  <si>
    <t>414542.0</t>
  </si>
  <si>
    <t>431085.0</t>
  </si>
  <si>
    <t>437444.0</t>
  </si>
  <si>
    <t>445940.0</t>
  </si>
  <si>
    <t>456509.0</t>
  </si>
  <si>
    <t>10.487</t>
  </si>
  <si>
    <t>468172.0</t>
  </si>
  <si>
    <t>479111.0</t>
  </si>
  <si>
    <t>489334.0</t>
  </si>
  <si>
    <t>497284.0</t>
  </si>
  <si>
    <t>11.424</t>
  </si>
  <si>
    <t>507251.0</t>
  </si>
  <si>
    <t>530442.0</t>
  </si>
  <si>
    <t>542247.0</t>
  </si>
  <si>
    <t>553737.0</t>
  </si>
  <si>
    <t>563194.0</t>
  </si>
  <si>
    <t>569589.0</t>
  </si>
  <si>
    <t>580814.0</t>
  </si>
  <si>
    <t>594002.0</t>
  </si>
  <si>
    <t>606766.0</t>
  </si>
  <si>
    <t>631966.0</t>
  </si>
  <si>
    <t>641911.0</t>
  </si>
  <si>
    <t>14.746</t>
  </si>
  <si>
    <t>649150.0</t>
  </si>
  <si>
    <t>14.912</t>
  </si>
  <si>
    <t>656122.0</t>
  </si>
  <si>
    <t>-12190.0</t>
  </si>
  <si>
    <t>-307.039408646633</t>
  </si>
  <si>
    <t>15.303</t>
  </si>
  <si>
    <t>690953.0</t>
  </si>
  <si>
    <t>15.873</t>
  </si>
  <si>
    <t>715770.0</t>
  </si>
  <si>
    <t>722513.0</t>
  </si>
  <si>
    <t>16.598</t>
  </si>
  <si>
    <t>731858.0</t>
  </si>
  <si>
    <t>745313.0</t>
  </si>
  <si>
    <t>760247.0</t>
  </si>
  <si>
    <t>773831.0</t>
  </si>
  <si>
    <t>786843.0</t>
  </si>
  <si>
    <t>796680.0</t>
  </si>
  <si>
    <t>18.301</t>
  </si>
  <si>
    <t>803657.0</t>
  </si>
  <si>
    <t>18.462</t>
  </si>
  <si>
    <t>813396.0</t>
  </si>
  <si>
    <t>827157.0</t>
  </si>
  <si>
    <t>19.001</t>
  </si>
  <si>
    <t>840332.0</t>
  </si>
  <si>
    <t>19.304</t>
  </si>
  <si>
    <t>854064.0</t>
  </si>
  <si>
    <t>864596.0</t>
  </si>
  <si>
    <t>19.861</t>
  </si>
  <si>
    <t>877262.0</t>
  </si>
  <si>
    <t>20.152</t>
  </si>
  <si>
    <t>881997.0</t>
  </si>
  <si>
    <t>20.261</t>
  </si>
  <si>
    <t>894393.0</t>
  </si>
  <si>
    <t>907360.0</t>
  </si>
  <si>
    <t>20.844</t>
  </si>
  <si>
    <t>921858.0</t>
  </si>
  <si>
    <t>21.177</t>
  </si>
  <si>
    <t>937006.0</t>
  </si>
  <si>
    <t>21.525</t>
  </si>
  <si>
    <t>951082.0</t>
  </si>
  <si>
    <t>21.848</t>
  </si>
  <si>
    <t>963641.0</t>
  </si>
  <si>
    <t>970705.0</t>
  </si>
  <si>
    <t>983350.0</t>
  </si>
  <si>
    <t>22.589</t>
  </si>
  <si>
    <t>998299.0</t>
  </si>
  <si>
    <t>22.933</t>
  </si>
  <si>
    <t>1013793.0</t>
  </si>
  <si>
    <t>15494.0</t>
  </si>
  <si>
    <t>1029220.0</t>
  </si>
  <si>
    <t>-10234.2</t>
  </si>
  <si>
    <t>-257.777089087069</t>
  </si>
  <si>
    <t>1046080.0</t>
  </si>
  <si>
    <t>1058383.0</t>
  </si>
  <si>
    <t>1067006.0</t>
  </si>
  <si>
    <t>24.511</t>
  </si>
  <si>
    <t>1098665.0</t>
  </si>
  <si>
    <t>1116641.0</t>
  </si>
  <si>
    <t>25.651</t>
  </si>
  <si>
    <t>1135051.0</t>
  </si>
  <si>
    <t>26.074</t>
  </si>
  <si>
    <t>1154378.0</t>
  </si>
  <si>
    <t>1169351.0</t>
  </si>
  <si>
    <t>1179434.0</t>
  </si>
  <si>
    <t>1195561.0</t>
  </si>
  <si>
    <t>27.464</t>
  </si>
  <si>
    <t>1214941.0</t>
  </si>
  <si>
    <t>1233925.0</t>
  </si>
  <si>
    <t>1252842.0</t>
  </si>
  <si>
    <t>1273821.0</t>
  </si>
  <si>
    <t>29.262</t>
  </si>
  <si>
    <t>1289589.0</t>
  </si>
  <si>
    <t>1300289.0</t>
  </si>
  <si>
    <t>1315409.0</t>
  </si>
  <si>
    <t>30.217</t>
  </si>
  <si>
    <t>1335000.0</t>
  </si>
  <si>
    <t>30.668</t>
  </si>
  <si>
    <t>1356698.0</t>
  </si>
  <si>
    <t>31.166</t>
  </si>
  <si>
    <t>1378519.0</t>
  </si>
  <si>
    <t>1400726.0</t>
  </si>
  <si>
    <t>1416001.0</t>
  </si>
  <si>
    <t>1425351.0</t>
  </si>
  <si>
    <t>32.743</t>
  </si>
  <si>
    <t>1436206.0</t>
  </si>
  <si>
    <t>32.992</t>
  </si>
  <si>
    <t>1452006.0</t>
  </si>
  <si>
    <t>33.355</t>
  </si>
  <si>
    <t>1472736.0</t>
  </si>
  <si>
    <t>33.832</t>
  </si>
  <si>
    <t>1494243.0</t>
  </si>
  <si>
    <t>1516712.0</t>
  </si>
  <si>
    <t>34.842</t>
  </si>
  <si>
    <t>1536171.0</t>
  </si>
  <si>
    <t>35.289</t>
  </si>
  <si>
    <t>1550280.0</t>
  </si>
  <si>
    <t>-9872.6</t>
  </si>
  <si>
    <t>-248.669176850266</t>
  </si>
  <si>
    <t>1556655.0</t>
  </si>
  <si>
    <t>1597707.0</t>
  </si>
  <si>
    <t>36.702</t>
  </si>
  <si>
    <t>23990.0</t>
  </si>
  <si>
    <t>1673316.0</t>
  </si>
  <si>
    <t>1693793.0</t>
  </si>
  <si>
    <t>1709017.0</t>
  </si>
  <si>
    <t>1731877.0</t>
  </si>
  <si>
    <t>39.785</t>
  </si>
  <si>
    <t>1751931.0</t>
  </si>
  <si>
    <t>1778483.0</t>
  </si>
  <si>
    <t>1806428.0</t>
  </si>
  <si>
    <t>27945.0</t>
  </si>
  <si>
    <t>41.497</t>
  </si>
  <si>
    <t>1834165.0</t>
  </si>
  <si>
    <t>42.134</t>
  </si>
  <si>
    <t>1856467.0</t>
  </si>
  <si>
    <t>42.647</t>
  </si>
  <si>
    <t>23239.0</t>
  </si>
  <si>
    <t>1870790.0</t>
  </si>
  <si>
    <t>42.976</t>
  </si>
  <si>
    <t>1897688.0</t>
  </si>
  <si>
    <t>43.594</t>
  </si>
  <si>
    <t>1925482.0</t>
  </si>
  <si>
    <t>44.232</t>
  </si>
  <si>
    <t>1955211.0</t>
  </si>
  <si>
    <t>44.915</t>
  </si>
  <si>
    <t>1985802.0</t>
  </si>
  <si>
    <t>45.618</t>
  </si>
  <si>
    <t>2014923.0</t>
  </si>
  <si>
    <t>29121.0</t>
  </si>
  <si>
    <t>46.287</t>
  </si>
  <si>
    <t>2038850.0</t>
  </si>
  <si>
    <t>46.836</t>
  </si>
  <si>
    <t>2058638.0</t>
  </si>
  <si>
    <t>47.291</t>
  </si>
  <si>
    <t>2079482.0</t>
  </si>
  <si>
    <t>20844.0</t>
  </si>
  <si>
    <t>2102377.0</t>
  </si>
  <si>
    <t>48.296</t>
  </si>
  <si>
    <t>2129156.0</t>
  </si>
  <si>
    <t>48.911</t>
  </si>
  <si>
    <t>2156653.0</t>
  </si>
  <si>
    <t>49.542</t>
  </si>
  <si>
    <t>2189926.0</t>
  </si>
  <si>
    <t>2209975.0</t>
  </si>
  <si>
    <t>50.767</t>
  </si>
  <si>
    <t>2226508.0</t>
  </si>
  <si>
    <t>2250676.0</t>
  </si>
  <si>
    <t>2278248.0</t>
  </si>
  <si>
    <t>52.336</t>
  </si>
  <si>
    <t>-3347.8</t>
  </si>
  <si>
    <t>-84.3237516215912</t>
  </si>
  <si>
    <t>2308415.0</t>
  </si>
  <si>
    <t>30167.0</t>
  </si>
  <si>
    <t>2337942.0</t>
  </si>
  <si>
    <t>29527.0</t>
  </si>
  <si>
    <t>24311.0</t>
  </si>
  <si>
    <t>2382259.0</t>
  </si>
  <si>
    <t>54.725</t>
  </si>
  <si>
    <t>2397905.0</t>
  </si>
  <si>
    <t>2423031.0</t>
  </si>
  <si>
    <t>55.662</t>
  </si>
  <si>
    <t>2455407.0</t>
  </si>
  <si>
    <t>56.405</t>
  </si>
  <si>
    <t>34295.0</t>
  </si>
  <si>
    <t>57.193</t>
  </si>
  <si>
    <t>2522360.0</t>
  </si>
  <si>
    <t>57.943</t>
  </si>
  <si>
    <t>2582768.0</t>
  </si>
  <si>
    <t>2602635.0</t>
  </si>
  <si>
    <t>59.788</t>
  </si>
  <si>
    <t>29247.0</t>
  </si>
  <si>
    <t>2630988.0</t>
  </si>
  <si>
    <t>60.439</t>
  </si>
  <si>
    <t>2695488.0</t>
  </si>
  <si>
    <t>64500.0</t>
  </si>
  <si>
    <t>34297.0</t>
  </si>
  <si>
    <t>2729496.0</t>
  </si>
  <si>
    <t>62.702</t>
  </si>
  <si>
    <t>2765787.0</t>
  </si>
  <si>
    <t>63.535</t>
  </si>
  <si>
    <t>2815833.0</t>
  </si>
  <si>
    <t>2847376.0</t>
  </si>
  <si>
    <t>2880105.0</t>
  </si>
  <si>
    <t>66.162</t>
  </si>
  <si>
    <t>2914006.0</t>
  </si>
  <si>
    <t>2950463.0</t>
  </si>
  <si>
    <t>67.778</t>
  </si>
  <si>
    <t>2991893.0</t>
  </si>
  <si>
    <t>3025148.0</t>
  </si>
  <si>
    <t>3053927.0</t>
  </si>
  <si>
    <t>70.155</t>
  </si>
  <si>
    <t>3087288.0</t>
  </si>
  <si>
    <t>3129235.0</t>
  </si>
  <si>
    <t>71.885</t>
  </si>
  <si>
    <t>3176397.0</t>
  </si>
  <si>
    <t>72.968</t>
  </si>
  <si>
    <t>3225954.0</t>
  </si>
  <si>
    <t>74.106</t>
  </si>
  <si>
    <t>6440.2</t>
  </si>
  <si>
    <t>162.214536469733</t>
  </si>
  <si>
    <t>3312549.0</t>
  </si>
  <si>
    <t>3344211.0</t>
  </si>
  <si>
    <t>76.823</t>
  </si>
  <si>
    <t>3379029.0</t>
  </si>
  <si>
    <t>77.623</t>
  </si>
  <si>
    <t>41677.0</t>
  </si>
  <si>
    <t>3386489.0</t>
  </si>
  <si>
    <t>77.794</t>
  </si>
  <si>
    <t>36751.0</t>
  </si>
  <si>
    <t>39634.0</t>
  </si>
  <si>
    <t>3521175.0</t>
  </si>
  <si>
    <t>80.888</t>
  </si>
  <si>
    <t>42174.0</t>
  </si>
  <si>
    <t>3572433.0</t>
  </si>
  <si>
    <t>51258.0</t>
  </si>
  <si>
    <t>82.066</t>
  </si>
  <si>
    <t>3613899.0</t>
  </si>
  <si>
    <t>83.018</t>
  </si>
  <si>
    <t>3648292.0</t>
  </si>
  <si>
    <t>83.808</t>
  </si>
  <si>
    <t>3691258.0</t>
  </si>
  <si>
    <t>84.795</t>
  </si>
  <si>
    <t>3735166.0</t>
  </si>
  <si>
    <t>85.804</t>
  </si>
  <si>
    <t>3782099.0</t>
  </si>
  <si>
    <t>46895.0</t>
  </si>
  <si>
    <t>3828912.0</t>
  </si>
  <si>
    <t>87.957</t>
  </si>
  <si>
    <t>3912966.0</t>
  </si>
  <si>
    <t>89.888</t>
  </si>
  <si>
    <t>3979421.0</t>
  </si>
  <si>
    <t>91.415</t>
  </si>
  <si>
    <t>4022283.0</t>
  </si>
  <si>
    <t>4062868.0</t>
  </si>
  <si>
    <t>93.332</t>
  </si>
  <si>
    <t>4108825.0</t>
  </si>
  <si>
    <t>94.388</t>
  </si>
  <si>
    <t>4154333.0</t>
  </si>
  <si>
    <t>95.433</t>
  </si>
  <si>
    <t>40904.0</t>
  </si>
  <si>
    <t>4279025.0</t>
  </si>
  <si>
    <t>98.297</t>
  </si>
  <si>
    <t>43446.0</t>
  </si>
  <si>
    <t>4373786.0</t>
  </si>
  <si>
    <t>100.474</t>
  </si>
  <si>
    <t>4419791.0</t>
  </si>
  <si>
    <t>101.531</t>
  </si>
  <si>
    <t>41926.0</t>
  </si>
  <si>
    <t>4528772.0</t>
  </si>
  <si>
    <t>104.035</t>
  </si>
  <si>
    <t>551.260418182133</t>
  </si>
  <si>
    <t>4562589.0</t>
  </si>
  <si>
    <t>104.811</t>
  </si>
  <si>
    <t>4607034.0</t>
  </si>
  <si>
    <t>105.832</t>
  </si>
  <si>
    <t>4654206.0</t>
  </si>
  <si>
    <t>106.916</t>
  </si>
  <si>
    <t>4702234.0</t>
  </si>
  <si>
    <t>108.019</t>
  </si>
  <si>
    <t>40349.0</t>
  </si>
  <si>
    <t>40039.0</t>
  </si>
  <si>
    <t>4807961.0</t>
  </si>
  <si>
    <t>110.448</t>
  </si>
  <si>
    <t>4838979.0</t>
  </si>
  <si>
    <t>4876501.0</t>
  </si>
  <si>
    <t>112.023</t>
  </si>
  <si>
    <t>0.3319</t>
  </si>
  <si>
    <t>4917780.0</t>
  </si>
  <si>
    <t>112.971</t>
  </si>
  <si>
    <t>4957299.0</t>
  </si>
  <si>
    <t>113.879</t>
  </si>
  <si>
    <t>4998266.0</t>
  </si>
  <si>
    <t>5052686.0</t>
  </si>
  <si>
    <t>0.3164</t>
  </si>
  <si>
    <t>5125389.0</t>
  </si>
  <si>
    <t>5167122.0</t>
  </si>
  <si>
    <t>118.699</t>
  </si>
  <si>
    <t>5209462.0</t>
  </si>
  <si>
    <t>119.671</t>
  </si>
  <si>
    <t>36023.0</t>
  </si>
  <si>
    <t>5303103.0</t>
  </si>
  <si>
    <t>121.822</t>
  </si>
  <si>
    <t>5307601.0</t>
  </si>
  <si>
    <t>5348820.0</t>
  </si>
  <si>
    <t>5390952.0</t>
  </si>
  <si>
    <t>0.3258</t>
  </si>
  <si>
    <t>5472989.0</t>
  </si>
  <si>
    <t>125.725</t>
  </si>
  <si>
    <t>5485214.0</t>
  </si>
  <si>
    <t>126.006</t>
  </si>
  <si>
    <t>5511179.0</t>
  </si>
  <si>
    <t>5585615.0</t>
  </si>
  <si>
    <t>74436.0</t>
  </si>
  <si>
    <t>128.312</t>
  </si>
  <si>
    <t>28680.0</t>
  </si>
  <si>
    <t>39567.8</t>
  </si>
  <si>
    <t>996.626243925204</t>
  </si>
  <si>
    <t>5610003.0</t>
  </si>
  <si>
    <t>5645178.0</t>
  </si>
  <si>
    <t>129.681</t>
  </si>
  <si>
    <t>5680116.0</t>
  </si>
  <si>
    <t>130.483</t>
  </si>
  <si>
    <t>5733555.0</t>
  </si>
  <si>
    <t>5769908.0</t>
  </si>
  <si>
    <t>132.546</t>
  </si>
  <si>
    <t>5781951.0</t>
  </si>
  <si>
    <t>132.822</t>
  </si>
  <si>
    <t>5805824.0</t>
  </si>
  <si>
    <t>133.371</t>
  </si>
  <si>
    <t>5934439.0</t>
  </si>
  <si>
    <t>136.325</t>
  </si>
  <si>
    <t>5964388.0</t>
  </si>
  <si>
    <t>137.013</t>
  </si>
  <si>
    <t>5983122.0</t>
  </si>
  <si>
    <t>137.444</t>
  </si>
  <si>
    <t>6009914.0</t>
  </si>
  <si>
    <t>138.059</t>
  </si>
  <si>
    <t>6034418.0</t>
  </si>
  <si>
    <t>138.622</t>
  </si>
  <si>
    <t>6057828.0</t>
  </si>
  <si>
    <t>6108668.0</t>
  </si>
  <si>
    <t>140.328</t>
  </si>
  <si>
    <t>6125257.0</t>
  </si>
  <si>
    <t>140.709</t>
  </si>
  <si>
    <t>6152298.0</t>
  </si>
  <si>
    <t>6184320.0</t>
  </si>
  <si>
    <t>142.066</t>
  </si>
  <si>
    <t>6209089.0</t>
  </si>
  <si>
    <t>142.635</t>
  </si>
  <si>
    <t>40922.2</t>
  </si>
  <si>
    <t>1030.74061431659</t>
  </si>
  <si>
    <t>6274464.0</t>
  </si>
  <si>
    <t>144.136</t>
  </si>
  <si>
    <t>6299699.0</t>
  </si>
  <si>
    <t>144.716</t>
  </si>
  <si>
    <t>6350442.0</t>
  </si>
  <si>
    <t>145.882</t>
  </si>
  <si>
    <t>6402123.0</t>
  </si>
  <si>
    <t>147.069</t>
  </si>
  <si>
    <t>6474315.0</t>
  </si>
  <si>
    <t>6500150.0</t>
  </si>
  <si>
    <t>149.321</t>
  </si>
  <si>
    <t>6525209.0</t>
  </si>
  <si>
    <t>149.897</t>
  </si>
  <si>
    <t>6570806.0</t>
  </si>
  <si>
    <t>45597.0</t>
  </si>
  <si>
    <t>150.944</t>
  </si>
  <si>
    <t>6596588.0</t>
  </si>
  <si>
    <t>151.536</t>
  </si>
  <si>
    <t>6625529.0</t>
  </si>
  <si>
    <t>152.201</t>
  </si>
  <si>
    <t>6651624.0</t>
  </si>
  <si>
    <t>152.801</t>
  </si>
  <si>
    <t>6714484.0</t>
  </si>
  <si>
    <t>154.245</t>
  </si>
  <si>
    <t>6738144.0</t>
  </si>
  <si>
    <t>154.788</t>
  </si>
  <si>
    <t>6772495.0</t>
  </si>
  <si>
    <t>155.577</t>
  </si>
  <si>
    <t>6809165.0</t>
  </si>
  <si>
    <t>6845974.0</t>
  </si>
  <si>
    <t>157.265</t>
  </si>
  <si>
    <t>28371.0</t>
  </si>
  <si>
    <t>1127.88496142638</t>
  </si>
  <si>
    <t>6921573.0</t>
  </si>
  <si>
    <t>159.002</t>
  </si>
  <si>
    <t>6948980.0</t>
  </si>
  <si>
    <t>6983925.0</t>
  </si>
  <si>
    <t>7021993.0</t>
  </si>
  <si>
    <t>38068.0</t>
  </si>
  <si>
    <t>161.309</t>
  </si>
  <si>
    <t>7062386.0</t>
  </si>
  <si>
    <t>162.237</t>
  </si>
  <si>
    <t>7101358.0</t>
  </si>
  <si>
    <t>163.132</t>
  </si>
  <si>
    <t>7126226.0</t>
  </si>
  <si>
    <t>163.703</t>
  </si>
  <si>
    <t>32836.0</t>
  </si>
  <si>
    <t>7141341.0</t>
  </si>
  <si>
    <t>23480.0</t>
  </si>
  <si>
    <t>7282107.0</t>
  </si>
  <si>
    <t>167.284</t>
  </si>
  <si>
    <t>47541.0</t>
  </si>
  <si>
    <t>7377404.0</t>
  </si>
  <si>
    <t>169.473</t>
  </si>
  <si>
    <t>81755.0</t>
  </si>
  <si>
    <t>81754.0</t>
  </si>
  <si>
    <t>92713.0</t>
  </si>
  <si>
    <t>7573737.0</t>
  </si>
  <si>
    <t>173.983</t>
  </si>
  <si>
    <t>108309.0</t>
  </si>
  <si>
    <t>111024.0</t>
  </si>
  <si>
    <t>7681388.0</t>
  </si>
  <si>
    <t>176.456</t>
  </si>
  <si>
    <t>121929.0</t>
  </si>
  <si>
    <t>121928.0</t>
  </si>
  <si>
    <t>7726035.0</t>
  </si>
  <si>
    <t>177.482</t>
  </si>
  <si>
    <t>42793.0</t>
  </si>
  <si>
    <t>137025.0</t>
  </si>
  <si>
    <t>155587.0</t>
  </si>
  <si>
    <t>155586.0</t>
  </si>
  <si>
    <t>7836049.0</t>
  </si>
  <si>
    <t>180.009</t>
  </si>
  <si>
    <t>174325.0</t>
  </si>
  <si>
    <t>174324.0</t>
  </si>
  <si>
    <t>7889544.0</t>
  </si>
  <si>
    <t>192264.0</t>
  </si>
  <si>
    <t>192263.0</t>
  </si>
  <si>
    <t>7945044.0</t>
  </si>
  <si>
    <t>55500.0</t>
  </si>
  <si>
    <t>182.513</t>
  </si>
  <si>
    <t>196880.0</t>
  </si>
  <si>
    <t>7983023.0</t>
  </si>
  <si>
    <t>183.385</t>
  </si>
  <si>
    <t>198465.0</t>
  </si>
  <si>
    <t>198464.0</t>
  </si>
  <si>
    <t>8007427.0</t>
  </si>
  <si>
    <t>183.946</t>
  </si>
  <si>
    <t>46577.0</t>
  </si>
  <si>
    <t>212898.0</t>
  </si>
  <si>
    <t>212896.0</t>
  </si>
  <si>
    <t>8058263.0</t>
  </si>
  <si>
    <t>50836.0</t>
  </si>
  <si>
    <t>185.114</t>
  </si>
  <si>
    <t>231564.0</t>
  </si>
  <si>
    <t>8120102.0</t>
  </si>
  <si>
    <t>186.534</t>
  </si>
  <si>
    <t>248736.0</t>
  </si>
  <si>
    <t>248734.0</t>
  </si>
  <si>
    <t>1471.19481703373</t>
  </si>
  <si>
    <t>8179905.0</t>
  </si>
  <si>
    <t>187.908</t>
  </si>
  <si>
    <t>267833.0</t>
  </si>
  <si>
    <t>267831.0</t>
  </si>
  <si>
    <t>8238849.0</t>
  </si>
  <si>
    <t>58944.0</t>
  </si>
  <si>
    <t>0.2797</t>
  </si>
  <si>
    <t>286647.0</t>
  </si>
  <si>
    <t>286645.0</t>
  </si>
  <si>
    <t>8297800.0</t>
  </si>
  <si>
    <t>58951.0</t>
  </si>
  <si>
    <t>190.616</t>
  </si>
  <si>
    <t>50394.0</t>
  </si>
  <si>
    <t>290566.0</t>
  </si>
  <si>
    <t>290564.0</t>
  </si>
  <si>
    <t>8334111.0</t>
  </si>
  <si>
    <t>50155.0</t>
  </si>
  <si>
    <t>291822.0</t>
  </si>
  <si>
    <t>8356074.0</t>
  </si>
  <si>
    <t>191.955</t>
  </si>
  <si>
    <t>304678.0</t>
  </si>
  <si>
    <t>8397586.0</t>
  </si>
  <si>
    <t>192.909</t>
  </si>
  <si>
    <t>320265.0</t>
  </si>
  <si>
    <t>320263.0</t>
  </si>
  <si>
    <t>8456635.0</t>
  </si>
  <si>
    <t>194.265</t>
  </si>
  <si>
    <t>334578.0</t>
  </si>
  <si>
    <t>334576.0</t>
  </si>
  <si>
    <t>8514631.0</t>
  </si>
  <si>
    <t>195.597</t>
  </si>
  <si>
    <t>353147.0</t>
  </si>
  <si>
    <t>353142.0</t>
  </si>
  <si>
    <t>8568004.0</t>
  </si>
  <si>
    <t>373005.0</t>
  </si>
  <si>
    <t>8622424.0</t>
  </si>
  <si>
    <t>198.074</t>
  </si>
  <si>
    <t>377053.0</t>
  </si>
  <si>
    <t>377048.0</t>
  </si>
  <si>
    <t>8656885.0</t>
  </si>
  <si>
    <t>378269.0</t>
  </si>
  <si>
    <t>378264.0</t>
  </si>
  <si>
    <t>8677716.0</t>
  </si>
  <si>
    <t>199.344</t>
  </si>
  <si>
    <t>45949.0</t>
  </si>
  <si>
    <t>388404.0</t>
  </si>
  <si>
    <t>388399.0</t>
  </si>
  <si>
    <t>8716400.0</t>
  </si>
  <si>
    <t>200.232</t>
  </si>
  <si>
    <t>403556.0</t>
  </si>
  <si>
    <t>8770753.0</t>
  </si>
  <si>
    <t>419300.0</t>
  </si>
  <si>
    <t>419295.0</t>
  </si>
  <si>
    <t>8822097.0</t>
  </si>
  <si>
    <t>51344.0</t>
  </si>
  <si>
    <t>43924.0</t>
  </si>
  <si>
    <t>432820.0</t>
  </si>
  <si>
    <t>432815.0</t>
  </si>
  <si>
    <t>8869518.0</t>
  </si>
  <si>
    <t>445859.0</t>
  </si>
  <si>
    <t>449192.0</t>
  </si>
  <si>
    <t>450650.0</t>
  </si>
  <si>
    <t>450645.0</t>
  </si>
  <si>
    <t>8958482.0</t>
  </si>
  <si>
    <t>205.793</t>
  </si>
  <si>
    <t>462794.0</t>
  </si>
  <si>
    <t>462789.0</t>
  </si>
  <si>
    <t>10627.0</t>
  </si>
  <si>
    <t>8996039.0</t>
  </si>
  <si>
    <t>206.656</t>
  </si>
  <si>
    <t>9042785.0</t>
  </si>
  <si>
    <t>207.73</t>
  </si>
  <si>
    <t>491880.0</t>
  </si>
  <si>
    <t>491875.0</t>
  </si>
  <si>
    <t>9089301.0</t>
  </si>
  <si>
    <t>46516.0</t>
  </si>
  <si>
    <t>208.799</t>
  </si>
  <si>
    <t>38172.0</t>
  </si>
  <si>
    <t>508049.0</t>
  </si>
  <si>
    <t>508044.0</t>
  </si>
  <si>
    <t>9130606.0</t>
  </si>
  <si>
    <t>209.747</t>
  </si>
  <si>
    <t>37298.0</t>
  </si>
  <si>
    <t>522388.0</t>
  </si>
  <si>
    <t>9214479.0</t>
  </si>
  <si>
    <t>83873.0</t>
  </si>
  <si>
    <t>211.674</t>
  </si>
  <si>
    <t>526919.0</t>
  </si>
  <si>
    <t>526914.0</t>
  </si>
  <si>
    <t>9240911.0</t>
  </si>
  <si>
    <t>528033.0</t>
  </si>
  <si>
    <t>528028.0</t>
  </si>
  <si>
    <t>9256290.0</t>
  </si>
  <si>
    <t>212.635</t>
  </si>
  <si>
    <t>539133.0</t>
  </si>
  <si>
    <t>539124.0</t>
  </si>
  <si>
    <t>9292051.0</t>
  </si>
  <si>
    <t>213.456</t>
  </si>
  <si>
    <t>558723.0</t>
  </si>
  <si>
    <t>558714.0</t>
  </si>
  <si>
    <t>9335892.0</t>
  </si>
  <si>
    <t>214.463</t>
  </si>
  <si>
    <t>629192.0</t>
  </si>
  <si>
    <t>629182.0</t>
  </si>
  <si>
    <t>9377391.0</t>
  </si>
  <si>
    <t>41499.0</t>
  </si>
  <si>
    <t>215.417</t>
  </si>
  <si>
    <t>41156.0</t>
  </si>
  <si>
    <t>702568.0</t>
  </si>
  <si>
    <t>702438.0</t>
  </si>
  <si>
    <t>9418779.0</t>
  </si>
  <si>
    <t>216.367</t>
  </si>
  <si>
    <t>752553.0</t>
  </si>
  <si>
    <t>752293.0</t>
  </si>
  <si>
    <t>78703.6</t>
  </si>
  <si>
    <t>1982.37135376219</t>
  </si>
  <si>
    <t>9456234.0</t>
  </si>
  <si>
    <t>217.228</t>
  </si>
  <si>
    <t>755214.0</t>
  </si>
  <si>
    <t>754924.0</t>
  </si>
  <si>
    <t>9477843.0</t>
  </si>
  <si>
    <t>217.724</t>
  </si>
  <si>
    <t>755101.0</t>
  </si>
  <si>
    <t>9487141.0</t>
  </si>
  <si>
    <t>756310.0</t>
  </si>
  <si>
    <t>756020.0</t>
  </si>
  <si>
    <t>9498958.0</t>
  </si>
  <si>
    <t>218.209</t>
  </si>
  <si>
    <t>759432.0</t>
  </si>
  <si>
    <t>28716.0</t>
  </si>
  <si>
    <t>9518164.0</t>
  </si>
  <si>
    <t>784229.0</t>
  </si>
  <si>
    <t>783810.0</t>
  </si>
  <si>
    <t>24494.0</t>
  </si>
  <si>
    <t>9555109.0</t>
  </si>
  <si>
    <t>219.499</t>
  </si>
  <si>
    <t>822196.0</t>
  </si>
  <si>
    <t>821768.0</t>
  </si>
  <si>
    <t>9594857.0</t>
  </si>
  <si>
    <t>39748.0</t>
  </si>
  <si>
    <t>858242.0</t>
  </si>
  <si>
    <t>857796.0</t>
  </si>
  <si>
    <t>36046.0</t>
  </si>
  <si>
    <t>9633983.0</t>
  </si>
  <si>
    <t>221.311</t>
  </si>
  <si>
    <t>863085.0</t>
  </si>
  <si>
    <t>9655779.0</t>
  </si>
  <si>
    <t>221.812</t>
  </si>
  <si>
    <t>864089.0</t>
  </si>
  <si>
    <t>863643.0</t>
  </si>
  <si>
    <t>9668937.0</t>
  </si>
  <si>
    <t>222.114</t>
  </si>
  <si>
    <t>866283.0</t>
  </si>
  <si>
    <t>9682286.0</t>
  </si>
  <si>
    <t>222.421</t>
  </si>
  <si>
    <t>884547.0</t>
  </si>
  <si>
    <t>882619.0</t>
  </si>
  <si>
    <t>9721036.0</t>
  </si>
  <si>
    <t>38750.0</t>
  </si>
  <si>
    <t>223.311</t>
  </si>
  <si>
    <t>904933.0</t>
  </si>
  <si>
    <t>9756402.0</t>
  </si>
  <si>
    <t>224.123</t>
  </si>
  <si>
    <t>926520.0</t>
  </si>
  <si>
    <t>918162.0</t>
  </si>
  <si>
    <t>9790291.0</t>
  </si>
  <si>
    <t>224.902</t>
  </si>
  <si>
    <t>950158.0</t>
  </si>
  <si>
    <t>936497.0</t>
  </si>
  <si>
    <t>9824399.0</t>
  </si>
  <si>
    <t>956322.0</t>
  </si>
  <si>
    <t>939236.0</t>
  </si>
  <si>
    <t>9841788.0</t>
  </si>
  <si>
    <t>226.085</t>
  </si>
  <si>
    <t>940158.0</t>
  </si>
  <si>
    <t>9851754.0</t>
  </si>
  <si>
    <t>226.314</t>
  </si>
  <si>
    <t>975784.0</t>
  </si>
  <si>
    <t>948330.0</t>
  </si>
  <si>
    <t>9882447.0</t>
  </si>
  <si>
    <t>227.019</t>
  </si>
  <si>
    <t>994872.0</t>
  </si>
  <si>
    <t>37640.0</t>
  </si>
  <si>
    <t>9914382.0</t>
  </si>
  <si>
    <t>227.752</t>
  </si>
  <si>
    <t>1012815.0</t>
  </si>
  <si>
    <t>964631.0</t>
  </si>
  <si>
    <t>9943891.0</t>
  </si>
  <si>
    <t>1031728.0</t>
  </si>
  <si>
    <t>970918.0</t>
  </si>
  <si>
    <t>9970045.0</t>
  </si>
  <si>
    <t>26154.0</t>
  </si>
  <si>
    <t>229.031</t>
  </si>
  <si>
    <t>1049311.0</t>
  </si>
  <si>
    <t>977009.0</t>
  </si>
  <si>
    <t>72302.0</t>
  </si>
  <si>
    <t>9997488.0</t>
  </si>
  <si>
    <t>229.661</t>
  </si>
  <si>
    <t>1052814.0</t>
  </si>
  <si>
    <t>978031.0</t>
  </si>
  <si>
    <t>75002.0</t>
  </si>
  <si>
    <t>10013773.0</t>
  </si>
  <si>
    <t>230.036</t>
  </si>
  <si>
    <t>1054139.0</t>
  </si>
  <si>
    <t>978352.0</t>
  </si>
  <si>
    <t>10022457.0</t>
  </si>
  <si>
    <t>230.235</t>
  </si>
  <si>
    <t>1068195.0</t>
  </si>
  <si>
    <t>981970.0</t>
  </si>
  <si>
    <t>10045897.0</t>
  </si>
  <si>
    <t>230.773</t>
  </si>
  <si>
    <t>1084582.0</t>
  </si>
  <si>
    <t>987191.0</t>
  </si>
  <si>
    <t>10076621.0</t>
  </si>
  <si>
    <t>231.479</t>
  </si>
  <si>
    <t>1099713.0</t>
  </si>
  <si>
    <t>992189.0</t>
  </si>
  <si>
    <t>107748.0</t>
  </si>
  <si>
    <t>10105901.0</t>
  </si>
  <si>
    <t>232.152</t>
  </si>
  <si>
    <t>1116006.0</t>
  </si>
  <si>
    <t>999072.0</t>
  </si>
  <si>
    <t>117158.0</t>
  </si>
  <si>
    <t>10131355.0</t>
  </si>
  <si>
    <t>232.737</t>
  </si>
  <si>
    <t>1132821.0</t>
  </si>
  <si>
    <t>1008857.0</t>
  </si>
  <si>
    <t>10156756.0</t>
  </si>
  <si>
    <t>233.32</t>
  </si>
  <si>
    <t>1141413.0</t>
  </si>
  <si>
    <t>1015976.0</t>
  </si>
  <si>
    <t>125661.0</t>
  </si>
  <si>
    <t>10171955.0</t>
  </si>
  <si>
    <t>233.669</t>
  </si>
  <si>
    <t>22597.0</t>
  </si>
  <si>
    <t>1147581.0</t>
  </si>
  <si>
    <t>1021804.0</t>
  </si>
  <si>
    <t>126001.0</t>
  </si>
  <si>
    <t>10180777.0</t>
  </si>
  <si>
    <t>233.872</t>
  </si>
  <si>
    <t>1161518.0</t>
  </si>
  <si>
    <t>1032036.0</t>
  </si>
  <si>
    <t>85678.4</t>
  </si>
  <si>
    <t>2158.05129366609</t>
  </si>
  <si>
    <t>10207245.0</t>
  </si>
  <si>
    <t>1180402.0</t>
  </si>
  <si>
    <t>1047894.0</t>
  </si>
  <si>
    <t>132732.0</t>
  </si>
  <si>
    <t>10235181.0</t>
  </si>
  <si>
    <t>27936.0</t>
  </si>
  <si>
    <t>235.122</t>
  </si>
  <si>
    <t>1214883.0</t>
  </si>
  <si>
    <t>1076793.0</t>
  </si>
  <si>
    <t>138314.0</t>
  </si>
  <si>
    <t>10261649.0</t>
  </si>
  <si>
    <t>1265723.0</t>
  </si>
  <si>
    <t>1123661.0</t>
  </si>
  <si>
    <t>142286.0</t>
  </si>
  <si>
    <t>10290345.0</t>
  </si>
  <si>
    <t>28696.0</t>
  </si>
  <si>
    <t>236.389</t>
  </si>
  <si>
    <t>1323163.0</t>
  </si>
  <si>
    <t>1177371.0</t>
  </si>
  <si>
    <t>146182.0</t>
  </si>
  <si>
    <t>10319406.0</t>
  </si>
  <si>
    <t>237.056</t>
  </si>
  <si>
    <t>1363264.0</t>
  </si>
  <si>
    <t>1216600.0</t>
  </si>
  <si>
    <t>147054.0</t>
  </si>
  <si>
    <t>40101.0</t>
  </si>
  <si>
    <t>10336155.0</t>
  </si>
  <si>
    <t>237.441</t>
  </si>
  <si>
    <t>1241006.0</t>
  </si>
  <si>
    <t>147508.0</t>
  </si>
  <si>
    <t>10346878.0</t>
  </si>
  <si>
    <t>237.688</t>
  </si>
  <si>
    <t>1436285.0</t>
  </si>
  <si>
    <t>1284143.0</t>
  </si>
  <si>
    <t>152532.0</t>
  </si>
  <si>
    <t>36015.0</t>
  </si>
  <si>
    <t>10380233.0</t>
  </si>
  <si>
    <t>238.454</t>
  </si>
  <si>
    <t>1489446.0</t>
  </si>
  <si>
    <t>1328068.0</t>
  </si>
  <si>
    <t>161768.0</t>
  </si>
  <si>
    <t>10405577.0</t>
  </si>
  <si>
    <t>239.036</t>
  </si>
  <si>
    <t>1545019.0</t>
  </si>
  <si>
    <t>1364566.0</t>
  </si>
  <si>
    <t>180843.0</t>
  </si>
  <si>
    <t>10434574.0</t>
  </si>
  <si>
    <t>239.702</t>
  </si>
  <si>
    <t>1599348.0</t>
  </si>
  <si>
    <t>1395310.0</t>
  </si>
  <si>
    <t>204428.0</t>
  </si>
  <si>
    <t>54329.0</t>
  </si>
  <si>
    <t>47661.0</t>
  </si>
  <si>
    <t>10460411.0</t>
  </si>
  <si>
    <t>240.296</t>
  </si>
  <si>
    <t>24295.0</t>
  </si>
  <si>
    <t>1661410.0</t>
  </si>
  <si>
    <t>1430990.0</t>
  </si>
  <si>
    <t>230810.0</t>
  </si>
  <si>
    <t>62062.0</t>
  </si>
  <si>
    <t>10487410.0</t>
  </si>
  <si>
    <t>240.916</t>
  </si>
  <si>
    <t>1696280.0</t>
  </si>
  <si>
    <t>1459374.0</t>
  </si>
  <si>
    <t>10504548.0</t>
  </si>
  <si>
    <t>1718499.0</t>
  </si>
  <si>
    <t>1479701.0</t>
  </si>
  <si>
    <t>239188.0</t>
  </si>
  <si>
    <t>10516186.0</t>
  </si>
  <si>
    <t>241.577</t>
  </si>
  <si>
    <t>1768556.0</t>
  </si>
  <si>
    <t>1507801.0</t>
  </si>
  <si>
    <t>261145.0</t>
  </si>
  <si>
    <t>10548499.0</t>
  </si>
  <si>
    <t>242.319</t>
  </si>
  <si>
    <t>1831147.0</t>
  </si>
  <si>
    <t>1543263.0</t>
  </si>
  <si>
    <t>288274.0</t>
  </si>
  <si>
    <t>62591.0</t>
  </si>
  <si>
    <t>10576820.0</t>
  </si>
  <si>
    <t>28321.0</t>
  </si>
  <si>
    <t>1594083.0</t>
  </si>
  <si>
    <t>313992.0</t>
  </si>
  <si>
    <t>51809.0</t>
  </si>
  <si>
    <t>10603856.0</t>
  </si>
  <si>
    <t>1989398.0</t>
  </si>
  <si>
    <t>1652053.0</t>
  </si>
  <si>
    <t>337735.0</t>
  </si>
  <si>
    <t>81713.0</t>
  </si>
  <si>
    <t>10629744.0</t>
  </si>
  <si>
    <t>244.186</t>
  </si>
  <si>
    <t>2056499.0</t>
  </si>
  <si>
    <t>1700709.0</t>
  </si>
  <si>
    <t>56441.0</t>
  </si>
  <si>
    <t>10656207.0</t>
  </si>
  <si>
    <t>244.793</t>
  </si>
  <si>
    <t>2082102.0</t>
  </si>
  <si>
    <t>1722325.0</t>
  </si>
  <si>
    <t>360167.0</t>
  </si>
  <si>
    <t>55117.0</t>
  </si>
  <si>
    <t>10670072.0</t>
  </si>
  <si>
    <t>245.112</t>
  </si>
  <si>
    <t>2086492.0</t>
  </si>
  <si>
    <t>1726040.0</t>
  </si>
  <si>
    <t>360842.0</t>
  </si>
  <si>
    <t>52570.0</t>
  </si>
  <si>
    <t>10679015.0</t>
  </si>
  <si>
    <t>245.317</t>
  </si>
  <si>
    <t>2095458.0</t>
  </si>
  <si>
    <t>46700.0</t>
  </si>
  <si>
    <t>10690896.0</t>
  </si>
  <si>
    <t>2149244.0</t>
  </si>
  <si>
    <t>1755137.0</t>
  </si>
  <si>
    <t>394497.0</t>
  </si>
  <si>
    <t>53786.0</t>
  </si>
  <si>
    <t>10717176.0</t>
  </si>
  <si>
    <t>246.194</t>
  </si>
  <si>
    <t>2229169.0</t>
  </si>
  <si>
    <t>1794003.0</t>
  </si>
  <si>
    <t>435556.0</t>
  </si>
  <si>
    <t>10739672.0</t>
  </si>
  <si>
    <t>246.711</t>
  </si>
  <si>
    <t>2325345.0</t>
  </si>
  <si>
    <t>490766.0</t>
  </si>
  <si>
    <t>10759153.0</t>
  </si>
  <si>
    <t>247.158</t>
  </si>
  <si>
    <t>2422475.0</t>
  </si>
  <si>
    <t>1871509.0</t>
  </si>
  <si>
    <t>551356.0</t>
  </si>
  <si>
    <t>10780868.0</t>
  </si>
  <si>
    <t>247.657</t>
  </si>
  <si>
    <t>2466135.0</t>
  </si>
  <si>
    <t>1893837.0</t>
  </si>
  <si>
    <t>572688.0</t>
  </si>
  <si>
    <t>54862.0</t>
  </si>
  <si>
    <t>24502.0</t>
  </si>
  <si>
    <t>10794794.0</t>
  </si>
  <si>
    <t>2484766.0</t>
  </si>
  <si>
    <t>1904878.0</t>
  </si>
  <si>
    <t>580278.0</t>
  </si>
  <si>
    <t>10806892.0</t>
  </si>
  <si>
    <t>248.255</t>
  </si>
  <si>
    <t>2501831.0</t>
  </si>
  <si>
    <t>1912469.0</t>
  </si>
  <si>
    <t>589752.0</t>
  </si>
  <si>
    <t>10817822.0</t>
  </si>
  <si>
    <t>1933944.0</t>
  </si>
  <si>
    <t>649914.0</t>
  </si>
  <si>
    <t>62032.0</t>
  </si>
  <si>
    <t>10840333.0</t>
  </si>
  <si>
    <t>249.023</t>
  </si>
  <si>
    <t>2676654.0</t>
  </si>
  <si>
    <t>1965658.0</t>
  </si>
  <si>
    <t>711386.0</t>
  </si>
  <si>
    <t>93186.0</t>
  </si>
  <si>
    <t>90575.2</t>
  </si>
  <si>
    <t>2281.39096358084</t>
  </si>
  <si>
    <t>10861246.0</t>
  </si>
  <si>
    <t>249.504</t>
  </si>
  <si>
    <t>2767613.0</t>
  </si>
  <si>
    <t>2001130.0</t>
  </si>
  <si>
    <t>766873.0</t>
  </si>
  <si>
    <t>10881002.0</t>
  </si>
  <si>
    <t>249.957</t>
  </si>
  <si>
    <t>2862160.0</t>
  </si>
  <si>
    <t>2038237.0</t>
  </si>
  <si>
    <t>824313.0</t>
  </si>
  <si>
    <t>94547.0</t>
  </si>
  <si>
    <t>62812.0</t>
  </si>
  <si>
    <t>10900947.0</t>
  </si>
  <si>
    <t>250.416</t>
  </si>
  <si>
    <t>2901017.0</t>
  </si>
  <si>
    <t>2059726.0</t>
  </si>
  <si>
    <t>841681.0</t>
  </si>
  <si>
    <t>38857.0</t>
  </si>
  <si>
    <t>10915176.0</t>
  </si>
  <si>
    <t>250.742</t>
  </si>
  <si>
    <t>2925380.0</t>
  </si>
  <si>
    <t>2074986.0</t>
  </si>
  <si>
    <t>850784.0</t>
  </si>
  <si>
    <t>10925065.0</t>
  </si>
  <si>
    <t>2998614.0</t>
  </si>
  <si>
    <t>2100538.0</t>
  </si>
  <si>
    <t>898466.0</t>
  </si>
  <si>
    <t>73234.0</t>
  </si>
  <si>
    <t>10945216.0</t>
  </si>
  <si>
    <t>251.433</t>
  </si>
  <si>
    <t>3092168.0</t>
  </si>
  <si>
    <t>2136561.0</t>
  </si>
  <si>
    <t>955997.0</t>
  </si>
  <si>
    <t>93554.0</t>
  </si>
  <si>
    <t>72671.0</t>
  </si>
  <si>
    <t>10965456.0</t>
  </si>
  <si>
    <t>251.897</t>
  </si>
  <si>
    <t>3196848.0</t>
  </si>
  <si>
    <t>2178590.0</t>
  </si>
  <si>
    <t>1018648.0</t>
  </si>
  <si>
    <t>104680.0</t>
  </si>
  <si>
    <t>74313.0</t>
  </si>
  <si>
    <t>10983401.0</t>
  </si>
  <si>
    <t>252.31</t>
  </si>
  <si>
    <t>3306008.0</t>
  </si>
  <si>
    <t>2223406.0</t>
  </si>
  <si>
    <t>1082992.0</t>
  </si>
  <si>
    <t>109160.0</t>
  </si>
  <si>
    <t>11001742.0</t>
  </si>
  <si>
    <t>252.731</t>
  </si>
  <si>
    <t>3420668.0</t>
  </si>
  <si>
    <t>2277226.0</t>
  </si>
  <si>
    <t>1143832.0</t>
  </si>
  <si>
    <t>79787.0</t>
  </si>
  <si>
    <t>11020262.0</t>
  </si>
  <si>
    <t>3462976.0</t>
  </si>
  <si>
    <t>2298300.0</t>
  </si>
  <si>
    <t>1165066.0</t>
  </si>
  <si>
    <t>11033147.0</t>
  </si>
  <si>
    <t>253.452</t>
  </si>
  <si>
    <t>3489332.0</t>
  </si>
  <si>
    <t>2311690.0</t>
  </si>
  <si>
    <t>1178032.0</t>
  </si>
  <si>
    <t>11042753.0</t>
  </si>
  <si>
    <t>253.673</t>
  </si>
  <si>
    <t>3572509.0</t>
  </si>
  <si>
    <t>2357225.0</t>
  </si>
  <si>
    <t>1215674.0</t>
  </si>
  <si>
    <t>11063662.0</t>
  </si>
  <si>
    <t>254.153</t>
  </si>
  <si>
    <t>3673755.0</t>
  </si>
  <si>
    <t>2415052.0</t>
  </si>
  <si>
    <t>1259181.0</t>
  </si>
  <si>
    <t>83084.0</t>
  </si>
  <si>
    <t>39784.0</t>
  </si>
  <si>
    <t>11082234.0</t>
  </si>
  <si>
    <t>3782514.0</t>
  </si>
  <si>
    <t>2476632.0</t>
  </si>
  <si>
    <t>1306360.0</t>
  </si>
  <si>
    <t>11101770.0</t>
  </si>
  <si>
    <t>255.029</t>
  </si>
  <si>
    <t>3899890.0</t>
  </si>
  <si>
    <t>2539634.0</t>
  </si>
  <si>
    <t>1360734.0</t>
  </si>
  <si>
    <t>117376.0</t>
  </si>
  <si>
    <t>84840.0</t>
  </si>
  <si>
    <t>45175.0</t>
  </si>
  <si>
    <t>11120046.0</t>
  </si>
  <si>
    <t>255.449</t>
  </si>
  <si>
    <t>4011040.0</t>
  </si>
  <si>
    <t>2604860.0</t>
  </si>
  <si>
    <t>1406658.0</t>
  </si>
  <si>
    <t>111150.0</t>
  </si>
  <si>
    <t>11138052.0</t>
  </si>
  <si>
    <t>255.862</t>
  </si>
  <si>
    <t>4061475.0</t>
  </si>
  <si>
    <t>2638939.0</t>
  </si>
  <si>
    <t>1423014.0</t>
  </si>
  <si>
    <t>50435.0</t>
  </si>
  <si>
    <t>85500.0</t>
  </si>
  <si>
    <t>11151481.0</t>
  </si>
  <si>
    <t>256.171</t>
  </si>
  <si>
    <t>4098648.0</t>
  </si>
  <si>
    <t>2667521.0</t>
  </si>
  <si>
    <t>1431605.0</t>
  </si>
  <si>
    <t>4179663.0</t>
  </si>
  <si>
    <t>2717788.0</t>
  </si>
  <si>
    <t>1462353.0</t>
  </si>
  <si>
    <t>86736.0</t>
  </si>
  <si>
    <t>51509.0</t>
  </si>
  <si>
    <t>11182527.0</t>
  </si>
  <si>
    <t>256.884</t>
  </si>
  <si>
    <t>4279666.0</t>
  </si>
  <si>
    <t>2778375.0</t>
  </si>
  <si>
    <t>1501769.0</t>
  </si>
  <si>
    <t>86559.0</t>
  </si>
  <si>
    <t>4399756.0</t>
  </si>
  <si>
    <t>2843897.0</t>
  </si>
  <si>
    <t>1556337.0</t>
  </si>
  <si>
    <t>120090.0</t>
  </si>
  <si>
    <t>88177.0</t>
  </si>
  <si>
    <t>52466.0</t>
  </si>
  <si>
    <t>4539197.0</t>
  </si>
  <si>
    <t>2920066.0</t>
  </si>
  <si>
    <t>1619609.0</t>
  </si>
  <si>
    <t>91330.0</t>
  </si>
  <si>
    <t>54347.0</t>
  </si>
  <si>
    <t>11239813.0</t>
  </si>
  <si>
    <t>4691872.0</t>
  </si>
  <si>
    <t>3010138.0</t>
  </si>
  <si>
    <t>1682212.0</t>
  </si>
  <si>
    <t>152675.0</t>
  </si>
  <si>
    <t>4763443.0</t>
  </si>
  <si>
    <t>3060559.0</t>
  </si>
  <si>
    <t>1703362.0</t>
  </si>
  <si>
    <t>100281.0</t>
  </si>
  <si>
    <t>60231.0</t>
  </si>
  <si>
    <t>4812500.0</t>
  </si>
  <si>
    <t>3099709.0</t>
  </si>
  <si>
    <t>1713269.0</t>
  </si>
  <si>
    <t>49057.0</t>
  </si>
  <si>
    <t>101979.0</t>
  </si>
  <si>
    <t>61741.0</t>
  </si>
  <si>
    <t>4938596.0</t>
  </si>
  <si>
    <t>3177761.0</t>
  </si>
  <si>
    <t>1761313.0</t>
  </si>
  <si>
    <t>126096.0</t>
  </si>
  <si>
    <t>108419.0</t>
  </si>
  <si>
    <t>65710.0</t>
  </si>
  <si>
    <t>11301274.0</t>
  </si>
  <si>
    <t>259.612</t>
  </si>
  <si>
    <t>5081924.0</t>
  </si>
  <si>
    <t>3264713.0</t>
  </si>
  <si>
    <t>1817689.0</t>
  </si>
  <si>
    <t>143328.0</t>
  </si>
  <si>
    <t>114608.0</t>
  </si>
  <si>
    <t>5225871.0</t>
  </si>
  <si>
    <t>3350615.0</t>
  </si>
  <si>
    <t>1875753.0</t>
  </si>
  <si>
    <t>118016.0</t>
  </si>
  <si>
    <t>72388.0</t>
  </si>
  <si>
    <t>5376124.0</t>
  </si>
  <si>
    <t>3437629.0</t>
  </si>
  <si>
    <t>1938992.0</t>
  </si>
  <si>
    <t>150253.0</t>
  </si>
  <si>
    <t>119561.0</t>
  </si>
  <si>
    <t>73938.0</t>
  </si>
  <si>
    <t>11360926.0</t>
  </si>
  <si>
    <t>260.982</t>
  </si>
  <si>
    <t>5526204.0</t>
  </si>
  <si>
    <t>3525848.0</t>
  </si>
  <si>
    <t>2000853.0</t>
  </si>
  <si>
    <t>150080.0</t>
  </si>
  <si>
    <t>119190.0</t>
  </si>
  <si>
    <t>73673.0</t>
  </si>
  <si>
    <t>5594703.0</t>
  </si>
  <si>
    <t>3571445.0</t>
  </si>
  <si>
    <t>2023755.0</t>
  </si>
  <si>
    <t>68499.0</t>
  </si>
  <si>
    <t>118751.0</t>
  </si>
  <si>
    <t>72984.0</t>
  </si>
  <si>
    <t>92279.4</t>
  </si>
  <si>
    <t>2324.31603004644</t>
  </si>
  <si>
    <t>5632783.0</t>
  </si>
  <si>
    <t>3599167.0</t>
  </si>
  <si>
    <t>2034113.0</t>
  </si>
  <si>
    <t>117183.0</t>
  </si>
  <si>
    <t>5757944.0</t>
  </si>
  <si>
    <t>3669511.0</t>
  </si>
  <si>
    <t>2088930.0</t>
  </si>
  <si>
    <t>125161.0</t>
  </si>
  <si>
    <t>70250.0</t>
  </si>
  <si>
    <t>11424130.0</t>
  </si>
  <si>
    <t>262.434</t>
  </si>
  <si>
    <t>5911202.0</t>
  </si>
  <si>
    <t>3759403.0</t>
  </si>
  <si>
    <t>2152296.0</t>
  </si>
  <si>
    <t>153258.0</t>
  </si>
  <si>
    <t>118468.0</t>
  </si>
  <si>
    <t>70670.0</t>
  </si>
  <si>
    <t>6070323.0</t>
  </si>
  <si>
    <t>3855093.0</t>
  </si>
  <si>
    <t>2215727.0</t>
  </si>
  <si>
    <t>159121.0</t>
  </si>
  <si>
    <t>120636.0</t>
  </si>
  <si>
    <t>6237706.0</t>
  </si>
  <si>
    <t>3953540.0</t>
  </si>
  <si>
    <t>2284663.0</t>
  </si>
  <si>
    <t>167383.0</t>
  </si>
  <si>
    <t>123083.0</t>
  </si>
  <si>
    <t>11487542.0</t>
  </si>
  <si>
    <t>263.891</t>
  </si>
  <si>
    <t>6408308.0</t>
  </si>
  <si>
    <t>4055090.0</t>
  </si>
  <si>
    <t>2355215.0</t>
  </si>
  <si>
    <t>170602.0</t>
  </si>
  <si>
    <t>126015.0</t>
  </si>
  <si>
    <t>75606.0</t>
  </si>
  <si>
    <t>11509815.0</t>
  </si>
  <si>
    <t>264.402</t>
  </si>
  <si>
    <t>6487273.0</t>
  </si>
  <si>
    <t>4106083.0</t>
  </si>
  <si>
    <t>2384687.0</t>
  </si>
  <si>
    <t>78965.0</t>
  </si>
  <si>
    <t>76377.0</t>
  </si>
  <si>
    <t>11528091.0</t>
  </si>
  <si>
    <t>264.822</t>
  </si>
  <si>
    <t>6538718.0</t>
  </si>
  <si>
    <t>4137071.0</t>
  </si>
  <si>
    <t>2407144.0</t>
  </si>
  <si>
    <t>76843.0</t>
  </si>
  <si>
    <t>11537474.0</t>
  </si>
  <si>
    <t>265.038</t>
  </si>
  <si>
    <t>6678726.0</t>
  </si>
  <si>
    <t>4220768.0</t>
  </si>
  <si>
    <t>2463455.0</t>
  </si>
  <si>
    <t>131540.0</t>
  </si>
  <si>
    <t>11559179.0</t>
  </si>
  <si>
    <t>265.536</t>
  </si>
  <si>
    <t>6846399.0</t>
  </si>
  <si>
    <t>4324551.0</t>
  </si>
  <si>
    <t>2527345.0</t>
  </si>
  <si>
    <t>133600.0</t>
  </si>
  <si>
    <t>11582812.0</t>
  </si>
  <si>
    <t>266.079</t>
  </si>
  <si>
    <t>7008448.0</t>
  </si>
  <si>
    <t>4427896.0</t>
  </si>
  <si>
    <t>2588049.0</t>
  </si>
  <si>
    <t>162049.0</t>
  </si>
  <si>
    <t>134018.0</t>
  </si>
  <si>
    <t>11604861.0</t>
  </si>
  <si>
    <t>266.586</t>
  </si>
  <si>
    <t>7171758.0</t>
  </si>
  <si>
    <t>4538441.0</t>
  </si>
  <si>
    <t>2641814.0</t>
  </si>
  <si>
    <t>133436.0</t>
  </si>
  <si>
    <t>11627179.0</t>
  </si>
  <si>
    <t>7333550.0</t>
  </si>
  <si>
    <t>4644647.0</t>
  </si>
  <si>
    <t>161792.0</t>
  </si>
  <si>
    <t>84222.0</t>
  </si>
  <si>
    <t>11652141.0</t>
  </si>
  <si>
    <t>267.672</t>
  </si>
  <si>
    <t>7409698.0</t>
  </si>
  <si>
    <t>4691018.0</t>
  </si>
  <si>
    <t>2730177.0</t>
  </si>
  <si>
    <t>131775.0</t>
  </si>
  <si>
    <t>7460766.0</t>
  </si>
  <si>
    <t>4722693.0</t>
  </si>
  <si>
    <t>2751070.0</t>
  </si>
  <si>
    <t>131721.0</t>
  </si>
  <si>
    <t>7584403.0</t>
  </si>
  <si>
    <t>4793098.0</t>
  </si>
  <si>
    <t>2805302.0</t>
  </si>
  <si>
    <t>129382.0</t>
  </si>
  <si>
    <t>11699182.0</t>
  </si>
  <si>
    <t>7702997.0</t>
  </si>
  <si>
    <t>4851539.0</t>
  </si>
  <si>
    <t>2865455.0</t>
  </si>
  <si>
    <t>118594.0</t>
  </si>
  <si>
    <t>122371.0</t>
  </si>
  <si>
    <t>11726235.0</t>
  </si>
  <si>
    <t>269.374</t>
  </si>
  <si>
    <t>7823001.0</t>
  </si>
  <si>
    <t>4914253.0</t>
  </si>
  <si>
    <t>2925045.0</t>
  </si>
  <si>
    <t>120004.0</t>
  </si>
  <si>
    <t>116365.0</t>
  </si>
  <si>
    <t>11749847.0</t>
  </si>
  <si>
    <t>269.916</t>
  </si>
  <si>
    <t>7952028.0</t>
  </si>
  <si>
    <t>4971750.0</t>
  </si>
  <si>
    <t>2996575.0</t>
  </si>
  <si>
    <t>111467.0</t>
  </si>
  <si>
    <t>61901.0</t>
  </si>
  <si>
    <t>11773325.0</t>
  </si>
  <si>
    <t>270.456</t>
  </si>
  <si>
    <t>8099146.0</t>
  </si>
  <si>
    <t>5032720.0</t>
  </si>
  <si>
    <t>3082723.0</t>
  </si>
  <si>
    <t>55439.0</t>
  </si>
  <si>
    <t>11800769.0</t>
  </si>
  <si>
    <t>271.086</t>
  </si>
  <si>
    <t>21233.0</t>
  </si>
  <si>
    <t>8165319.0</t>
  </si>
  <si>
    <t>5057068.0</t>
  </si>
  <si>
    <t>3124548.0</t>
  </si>
  <si>
    <t>8208034.0</t>
  </si>
  <si>
    <t>5071658.0</t>
  </si>
  <si>
    <t>3152673.0</t>
  </si>
  <si>
    <t>11827261.0</t>
  </si>
  <si>
    <t>271.695</t>
  </si>
  <si>
    <t>8279461.0</t>
  </si>
  <si>
    <t>5099800.0</t>
  </si>
  <si>
    <t>3195958.0</t>
  </si>
  <si>
    <t>99294.0</t>
  </si>
  <si>
    <t>8300200.0</t>
  </si>
  <si>
    <t>5108072.0</t>
  </si>
  <si>
    <t>3209089.0</t>
  </si>
  <si>
    <t>11857352.0</t>
  </si>
  <si>
    <t>272.386</t>
  </si>
  <si>
    <t>8462610.0</t>
  </si>
  <si>
    <t>5152290.0</t>
  </si>
  <si>
    <t>3327281.0</t>
  </si>
  <si>
    <t>162410.0</t>
  </si>
  <si>
    <t>91373.0</t>
  </si>
  <si>
    <t>11880472.0</t>
  </si>
  <si>
    <t>23120.0</t>
  </si>
  <si>
    <t>272.917</t>
  </si>
  <si>
    <t>8636045.0</t>
  </si>
  <si>
    <t>5208198.0</t>
  </si>
  <si>
    <t>3446099.0</t>
  </si>
  <si>
    <t>173435.0</t>
  </si>
  <si>
    <t>97717.0</t>
  </si>
  <si>
    <t>11903521.0</t>
  </si>
  <si>
    <t>273.447</t>
  </si>
  <si>
    <t>8802596.0</t>
  </si>
  <si>
    <t>5265633.0</t>
  </si>
  <si>
    <t>3555215.0</t>
  </si>
  <si>
    <t>166551.0</t>
  </si>
  <si>
    <t>100493.0</t>
  </si>
  <si>
    <t>11931126.0</t>
  </si>
  <si>
    <t>274.081</t>
  </si>
  <si>
    <t>8890163.0</t>
  </si>
  <si>
    <t>5295405.0</t>
  </si>
  <si>
    <t>3613010.0</t>
  </si>
  <si>
    <t>11949470.0</t>
  </si>
  <si>
    <t>8931640.0</t>
  </si>
  <si>
    <t>5308725.0</t>
  </si>
  <si>
    <t>3641167.0</t>
  </si>
  <si>
    <t>33867.0</t>
  </si>
  <si>
    <t>11958965.0</t>
  </si>
  <si>
    <t>274.72</t>
  </si>
  <si>
    <t>9082122.0</t>
  </si>
  <si>
    <t>5359415.0</t>
  </si>
  <si>
    <t>3740959.0</t>
  </si>
  <si>
    <t>150482.0</t>
  </si>
  <si>
    <t>11980323.0</t>
  </si>
  <si>
    <t>275.211</t>
  </si>
  <si>
    <t>9239171.0</t>
  </si>
  <si>
    <t>5413770.0</t>
  </si>
  <si>
    <t>3843653.0</t>
  </si>
  <si>
    <t>157049.0</t>
  </si>
  <si>
    <t>134139.0</t>
  </si>
  <si>
    <t>92365.4</t>
  </si>
  <si>
    <t>2326.48218173993</t>
  </si>
  <si>
    <t>12008463.0</t>
  </si>
  <si>
    <t>275.857</t>
  </si>
  <si>
    <t>9358193.0</t>
  </si>
  <si>
    <t>5452123.0</t>
  </si>
  <si>
    <t>3924322.0</t>
  </si>
  <si>
    <t>12031985.0</t>
  </si>
  <si>
    <t>276.398</t>
  </si>
  <si>
    <t>9510965.0</t>
  </si>
  <si>
    <t>5498949.0</t>
  </si>
  <si>
    <t>4030268.0</t>
  </si>
  <si>
    <t>152772.0</t>
  </si>
  <si>
    <t>124989.0</t>
  </si>
  <si>
    <t>12055523.0</t>
  </si>
  <si>
    <t>276.938</t>
  </si>
  <si>
    <t>9678454.0</t>
  </si>
  <si>
    <t>5548619.0</t>
  </si>
  <si>
    <t>4148087.0</t>
  </si>
  <si>
    <t>125123.0</t>
  </si>
  <si>
    <t>12081160.0</t>
  </si>
  <si>
    <t>277.527</t>
  </si>
  <si>
    <t>9747714.0</t>
  </si>
  <si>
    <t>5569049.0</t>
  </si>
  <si>
    <t>4196917.0</t>
  </si>
  <si>
    <t>69260.0</t>
  </si>
  <si>
    <t>122507.0</t>
  </si>
  <si>
    <t>12097306.0</t>
  </si>
  <si>
    <t>9789501.0</t>
  </si>
  <si>
    <t>5581416.0</t>
  </si>
  <si>
    <t>4227337.0</t>
  </si>
  <si>
    <t>12108589.0</t>
  </si>
  <si>
    <t>278.157</t>
  </si>
  <si>
    <t>9923423.0</t>
  </si>
  <si>
    <t>5618796.0</t>
  </si>
  <si>
    <t>4323879.0</t>
  </si>
  <si>
    <t>133922.0</t>
  </si>
  <si>
    <t>120186.0</t>
  </si>
  <si>
    <t>12131185.0</t>
  </si>
  <si>
    <t>22596.0</t>
  </si>
  <si>
    <t>278.677</t>
  </si>
  <si>
    <t>10073041.0</t>
  </si>
  <si>
    <t>5666017.0</t>
  </si>
  <si>
    <t>4426276.0</t>
  </si>
  <si>
    <t>149618.0</t>
  </si>
  <si>
    <t>119124.0</t>
  </si>
  <si>
    <t>10234210.0</t>
  </si>
  <si>
    <t>5722210.0</t>
  </si>
  <si>
    <t>4531252.0</t>
  </si>
  <si>
    <t>161169.0</t>
  </si>
  <si>
    <t>125145.0</t>
  </si>
  <si>
    <t>38584.0</t>
  </si>
  <si>
    <t>12188070.0</t>
  </si>
  <si>
    <t>279.983</t>
  </si>
  <si>
    <t>10407825.0</t>
  </si>
  <si>
    <t>5789252.0</t>
  </si>
  <si>
    <t>4637825.0</t>
  </si>
  <si>
    <t>173615.0</t>
  </si>
  <si>
    <t>128123.0</t>
  </si>
  <si>
    <t>12217031.0</t>
  </si>
  <si>
    <t>280.649</t>
  </si>
  <si>
    <t>10591352.0</t>
  </si>
  <si>
    <t>5860640.0</t>
  </si>
  <si>
    <t>4749964.0</t>
  </si>
  <si>
    <t>183527.0</t>
  </si>
  <si>
    <t>12250193.0</t>
  </si>
  <si>
    <t>281.41</t>
  </si>
  <si>
    <t>10665796.0</t>
  </si>
  <si>
    <t>5889810.0</t>
  </si>
  <si>
    <t>4795238.0</t>
  </si>
  <si>
    <t>74444.0</t>
  </si>
  <si>
    <t>131155.0</t>
  </si>
  <si>
    <t>45823.0</t>
  </si>
  <si>
    <t>12269080.0</t>
  </si>
  <si>
    <t>281.844</t>
  </si>
  <si>
    <t>10710944.0</t>
  </si>
  <si>
    <t>5906740.0</t>
  </si>
  <si>
    <t>4824256.0</t>
  </si>
  <si>
    <t>131635.0</t>
  </si>
  <si>
    <t>12279748.0</t>
  </si>
  <si>
    <t>282.089</t>
  </si>
  <si>
    <t>10846167.0</t>
  </si>
  <si>
    <t>5961263.0</t>
  </si>
  <si>
    <t>4904956.0</t>
  </si>
  <si>
    <t>12309029.0</t>
  </si>
  <si>
    <t>282.762</t>
  </si>
  <si>
    <t>10987963.0</t>
  </si>
  <si>
    <t>6028877.0</t>
  </si>
  <si>
    <t>4979138.0</t>
  </si>
  <si>
    <t>141796.0</t>
  </si>
  <si>
    <t>130703.0</t>
  </si>
  <si>
    <t>51837.0</t>
  </si>
  <si>
    <t>11106749.0</t>
  </si>
  <si>
    <t>6097683.0</t>
  </si>
  <si>
    <t>5029118.0</t>
  </si>
  <si>
    <t>118786.0</t>
  </si>
  <si>
    <t>12377327.0</t>
  </si>
  <si>
    <t>284.331</t>
  </si>
  <si>
    <t>11229655.0</t>
  </si>
  <si>
    <t>6169884.0</t>
  </si>
  <si>
    <t>5079823.0</t>
  </si>
  <si>
    <t>122906.0</t>
  </si>
  <si>
    <t>117404.0</t>
  </si>
  <si>
    <t>12412498.0</t>
  </si>
  <si>
    <t>285.139</t>
  </si>
  <si>
    <t>11362214.0</t>
  </si>
  <si>
    <t>6248153.0</t>
  </si>
  <si>
    <t>5134113.0</t>
  </si>
  <si>
    <t>132559.0</t>
  </si>
  <si>
    <t>110123.0</t>
  </si>
  <si>
    <t>12448211.0</t>
  </si>
  <si>
    <t>285.959</t>
  </si>
  <si>
    <t>28288.0</t>
  </si>
  <si>
    <t>11420819.0</t>
  </si>
  <si>
    <t>6282896.0</t>
  </si>
  <si>
    <t>5157975.0</t>
  </si>
  <si>
    <t>58605.0</t>
  </si>
  <si>
    <t>107860.0</t>
  </si>
  <si>
    <t>12471387.0</t>
  </si>
  <si>
    <t>286.492</t>
  </si>
  <si>
    <t>11456848.0</t>
  </si>
  <si>
    <t>6304014.0</t>
  </si>
  <si>
    <t>5173514.0</t>
  </si>
  <si>
    <t>106558.0</t>
  </si>
  <si>
    <t>12484445.0</t>
  </si>
  <si>
    <t>286.792</t>
  </si>
  <si>
    <t>11565584.0</t>
  </si>
  <si>
    <t>6366923.0</t>
  </si>
  <si>
    <t>5219341.0</t>
  </si>
  <si>
    <t>108736.0</t>
  </si>
  <si>
    <t>12515008.0</t>
  </si>
  <si>
    <t>287.494</t>
  </si>
  <si>
    <t>11681589.0</t>
  </si>
  <si>
    <t>6435425.0</t>
  </si>
  <si>
    <t>5266844.0</t>
  </si>
  <si>
    <t>116005.0</t>
  </si>
  <si>
    <t>99089.0</t>
  </si>
  <si>
    <t>58078.0</t>
  </si>
  <si>
    <t>12551650.0</t>
  </si>
  <si>
    <t>288.335</t>
  </si>
  <si>
    <t>29782.0</t>
  </si>
  <si>
    <t>11826357.0</t>
  </si>
  <si>
    <t>6527040.0</t>
  </si>
  <si>
    <t>5319997.0</t>
  </si>
  <si>
    <t>144768.0</t>
  </si>
  <si>
    <t>102801.0</t>
  </si>
  <si>
    <t>61337.0</t>
  </si>
  <si>
    <t>12593275.0</t>
  </si>
  <si>
    <t>41625.0</t>
  </si>
  <si>
    <t>289.292</t>
  </si>
  <si>
    <t>11979985.0</t>
  </si>
  <si>
    <t>6624026.0</t>
  </si>
  <si>
    <t>5376639.0</t>
  </si>
  <si>
    <t>153628.0</t>
  </si>
  <si>
    <t>107190.0</t>
  </si>
  <si>
    <t>12633853.0</t>
  </si>
  <si>
    <t>290.224</t>
  </si>
  <si>
    <t>12138989.0</t>
  </si>
  <si>
    <t>6720911.0</t>
  </si>
  <si>
    <t>5438758.0</t>
  </si>
  <si>
    <t>110968.0</t>
  </si>
  <si>
    <t>67537.0</t>
  </si>
  <si>
    <t>12673213.0</t>
  </si>
  <si>
    <t>291.128</t>
  </si>
  <si>
    <t>12203210.0</t>
  </si>
  <si>
    <t>6759689.0</t>
  </si>
  <si>
    <t>5464201.0</t>
  </si>
  <si>
    <t>64221.0</t>
  </si>
  <si>
    <t>111770.0</t>
  </si>
  <si>
    <t>68113.0</t>
  </si>
  <si>
    <t>12696878.0</t>
  </si>
  <si>
    <t>291.672</t>
  </si>
  <si>
    <t>12240363.0</t>
  </si>
  <si>
    <t>6781525.0</t>
  </si>
  <si>
    <t>5479518.0</t>
  </si>
  <si>
    <t>12710080.0</t>
  </si>
  <si>
    <t>291.975</t>
  </si>
  <si>
    <t>12359741.0</t>
  </si>
  <si>
    <t>6851529.0</t>
  </si>
  <si>
    <t>5528892.0</t>
  </si>
  <si>
    <t>119378.0</t>
  </si>
  <si>
    <t>113451.0</t>
  </si>
  <si>
    <t>12741131.0</t>
  </si>
  <si>
    <t>292.688</t>
  </si>
  <si>
    <t>12491987.0</t>
  </si>
  <si>
    <t>6926717.0</t>
  </si>
  <si>
    <t>5585950.0</t>
  </si>
  <si>
    <t>115771.0</t>
  </si>
  <si>
    <t>12783263.0</t>
  </si>
  <si>
    <t>293.656</t>
  </si>
  <si>
    <t>12617990.0</t>
  </si>
  <si>
    <t>7000533.0</t>
  </si>
  <si>
    <t>5638137.0</t>
  </si>
  <si>
    <t>126003.0</t>
  </si>
  <si>
    <t>67642.0</t>
  </si>
  <si>
    <t>12829867.0</t>
  </si>
  <si>
    <t>46604.0</t>
  </si>
  <si>
    <t>294.727</t>
  </si>
  <si>
    <t>33799.0</t>
  </si>
  <si>
    <t>12747523.0</t>
  </si>
  <si>
    <t>7072801.0</t>
  </si>
  <si>
    <t>5695402.0</t>
  </si>
  <si>
    <t>129533.0</t>
  </si>
  <si>
    <t>99137.6</t>
  </si>
  <si>
    <t>2497.05907125894</t>
  </si>
  <si>
    <t>12875593.0</t>
  </si>
  <si>
    <t>7144468.0</t>
  </si>
  <si>
    <t>5751805.0</t>
  </si>
  <si>
    <t>128070.0</t>
  </si>
  <si>
    <t>105229.0</t>
  </si>
  <si>
    <t>12922388.0</t>
  </si>
  <si>
    <t>296.852</t>
  </si>
  <si>
    <t>35596.0</t>
  </si>
  <si>
    <t>12928583.0</t>
  </si>
  <si>
    <t>7173268.0</t>
  </si>
  <si>
    <t>5775995.0</t>
  </si>
  <si>
    <t>103625.0</t>
  </si>
  <si>
    <t>35395.0</t>
  </si>
  <si>
    <t>12962507.0</t>
  </si>
  <si>
    <t>7190641.0</t>
  </si>
  <si>
    <t>5792546.0</t>
  </si>
  <si>
    <t>103163.0</t>
  </si>
  <si>
    <t>58445.0</t>
  </si>
  <si>
    <t>12966892.0</t>
  </si>
  <si>
    <t>297.874</t>
  </si>
  <si>
    <t>13062838.0</t>
  </si>
  <si>
    <t>5841405.0</t>
  </si>
  <si>
    <t>100331.0</t>
  </si>
  <si>
    <t>100442.0</t>
  </si>
  <si>
    <t>13003972.0</t>
  </si>
  <si>
    <t>298.726</t>
  </si>
  <si>
    <t>37549.0</t>
  </si>
  <si>
    <t>13180072.0</t>
  </si>
  <si>
    <t>7300772.0</t>
  </si>
  <si>
    <t>5899980.0</t>
  </si>
  <si>
    <t>117234.0</t>
  </si>
  <si>
    <t>13058358.0</t>
  </si>
  <si>
    <t>54386.0</t>
  </si>
  <si>
    <t>13302370.0</t>
  </si>
  <si>
    <t>7360200.0</t>
  </si>
  <si>
    <t>5962850.0</t>
  </si>
  <si>
    <t>122298.0</t>
  </si>
  <si>
    <t>97769.0</t>
  </si>
  <si>
    <t>13111389.0</t>
  </si>
  <si>
    <t>301.194</t>
  </si>
  <si>
    <t>13430055.0</t>
  </si>
  <si>
    <t>7421450.0</t>
  </si>
  <si>
    <t>6029285.0</t>
  </si>
  <si>
    <t>127685.0</t>
  </si>
  <si>
    <t>97505.0</t>
  </si>
  <si>
    <t>13164600.0</t>
  </si>
  <si>
    <t>302.416</t>
  </si>
  <si>
    <t>13578790.0</t>
  </si>
  <si>
    <t>7495411.0</t>
  </si>
  <si>
    <t>6104059.0</t>
  </si>
  <si>
    <t>100457.0</t>
  </si>
  <si>
    <t>13217913.0</t>
  </si>
  <si>
    <t>53313.0</t>
  </si>
  <si>
    <t>303.641</t>
  </si>
  <si>
    <t>42218.0</t>
  </si>
  <si>
    <t>13644843.0</t>
  </si>
  <si>
    <t>7529594.0</t>
  </si>
  <si>
    <t>6135929.0</t>
  </si>
  <si>
    <t>66053.0</t>
  </si>
  <si>
    <t>102323.0</t>
  </si>
  <si>
    <t>13253584.0</t>
  </si>
  <si>
    <t>304.46</t>
  </si>
  <si>
    <t>13683903.0</t>
  </si>
  <si>
    <t>7548871.0</t>
  </si>
  <si>
    <t>6155712.0</t>
  </si>
  <si>
    <t>13277259.0</t>
  </si>
  <si>
    <t>305.004</t>
  </si>
  <si>
    <t>13807133.0</t>
  </si>
  <si>
    <t>7609047.0</t>
  </si>
  <si>
    <t>6218766.0</t>
  </si>
  <si>
    <t>123230.0</t>
  </si>
  <si>
    <t>106328.0</t>
  </si>
  <si>
    <t>13323492.0</t>
  </si>
  <si>
    <t>306.066</t>
  </si>
  <si>
    <t>45646.0</t>
  </si>
  <si>
    <t>13959836.0</t>
  </si>
  <si>
    <t>7688562.0</t>
  </si>
  <si>
    <t>6291954.0</t>
  </si>
  <si>
    <t>55399.0</t>
  </si>
  <si>
    <t>13379666.0</t>
  </si>
  <si>
    <t>56174.0</t>
  </si>
  <si>
    <t>307.357</t>
  </si>
  <si>
    <t>14124223.0</t>
  </si>
  <si>
    <t>7774484.0</t>
  </si>
  <si>
    <t>6370419.0</t>
  </si>
  <si>
    <t>164387.0</t>
  </si>
  <si>
    <t>117408.0</t>
  </si>
  <si>
    <t>59183.0</t>
  </si>
  <si>
    <t>13442985.0</t>
  </si>
  <si>
    <t>308.811</t>
  </si>
  <si>
    <t>14159120.0</t>
  </si>
  <si>
    <t>7794187.0</t>
  </si>
  <si>
    <t>6385613.0</t>
  </si>
  <si>
    <t>104152.0</t>
  </si>
  <si>
    <t>53248.0</t>
  </si>
  <si>
    <t>13482871.0</t>
  </si>
  <si>
    <t>309.727</t>
  </si>
  <si>
    <t>45467.0</t>
  </si>
  <si>
    <t>14307558.0</t>
  </si>
  <si>
    <t>7873767.0</t>
  </si>
  <si>
    <t>6454471.0</t>
  </si>
  <si>
    <t>148438.0</t>
  </si>
  <si>
    <t>104110.0</t>
  </si>
  <si>
    <t>54051.0</t>
  </si>
  <si>
    <t>0.3342</t>
  </si>
  <si>
    <t>14390358.0</t>
  </si>
  <si>
    <t>7922413.0</t>
  </si>
  <si>
    <t>6488625.0</t>
  </si>
  <si>
    <t>106502.0</t>
  </si>
  <si>
    <t>14446255.0</t>
  </si>
  <si>
    <t>7956093.0</t>
  </si>
  <si>
    <t>6510842.0</t>
  </si>
  <si>
    <t>13581768.0</t>
  </si>
  <si>
    <t>311.999</t>
  </si>
  <si>
    <t>14639324.0</t>
  </si>
  <si>
    <t>8065760.0</t>
  </si>
  <si>
    <t>6594244.0</t>
  </si>
  <si>
    <t>193069.0</t>
  </si>
  <si>
    <t>118884.0</t>
  </si>
  <si>
    <t>13642447.0</t>
  </si>
  <si>
    <t>313.393</t>
  </si>
  <si>
    <t>14865911.0</t>
  </si>
  <si>
    <t>8207901.0</t>
  </si>
  <si>
    <t>6678690.0</t>
  </si>
  <si>
    <t>74191.0</t>
  </si>
  <si>
    <t>13709705.0</t>
  </si>
  <si>
    <t>67258.0</t>
  </si>
  <si>
    <t>314.938</t>
  </si>
  <si>
    <t>15117165.0</t>
  </si>
  <si>
    <t>8373550.0</t>
  </si>
  <si>
    <t>6764295.0</t>
  </si>
  <si>
    <t>251254.0</t>
  </si>
  <si>
    <t>141849.0</t>
  </si>
  <si>
    <t>85581.0</t>
  </si>
  <si>
    <t>13781546.0</t>
  </si>
  <si>
    <t>316.588</t>
  </si>
  <si>
    <t>15386831.0</t>
  </si>
  <si>
    <t>8557657.0</t>
  </si>
  <si>
    <t>6849854.0</t>
  </si>
  <si>
    <t>269666.0</t>
  </si>
  <si>
    <t>175387.0</t>
  </si>
  <si>
    <t>109067.0</t>
  </si>
  <si>
    <t>13854545.0</t>
  </si>
  <si>
    <t>15676299.0</t>
  </si>
  <si>
    <t>8760922.0</t>
  </si>
  <si>
    <t>6936057.0</t>
  </si>
  <si>
    <t>289468.0</t>
  </si>
  <si>
    <t>126736.0</t>
  </si>
  <si>
    <t>57827.0</t>
  </si>
  <si>
    <t>15854029.0</t>
  </si>
  <si>
    <t>8890452.0</t>
  </si>
  <si>
    <t>6984257.0</t>
  </si>
  <si>
    <t>177730.0</t>
  </si>
  <si>
    <t>13986710.0</t>
  </si>
  <si>
    <t>321.301</t>
  </si>
  <si>
    <t>62558.0</t>
  </si>
  <si>
    <t>15955360.0</t>
  </si>
  <si>
    <t>8965692.0</t>
  </si>
  <si>
    <t>7010348.0</t>
  </si>
  <si>
    <t>215586.0</t>
  </si>
  <si>
    <t>144228.0</t>
  </si>
  <si>
    <t>14021250.0</t>
  </si>
  <si>
    <t>322.095</t>
  </si>
  <si>
    <t>16210280.0</t>
  </si>
  <si>
    <t>9151478.0</t>
  </si>
  <si>
    <t>7079482.0</t>
  </si>
  <si>
    <t>254920.0</t>
  </si>
  <si>
    <t>224422.0</t>
  </si>
  <si>
    <t>155103.0</t>
  </si>
  <si>
    <t>14082277.0</t>
  </si>
  <si>
    <t>323.497</t>
  </si>
  <si>
    <t>62833.0</t>
  </si>
  <si>
    <t>16501573.0</t>
  </si>
  <si>
    <t>9363491.0</t>
  </si>
  <si>
    <t>7158762.0</t>
  </si>
  <si>
    <t>291293.0</t>
  </si>
  <si>
    <t>233666.0</t>
  </si>
  <si>
    <t>165084.0</t>
  </si>
  <si>
    <t>14154508.0</t>
  </si>
  <si>
    <t>72231.0</t>
  </si>
  <si>
    <t>325.156</t>
  </si>
  <si>
    <t>63543.0</t>
  </si>
  <si>
    <t>16793558.0</t>
  </si>
  <si>
    <t>9576175.0</t>
  </si>
  <si>
    <t>7238063.0</t>
  </si>
  <si>
    <t>291985.0</t>
  </si>
  <si>
    <t>239485.0</t>
  </si>
  <si>
    <t>171804.0</t>
  </si>
  <si>
    <t>14232081.0</t>
  </si>
  <si>
    <t>326.938</t>
  </si>
  <si>
    <t>64362.0</t>
  </si>
  <si>
    <t>17082799.0</t>
  </si>
  <si>
    <t>9790278.0</t>
  </si>
  <si>
    <t>7313201.0</t>
  </si>
  <si>
    <t>289241.0</t>
  </si>
  <si>
    <t>242281.0</t>
  </si>
  <si>
    <t>176089.0</t>
  </si>
  <si>
    <t>14306108.0</t>
  </si>
  <si>
    <t>328.639</t>
  </si>
  <si>
    <t>17400008.0</t>
  </si>
  <si>
    <t>10022976.0</t>
  </si>
  <si>
    <t>7397712.0</t>
  </si>
  <si>
    <t>317209.0</t>
  </si>
  <si>
    <t>246244.0</t>
  </si>
  <si>
    <t>62190.0</t>
  </si>
  <si>
    <t>17577773.0</t>
  </si>
  <si>
    <t>10156227.0</t>
  </si>
  <si>
    <t>7442226.0</t>
  </si>
  <si>
    <t>177765.0</t>
  </si>
  <si>
    <t>246249.0</t>
  </si>
  <si>
    <t>17695591.0</t>
  </si>
  <si>
    <t>10245773.0</t>
  </si>
  <si>
    <t>7470498.0</t>
  </si>
  <si>
    <t>117818.0</t>
  </si>
  <si>
    <t>182869.0</t>
  </si>
  <si>
    <t>124355.0</t>
  </si>
  <si>
    <t>3132.23016097227</t>
  </si>
  <si>
    <t>14455647.0</t>
  </si>
  <si>
    <t>332.074</t>
  </si>
  <si>
    <t>62057.0</t>
  </si>
  <si>
    <t>17968898.0</t>
  </si>
  <si>
    <t>10453650.0</t>
  </si>
  <si>
    <t>7535928.0</t>
  </si>
  <si>
    <t>273307.0</t>
  </si>
  <si>
    <t>251231.0</t>
  </si>
  <si>
    <t>186025.0</t>
  </si>
  <si>
    <t>14512577.0</t>
  </si>
  <si>
    <t>56930.0</t>
  </si>
  <si>
    <t>333.382</t>
  </si>
  <si>
    <t>18279337.0</t>
  </si>
  <si>
    <t>10682750.0</t>
  </si>
  <si>
    <t>7617267.0</t>
  </si>
  <si>
    <t>310439.0</t>
  </si>
  <si>
    <t>253966.0</t>
  </si>
  <si>
    <t>188466.0</t>
  </si>
  <si>
    <t>14586038.0</t>
  </si>
  <si>
    <t>335.069</t>
  </si>
  <si>
    <t>61647.0</t>
  </si>
  <si>
    <t>18578609.0</t>
  </si>
  <si>
    <t>10895718.0</t>
  </si>
  <si>
    <t>7703571.0</t>
  </si>
  <si>
    <t>299272.0</t>
  </si>
  <si>
    <t>255007.0</t>
  </si>
  <si>
    <t>14658956.0</t>
  </si>
  <si>
    <t>72918.0</t>
  </si>
  <si>
    <t>336.744</t>
  </si>
  <si>
    <t>18848929.0</t>
  </si>
  <si>
    <t>11086045.0</t>
  </si>
  <si>
    <t>7783564.0</t>
  </si>
  <si>
    <t>270320.0</t>
  </si>
  <si>
    <t>252304.0</t>
  </si>
  <si>
    <t>185110.0</t>
  </si>
  <si>
    <t>14730826.0</t>
  </si>
  <si>
    <t>338.395</t>
  </si>
  <si>
    <t>60674.0</t>
  </si>
  <si>
    <t>19127846.0</t>
  </si>
  <si>
    <t>11269339.0</t>
  </si>
  <si>
    <t>7879187.0</t>
  </si>
  <si>
    <t>246834.0</t>
  </si>
  <si>
    <t>178052.0</t>
  </si>
  <si>
    <t>14801967.0</t>
  </si>
  <si>
    <t>340.029</t>
  </si>
  <si>
    <t>19259252.0</t>
  </si>
  <si>
    <t>11354679.0</t>
  </si>
  <si>
    <t>131406.0</t>
  </si>
  <si>
    <t>171207.0</t>
  </si>
  <si>
    <t>14847087.0</t>
  </si>
  <si>
    <t>341.066</t>
  </si>
  <si>
    <t>63041.0</t>
  </si>
  <si>
    <t>19344335.0</t>
  </si>
  <si>
    <t>11406282.0</t>
  </si>
  <si>
    <t>7958733.0</t>
  </si>
  <si>
    <t>85083.0</t>
  </si>
  <si>
    <t>235535.0</t>
  </si>
  <si>
    <t>14876584.0</t>
  </si>
  <si>
    <t>341.744</t>
  </si>
  <si>
    <t>19584775.0</t>
  </si>
  <si>
    <t>11546721.0</t>
  </si>
  <si>
    <t>8058734.0</t>
  </si>
  <si>
    <t>240440.0</t>
  </si>
  <si>
    <t>230840.0</t>
  </si>
  <si>
    <t>156153.0</t>
  </si>
  <si>
    <t>14930139.0</t>
  </si>
  <si>
    <t>53555.0</t>
  </si>
  <si>
    <t>342.974</t>
  </si>
  <si>
    <t>19852176.0</t>
  </si>
  <si>
    <t>11697384.0</t>
  </si>
  <si>
    <t>8175472.0</t>
  </si>
  <si>
    <t>267401.0</t>
  </si>
  <si>
    <t>224691.0</t>
  </si>
  <si>
    <t>144948.0</t>
  </si>
  <si>
    <t>14999766.0</t>
  </si>
  <si>
    <t>344.573</t>
  </si>
  <si>
    <t>59104.0</t>
  </si>
  <si>
    <t>20129273.0</t>
  </si>
  <si>
    <t>11844728.0</t>
  </si>
  <si>
    <t>8305225.0</t>
  </si>
  <si>
    <t>277097.0</t>
  </si>
  <si>
    <t>135573.0</t>
  </si>
  <si>
    <t>15067107.0</t>
  </si>
  <si>
    <t>20408409.0</t>
  </si>
  <si>
    <t>11986075.0</t>
  </si>
  <si>
    <t>8443014.0</t>
  </si>
  <si>
    <t>279136.0</t>
  </si>
  <si>
    <t>128576.0</t>
  </si>
  <si>
    <t>15128821.0</t>
  </si>
  <si>
    <t>0.3887</t>
  </si>
  <si>
    <t>20708263.0</t>
  </si>
  <si>
    <t>12121802.0</t>
  </si>
  <si>
    <t>8607141.0</t>
  </si>
  <si>
    <t>299854.0</t>
  </si>
  <si>
    <t>225774.0</t>
  </si>
  <si>
    <t>121780.0</t>
  </si>
  <si>
    <t>0.4185</t>
  </si>
  <si>
    <t>20853504.0</t>
  </si>
  <si>
    <t>12187559.0</t>
  </si>
  <si>
    <t>8686625.0</t>
  </si>
  <si>
    <t>227750.0</t>
  </si>
  <si>
    <t>118983.0</t>
  </si>
  <si>
    <t>0.4173</t>
  </si>
  <si>
    <t>20950877.0</t>
  </si>
  <si>
    <t>12228642.0</t>
  </si>
  <si>
    <t>8742915.0</t>
  </si>
  <si>
    <t>97373.0</t>
  </si>
  <si>
    <t>117480.0</t>
  </si>
  <si>
    <t>15246974.0</t>
  </si>
  <si>
    <t>350.252</t>
  </si>
  <si>
    <t>21218965.0</t>
  </si>
  <si>
    <t>12331550.0</t>
  </si>
  <si>
    <t>8908095.0</t>
  </si>
  <si>
    <t>268088.0</t>
  </si>
  <si>
    <t>233456.0</t>
  </si>
  <si>
    <t>15292648.0</t>
  </si>
  <si>
    <t>45674.0</t>
  </si>
  <si>
    <t>351.301</t>
  </si>
  <si>
    <t>51787.0</t>
  </si>
  <si>
    <t>21513820.0</t>
  </si>
  <si>
    <t>12445579.0</t>
  </si>
  <si>
    <t>9088921.0</t>
  </si>
  <si>
    <t>294855.0</t>
  </si>
  <si>
    <t>106885.0</t>
  </si>
  <si>
    <t>0.4394</t>
  </si>
  <si>
    <t>21811652.0</t>
  </si>
  <si>
    <t>12554333.0</t>
  </si>
  <si>
    <t>9277999.0</t>
  </si>
  <si>
    <t>297832.0</t>
  </si>
  <si>
    <t>240340.0</t>
  </si>
  <si>
    <t>15348780.0</t>
  </si>
  <si>
    <t>352.591</t>
  </si>
  <si>
    <t>22105972.0</t>
  </si>
  <si>
    <t>12657190.0</t>
  </si>
  <si>
    <t>9469462.0</t>
  </si>
  <si>
    <t>294320.0</t>
  </si>
  <si>
    <t>95874.0</t>
  </si>
  <si>
    <t>15461886.0</t>
  </si>
  <si>
    <t>355.189</t>
  </si>
  <si>
    <t>47581.0</t>
  </si>
  <si>
    <t>22417288.0</t>
  </si>
  <si>
    <t>12755984.0</t>
  </si>
  <si>
    <t>9681984.0</t>
  </si>
  <si>
    <t>311316.0</t>
  </si>
  <si>
    <t>244146.0</t>
  </si>
  <si>
    <t>90597.0</t>
  </si>
  <si>
    <t>47685.0</t>
  </si>
  <si>
    <t>22569609.0</t>
  </si>
  <si>
    <t>12805744.0</t>
  </si>
  <si>
    <t>9784545.0</t>
  </si>
  <si>
    <t>152321.0</t>
  </si>
  <si>
    <t>245158.0</t>
  </si>
  <si>
    <t>15542112.0</t>
  </si>
  <si>
    <t>357.032</t>
  </si>
  <si>
    <t>22669435.0</t>
  </si>
  <si>
    <t>12835126.0</t>
  </si>
  <si>
    <t>9854989.0</t>
  </si>
  <si>
    <t>245508.0</t>
  </si>
  <si>
    <t>86641.0</t>
  </si>
  <si>
    <t>45993.0</t>
  </si>
  <si>
    <t>22939693.0</t>
  </si>
  <si>
    <t>12914333.0</t>
  </si>
  <si>
    <t>10046040.0</t>
  </si>
  <si>
    <t>270258.0</t>
  </si>
  <si>
    <t>245818.0</t>
  </si>
  <si>
    <t>83255.0</t>
  </si>
  <si>
    <t>15595737.0</t>
  </si>
  <si>
    <t>358.264</t>
  </si>
  <si>
    <t>23225814.0</t>
  </si>
  <si>
    <t>13000632.0</t>
  </si>
  <si>
    <t>10245862.0</t>
  </si>
  <si>
    <t>244571.0</t>
  </si>
  <si>
    <t>79293.0</t>
  </si>
  <si>
    <t>15648456.0</t>
  </si>
  <si>
    <t>359.475</t>
  </si>
  <si>
    <t>23501133.0</t>
  </si>
  <si>
    <t>13083133.0</t>
  </si>
  <si>
    <t>10438680.0</t>
  </si>
  <si>
    <t>275319.0</t>
  </si>
  <si>
    <t>15700772.0</t>
  </si>
  <si>
    <t>52316.0</t>
  </si>
  <si>
    <t>360.677</t>
  </si>
  <si>
    <t>23775008.0</t>
  </si>
  <si>
    <t>13164649.0</t>
  </si>
  <si>
    <t>10631039.0</t>
  </si>
  <si>
    <t>273875.0</t>
  </si>
  <si>
    <t>238434.0</t>
  </si>
  <si>
    <t>15746389.0</t>
  </si>
  <si>
    <t>361.725</t>
  </si>
  <si>
    <t>24054784.0</t>
  </si>
  <si>
    <t>13246108.0</t>
  </si>
  <si>
    <t>10829356.0</t>
  </si>
  <si>
    <t>279776.0</t>
  </si>
  <si>
    <t>233928.0</t>
  </si>
  <si>
    <t>15793678.0</t>
  </si>
  <si>
    <t>362.811</t>
  </si>
  <si>
    <t>24194260.0</t>
  </si>
  <si>
    <t>13289461.0</t>
  </si>
  <si>
    <t>10925479.0</t>
  </si>
  <si>
    <t>232093.0</t>
  </si>
  <si>
    <t>69102.0</t>
  </si>
  <si>
    <t>24288230.0</t>
  </si>
  <si>
    <t>13320530.0</t>
  </si>
  <si>
    <t>10988380.0</t>
  </si>
  <si>
    <t>93970.0</t>
  </si>
  <si>
    <t>15832613.0</t>
  </si>
  <si>
    <t>363.705</t>
  </si>
  <si>
    <t>24514289.0</t>
  </si>
  <si>
    <t>13391654.0</t>
  </si>
  <si>
    <t>11143315.0</t>
  </si>
  <si>
    <t>68189.0</t>
  </si>
  <si>
    <t>15869089.0</t>
  </si>
  <si>
    <t>364.543</t>
  </si>
  <si>
    <t>24747760.0</t>
  </si>
  <si>
    <t>13468633.0</t>
  </si>
  <si>
    <t>11299807.0</t>
  </si>
  <si>
    <t>233471.0</t>
  </si>
  <si>
    <t>217421.0</t>
  </si>
  <si>
    <t>66857.0</t>
  </si>
  <si>
    <t>164419.2</t>
  </si>
  <si>
    <t>4141.35963397477</t>
  </si>
  <si>
    <t>15917165.0</t>
  </si>
  <si>
    <t>365.648</t>
  </si>
  <si>
    <t>24952848.0</t>
  </si>
  <si>
    <t>13539487.0</t>
  </si>
  <si>
    <t>11434041.0</t>
  </si>
  <si>
    <t>205088.0</t>
  </si>
  <si>
    <t>207388.0</t>
  </si>
  <si>
    <t>15962709.0</t>
  </si>
  <si>
    <t>45544.0</t>
  </si>
  <si>
    <t>366.694</t>
  </si>
  <si>
    <t>37420.0</t>
  </si>
  <si>
    <t>25159558.0</t>
  </si>
  <si>
    <t>13610068.0</t>
  </si>
  <si>
    <t>11570170.0</t>
  </si>
  <si>
    <t>197793.0</t>
  </si>
  <si>
    <t>16009215.0</t>
  </si>
  <si>
    <t>367.762</t>
  </si>
  <si>
    <t>25375687.0</t>
  </si>
  <si>
    <t>13685625.0</t>
  </si>
  <si>
    <t>11710742.0</t>
  </si>
  <si>
    <t>216129.0</t>
  </si>
  <si>
    <t>188700.0</t>
  </si>
  <si>
    <t>25488344.0</t>
  </si>
  <si>
    <t>13725903.0</t>
  </si>
  <si>
    <t>11783121.0</t>
  </si>
  <si>
    <t>184869.0</t>
  </si>
  <si>
    <t>16076359.0</t>
  </si>
  <si>
    <t>369.305</t>
  </si>
  <si>
    <t>25559141.0</t>
  </si>
  <si>
    <t>13753064.0</t>
  </si>
  <si>
    <t>11826757.0</t>
  </si>
  <si>
    <t>181559.0</t>
  </si>
  <si>
    <t>16089778.0</t>
  </si>
  <si>
    <t>369.613</t>
  </si>
  <si>
    <t>25747899.0</t>
  </si>
  <si>
    <t>13826161.0</t>
  </si>
  <si>
    <t>11942418.0</t>
  </si>
  <si>
    <t>188758.0</t>
  </si>
  <si>
    <t>176230.0</t>
  </si>
  <si>
    <t>62072.0</t>
  </si>
  <si>
    <t>25947664.0</t>
  </si>
  <si>
    <t>13905431.0</t>
  </si>
  <si>
    <t>12062913.0</t>
  </si>
  <si>
    <t>199765.0</t>
  </si>
  <si>
    <t>171415.0</t>
  </si>
  <si>
    <t>16160332.0</t>
  </si>
  <si>
    <t>371.234</t>
  </si>
  <si>
    <t>26126460.0</t>
  </si>
  <si>
    <t>13974698.0</t>
  </si>
  <si>
    <t>12172442.0</t>
  </si>
  <si>
    <t>33539.0</t>
  </si>
  <si>
    <t>26284188.0</t>
  </si>
  <si>
    <t>14031951.0</t>
  </si>
  <si>
    <t>12272917.0</t>
  </si>
  <si>
    <t>157728.0</t>
  </si>
  <si>
    <t>160661.0</t>
  </si>
  <si>
    <t>16234638.0</t>
  </si>
  <si>
    <t>372.941</t>
  </si>
  <si>
    <t>26452547.0</t>
  </si>
  <si>
    <t>14087749.0</t>
  </si>
  <si>
    <t>12385478.0</t>
  </si>
  <si>
    <t>168359.0</t>
  </si>
  <si>
    <t>153837.0</t>
  </si>
  <si>
    <t>57446.0</t>
  </si>
  <si>
    <t>16274905.0</t>
  </si>
  <si>
    <t>373.866</t>
  </si>
  <si>
    <t>26535803.0</t>
  </si>
  <si>
    <t>14114892.0</t>
  </si>
  <si>
    <t>12441591.0</t>
  </si>
  <si>
    <t>149637.0</t>
  </si>
  <si>
    <t>55570.0</t>
  </si>
  <si>
    <t>16294537.0</t>
  </si>
  <si>
    <t>374.317</t>
  </si>
  <si>
    <t>26589094.0</t>
  </si>
  <si>
    <t>14131443.0</t>
  </si>
  <si>
    <t>12478331.0</t>
  </si>
  <si>
    <t>53291.0</t>
  </si>
  <si>
    <t>147136.0</t>
  </si>
  <si>
    <t>16306176.0</t>
  </si>
  <si>
    <t>374.584</t>
  </si>
  <si>
    <t>26718836.0</t>
  </si>
  <si>
    <t>14174399.0</t>
  </si>
  <si>
    <t>12565117.0</t>
  </si>
  <si>
    <t>129742.0</t>
  </si>
  <si>
    <t>16333417.0</t>
  </si>
  <si>
    <t>375.21</t>
  </si>
  <si>
    <t>26861757.0</t>
  </si>
  <si>
    <t>14221536.0</t>
  </si>
  <si>
    <t>12660901.0</t>
  </si>
  <si>
    <t>142921.0</t>
  </si>
  <si>
    <t>130585.0</t>
  </si>
  <si>
    <t>16371425.0</t>
  </si>
  <si>
    <t>27004683.0</t>
  </si>
  <si>
    <t>14269055.0</t>
  </si>
  <si>
    <t>12756308.0</t>
  </si>
  <si>
    <t>142926.0</t>
  </si>
  <si>
    <t>125460.0</t>
  </si>
  <si>
    <t>42051.0</t>
  </si>
  <si>
    <t>16405911.0</t>
  </si>
  <si>
    <t>34486.0</t>
  </si>
  <si>
    <t>27137674.0</t>
  </si>
  <si>
    <t>14312994.0</t>
  </si>
  <si>
    <t>12845346.0</t>
  </si>
  <si>
    <t>121927.0</t>
  </si>
  <si>
    <t>16439563.0</t>
  </si>
  <si>
    <t>27274636.0</t>
  </si>
  <si>
    <t>14355538.0</t>
  </si>
  <si>
    <t>12939704.0</t>
  </si>
  <si>
    <t>136962.0</t>
  </si>
  <si>
    <t>117441.0</t>
  </si>
  <si>
    <t>16474655.0</t>
  </si>
  <si>
    <t>378.454</t>
  </si>
  <si>
    <t>27337322.0</t>
  </si>
  <si>
    <t>14375344.0</t>
  </si>
  <si>
    <t>12982566.0</t>
  </si>
  <si>
    <t>114503.0</t>
  </si>
  <si>
    <t>37207.0</t>
  </si>
  <si>
    <t>16492954.0</t>
  </si>
  <si>
    <t>378.875</t>
  </si>
  <si>
    <t>27373349.0</t>
  </si>
  <si>
    <t>14386385.0</t>
  </si>
  <si>
    <t>13007552.0</t>
  </si>
  <si>
    <t>112036.0</t>
  </si>
  <si>
    <t>16503941.0</t>
  </si>
  <si>
    <t>379.127</t>
  </si>
  <si>
    <t>28252.0</t>
  </si>
  <si>
    <t>27484089.0</t>
  </si>
  <si>
    <t>14422441.0</t>
  </si>
  <si>
    <t>13082157.0</t>
  </si>
  <si>
    <t>110740.0</t>
  </si>
  <si>
    <t>16532593.0</t>
  </si>
  <si>
    <t>379.785</t>
  </si>
  <si>
    <t>28454.0</t>
  </si>
  <si>
    <t>27603218.0</t>
  </si>
  <si>
    <t>14461447.0</t>
  </si>
  <si>
    <t>13162126.0</t>
  </si>
  <si>
    <t>119129.0</t>
  </si>
  <si>
    <t>105923.0</t>
  </si>
  <si>
    <t>16566449.0</t>
  </si>
  <si>
    <t>380.563</t>
  </si>
  <si>
    <t>27720661.0</t>
  </si>
  <si>
    <t>14500518.0</t>
  </si>
  <si>
    <t>13240227.0</t>
  </si>
  <si>
    <t>117443.0</t>
  </si>
  <si>
    <t>102283.0</t>
  </si>
  <si>
    <t>16598851.0</t>
  </si>
  <si>
    <t>27834543.0</t>
  </si>
  <si>
    <t>14537064.0</t>
  </si>
  <si>
    <t>13316770.0</t>
  </si>
  <si>
    <t>113882.0</t>
  </si>
  <si>
    <t>16626864.0</t>
  </si>
  <si>
    <t>381.951</t>
  </si>
  <si>
    <t>27951765.0</t>
  </si>
  <si>
    <t>14574569.0</t>
  </si>
  <si>
    <t>13395591.0</t>
  </si>
  <si>
    <t>117222.0</t>
  </si>
  <si>
    <t>96733.0</t>
  </si>
  <si>
    <t>31290.0</t>
  </si>
  <si>
    <t>16656395.0</t>
  </si>
  <si>
    <t>382.629</t>
  </si>
  <si>
    <t>27980023.0</t>
  </si>
  <si>
    <t>14583759.0</t>
  </si>
  <si>
    <t>13414307.0</t>
  </si>
  <si>
    <t>91814.0</t>
  </si>
  <si>
    <t>16669943.0</t>
  </si>
  <si>
    <t>382.94</t>
  </si>
  <si>
    <t>28009499.0</t>
  </si>
  <si>
    <t>14592535.0</t>
  </si>
  <si>
    <t>13434741.0</t>
  </si>
  <si>
    <t>16678842.0</t>
  </si>
  <si>
    <t>383.145</t>
  </si>
  <si>
    <t>28055523.0</t>
  </si>
  <si>
    <t>13467972.0</t>
  </si>
  <si>
    <t>46024.0</t>
  </si>
  <si>
    <t>28186652.0</t>
  </si>
  <si>
    <t>14639496.0</t>
  </si>
  <si>
    <t>13562946.0</t>
  </si>
  <si>
    <t>131129.0</t>
  </si>
  <si>
    <t>16724734.0</t>
  </si>
  <si>
    <t>384.199</t>
  </si>
  <si>
    <t>28303694.0</t>
  </si>
  <si>
    <t>14671167.0</t>
  </si>
  <si>
    <t>13646233.0</t>
  </si>
  <si>
    <t>117042.0</t>
  </si>
  <si>
    <t>16757339.0</t>
  </si>
  <si>
    <t>32605.0</t>
  </si>
  <si>
    <t>384.948</t>
  </si>
  <si>
    <t>28405399.0</t>
  </si>
  <si>
    <t>14698232.0</t>
  </si>
  <si>
    <t>13719067.0</t>
  </si>
  <si>
    <t>101705.0</t>
  </si>
  <si>
    <t>16786785.0</t>
  </si>
  <si>
    <t>385.625</t>
  </si>
  <si>
    <t>28457565.0</t>
  </si>
  <si>
    <t>14713309.0</t>
  </si>
  <si>
    <t>13755421.0</t>
  </si>
  <si>
    <t>178896.4</t>
  </si>
  <si>
    <t>4506.00860254401</t>
  </si>
  <si>
    <t>16809292.0</t>
  </si>
  <si>
    <t>386.142</t>
  </si>
  <si>
    <t>69948.0</t>
  </si>
  <si>
    <t>16816266.0</t>
  </si>
  <si>
    <t>386.302</t>
  </si>
  <si>
    <t>16824014.0</t>
  </si>
  <si>
    <t>386.48</t>
  </si>
  <si>
    <t>28493854.0</t>
  </si>
  <si>
    <t>14721820.0</t>
  </si>
  <si>
    <t>13782842.0</t>
  </si>
  <si>
    <t>62619.0</t>
  </si>
  <si>
    <t>16835647.0</t>
  </si>
  <si>
    <t>386.747</t>
  </si>
  <si>
    <t>28596332.0</t>
  </si>
  <si>
    <t>14748322.0</t>
  </si>
  <si>
    <t>13856378.0</t>
  </si>
  <si>
    <t>102478.0</t>
  </si>
  <si>
    <t>16865938.0</t>
  </si>
  <si>
    <t>387.443</t>
  </si>
  <si>
    <t>28701176.0</t>
  </si>
  <si>
    <t>14778319.0</t>
  </si>
  <si>
    <t>13926542.0</t>
  </si>
  <si>
    <t>104844.0</t>
  </si>
  <si>
    <t>16898750.0</t>
  </si>
  <si>
    <t>32812.0</t>
  </si>
  <si>
    <t>388.197</t>
  </si>
  <si>
    <t>28773017.0</t>
  </si>
  <si>
    <t>14800316.0</t>
  </si>
  <si>
    <t>13971378.0</t>
  </si>
  <si>
    <t>16943946.0</t>
  </si>
  <si>
    <t>389.235</t>
  </si>
  <si>
    <t>28799967.0</t>
  </si>
  <si>
    <t>14807334.0</t>
  </si>
  <si>
    <t>13988803.0</t>
  </si>
  <si>
    <t>16956514.0</t>
  </si>
  <si>
    <t>389.524</t>
  </si>
  <si>
    <t>28820343.0</t>
  </si>
  <si>
    <t>14813184.0</t>
  </si>
  <si>
    <t>14001153.0</t>
  </si>
  <si>
    <t>16966846.0</t>
  </si>
  <si>
    <t>389.761</t>
  </si>
  <si>
    <t>28916728.0</t>
  </si>
  <si>
    <t>14842426.0</t>
  </si>
  <si>
    <t>14060228.0</t>
  </si>
  <si>
    <t>96385.0</t>
  </si>
  <si>
    <t>60411.0</t>
  </si>
  <si>
    <t>29023090.0</t>
  </si>
  <si>
    <t>14875714.0</t>
  </si>
  <si>
    <t>14119576.0</t>
  </si>
  <si>
    <t>17034809.0</t>
  </si>
  <si>
    <t>391.322</t>
  </si>
  <si>
    <t>29125670.0</t>
  </si>
  <si>
    <t>14909166.0</t>
  </si>
  <si>
    <t>14172918.0</t>
  </si>
  <si>
    <t>102580.0</t>
  </si>
  <si>
    <t>17071469.0</t>
  </si>
  <si>
    <t>392.164</t>
  </si>
  <si>
    <t>29218505.0</t>
  </si>
  <si>
    <t>14941500.0</t>
  </si>
  <si>
    <t>14218383.0</t>
  </si>
  <si>
    <t>92835.0</t>
  </si>
  <si>
    <t>63641.0</t>
  </si>
  <si>
    <t>17108685.0</t>
  </si>
  <si>
    <t>393.019</t>
  </si>
  <si>
    <t>29309322.0</t>
  </si>
  <si>
    <t>14971998.0</t>
  </si>
  <si>
    <t>14261510.0</t>
  </si>
  <si>
    <t>96494.0</t>
  </si>
  <si>
    <t>90817.0</t>
  </si>
  <si>
    <t>17147892.0</t>
  </si>
  <si>
    <t>393.92</t>
  </si>
  <si>
    <t>29349091.0</t>
  </si>
  <si>
    <t>14985041.0</t>
  </si>
  <si>
    <t>14280270.0</t>
  </si>
  <si>
    <t>104460.0</t>
  </si>
  <si>
    <t>17168201.0</t>
  </si>
  <si>
    <t>394.386</t>
  </si>
  <si>
    <t>29372377.0</t>
  </si>
  <si>
    <t>14993075.0</t>
  </si>
  <si>
    <t>14291200.0</t>
  </si>
  <si>
    <t>108782.0</t>
  </si>
  <si>
    <t>78862.0</t>
  </si>
  <si>
    <t>17182817.0</t>
  </si>
  <si>
    <t>394.722</t>
  </si>
  <si>
    <t>29453298.0</t>
  </si>
  <si>
    <t>15022922.0</t>
  </si>
  <si>
    <t>14327423.0</t>
  </si>
  <si>
    <t>123633.0</t>
  </si>
  <si>
    <t>80921.0</t>
  </si>
  <si>
    <t>17220495.0</t>
  </si>
  <si>
    <t>395.588</t>
  </si>
  <si>
    <t>29538475.0</t>
  </si>
  <si>
    <t>15053123.0</t>
  </si>
  <si>
    <t>14364167.0</t>
  </si>
  <si>
    <t>141865.0</t>
  </si>
  <si>
    <t>85177.0</t>
  </si>
  <si>
    <t>17270793.0</t>
  </si>
  <si>
    <t>396.743</t>
  </si>
  <si>
    <t>29613234.0</t>
  </si>
  <si>
    <t>15080099.0</t>
  </si>
  <si>
    <t>14396505.0</t>
  </si>
  <si>
    <t>69652.0</t>
  </si>
  <si>
    <t>17332435.0</t>
  </si>
  <si>
    <t>398.159</t>
  </si>
  <si>
    <t>29699380.0</t>
  </si>
  <si>
    <t>15109349.0</t>
  </si>
  <si>
    <t>14431410.0</t>
  </si>
  <si>
    <t>179301.0</t>
  </si>
  <si>
    <t>86146.0</t>
  </si>
  <si>
    <t>68696.0</t>
  </si>
  <si>
    <t>17389831.0</t>
  </si>
  <si>
    <t>399.478</t>
  </si>
  <si>
    <t>29790690.0</t>
  </si>
  <si>
    <t>15141197.0</t>
  </si>
  <si>
    <t>14464273.0</t>
  </si>
  <si>
    <t>17455150.0</t>
  </si>
  <si>
    <t>400.978</t>
  </si>
  <si>
    <t>29829551.0</t>
  </si>
  <si>
    <t>15155836.0</t>
  </si>
  <si>
    <t>14477929.0</t>
  </si>
  <si>
    <t>216466.0</t>
  </si>
  <si>
    <t>68637.0</t>
  </si>
  <si>
    <t>17497199.0</t>
  </si>
  <si>
    <t>401.944</t>
  </si>
  <si>
    <t>29852092.0</t>
  </si>
  <si>
    <t>15164116.0</t>
  </si>
  <si>
    <t>14486764.0</t>
  </si>
  <si>
    <t>221892.0</t>
  </si>
  <si>
    <t>22541.0</t>
  </si>
  <si>
    <t>68531.0</t>
  </si>
  <si>
    <t>17523330.0</t>
  </si>
  <si>
    <t>402.544</t>
  </si>
  <si>
    <t>48645.0</t>
  </si>
  <si>
    <t>29921638.0</t>
  </si>
  <si>
    <t>15191377.0</t>
  </si>
  <si>
    <t>14511464.0</t>
  </si>
  <si>
    <t>239477.0</t>
  </si>
  <si>
    <t>17581514.0</t>
  </si>
  <si>
    <t>403.881</t>
  </si>
  <si>
    <t>30003374.0</t>
  </si>
  <si>
    <t>15221306.0</t>
  </si>
  <si>
    <t>14540448.0</t>
  </si>
  <si>
    <t>262300.0</t>
  </si>
  <si>
    <t>17661202.0</t>
  </si>
  <si>
    <t>79688.0</t>
  </si>
  <si>
    <t>55773.0</t>
  </si>
  <si>
    <t>0.3493</t>
  </si>
  <si>
    <t>30085734.0</t>
  </si>
  <si>
    <t>15250200.0</t>
  </si>
  <si>
    <t>14570174.0</t>
  </si>
  <si>
    <t>286040.0</t>
  </si>
  <si>
    <t>82360.0</t>
  </si>
  <si>
    <t>67500.0</t>
  </si>
  <si>
    <t>17756198.0</t>
  </si>
  <si>
    <t>407.894</t>
  </si>
  <si>
    <t>30166832.0</t>
  </si>
  <si>
    <t>15278385.0</t>
  </si>
  <si>
    <t>14597402.0</t>
  </si>
  <si>
    <t>311725.0</t>
  </si>
  <si>
    <t>66779.0</t>
  </si>
  <si>
    <t>17848132.0</t>
  </si>
  <si>
    <t>410.006</t>
  </si>
  <si>
    <t>65472.0</t>
  </si>
  <si>
    <t>30245396.0</t>
  </si>
  <si>
    <t>15306057.0</t>
  </si>
  <si>
    <t>14621114.0</t>
  </si>
  <si>
    <t>338905.0</t>
  </si>
  <si>
    <t>67655.0</t>
  </si>
  <si>
    <t>30279598.0</t>
  </si>
  <si>
    <t>15318149.0</t>
  </si>
  <si>
    <t>14632514.0</t>
  </si>
  <si>
    <t>64292.0</t>
  </si>
  <si>
    <t>18009334.0</t>
  </si>
  <si>
    <t>413.709</t>
  </si>
  <si>
    <t>30300581.0</t>
  </si>
  <si>
    <t>15324673.0</t>
  </si>
  <si>
    <t>14640167.0</t>
  </si>
  <si>
    <t>356421.0</t>
  </si>
  <si>
    <t>18045688.0</t>
  </si>
  <si>
    <t>414.544</t>
  </si>
  <si>
    <t>30366236.0</t>
  </si>
  <si>
    <t>15347951.0</t>
  </si>
  <si>
    <t>14665692.0</t>
  </si>
  <si>
    <t>373273.0</t>
  </si>
  <si>
    <t>65655.0</t>
  </si>
  <si>
    <t>179972.2</t>
  </si>
  <si>
    <t>4533.10564896091</t>
  </si>
  <si>
    <t>77822.0</t>
  </si>
  <si>
    <t>30440828.0</t>
  </si>
  <si>
    <t>15373128.0</t>
  </si>
  <si>
    <t>14692940.0</t>
  </si>
  <si>
    <t>18206854.0</t>
  </si>
  <si>
    <t>418.246</t>
  </si>
  <si>
    <t>30514023.0</t>
  </si>
  <si>
    <t>15396723.0</t>
  </si>
  <si>
    <t>14720878.0</t>
  </si>
  <si>
    <t>417102.0</t>
  </si>
  <si>
    <t>73195.0</t>
  </si>
  <si>
    <t>18308056.0</t>
  </si>
  <si>
    <t>420.571</t>
  </si>
  <si>
    <t>78837.0</t>
  </si>
  <si>
    <t>30589327.0</t>
  </si>
  <si>
    <t>15420205.0</t>
  </si>
  <si>
    <t>14749322.0</t>
  </si>
  <si>
    <t>440480.0</t>
  </si>
  <si>
    <t>18404417.0</t>
  </si>
  <si>
    <t>96361.0</t>
  </si>
  <si>
    <t>422.785</t>
  </si>
  <si>
    <t>79469.0</t>
  </si>
  <si>
    <t>30665677.0</t>
  </si>
  <si>
    <t>15442557.0</t>
  </si>
  <si>
    <t>14779030.0</t>
  </si>
  <si>
    <t>464770.0</t>
  </si>
  <si>
    <t>76350.0</t>
  </si>
  <si>
    <t>77457.0</t>
  </si>
  <si>
    <t>0.4535</t>
  </si>
  <si>
    <t>30699982.0</t>
  </si>
  <si>
    <t>15452739.0</t>
  </si>
  <si>
    <t>14793218.0</t>
  </si>
  <si>
    <t>474705.0</t>
  </si>
  <si>
    <t>60055.0</t>
  </si>
  <si>
    <t>30718608.0</t>
  </si>
  <si>
    <t>15458480.0</t>
  </si>
  <si>
    <t>14801246.0</t>
  </si>
  <si>
    <t>479562.0</t>
  </si>
  <si>
    <t>18603958.0</t>
  </si>
  <si>
    <t>427.368</t>
  </si>
  <si>
    <t>79753.0</t>
  </si>
  <si>
    <t>0.4504</t>
  </si>
  <si>
    <t>30782527.0</t>
  </si>
  <si>
    <t>15478006.0</t>
  </si>
  <si>
    <t>14830123.0</t>
  </si>
  <si>
    <t>59470.0</t>
  </si>
  <si>
    <t>18579.0</t>
  </si>
  <si>
    <t>79560.0</t>
  </si>
  <si>
    <t>0.4587</t>
  </si>
  <si>
    <t>30854534.0</t>
  </si>
  <si>
    <t>15499218.0</t>
  </si>
  <si>
    <t>14861130.0</t>
  </si>
  <si>
    <t>514866.0</t>
  </si>
  <si>
    <t>30925212.0</t>
  </si>
  <si>
    <t>15520585.0</t>
  </si>
  <si>
    <t>14890617.0</t>
  </si>
  <si>
    <t>534690.0</t>
  </si>
  <si>
    <t>58741.0</t>
  </si>
  <si>
    <t>76229.0</t>
  </si>
  <si>
    <t>30997467.0</t>
  </si>
  <si>
    <t>15541411.0</t>
  </si>
  <si>
    <t>14921258.0</t>
  </si>
  <si>
    <t>555478.0</t>
  </si>
  <si>
    <t>72255.0</t>
  </si>
  <si>
    <t>18920897.0</t>
  </si>
  <si>
    <t>73783.0</t>
  </si>
  <si>
    <t>31071505.0</t>
  </si>
  <si>
    <t>15561671.0</t>
  </si>
  <si>
    <t>14953544.0</t>
  </si>
  <si>
    <t>70943.0</t>
  </si>
  <si>
    <t>0.5155</t>
  </si>
  <si>
    <t>31107958.0</t>
  </si>
  <si>
    <t>15572034.0</t>
  </si>
  <si>
    <t>14969913.0</t>
  </si>
  <si>
    <t>586691.0</t>
  </si>
  <si>
    <t>68103.0</t>
  </si>
  <si>
    <t>0.5314</t>
  </si>
  <si>
    <t>31126896.0</t>
  </si>
  <si>
    <t>15577692.0</t>
  </si>
  <si>
    <t>14978894.0</t>
  </si>
  <si>
    <t>590990.0</t>
  </si>
  <si>
    <t>19060801.0</t>
  </si>
  <si>
    <t>437.863</t>
  </si>
  <si>
    <t>0.5412</t>
  </si>
  <si>
    <t>31186066.0</t>
  </si>
  <si>
    <t>15594936.0</t>
  </si>
  <si>
    <t>15006256.0</t>
  </si>
  <si>
    <t>605554.0</t>
  </si>
  <si>
    <t>31251871.0</t>
  </si>
  <si>
    <t>15613183.0</t>
  </si>
  <si>
    <t>15035563.0</t>
  </si>
  <si>
    <t>623805.0</t>
  </si>
  <si>
    <t>65805.0</t>
  </si>
  <si>
    <t>19176424.0</t>
  </si>
  <si>
    <t>440.519</t>
  </si>
  <si>
    <t>59142.0</t>
  </si>
  <si>
    <t>31317953.0</t>
  </si>
  <si>
    <t>15631687.0</t>
  </si>
  <si>
    <t>15064511.0</t>
  </si>
  <si>
    <t>642435.0</t>
  </si>
  <si>
    <t>0.5825</t>
  </si>
  <si>
    <t>31383042.0</t>
  </si>
  <si>
    <t>15649483.0</t>
  </si>
  <si>
    <t>15092197.0</t>
  </si>
  <si>
    <t>662042.0</t>
  </si>
  <si>
    <t>19288823.0</t>
  </si>
  <si>
    <t>443.101</t>
  </si>
  <si>
    <t>31450678.0</t>
  </si>
  <si>
    <t>15667266.0</t>
  </si>
  <si>
    <t>15121673.0</t>
  </si>
  <si>
    <t>682419.0</t>
  </si>
  <si>
    <t>54168.0</t>
  </si>
  <si>
    <t>31480206.0</t>
  </si>
  <si>
    <t>15675592.0</t>
  </si>
  <si>
    <t>15134714.0</t>
  </si>
  <si>
    <t>690580.0</t>
  </si>
  <si>
    <t>31497378.0</t>
  </si>
  <si>
    <t>15680361.0</t>
  </si>
  <si>
    <t>15142679.0</t>
  </si>
  <si>
    <t>695018.0</t>
  </si>
  <si>
    <t>31554104.0</t>
  </si>
  <si>
    <t>15695804.0</t>
  </si>
  <si>
    <t>710274.0</t>
  </si>
  <si>
    <t>31617039.0</t>
  </si>
  <si>
    <t>15712648.0</t>
  </si>
  <si>
    <t>729294.0</t>
  </si>
  <si>
    <t>44199.0</t>
  </si>
  <si>
    <t>31668577.0</t>
  </si>
  <si>
    <t>15774300.0</t>
  </si>
  <si>
    <t>15153577.0</t>
  </si>
  <si>
    <t>741197.0</t>
  </si>
  <si>
    <t>ARE</t>
  </si>
  <si>
    <t>United Arab Emirates</t>
  </si>
  <si>
    <t>926.6</t>
  </si>
  <si>
    <t>734.3</t>
  </si>
  <si>
    <t>731.9</t>
  </si>
  <si>
    <t>729.6</t>
  </si>
  <si>
    <t>3153.8</t>
  </si>
  <si>
    <t>1423.1</t>
  </si>
  <si>
    <t>3237.8</t>
  </si>
  <si>
    <t>4643.4</t>
  </si>
  <si>
    <t>5293.7</t>
  </si>
  <si>
    <t>1801.1</t>
  </si>
  <si>
    <t>2054.3</t>
  </si>
  <si>
    <t>1914.2</t>
  </si>
  <si>
    <t>1774.1</t>
  </si>
  <si>
    <t>1656.7</t>
  </si>
  <si>
    <t>1539.4</t>
  </si>
  <si>
    <t>1307.1</t>
  </si>
  <si>
    <t>1340.3</t>
  </si>
  <si>
    <t>1372.7</t>
  </si>
  <si>
    <t>803.5</t>
  </si>
  <si>
    <t>37758.0</t>
  </si>
  <si>
    <t>1693.5</t>
  </si>
  <si>
    <t>2558.4</t>
  </si>
  <si>
    <t>1230.7</t>
  </si>
  <si>
    <t>1353.5</t>
  </si>
  <si>
    <t>59940.0</t>
  </si>
  <si>
    <t>1476.2</t>
  </si>
  <si>
    <t>63558.0</t>
  </si>
  <si>
    <t>542.8</t>
  </si>
  <si>
    <t>536.4</t>
  </si>
  <si>
    <t>764.6</t>
  </si>
  <si>
    <t>90187.0</t>
  </si>
  <si>
    <t>636.2</t>
  </si>
  <si>
    <t>670.1</t>
  </si>
  <si>
    <t>114569.0</t>
  </si>
  <si>
    <t>770.4</t>
  </si>
  <si>
    <t>642.7</t>
  </si>
  <si>
    <t>826.7</t>
  </si>
  <si>
    <t>485.7</t>
  </si>
  <si>
    <t>153116.0</t>
  </si>
  <si>
    <t>349.3</t>
  </si>
  <si>
    <t>162652.0</t>
  </si>
  <si>
    <t>298.1</t>
  </si>
  <si>
    <t>181534.0</t>
  </si>
  <si>
    <t>189750.0</t>
  </si>
  <si>
    <t>198848.0</t>
  </si>
  <si>
    <t>21.233</t>
  </si>
  <si>
    <t>206542.0</t>
  </si>
  <si>
    <t>22.054</t>
  </si>
  <si>
    <t>240480.0</t>
  </si>
  <si>
    <t>25.678</t>
  </si>
  <si>
    <t>262913.0</t>
  </si>
  <si>
    <t>31.427</t>
  </si>
  <si>
    <t>334265.0</t>
  </si>
  <si>
    <t>392613.0</t>
  </si>
  <si>
    <t>432483.0</t>
  </si>
  <si>
    <t>490777.0</t>
  </si>
  <si>
    <t>58294.0</t>
  </si>
  <si>
    <t>539195.0</t>
  </si>
  <si>
    <t>579195.0</t>
  </si>
  <si>
    <t>628195.0</t>
  </si>
  <si>
    <t>67.078</t>
  </si>
  <si>
    <t>648195.0</t>
  </si>
  <si>
    <t>44847.0</t>
  </si>
  <si>
    <t>670195.0</t>
  </si>
  <si>
    <t>71.563</t>
  </si>
  <si>
    <t>39655.0</t>
  </si>
  <si>
    <t>693575.0</t>
  </si>
  <si>
    <t>74.059</t>
  </si>
  <si>
    <t>725575.0</t>
  </si>
  <si>
    <t>77.476</t>
  </si>
  <si>
    <t>81.899</t>
  </si>
  <si>
    <t>792000.0</t>
  </si>
  <si>
    <t>84.569</t>
  </si>
  <si>
    <t>87.132</t>
  </si>
  <si>
    <t>837806.0</t>
  </si>
  <si>
    <t>863601.0</t>
  </si>
  <si>
    <t>92.214</t>
  </si>
  <si>
    <t>886408.0</t>
  </si>
  <si>
    <t>96.803</t>
  </si>
  <si>
    <t>929626.0</t>
  </si>
  <si>
    <t>99.264</t>
  </si>
  <si>
    <t>955132.0</t>
  </si>
  <si>
    <t>101.988</t>
  </si>
  <si>
    <t>23305.0</t>
  </si>
  <si>
    <t>981406.0</t>
  </si>
  <si>
    <t>104.793</t>
  </si>
  <si>
    <t>1003390.0</t>
  </si>
  <si>
    <t>107.141</t>
  </si>
  <si>
    <t>1028476.0</t>
  </si>
  <si>
    <t>1054671.0</t>
  </si>
  <si>
    <t>112.617</t>
  </si>
  <si>
    <t>115.596</t>
  </si>
  <si>
    <t>1109100.0</t>
  </si>
  <si>
    <t>118.429</t>
  </si>
  <si>
    <t>1145366.0</t>
  </si>
  <si>
    <t>122.301</t>
  </si>
  <si>
    <t>1172043.0</t>
  </si>
  <si>
    <t>1190471.0</t>
  </si>
  <si>
    <t>18428.0</t>
  </si>
  <si>
    <t>127.117</t>
  </si>
  <si>
    <t>1218510.0</t>
  </si>
  <si>
    <t>130.111</t>
  </si>
  <si>
    <t>1243741.0</t>
  </si>
  <si>
    <t>132.805</t>
  </si>
  <si>
    <t>1277735.0</t>
  </si>
  <si>
    <t>33994.0</t>
  </si>
  <si>
    <t>136.435</t>
  </si>
  <si>
    <t>1318869.0</t>
  </si>
  <si>
    <t>140.827</t>
  </si>
  <si>
    <t>1352022.0</t>
  </si>
  <si>
    <t>144.367</t>
  </si>
  <si>
    <t>1381888.0</t>
  </si>
  <si>
    <t>147.557</t>
  </si>
  <si>
    <t>1408651.0</t>
  </si>
  <si>
    <t>150.414</t>
  </si>
  <si>
    <t>1441248.0</t>
  </si>
  <si>
    <t>153.895</t>
  </si>
  <si>
    <t>1476117.0</t>
  </si>
  <si>
    <t>1513229.0</t>
  </si>
  <si>
    <t>161.581</t>
  </si>
  <si>
    <t>1551706.0</t>
  </si>
  <si>
    <t>38477.0</t>
  </si>
  <si>
    <t>165.689</t>
  </si>
  <si>
    <t>1587441.0</t>
  </si>
  <si>
    <t>35735.0</t>
  </si>
  <si>
    <t>169.505</t>
  </si>
  <si>
    <t>1628161.0</t>
  </si>
  <si>
    <t>35182.0</t>
  </si>
  <si>
    <t>1666005.0</t>
  </si>
  <si>
    <t>37844.0</t>
  </si>
  <si>
    <t>177.894</t>
  </si>
  <si>
    <t>1704909.0</t>
  </si>
  <si>
    <t>38904.0</t>
  </si>
  <si>
    <t>182.048</t>
  </si>
  <si>
    <t>1748641.0</t>
  </si>
  <si>
    <t>186.718</t>
  </si>
  <si>
    <t>1792634.0</t>
  </si>
  <si>
    <t>191.416</t>
  </si>
  <si>
    <t>1843011.0</t>
  </si>
  <si>
    <t>196.795</t>
  </si>
  <si>
    <t>1882802.0</t>
  </si>
  <si>
    <t>42194.0</t>
  </si>
  <si>
    <t>1918488.0</t>
  </si>
  <si>
    <t>204.854</t>
  </si>
  <si>
    <t>1959690.0</t>
  </si>
  <si>
    <t>41202.0</t>
  </si>
  <si>
    <t>209.254</t>
  </si>
  <si>
    <t>1987972.0</t>
  </si>
  <si>
    <t>212.274</t>
  </si>
  <si>
    <t>2015512.0</t>
  </si>
  <si>
    <t>215.214</t>
  </si>
  <si>
    <t>2054140.0</t>
  </si>
  <si>
    <t>219.339</t>
  </si>
  <si>
    <t>2090271.0</t>
  </si>
  <si>
    <t>36131.0</t>
  </si>
  <si>
    <t>223.197</t>
  </si>
  <si>
    <t>2132895.0</t>
  </si>
  <si>
    <t>227.748</t>
  </si>
  <si>
    <t>2170048.0</t>
  </si>
  <si>
    <t>231.715</t>
  </si>
  <si>
    <t>2200195.0</t>
  </si>
  <si>
    <t>234.934</t>
  </si>
  <si>
    <t>2235232.0</t>
  </si>
  <si>
    <t>238.676</t>
  </si>
  <si>
    <t>2276994.0</t>
  </si>
  <si>
    <t>41762.0</t>
  </si>
  <si>
    <t>243.135</t>
  </si>
  <si>
    <t>2331817.0</t>
  </si>
  <si>
    <t>248.989</t>
  </si>
  <si>
    <t>2376058.0</t>
  </si>
  <si>
    <t>253.713</t>
  </si>
  <si>
    <t>40827.0</t>
  </si>
  <si>
    <t>2429054.0</t>
  </si>
  <si>
    <t>259.372</t>
  </si>
  <si>
    <t>2473255.0</t>
  </si>
  <si>
    <t>264.092</t>
  </si>
  <si>
    <t>2505934.0</t>
  </si>
  <si>
    <t>267.581</t>
  </si>
  <si>
    <t>2543574.0</t>
  </si>
  <si>
    <t>2590775.0</t>
  </si>
  <si>
    <t>276.64</t>
  </si>
  <si>
    <t>44826.0</t>
  </si>
  <si>
    <t>2636153.0</t>
  </si>
  <si>
    <t>281.486</t>
  </si>
  <si>
    <t>43477.0</t>
  </si>
  <si>
    <t>2680320.0</t>
  </si>
  <si>
    <t>286.202</t>
  </si>
  <si>
    <t>2721044.0</t>
  </si>
  <si>
    <t>290.55</t>
  </si>
  <si>
    <t>2764057.0</t>
  </si>
  <si>
    <t>295.143</t>
  </si>
  <si>
    <t>2791098.0</t>
  </si>
  <si>
    <t>2829134.0</t>
  </si>
  <si>
    <t>302.092</t>
  </si>
  <si>
    <t>2869021.0</t>
  </si>
  <si>
    <t>39887.0</t>
  </si>
  <si>
    <t>306.351</t>
  </si>
  <si>
    <t>2909499.0</t>
  </si>
  <si>
    <t>310.673</t>
  </si>
  <si>
    <t>2948001.0</t>
  </si>
  <si>
    <t>314.784</t>
  </si>
  <si>
    <t>2982365.0</t>
  </si>
  <si>
    <t>318.454</t>
  </si>
  <si>
    <t>3030889.0</t>
  </si>
  <si>
    <t>323.635</t>
  </si>
  <si>
    <t>3071765.0</t>
  </si>
  <si>
    <t>40876.0</t>
  </si>
  <si>
    <t>3112721.0</t>
  </si>
  <si>
    <t>332.373</t>
  </si>
  <si>
    <t>3157012.0</t>
  </si>
  <si>
    <t>337.102</t>
  </si>
  <si>
    <t>3206662.0</t>
  </si>
  <si>
    <t>342.404</t>
  </si>
  <si>
    <t>3255814.0</t>
  </si>
  <si>
    <t>49152.0</t>
  </si>
  <si>
    <t>347.652</t>
  </si>
  <si>
    <t>3308341.0</t>
  </si>
  <si>
    <t>52527.0</t>
  </si>
  <si>
    <t>3367082.0</t>
  </si>
  <si>
    <t>359.533</t>
  </si>
  <si>
    <t>3410633.0</t>
  </si>
  <si>
    <t>364.184</t>
  </si>
  <si>
    <t>48410.0</t>
  </si>
  <si>
    <t>3474603.0</t>
  </si>
  <si>
    <t>63970.0</t>
  </si>
  <si>
    <t>371.014</t>
  </si>
  <si>
    <t>3536631.0</t>
  </si>
  <si>
    <t>377.638</t>
  </si>
  <si>
    <t>3592808.0</t>
  </si>
  <si>
    <t>383.636</t>
  </si>
  <si>
    <t>55164.0</t>
  </si>
  <si>
    <t>3647166.0</t>
  </si>
  <si>
    <t>389.44</t>
  </si>
  <si>
    <t>3718863.0</t>
  </si>
  <si>
    <t>71697.0</t>
  </si>
  <si>
    <t>397.096</t>
  </si>
  <si>
    <t>58646.0</t>
  </si>
  <si>
    <t>3766793.0</t>
  </si>
  <si>
    <t>47930.0</t>
  </si>
  <si>
    <t>402.214</t>
  </si>
  <si>
    <t>57102.0</t>
  </si>
  <si>
    <t>3794802.0</t>
  </si>
  <si>
    <t>405.205</t>
  </si>
  <si>
    <t>54881.0</t>
  </si>
  <si>
    <t>3838994.0</t>
  </si>
  <si>
    <t>44192.0</t>
  </si>
  <si>
    <t>409.924</t>
  </si>
  <si>
    <t>3890424.0</t>
  </si>
  <si>
    <t>415.415</t>
  </si>
  <si>
    <t>3940201.0</t>
  </si>
  <si>
    <t>49777.0</t>
  </si>
  <si>
    <t>420.73</t>
  </si>
  <si>
    <t>49628.0</t>
  </si>
  <si>
    <t>3987523.0</t>
  </si>
  <si>
    <t>425.783</t>
  </si>
  <si>
    <t>48622.0</t>
  </si>
  <si>
    <t>4046027.0</t>
  </si>
  <si>
    <t>432.03</t>
  </si>
  <si>
    <t>4096166.0</t>
  </si>
  <si>
    <t>50139.0</t>
  </si>
  <si>
    <t>437.384</t>
  </si>
  <si>
    <t>4130644.0</t>
  </si>
  <si>
    <t>441.066</t>
  </si>
  <si>
    <t>4180969.0</t>
  </si>
  <si>
    <t>50325.0</t>
  </si>
  <si>
    <t>446.439</t>
  </si>
  <si>
    <t>4215447.0</t>
  </si>
  <si>
    <t>450.121</t>
  </si>
  <si>
    <t>4268229.0</t>
  </si>
  <si>
    <t>455.757</t>
  </si>
  <si>
    <t>4316763.0</t>
  </si>
  <si>
    <t>460.939</t>
  </si>
  <si>
    <t>4365694.0</t>
  </si>
  <si>
    <t>4414255.0</t>
  </si>
  <si>
    <t>471.349</t>
  </si>
  <si>
    <t>4461205.0</t>
  </si>
  <si>
    <t>476.363</t>
  </si>
  <si>
    <t>4508928.0</t>
  </si>
  <si>
    <t>481.458</t>
  </si>
  <si>
    <t>46851.0</t>
  </si>
  <si>
    <t>4536152.0</t>
  </si>
  <si>
    <t>484.365</t>
  </si>
  <si>
    <t>4576202.0</t>
  </si>
  <si>
    <t>488.642</t>
  </si>
  <si>
    <t>43996.0</t>
  </si>
  <si>
    <t>4623216.0</t>
  </si>
  <si>
    <t>493.662</t>
  </si>
  <si>
    <t>4677312.0</t>
  </si>
  <si>
    <t>499.438</t>
  </si>
  <si>
    <t>44517.0</t>
  </si>
  <si>
    <t>4724277.0</t>
  </si>
  <si>
    <t>46965.0</t>
  </si>
  <si>
    <t>504.453</t>
  </si>
  <si>
    <t>4776904.0</t>
  </si>
  <si>
    <t>510.073</t>
  </si>
  <si>
    <t>4828066.0</t>
  </si>
  <si>
    <t>51162.0</t>
  </si>
  <si>
    <t>515.536</t>
  </si>
  <si>
    <t>45591.0</t>
  </si>
  <si>
    <t>4875295.0</t>
  </si>
  <si>
    <t>520.579</t>
  </si>
  <si>
    <t>4918917.0</t>
  </si>
  <si>
    <t>43622.0</t>
  </si>
  <si>
    <t>525.237</t>
  </si>
  <si>
    <t>530.307</t>
  </si>
  <si>
    <t>5021657.0</t>
  </si>
  <si>
    <t>536.207</t>
  </si>
  <si>
    <t>49192.0</t>
  </si>
  <si>
    <t>5076384.0</t>
  </si>
  <si>
    <t>542.051</t>
  </si>
  <si>
    <t>5119652.0</t>
  </si>
  <si>
    <t>43268.0</t>
  </si>
  <si>
    <t>546.671</t>
  </si>
  <si>
    <t>48964.0</t>
  </si>
  <si>
    <t>5189891.0</t>
  </si>
  <si>
    <t>27811.0</t>
  </si>
  <si>
    <t>554.171</t>
  </si>
  <si>
    <t>5219289.0</t>
  </si>
  <si>
    <t>557.31</t>
  </si>
  <si>
    <t>42910.0</t>
  </si>
  <si>
    <t>5262658.0</t>
  </si>
  <si>
    <t>561.941</t>
  </si>
  <si>
    <t>5313387.0</t>
  </si>
  <si>
    <t>567.358</t>
  </si>
  <si>
    <t>5375365.0</t>
  </si>
  <si>
    <t>61978.0</t>
  </si>
  <si>
    <t>573.976</t>
  </si>
  <si>
    <t>5439157.0</t>
  </si>
  <si>
    <t>580.787</t>
  </si>
  <si>
    <t>5500701.0</t>
  </si>
  <si>
    <t>587.359</t>
  </si>
  <si>
    <t>5559654.0</t>
  </si>
  <si>
    <t>593.654</t>
  </si>
  <si>
    <t>52823.0</t>
  </si>
  <si>
    <t>5623764.0</t>
  </si>
  <si>
    <t>600.499</t>
  </si>
  <si>
    <t>6.846</t>
  </si>
  <si>
    <t>5696394.0</t>
  </si>
  <si>
    <t>608.255</t>
  </si>
  <si>
    <t>61962.0</t>
  </si>
  <si>
    <t>5765358.0</t>
  </si>
  <si>
    <t>68964.0</t>
  </si>
  <si>
    <t>615.619</t>
  </si>
  <si>
    <t>64567.0</t>
  </si>
  <si>
    <t>5847702.0</t>
  </si>
  <si>
    <t>82344.0</t>
  </si>
  <si>
    <t>624.411</t>
  </si>
  <si>
    <t>5925342.0</t>
  </si>
  <si>
    <t>77640.0</t>
  </si>
  <si>
    <t>632.702</t>
  </si>
  <si>
    <t>69455.0</t>
  </si>
  <si>
    <t>5990528.0</t>
  </si>
  <si>
    <t>65186.0</t>
  </si>
  <si>
    <t>639.662</t>
  </si>
  <si>
    <t>6061850.0</t>
  </si>
  <si>
    <t>71322.0</t>
  </si>
  <si>
    <t>647.278</t>
  </si>
  <si>
    <t>7.616</t>
  </si>
  <si>
    <t>6121609.0</t>
  </si>
  <si>
    <t>653.659</t>
  </si>
  <si>
    <t>6193635.0</t>
  </si>
  <si>
    <t>72026.0</t>
  </si>
  <si>
    <t>661.35</t>
  </si>
  <si>
    <t>71034.0</t>
  </si>
  <si>
    <t>6265918.0</t>
  </si>
  <si>
    <t>669.068</t>
  </si>
  <si>
    <t>6348109.0</t>
  </si>
  <si>
    <t>677.844</t>
  </si>
  <si>
    <t>6418188.0</t>
  </si>
  <si>
    <t>70079.0</t>
  </si>
  <si>
    <t>685.327</t>
  </si>
  <si>
    <t>6489404.0</t>
  </si>
  <si>
    <t>692.932</t>
  </si>
  <si>
    <t>6560686.0</t>
  </si>
  <si>
    <t>71282.0</t>
  </si>
  <si>
    <t>700.543</t>
  </si>
  <si>
    <t>7.611</t>
  </si>
  <si>
    <t>71262.0</t>
  </si>
  <si>
    <t>6629995.0</t>
  </si>
  <si>
    <t>69309.0</t>
  </si>
  <si>
    <t>707.944</t>
  </si>
  <si>
    <t>6687414.0</t>
  </si>
  <si>
    <t>57419.0</t>
  </si>
  <si>
    <t>714.075</t>
  </si>
  <si>
    <t>6755457.0</t>
  </si>
  <si>
    <t>721.34</t>
  </si>
  <si>
    <t>6835137.0</t>
  </si>
  <si>
    <t>79680.0</t>
  </si>
  <si>
    <t>729.849</t>
  </si>
  <si>
    <t>6923940.0</t>
  </si>
  <si>
    <t>739.331</t>
  </si>
  <si>
    <t>7011895.0</t>
  </si>
  <si>
    <t>87955.0</t>
  </si>
  <si>
    <t>748.723</t>
  </si>
  <si>
    <t>74642.0</t>
  </si>
  <si>
    <t>7094658.0</t>
  </si>
  <si>
    <t>82763.0</t>
  </si>
  <si>
    <t>757.56</t>
  </si>
  <si>
    <t>7177430.0</t>
  </si>
  <si>
    <t>82772.0</t>
  </si>
  <si>
    <t>766.398</t>
  </si>
  <si>
    <t>7257053.0</t>
  </si>
  <si>
    <t>774.9</t>
  </si>
  <si>
    <t>7324874.0</t>
  </si>
  <si>
    <t>782.142</t>
  </si>
  <si>
    <t>7405809.0</t>
  </si>
  <si>
    <t>80935.0</t>
  </si>
  <si>
    <t>790.784</t>
  </si>
  <si>
    <t>81525.0</t>
  </si>
  <si>
    <t>7488142.0</t>
  </si>
  <si>
    <t>799.576</t>
  </si>
  <si>
    <t>80600.0</t>
  </si>
  <si>
    <t>7575478.0</t>
  </si>
  <si>
    <t>808.901</t>
  </si>
  <si>
    <t>80512.0</t>
  </si>
  <si>
    <t>7632984.0</t>
  </si>
  <si>
    <t>57506.0</t>
  </si>
  <si>
    <t>815.042</t>
  </si>
  <si>
    <t>8.212</t>
  </si>
  <si>
    <t>7704318.0</t>
  </si>
  <si>
    <t>71334.0</t>
  </si>
  <si>
    <t>822.659</t>
  </si>
  <si>
    <t>75270.0</t>
  </si>
  <si>
    <t>7790235.0</t>
  </si>
  <si>
    <t>85917.0</t>
  </si>
  <si>
    <t>831.833</t>
  </si>
  <si>
    <t>7872311.0</t>
  </si>
  <si>
    <t>82076.0</t>
  </si>
  <si>
    <t>840.597</t>
  </si>
  <si>
    <t>8.764</t>
  </si>
  <si>
    <t>7947488.0</t>
  </si>
  <si>
    <t>848.624</t>
  </si>
  <si>
    <t>8042775.0</t>
  </si>
  <si>
    <t>858.799</t>
  </si>
  <si>
    <t>8127417.0</t>
  </si>
  <si>
    <t>8188501.0</t>
  </si>
  <si>
    <t>61084.0</t>
  </si>
  <si>
    <t>874.359</t>
  </si>
  <si>
    <t>79360.0</t>
  </si>
  <si>
    <t>8275380.0</t>
  </si>
  <si>
    <t>86879.0</t>
  </si>
  <si>
    <t>883.636</t>
  </si>
  <si>
    <t>81580.0</t>
  </si>
  <si>
    <t>8369062.0</t>
  </si>
  <si>
    <t>93682.0</t>
  </si>
  <si>
    <t>893.639</t>
  </si>
  <si>
    <t>8461974.0</t>
  </si>
  <si>
    <t>92912.0</t>
  </si>
  <si>
    <t>903.56</t>
  </si>
  <si>
    <t>84238.0</t>
  </si>
  <si>
    <t>8559443.0</t>
  </si>
  <si>
    <t>913.968</t>
  </si>
  <si>
    <t>8662567.0</t>
  </si>
  <si>
    <t>103124.0</t>
  </si>
  <si>
    <t>924.98</t>
  </si>
  <si>
    <t>88542.0</t>
  </si>
  <si>
    <t>8759818.0</t>
  </si>
  <si>
    <t>97251.0</t>
  </si>
  <si>
    <t>935.364</t>
  </si>
  <si>
    <t>10.384</t>
  </si>
  <si>
    <t>90343.0</t>
  </si>
  <si>
    <t>8832206.0</t>
  </si>
  <si>
    <t>943.093</t>
  </si>
  <si>
    <t>91958.0</t>
  </si>
  <si>
    <t>8930734.0</t>
  </si>
  <si>
    <t>98528.0</t>
  </si>
  <si>
    <t>953.614</t>
  </si>
  <si>
    <t>9033933.0</t>
  </si>
  <si>
    <t>964.634</t>
  </si>
  <si>
    <t>11.019</t>
  </si>
  <si>
    <t>9127551.0</t>
  </si>
  <si>
    <t>974.63</t>
  </si>
  <si>
    <t>9219609.0</t>
  </si>
  <si>
    <t>92058.0</t>
  </si>
  <si>
    <t>984.46</t>
  </si>
  <si>
    <t>94309.0</t>
  </si>
  <si>
    <t>9317777.0</t>
  </si>
  <si>
    <t>994.942</t>
  </si>
  <si>
    <t>9.995</t>
  </si>
  <si>
    <t>9423811.0</t>
  </si>
  <si>
    <t>106034.0</t>
  </si>
  <si>
    <t>1006.264</t>
  </si>
  <si>
    <t>9500699.0</t>
  </si>
  <si>
    <t>1014.474</t>
  </si>
  <si>
    <t>95499.0</t>
  </si>
  <si>
    <t>9599111.0</t>
  </si>
  <si>
    <t>98412.0</t>
  </si>
  <si>
    <t>1024.983</t>
  </si>
  <si>
    <t>95482.0</t>
  </si>
  <si>
    <t>9704726.0</t>
  </si>
  <si>
    <t>105615.0</t>
  </si>
  <si>
    <t>1036.26</t>
  </si>
  <si>
    <t>95828.0</t>
  </si>
  <si>
    <t>10.232</t>
  </si>
  <si>
    <t>9795960.0</t>
  </si>
  <si>
    <t>91234.0</t>
  </si>
  <si>
    <t>1046.002</t>
  </si>
  <si>
    <t>95487.0</t>
  </si>
  <si>
    <t>9903147.0</t>
  </si>
  <si>
    <t>107187.0</t>
  </si>
  <si>
    <t>1057.447</t>
  </si>
  <si>
    <t>10020959.0</t>
  </si>
  <si>
    <t>1070.027</t>
  </si>
  <si>
    <t>100455.0</t>
  </si>
  <si>
    <t>10129865.0</t>
  </si>
  <si>
    <t>108906.0</t>
  </si>
  <si>
    <t>1081.656</t>
  </si>
  <si>
    <t>11.629</t>
  </si>
  <si>
    <t>100865.0</t>
  </si>
  <si>
    <t>10217534.0</t>
  </si>
  <si>
    <t>87669.0</t>
  </si>
  <si>
    <t>1091.017</t>
  </si>
  <si>
    <t>10319913.0</t>
  </si>
  <si>
    <t>102379.0</t>
  </si>
  <si>
    <t>1101.949</t>
  </si>
  <si>
    <t>10431795.0</t>
  </si>
  <si>
    <t>111882.0</t>
  </si>
  <si>
    <t>1113.896</t>
  </si>
  <si>
    <t>103867.0</t>
  </si>
  <si>
    <t>10547053.0</t>
  </si>
  <si>
    <t>1126.203</t>
  </si>
  <si>
    <t>12.307</t>
  </si>
  <si>
    <t>107299.0</t>
  </si>
  <si>
    <t>10667718.0</t>
  </si>
  <si>
    <t>120665.0</t>
  </si>
  <si>
    <t>1139.087</t>
  </si>
  <si>
    <t>109224.0</t>
  </si>
  <si>
    <t>11.663</t>
  </si>
  <si>
    <t>10804148.0</t>
  </si>
  <si>
    <t>136430.0</t>
  </si>
  <si>
    <t>1153.655</t>
  </si>
  <si>
    <t>10938083.0</t>
  </si>
  <si>
    <t>133935.0</t>
  </si>
  <si>
    <t>1167.957</t>
  </si>
  <si>
    <t>115460.0</t>
  </si>
  <si>
    <t>11016566.0</t>
  </si>
  <si>
    <t>1176.337</t>
  </si>
  <si>
    <t>114147.0</t>
  </si>
  <si>
    <t>11113555.0</t>
  </si>
  <si>
    <t>1186.693</t>
  </si>
  <si>
    <t>10.356</t>
  </si>
  <si>
    <t>113377.0</t>
  </si>
  <si>
    <t>11216687.0</t>
  </si>
  <si>
    <t>103132.0</t>
  </si>
  <si>
    <t>1197.706</t>
  </si>
  <si>
    <t>112127.0</t>
  </si>
  <si>
    <t>11330834.0</t>
  </si>
  <si>
    <t>1209.894</t>
  </si>
  <si>
    <t>11447304.0</t>
  </si>
  <si>
    <t>116470.0</t>
  </si>
  <si>
    <t>1222.331</t>
  </si>
  <si>
    <t>11577871.0</t>
  </si>
  <si>
    <t>130567.0</t>
  </si>
  <si>
    <t>1236.273</t>
  </si>
  <si>
    <t>110532.0</t>
  </si>
  <si>
    <t>11693164.0</t>
  </si>
  <si>
    <t>1248.583</t>
  </si>
  <si>
    <t>12.311</t>
  </si>
  <si>
    <t>11770455.0</t>
  </si>
  <si>
    <t>1256.837</t>
  </si>
  <si>
    <t>11882651.0</t>
  </si>
  <si>
    <t>112196.0</t>
  </si>
  <si>
    <t>1268.817</t>
  </si>
  <si>
    <t>109871.0</t>
  </si>
  <si>
    <t>11988391.0</t>
  </si>
  <si>
    <t>105740.0</t>
  </si>
  <si>
    <t>1280.107</t>
  </si>
  <si>
    <t>12102874.0</t>
  </si>
  <si>
    <t>114483.0</t>
  </si>
  <si>
    <t>1292.332</t>
  </si>
  <si>
    <t>12223225.0</t>
  </si>
  <si>
    <t>120351.0</t>
  </si>
  <si>
    <t>1305.183</t>
  </si>
  <si>
    <t>12.851</t>
  </si>
  <si>
    <t>12347629.0</t>
  </si>
  <si>
    <t>1318.467</t>
  </si>
  <si>
    <t>109965.0</t>
  </si>
  <si>
    <t>12465687.0</t>
  </si>
  <si>
    <t>1331.073</t>
  </si>
  <si>
    <t>110360.0</t>
  </si>
  <si>
    <t>12550780.0</t>
  </si>
  <si>
    <t>85093.0</t>
  </si>
  <si>
    <t>1340.159</t>
  </si>
  <si>
    <t>12661587.0</t>
  </si>
  <si>
    <t>1351.991</t>
  </si>
  <si>
    <t>111277.0</t>
  </si>
  <si>
    <t>12766260.0</t>
  </si>
  <si>
    <t>104673.0</t>
  </si>
  <si>
    <t>1363.168</t>
  </si>
  <si>
    <t>11.177</t>
  </si>
  <si>
    <t>111124.0</t>
  </si>
  <si>
    <t>12896833.0</t>
  </si>
  <si>
    <t>130573.0</t>
  </si>
  <si>
    <t>1377.11</t>
  </si>
  <si>
    <t>13040169.0</t>
  </si>
  <si>
    <t>143336.0</t>
  </si>
  <si>
    <t>1392.415</t>
  </si>
  <si>
    <t>13184160.0</t>
  </si>
  <si>
    <t>143991.0</t>
  </si>
  <si>
    <t>1407.79</t>
  </si>
  <si>
    <t>119504.0</t>
  </si>
  <si>
    <t>13296706.0</t>
  </si>
  <si>
    <t>112546.0</t>
  </si>
  <si>
    <t>1419.808</t>
  </si>
  <si>
    <t>118717.0</t>
  </si>
  <si>
    <t>12.676</t>
  </si>
  <si>
    <t>13368172.0</t>
  </si>
  <si>
    <t>71466.0</t>
  </si>
  <si>
    <t>1427.439</t>
  </si>
  <si>
    <t>13465166.0</t>
  </si>
  <si>
    <t>1437.796</t>
  </si>
  <si>
    <t>114797.0</t>
  </si>
  <si>
    <t>13581249.0</t>
  </si>
  <si>
    <t>116083.0</t>
  </si>
  <si>
    <t>1450.191</t>
  </si>
  <si>
    <t>12.395</t>
  </si>
  <si>
    <t>12.432</t>
  </si>
  <si>
    <t>13712882.0</t>
  </si>
  <si>
    <t>131633.0</t>
  </si>
  <si>
    <t>1464.247</t>
  </si>
  <si>
    <t>116578.0</t>
  </si>
  <si>
    <t>13850488.0</t>
  </si>
  <si>
    <t>1478.94</t>
  </si>
  <si>
    <t>13982835.0</t>
  </si>
  <si>
    <t>1493.072</t>
  </si>
  <si>
    <t>114096.0</t>
  </si>
  <si>
    <t>14137717.0</t>
  </si>
  <si>
    <t>154882.0</t>
  </si>
  <si>
    <t>1509.61</t>
  </si>
  <si>
    <t>16.538</t>
  </si>
  <si>
    <t>120144.0</t>
  </si>
  <si>
    <t>14223360.0</t>
  </si>
  <si>
    <t>85643.0</t>
  </si>
  <si>
    <t>1518.755</t>
  </si>
  <si>
    <t>14359243.0</t>
  </si>
  <si>
    <t>1533.265</t>
  </si>
  <si>
    <t>127725.0</t>
  </si>
  <si>
    <t>14473896.0</t>
  </si>
  <si>
    <t>1545.507</t>
  </si>
  <si>
    <t>127521.0</t>
  </si>
  <si>
    <t>13.617</t>
  </si>
  <si>
    <t>14602082.0</t>
  </si>
  <si>
    <t>128186.0</t>
  </si>
  <si>
    <t>1559.195</t>
  </si>
  <si>
    <t>127029.0</t>
  </si>
  <si>
    <t>14726576.0</t>
  </si>
  <si>
    <t>1572.488</t>
  </si>
  <si>
    <t>125155.0</t>
  </si>
  <si>
    <t>14852491.0</t>
  </si>
  <si>
    <t>125915.0</t>
  </si>
  <si>
    <t>1585.933</t>
  </si>
  <si>
    <t>124237.0</t>
  </si>
  <si>
    <t>14979407.0</t>
  </si>
  <si>
    <t>1599.485</t>
  </si>
  <si>
    <t>12.839</t>
  </si>
  <si>
    <t>15063561.0</t>
  </si>
  <si>
    <t>84154.0</t>
  </si>
  <si>
    <t>120029.0</t>
  </si>
  <si>
    <t>15168585.0</t>
  </si>
  <si>
    <t>105024.0</t>
  </si>
  <si>
    <t>1619.685</t>
  </si>
  <si>
    <t>11.214</t>
  </si>
  <si>
    <t>115620.0</t>
  </si>
  <si>
    <t>12.346</t>
  </si>
  <si>
    <t>15284981.0</t>
  </si>
  <si>
    <t>1632.114</t>
  </si>
  <si>
    <t>115869.0</t>
  </si>
  <si>
    <t>15405022.0</t>
  </si>
  <si>
    <t>120041.0</t>
  </si>
  <si>
    <t>1644.932</t>
  </si>
  <si>
    <t>15534580.0</t>
  </si>
  <si>
    <t>1658.766</t>
  </si>
  <si>
    <t>13.834</t>
  </si>
  <si>
    <t>15667583.0</t>
  </si>
  <si>
    <t>133003.0</t>
  </si>
  <si>
    <t>1672.968</t>
  </si>
  <si>
    <t>116442.0</t>
  </si>
  <si>
    <t>15778535.0</t>
  </si>
  <si>
    <t>1684.815</t>
  </si>
  <si>
    <t>15860093.0</t>
  </si>
  <si>
    <t>81558.0</t>
  </si>
  <si>
    <t>1693.524</t>
  </si>
  <si>
    <t>8.709</t>
  </si>
  <si>
    <t>113790.0</t>
  </si>
  <si>
    <t>15960104.0</t>
  </si>
  <si>
    <t>100011.0</t>
  </si>
  <si>
    <t>1704.203</t>
  </si>
  <si>
    <t>16073324.0</t>
  </si>
  <si>
    <t>113220.0</t>
  </si>
  <si>
    <t>1716.292</t>
  </si>
  <si>
    <t>112620.0</t>
  </si>
  <si>
    <t>16209676.0</t>
  </si>
  <si>
    <t>136352.0</t>
  </si>
  <si>
    <t>1730.852</t>
  </si>
  <si>
    <t>16354779.0</t>
  </si>
  <si>
    <t>145103.0</t>
  </si>
  <si>
    <t>1746.346</t>
  </si>
  <si>
    <t>15.494</t>
  </si>
  <si>
    <t>16503024.0</t>
  </si>
  <si>
    <t>148245.0</t>
  </si>
  <si>
    <t>1762.175</t>
  </si>
  <si>
    <t>119349.0</t>
  </si>
  <si>
    <t>16640227.0</t>
  </si>
  <si>
    <t>137203.0</t>
  </si>
  <si>
    <t>1776.826</t>
  </si>
  <si>
    <t>123099.0</t>
  </si>
  <si>
    <t>16727741.0</t>
  </si>
  <si>
    <t>1786.17</t>
  </si>
  <si>
    <t>13.235</t>
  </si>
  <si>
    <t>16857641.0</t>
  </si>
  <si>
    <t>129900.0</t>
  </si>
  <si>
    <t>1800.041</t>
  </si>
  <si>
    <t>128220.0</t>
  </si>
  <si>
    <t>13.691</t>
  </si>
  <si>
    <t>16994124.0</t>
  </si>
  <si>
    <t>136483.0</t>
  </si>
  <si>
    <t>1814.614</t>
  </si>
  <si>
    <t>131543.0</t>
  </si>
  <si>
    <t>17126504.0</t>
  </si>
  <si>
    <t>132380.0</t>
  </si>
  <si>
    <t>1828.75</t>
  </si>
  <si>
    <t>130975.0</t>
  </si>
  <si>
    <t>17240432.0</t>
  </si>
  <si>
    <t>1840.915</t>
  </si>
  <si>
    <t>126522.0</t>
  </si>
  <si>
    <t>17323578.0</t>
  </si>
  <si>
    <t>1849.793</t>
  </si>
  <si>
    <t>17415725.0</t>
  </si>
  <si>
    <t>92147.0</t>
  </si>
  <si>
    <t>1859.632</t>
  </si>
  <si>
    <t>110785.0</t>
  </si>
  <si>
    <t>17503360.0</t>
  </si>
  <si>
    <t>87635.0</t>
  </si>
  <si>
    <t>1868.99</t>
  </si>
  <si>
    <t>110803.0</t>
  </si>
  <si>
    <t>11.831</t>
  </si>
  <si>
    <t>17649380.0</t>
  </si>
  <si>
    <t>1884.582</t>
  </si>
  <si>
    <t>15.592</t>
  </si>
  <si>
    <t>12.077</t>
  </si>
  <si>
    <t>17799178.0</t>
  </si>
  <si>
    <t>149798.0</t>
  </si>
  <si>
    <t>1900.577</t>
  </si>
  <si>
    <t>15.995</t>
  </si>
  <si>
    <t>115008.0</t>
  </si>
  <si>
    <t>17955603.0</t>
  </si>
  <si>
    <t>156425.0</t>
  </si>
  <si>
    <t>1917.28</t>
  </si>
  <si>
    <t>118443.0</t>
  </si>
  <si>
    <t>18118955.0</t>
  </si>
  <si>
    <t>163352.0</t>
  </si>
  <si>
    <t>1934.723</t>
  </si>
  <si>
    <t>17.443</t>
  </si>
  <si>
    <t>125503.0</t>
  </si>
  <si>
    <t>18275468.0</t>
  </si>
  <si>
    <t>156513.0</t>
  </si>
  <si>
    <t>1951.435</t>
  </si>
  <si>
    <t>135984.0</t>
  </si>
  <si>
    <t>18419249.0</t>
  </si>
  <si>
    <t>143781.0</t>
  </si>
  <si>
    <t>1966.788</t>
  </si>
  <si>
    <t>15.353</t>
  </si>
  <si>
    <t>143361.0</t>
  </si>
  <si>
    <t>18517811.0</t>
  </si>
  <si>
    <t>98562.0</t>
  </si>
  <si>
    <t>1977.312</t>
  </si>
  <si>
    <t>144922.0</t>
  </si>
  <si>
    <t>18672987.0</t>
  </si>
  <si>
    <t>155176.0</t>
  </si>
  <si>
    <t>1993.881</t>
  </si>
  <si>
    <t>146230.0</t>
  </si>
  <si>
    <t>18817161.0</t>
  </si>
  <si>
    <t>2009.276</t>
  </si>
  <si>
    <t>145426.0</t>
  </si>
  <si>
    <t>18957070.0</t>
  </si>
  <si>
    <t>2024.216</t>
  </si>
  <si>
    <t>143067.0</t>
  </si>
  <si>
    <t>15.277</t>
  </si>
  <si>
    <t>19101672.0</t>
  </si>
  <si>
    <t>144602.0</t>
  </si>
  <si>
    <t>2039.656</t>
  </si>
  <si>
    <t>140388.0</t>
  </si>
  <si>
    <t>19237804.0</t>
  </si>
  <si>
    <t>136132.0</t>
  </si>
  <si>
    <t>2054.192</t>
  </si>
  <si>
    <t>137477.0</t>
  </si>
  <si>
    <t>19366366.0</t>
  </si>
  <si>
    <t>128562.0</t>
  </si>
  <si>
    <t>2067.92</t>
  </si>
  <si>
    <t>19461277.0</t>
  </si>
  <si>
    <t>94911.0</t>
  </si>
  <si>
    <t>2078.054</t>
  </si>
  <si>
    <t>134781.0</t>
  </si>
  <si>
    <t>19601328.0</t>
  </si>
  <si>
    <t>140051.0</t>
  </si>
  <si>
    <t>2093.009</t>
  </si>
  <si>
    <t>132620.0</t>
  </si>
  <si>
    <t>14.161</t>
  </si>
  <si>
    <t>19746851.0</t>
  </si>
  <si>
    <t>145523.0</t>
  </si>
  <si>
    <t>2108.548</t>
  </si>
  <si>
    <t>132813.0</t>
  </si>
  <si>
    <t>19885765.0</t>
  </si>
  <si>
    <t>2123.381</t>
  </si>
  <si>
    <t>20029666.0</t>
  </si>
  <si>
    <t>2138.746</t>
  </si>
  <si>
    <t>20187127.0</t>
  </si>
  <si>
    <t>157461.0</t>
  </si>
  <si>
    <t>2155.56</t>
  </si>
  <si>
    <t>135618.0</t>
  </si>
  <si>
    <t>20339273.0</t>
  </si>
  <si>
    <t>152146.0</t>
  </si>
  <si>
    <t>2171.806</t>
  </si>
  <si>
    <t>138987.0</t>
  </si>
  <si>
    <t>20440219.0</t>
  </si>
  <si>
    <t>100946.0</t>
  </si>
  <si>
    <t>2182.585</t>
  </si>
  <si>
    <t>139849.0</t>
  </si>
  <si>
    <t>20593376.0</t>
  </si>
  <si>
    <t>153157.0</t>
  </si>
  <si>
    <t>2198.939</t>
  </si>
  <si>
    <t>16.354</t>
  </si>
  <si>
    <t>15.133</t>
  </si>
  <si>
    <t>20743620.0</t>
  </si>
  <si>
    <t>150244.0</t>
  </si>
  <si>
    <t>2214.981</t>
  </si>
  <si>
    <t>142396.0</t>
  </si>
  <si>
    <t>20890341.0</t>
  </si>
  <si>
    <t>2230.648</t>
  </si>
  <si>
    <t>143511.0</t>
  </si>
  <si>
    <t>21035504.0</t>
  </si>
  <si>
    <t>145163.0</t>
  </si>
  <si>
    <t>2246.148</t>
  </si>
  <si>
    <t>21188092.0</t>
  </si>
  <si>
    <t>152588.0</t>
  </si>
  <si>
    <t>2262.442</t>
  </si>
  <si>
    <t>142995.0</t>
  </si>
  <si>
    <t>15.269</t>
  </si>
  <si>
    <t>21313324.0</t>
  </si>
  <si>
    <t>125232.0</t>
  </si>
  <si>
    <t>2275.814</t>
  </si>
  <si>
    <t>139150.0</t>
  </si>
  <si>
    <t>14.858</t>
  </si>
  <si>
    <t>21430011.0</t>
  </si>
  <si>
    <t>116687.0</t>
  </si>
  <si>
    <t>2288.274</t>
  </si>
  <si>
    <t>141399.0</t>
  </si>
  <si>
    <t>21583656.0</t>
  </si>
  <si>
    <t>153645.0</t>
  </si>
  <si>
    <t>2304.68</t>
  </si>
  <si>
    <t>16.406</t>
  </si>
  <si>
    <t>826301.0</t>
  </si>
  <si>
    <t>21740209.0</t>
  </si>
  <si>
    <t>156553.0</t>
  </si>
  <si>
    <t>2321.396</t>
  </si>
  <si>
    <t>142370.0</t>
  </si>
  <si>
    <t>21903309.0</t>
  </si>
  <si>
    <t>163100.0</t>
  </si>
  <si>
    <t>2338.812</t>
  </si>
  <si>
    <t>144710.0</t>
  </si>
  <si>
    <t>15.452</t>
  </si>
  <si>
    <t>887697.0</t>
  </si>
  <si>
    <t>22069744.0</t>
  </si>
  <si>
    <t>2356.584</t>
  </si>
  <si>
    <t>17.772</t>
  </si>
  <si>
    <t>147749.0</t>
  </si>
  <si>
    <t>15.776</t>
  </si>
  <si>
    <t>941556.0</t>
  </si>
  <si>
    <t>22238514.0</t>
  </si>
  <si>
    <t>168770.0</t>
  </si>
  <si>
    <t>2374.605</t>
  </si>
  <si>
    <t>150060.0</t>
  </si>
  <si>
    <t>1020349.0</t>
  </si>
  <si>
    <t>22410465.0</t>
  </si>
  <si>
    <t>2392.965</t>
  </si>
  <si>
    <t>156734.0</t>
  </si>
  <si>
    <t>1086568.0</t>
  </si>
  <si>
    <t>836568.0</t>
  </si>
  <si>
    <t>66219.0</t>
  </si>
  <si>
    <t>22543923.0</t>
  </si>
  <si>
    <t>2407.216</t>
  </si>
  <si>
    <t>159130.0</t>
  </si>
  <si>
    <t>16.992</t>
  </si>
  <si>
    <t>60087.0</t>
  </si>
  <si>
    <t>22695403.0</t>
  </si>
  <si>
    <t>2423.391</t>
  </si>
  <si>
    <t>158821.0</t>
  </si>
  <si>
    <t>1275652.0</t>
  </si>
  <si>
    <t>108401.0</t>
  </si>
  <si>
    <t>64193.0</t>
  </si>
  <si>
    <t>22830171.0</t>
  </si>
  <si>
    <t>2437.781</t>
  </si>
  <si>
    <t>16.626</t>
  </si>
  <si>
    <t>1394580.0</t>
  </si>
  <si>
    <t>22956796.0</t>
  </si>
  <si>
    <t>126625.0</t>
  </si>
  <si>
    <t>2451.302</t>
  </si>
  <si>
    <t>13.521</t>
  </si>
  <si>
    <t>150498.0</t>
  </si>
  <si>
    <t>1527833.0</t>
  </si>
  <si>
    <t>133253.0</t>
  </si>
  <si>
    <t>91448.0</t>
  </si>
  <si>
    <t>23088058.0</t>
  </si>
  <si>
    <t>131262.0</t>
  </si>
  <si>
    <t>2465.318</t>
  </si>
  <si>
    <t>145473.0</t>
  </si>
  <si>
    <t>1665987.0</t>
  </si>
  <si>
    <t>138154.0</t>
  </si>
  <si>
    <t>103490.0</t>
  </si>
  <si>
    <t>23239154.0</t>
  </si>
  <si>
    <t>151096.0</t>
  </si>
  <si>
    <t>2481.452</t>
  </si>
  <si>
    <t>16.134</t>
  </si>
  <si>
    <t>142949.0</t>
  </si>
  <si>
    <t>1797926.0</t>
  </si>
  <si>
    <t>131939.0</t>
  </si>
  <si>
    <t>23401405.0</t>
  </si>
  <si>
    <t>2498.777</t>
  </si>
  <si>
    <t>17.325</t>
  </si>
  <si>
    <t>1882778.0</t>
  </si>
  <si>
    <t>84852.0</t>
  </si>
  <si>
    <t>113744.0</t>
  </si>
  <si>
    <t>23543793.0</t>
  </si>
  <si>
    <t>142388.0</t>
  </si>
  <si>
    <t>2513.981</t>
  </si>
  <si>
    <t>15.252</t>
  </si>
  <si>
    <t>1971521.0</t>
  </si>
  <si>
    <t>114896.0</t>
  </si>
  <si>
    <t>23706842.0</t>
  </si>
  <si>
    <t>163049.0</t>
  </si>
  <si>
    <t>2531.391</t>
  </si>
  <si>
    <t>144491.0</t>
  </si>
  <si>
    <t>15.429</t>
  </si>
  <si>
    <t>2065367.0</t>
  </si>
  <si>
    <t>112816.0</t>
  </si>
  <si>
    <t>23869787.0</t>
  </si>
  <si>
    <t>162945.0</t>
  </si>
  <si>
    <t>2548.79</t>
  </si>
  <si>
    <t>148517.0</t>
  </si>
  <si>
    <t>2161150.0</t>
  </si>
  <si>
    <t>95783.0</t>
  </si>
  <si>
    <t>109510.0</t>
  </si>
  <si>
    <t>24033072.0</t>
  </si>
  <si>
    <t>163285.0</t>
  </si>
  <si>
    <t>2566.226</t>
  </si>
  <si>
    <t>17.435</t>
  </si>
  <si>
    <t>2246069.0</t>
  </si>
  <si>
    <t>102605.0</t>
  </si>
  <si>
    <t>24203766.0</t>
  </si>
  <si>
    <t>170694.0</t>
  </si>
  <si>
    <t>2584.452</t>
  </si>
  <si>
    <t>159387.0</t>
  </si>
  <si>
    <t>2339073.0</t>
  </si>
  <si>
    <t>24377938.0</t>
  </si>
  <si>
    <t>2603.05</t>
  </si>
  <si>
    <t>2426793.0</t>
  </si>
  <si>
    <t>87720.0</t>
  </si>
  <si>
    <t>89838.0</t>
  </si>
  <si>
    <t>24557055.0</t>
  </si>
  <si>
    <t>179117.0</t>
  </si>
  <si>
    <t>2622.176</t>
  </si>
  <si>
    <t>165093.0</t>
  </si>
  <si>
    <t>17.628</t>
  </si>
  <si>
    <t>2487784.0</t>
  </si>
  <si>
    <t>24697532.0</t>
  </si>
  <si>
    <t>140477.0</t>
  </si>
  <si>
    <t>2637.176</t>
  </si>
  <si>
    <t>164820.0</t>
  </si>
  <si>
    <t>2571086.0</t>
  </si>
  <si>
    <t>83302.0</t>
  </si>
  <si>
    <t>24872781.0</t>
  </si>
  <si>
    <t>175249.0</t>
  </si>
  <si>
    <t>2655.889</t>
  </si>
  <si>
    <t>166563.0</t>
  </si>
  <si>
    <t>17.785</t>
  </si>
  <si>
    <t>2677675.0</t>
  </si>
  <si>
    <t>25046797.0</t>
  </si>
  <si>
    <t>174016.0</t>
  </si>
  <si>
    <t>2674.47</t>
  </si>
  <si>
    <t>168144.0</t>
  </si>
  <si>
    <t>2764445.0</t>
  </si>
  <si>
    <t>25215578.0</t>
  </si>
  <si>
    <t>168781.0</t>
  </si>
  <si>
    <t>2692.492</t>
  </si>
  <si>
    <t>18.022</t>
  </si>
  <si>
    <t>168929.0</t>
  </si>
  <si>
    <t>2868645.0</t>
  </si>
  <si>
    <t>104200.0</t>
  </si>
  <si>
    <t>25396508.0</t>
  </si>
  <si>
    <t>180930.0</t>
  </si>
  <si>
    <t>2711.812</t>
  </si>
  <si>
    <t>18.194</t>
  </si>
  <si>
    <t>137956.0</t>
  </si>
  <si>
    <t>95361.0</t>
  </si>
  <si>
    <t>25580460.0</t>
  </si>
  <si>
    <t>183952.0</t>
  </si>
  <si>
    <t>2731.454</t>
  </si>
  <si>
    <t>171789.0</t>
  </si>
  <si>
    <t>18.343</t>
  </si>
  <si>
    <t>3114162.0</t>
  </si>
  <si>
    <t>107561.0</t>
  </si>
  <si>
    <t>98196.0</t>
  </si>
  <si>
    <t>25764720.0</t>
  </si>
  <si>
    <t>184260.0</t>
  </si>
  <si>
    <t>2751.129</t>
  </si>
  <si>
    <t>172524.0</t>
  </si>
  <si>
    <t>18.422</t>
  </si>
  <si>
    <t>3334162.0</t>
  </si>
  <si>
    <t>25892292.0</t>
  </si>
  <si>
    <t>127572.0</t>
  </si>
  <si>
    <t>2764.751</t>
  </si>
  <si>
    <t>170680.0</t>
  </si>
  <si>
    <t>3440777.0</t>
  </si>
  <si>
    <t>124242.0</t>
  </si>
  <si>
    <t>26073927.0</t>
  </si>
  <si>
    <t>2784.146</t>
  </si>
  <si>
    <t>19.395</t>
  </si>
  <si>
    <t>171592.0</t>
  </si>
  <si>
    <t>3564517.0</t>
  </si>
  <si>
    <t>123740.0</t>
  </si>
  <si>
    <t>126692.0</t>
  </si>
  <si>
    <t>26247879.0</t>
  </si>
  <si>
    <t>2802.72</t>
  </si>
  <si>
    <t>18.574</t>
  </si>
  <si>
    <t>171583.0</t>
  </si>
  <si>
    <t>3691591.0</t>
  </si>
  <si>
    <t>127074.0</t>
  </si>
  <si>
    <t>132449.0</t>
  </si>
  <si>
    <t>26404351.0</t>
  </si>
  <si>
    <t>156472.0</t>
  </si>
  <si>
    <t>2819.428</t>
  </si>
  <si>
    <t>169825.0</t>
  </si>
  <si>
    <t>18.134</t>
  </si>
  <si>
    <t>3849374.0</t>
  </si>
  <si>
    <t>157783.0</t>
  </si>
  <si>
    <t>140104.0</t>
  </si>
  <si>
    <t>26552925.0</t>
  </si>
  <si>
    <t>2835.293</t>
  </si>
  <si>
    <t>15.865</t>
  </si>
  <si>
    <t>165202.0</t>
  </si>
  <si>
    <t>4008160.0</t>
  </si>
  <si>
    <t>143080.0</t>
  </si>
  <si>
    <t>26703631.0</t>
  </si>
  <si>
    <t>150706.0</t>
  </si>
  <si>
    <t>2851.385</t>
  </si>
  <si>
    <t>160453.0</t>
  </si>
  <si>
    <t>193187.0</t>
  </si>
  <si>
    <t>26895872.0</t>
  </si>
  <si>
    <t>192241.0</t>
  </si>
  <si>
    <t>2871.912</t>
  </si>
  <si>
    <t>20.527</t>
  </si>
  <si>
    <t>17.255</t>
  </si>
  <si>
    <t>4313868.0</t>
  </si>
  <si>
    <t>139958.0</t>
  </si>
  <si>
    <t>27044459.0</t>
  </si>
  <si>
    <t>2887.778</t>
  </si>
  <si>
    <t>15.866</t>
  </si>
  <si>
    <t>4413649.0</t>
  </si>
  <si>
    <t>138982.0</t>
  </si>
  <si>
    <t>27210255.0</t>
  </si>
  <si>
    <t>165796.0</t>
  </si>
  <si>
    <t>2905.482</t>
  </si>
  <si>
    <t>162333.0</t>
  </si>
  <si>
    <t>4527144.0</t>
  </si>
  <si>
    <t>113495.0</t>
  </si>
  <si>
    <t>27377134.0</t>
  </si>
  <si>
    <t>2923.301</t>
  </si>
  <si>
    <t>17.819</t>
  </si>
  <si>
    <t>4684658.0</t>
  </si>
  <si>
    <t>157514.0</t>
  </si>
  <si>
    <t>141867.0</t>
  </si>
  <si>
    <t>27557474.0</t>
  </si>
  <si>
    <t>180340.0</t>
  </si>
  <si>
    <t>2942.557</t>
  </si>
  <si>
    <t>4792208.0</t>
  </si>
  <si>
    <t>134691.0</t>
  </si>
  <si>
    <t>27722025.0</t>
  </si>
  <si>
    <t>164551.0</t>
  </si>
  <si>
    <t>2960.128</t>
  </si>
  <si>
    <t>167014.0</t>
  </si>
  <si>
    <t>4901795.0</t>
  </si>
  <si>
    <t>109587.0</t>
  </si>
  <si>
    <t>127662.0</t>
  </si>
  <si>
    <t>27907006.0</t>
  </si>
  <si>
    <t>184981.0</t>
  </si>
  <si>
    <t>2979.88</t>
  </si>
  <si>
    <t>171911.0</t>
  </si>
  <si>
    <t>5005264.0</t>
  </si>
  <si>
    <t>103469.0</t>
  </si>
  <si>
    <t>114845.0</t>
  </si>
  <si>
    <t>28114438.0</t>
  </si>
  <si>
    <t>207432.0</t>
  </si>
  <si>
    <t>3002.029</t>
  </si>
  <si>
    <t>5055231.0</t>
  </si>
  <si>
    <t>105909.0</t>
  </si>
  <si>
    <t>28277212.0</t>
  </si>
  <si>
    <t>3019.41</t>
  </si>
  <si>
    <t>18.805</t>
  </si>
  <si>
    <t>5086835.0</t>
  </si>
  <si>
    <t>28470375.0</t>
  </si>
  <si>
    <t>193163.0</t>
  </si>
  <si>
    <t>3040.036</t>
  </si>
  <si>
    <t>20.626</t>
  </si>
  <si>
    <t>5198725.0</t>
  </si>
  <si>
    <t>95940.0</t>
  </si>
  <si>
    <t>28655877.0</t>
  </si>
  <si>
    <t>185502.0</t>
  </si>
  <si>
    <t>3059.844</t>
  </si>
  <si>
    <t>182678.0</t>
  </si>
  <si>
    <t>5284406.0</t>
  </si>
  <si>
    <t>85681.0</t>
  </si>
  <si>
    <t>28827544.0</t>
  </si>
  <si>
    <t>171667.0</t>
  </si>
  <si>
    <t>3078.174</t>
  </si>
  <si>
    <t>181439.0</t>
  </si>
  <si>
    <t>19.374</t>
  </si>
  <si>
    <t>5373730.0</t>
  </si>
  <si>
    <t>89324.0</t>
  </si>
  <si>
    <t>83075.0</t>
  </si>
  <si>
    <t>28997070.0</t>
  </si>
  <si>
    <t>3096.276</t>
  </si>
  <si>
    <t>182149.0</t>
  </si>
  <si>
    <t>5466831.0</t>
  </si>
  <si>
    <t>93101.0</t>
  </si>
  <si>
    <t>80719.0</t>
  </si>
  <si>
    <t>29162427.0</t>
  </si>
  <si>
    <t>3113.933</t>
  </si>
  <si>
    <t>17.657</t>
  </si>
  <si>
    <t>179346.0</t>
  </si>
  <si>
    <t>5553391.0</t>
  </si>
  <si>
    <t>86560.0</t>
  </si>
  <si>
    <t>78304.0</t>
  </si>
  <si>
    <t>29360128.0</t>
  </si>
  <si>
    <t>197701.0</t>
  </si>
  <si>
    <t>3135.043</t>
  </si>
  <si>
    <t>177956.0</t>
  </si>
  <si>
    <t>19.002</t>
  </si>
  <si>
    <t>5554342.0</t>
  </si>
  <si>
    <t>71302.0</t>
  </si>
  <si>
    <t>29516558.0</t>
  </si>
  <si>
    <t>156430.0</t>
  </si>
  <si>
    <t>3151.746</t>
  </si>
  <si>
    <t>177049.0</t>
  </si>
  <si>
    <t>5557793.0</t>
  </si>
  <si>
    <t>29691842.0</t>
  </si>
  <si>
    <t>3170.463</t>
  </si>
  <si>
    <t>18.717</t>
  </si>
  <si>
    <t>174495.0</t>
  </si>
  <si>
    <t>5668264.0</t>
  </si>
  <si>
    <t>3480415.0</t>
  </si>
  <si>
    <t>2187849.0</t>
  </si>
  <si>
    <t>110471.0</t>
  </si>
  <si>
    <t>29871071.0</t>
  </si>
  <si>
    <t>179229.0</t>
  </si>
  <si>
    <t>3189.601</t>
  </si>
  <si>
    <t>173599.0</t>
  </si>
  <si>
    <t>18.537</t>
  </si>
  <si>
    <t>5761463.0</t>
  </si>
  <si>
    <t>55589.0</t>
  </si>
  <si>
    <t>30066937.0</t>
  </si>
  <si>
    <t>195866.0</t>
  </si>
  <si>
    <t>3210.515</t>
  </si>
  <si>
    <t>5846036.0</t>
  </si>
  <si>
    <t>30254113.0</t>
  </si>
  <si>
    <t>187176.0</t>
  </si>
  <si>
    <t>3230.502</t>
  </si>
  <si>
    <t>19.986</t>
  </si>
  <si>
    <t>179578.0</t>
  </si>
  <si>
    <t>19.175</t>
  </si>
  <si>
    <t>5933299.0</t>
  </si>
  <si>
    <t>46592.0</t>
  </si>
  <si>
    <t>30439712.0</t>
  </si>
  <si>
    <t>185599.0</t>
  </si>
  <si>
    <t>3250.32</t>
  </si>
  <si>
    <t>6015089.0</t>
  </si>
  <si>
    <t>81790.0</t>
  </si>
  <si>
    <t>42093.0</t>
  </si>
  <si>
    <t>30665851.0</t>
  </si>
  <si>
    <t>226139.0</t>
  </si>
  <si>
    <t>3274.467</t>
  </si>
  <si>
    <t>24.147</t>
  </si>
  <si>
    <t>19.918</t>
  </si>
  <si>
    <t>6020461.0</t>
  </si>
  <si>
    <t>66588.0</t>
  </si>
  <si>
    <t>30840884.0</t>
  </si>
  <si>
    <t>3293.156</t>
  </si>
  <si>
    <t>189189.0</t>
  </si>
  <si>
    <t>20.201</t>
  </si>
  <si>
    <t>6028417.0</t>
  </si>
  <si>
    <t>67232.0</t>
  </si>
  <si>
    <t>31066043.0</t>
  </si>
  <si>
    <t>3317.199</t>
  </si>
  <si>
    <t>24.042</t>
  </si>
  <si>
    <t>196314.0</t>
  </si>
  <si>
    <t>20.962</t>
  </si>
  <si>
    <t>6094956.0</t>
  </si>
  <si>
    <t>31284394.0</t>
  </si>
  <si>
    <t>218351.0</t>
  </si>
  <si>
    <t>3340.514</t>
  </si>
  <si>
    <t>201903.0</t>
  </si>
  <si>
    <t>6168330.0</t>
  </si>
  <si>
    <t>73374.0</t>
  </si>
  <si>
    <t>58124.0</t>
  </si>
  <si>
    <t>31520191.0</t>
  </si>
  <si>
    <t>3365.692</t>
  </si>
  <si>
    <t>207608.0</t>
  </si>
  <si>
    <t>6204004.0</t>
  </si>
  <si>
    <t>31762933.0</t>
  </si>
  <si>
    <t>242742.0</t>
  </si>
  <si>
    <t>3391.612</t>
  </si>
  <si>
    <t>215546.0</t>
  </si>
  <si>
    <t>23.016</t>
  </si>
  <si>
    <t>6235316.0</t>
  </si>
  <si>
    <t>32005092.0</t>
  </si>
  <si>
    <t>242159.0</t>
  </si>
  <si>
    <t>3417.469</t>
  </si>
  <si>
    <t>23.879</t>
  </si>
  <si>
    <t>6265860.0</t>
  </si>
  <si>
    <t>30544.0</t>
  </si>
  <si>
    <t>32239855.0</t>
  </si>
  <si>
    <t>234763.0</t>
  </si>
  <si>
    <t>3442.537</t>
  </si>
  <si>
    <t>25.068</t>
  </si>
  <si>
    <t>224858.0</t>
  </si>
  <si>
    <t>6273009.0</t>
  </si>
  <si>
    <t>32421426.0</t>
  </si>
  <si>
    <t>181571.0</t>
  </si>
  <si>
    <t>3461.925</t>
  </si>
  <si>
    <t>19.388</t>
  </si>
  <si>
    <t>225792.0</t>
  </si>
  <si>
    <t>6287751.0</t>
  </si>
  <si>
    <t>32641019.0</t>
  </si>
  <si>
    <t>219593.0</t>
  </si>
  <si>
    <t>3485.373</t>
  </si>
  <si>
    <t>224997.0</t>
  </si>
  <si>
    <t>24.025</t>
  </si>
  <si>
    <t>6325211.0</t>
  </si>
  <si>
    <t>32883045.0</t>
  </si>
  <si>
    <t>3511.216</t>
  </si>
  <si>
    <t>25.843</t>
  </si>
  <si>
    <t>6367861.0</t>
  </si>
  <si>
    <t>42650.0</t>
  </si>
  <si>
    <t>33108534.0</t>
  </si>
  <si>
    <t>3535.294</t>
  </si>
  <si>
    <t>226906.0</t>
  </si>
  <si>
    <t>6407350.0</t>
  </si>
  <si>
    <t>33348059.0</t>
  </si>
  <si>
    <t>239525.0</t>
  </si>
  <si>
    <t>3560.87</t>
  </si>
  <si>
    <t>25.576</t>
  </si>
  <si>
    <t>226447.0</t>
  </si>
  <si>
    <t>6462887.0</t>
  </si>
  <si>
    <t>55537.0</t>
  </si>
  <si>
    <t>33592518.0</t>
  </si>
  <si>
    <t>244459.0</t>
  </si>
  <si>
    <t>3586.973</t>
  </si>
  <si>
    <t>24.215</t>
  </si>
  <si>
    <t>6516723.0</t>
  </si>
  <si>
    <t>33825419.0</t>
  </si>
  <si>
    <t>232901.0</t>
  </si>
  <si>
    <t>3611.842</t>
  </si>
  <si>
    <t>24.869</t>
  </si>
  <si>
    <t>226509.0</t>
  </si>
  <si>
    <t>24.186</t>
  </si>
  <si>
    <t>6540912.0</t>
  </si>
  <si>
    <t>34030998.0</t>
  </si>
  <si>
    <t>205579.0</t>
  </si>
  <si>
    <t>3633.793</t>
  </si>
  <si>
    <t>6578881.0</t>
  </si>
  <si>
    <t>34239083.0</t>
  </si>
  <si>
    <t>208085.0</t>
  </si>
  <si>
    <t>3656.012</t>
  </si>
  <si>
    <t>22.219</t>
  </si>
  <si>
    <t>228295.0</t>
  </si>
  <si>
    <t>6668627.0</t>
  </si>
  <si>
    <t>34476071.0</t>
  </si>
  <si>
    <t>236988.0</t>
  </si>
  <si>
    <t>3681.318</t>
  </si>
  <si>
    <t>25.305</t>
  </si>
  <si>
    <t>227575.0</t>
  </si>
  <si>
    <t>6830369.0</t>
  </si>
  <si>
    <t>161742.0</t>
  </si>
  <si>
    <t>34674399.0</t>
  </si>
  <si>
    <t>198328.0</t>
  </si>
  <si>
    <t>3702.495</t>
  </si>
  <si>
    <t>223695.0</t>
  </si>
  <si>
    <t>6980466.0</t>
  </si>
  <si>
    <t>150097.0</t>
  </si>
  <si>
    <t>81874.0</t>
  </si>
  <si>
    <t>34913667.0</t>
  </si>
  <si>
    <t>3728.044</t>
  </si>
  <si>
    <t>25.549</t>
  </si>
  <si>
    <t>223658.0</t>
  </si>
  <si>
    <t>23.882</t>
  </si>
  <si>
    <t>7124146.0</t>
  </si>
  <si>
    <t>143680.0</t>
  </si>
  <si>
    <t>35153702.0</t>
  </si>
  <si>
    <t>240035.0</t>
  </si>
  <si>
    <t>3753.674</t>
  </si>
  <si>
    <t>25.631</t>
  </si>
  <si>
    <t>223026.0</t>
  </si>
  <si>
    <t>23.814</t>
  </si>
  <si>
    <t>7181056.0</t>
  </si>
  <si>
    <t>35391181.0</t>
  </si>
  <si>
    <t>237479.0</t>
  </si>
  <si>
    <t>3779.032</t>
  </si>
  <si>
    <t>223680.0</t>
  </si>
  <si>
    <t>7298768.0</t>
  </si>
  <si>
    <t>117712.0</t>
  </si>
  <si>
    <t>108265.0</t>
  </si>
  <si>
    <t>35576712.0</t>
  </si>
  <si>
    <t>185531.0</t>
  </si>
  <si>
    <t>3798.843</t>
  </si>
  <si>
    <t>19.811</t>
  </si>
  <si>
    <t>220816.0</t>
  </si>
  <si>
    <t>7374725.0</t>
  </si>
  <si>
    <t>75957.0</t>
  </si>
  <si>
    <t>113692.0</t>
  </si>
  <si>
    <t>35785791.0</t>
  </si>
  <si>
    <t>3821.168</t>
  </si>
  <si>
    <t>220958.0</t>
  </si>
  <si>
    <t>7477881.0</t>
  </si>
  <si>
    <t>103156.0</t>
  </si>
  <si>
    <t>115608.0</t>
  </si>
  <si>
    <t>36012066.0</t>
  </si>
  <si>
    <t>226275.0</t>
  </si>
  <si>
    <t>3845.33</t>
  </si>
  <si>
    <t>24.161</t>
  </si>
  <si>
    <t>7603328.0</t>
  </si>
  <si>
    <t>125447.0</t>
  </si>
  <si>
    <t>110423.0</t>
  </si>
  <si>
    <t>36247630.0</t>
  </si>
  <si>
    <t>235564.0</t>
  </si>
  <si>
    <t>3870.483</t>
  </si>
  <si>
    <t>25.153</t>
  </si>
  <si>
    <t>224747.0</t>
  </si>
  <si>
    <t>23.998</t>
  </si>
  <si>
    <t>7730375.0</t>
  </si>
  <si>
    <t>36484412.0</t>
  </si>
  <si>
    <t>236782.0</t>
  </si>
  <si>
    <t>3895.766</t>
  </si>
  <si>
    <t>224392.0</t>
  </si>
  <si>
    <t>7799517.0</t>
  </si>
  <si>
    <t>36732784.0</t>
  </si>
  <si>
    <t>248372.0</t>
  </si>
  <si>
    <t>3922.287</t>
  </si>
  <si>
    <t>225583.0</t>
  </si>
  <si>
    <t>24.088</t>
  </si>
  <si>
    <t>7959682.0</t>
  </si>
  <si>
    <t>160165.0</t>
  </si>
  <si>
    <t>111232.0</t>
  </si>
  <si>
    <t>36963518.0</t>
  </si>
  <si>
    <t>230734.0</t>
  </si>
  <si>
    <t>3946.925</t>
  </si>
  <si>
    <t>24.638</t>
  </si>
  <si>
    <t>224620.0</t>
  </si>
  <si>
    <t>8081751.0</t>
  </si>
  <si>
    <t>122069.0</t>
  </si>
  <si>
    <t>111855.0</t>
  </si>
  <si>
    <t>37130827.0</t>
  </si>
  <si>
    <t>167309.0</t>
  </si>
  <si>
    <t>3964.79</t>
  </si>
  <si>
    <t>17.865</t>
  </si>
  <si>
    <t>222016.0</t>
  </si>
  <si>
    <t>8133841.0</t>
  </si>
  <si>
    <t>52090.0</t>
  </si>
  <si>
    <t>108445.0</t>
  </si>
  <si>
    <t>37354626.0</t>
  </si>
  <si>
    <t>223799.0</t>
  </si>
  <si>
    <t>3988.687</t>
  </si>
  <si>
    <t>23.897</t>
  </si>
  <si>
    <t>224119.0</t>
  </si>
  <si>
    <t>8220783.0</t>
  </si>
  <si>
    <t>37599048.0</t>
  </si>
  <si>
    <t>4014.786</t>
  </si>
  <si>
    <t>26.099</t>
  </si>
  <si>
    <t>226712.0</t>
  </si>
  <si>
    <t>8308469.0</t>
  </si>
  <si>
    <t>37836288.0</t>
  </si>
  <si>
    <t>4040.118</t>
  </si>
  <si>
    <t>25.332</t>
  </si>
  <si>
    <t>226951.0</t>
  </si>
  <si>
    <t>8391302.0</t>
  </si>
  <si>
    <t>82833.0</t>
  </si>
  <si>
    <t>94418.0</t>
  </si>
  <si>
    <t>38080645.0</t>
  </si>
  <si>
    <t>244357.0</t>
  </si>
  <si>
    <t>4066.21</t>
  </si>
  <si>
    <t>228033.0</t>
  </si>
  <si>
    <t>24.349</t>
  </si>
  <si>
    <t>8491382.0</t>
  </si>
  <si>
    <t>100080.0</t>
  </si>
  <si>
    <t>98838.0</t>
  </si>
  <si>
    <t>38332888.0</t>
  </si>
  <si>
    <t>252243.0</t>
  </si>
  <si>
    <t>4093.145</t>
  </si>
  <si>
    <t>228586.0</t>
  </si>
  <si>
    <t>24.408</t>
  </si>
  <si>
    <t>8559291.0</t>
  </si>
  <si>
    <t>67909.0</t>
  </si>
  <si>
    <t>38593333.0</t>
  </si>
  <si>
    <t>260445.0</t>
  </si>
  <si>
    <t>4120.955</t>
  </si>
  <si>
    <t>232831.0</t>
  </si>
  <si>
    <t>8578979.0</t>
  </si>
  <si>
    <t>38788906.0</t>
  </si>
  <si>
    <t>195573.0</t>
  </si>
  <si>
    <t>4141.838</t>
  </si>
  <si>
    <t>236868.0</t>
  </si>
  <si>
    <t>25.293</t>
  </si>
  <si>
    <t>8596722.0</t>
  </si>
  <si>
    <t>39043850.0</t>
  </si>
  <si>
    <t>254944.0</t>
  </si>
  <si>
    <t>4169.06</t>
  </si>
  <si>
    <t>241318.0</t>
  </si>
  <si>
    <t>25.768</t>
  </si>
  <si>
    <t>8659503.0</t>
  </si>
  <si>
    <t>62674.0</t>
  </si>
  <si>
    <t>39287609.0</t>
  </si>
  <si>
    <t>243759.0</t>
  </si>
  <si>
    <t>4195.089</t>
  </si>
  <si>
    <t>26.028</t>
  </si>
  <si>
    <t>241223.0</t>
  </si>
  <si>
    <t>8707073.0</t>
  </si>
  <si>
    <t>47570.0</t>
  </si>
  <si>
    <t>39536623.0</t>
  </si>
  <si>
    <t>249014.0</t>
  </si>
  <si>
    <t>4221.678</t>
  </si>
  <si>
    <t>242905.0</t>
  </si>
  <si>
    <t>8889571.0</t>
  </si>
  <si>
    <t>182498.0</t>
  </si>
  <si>
    <t>39784257.0</t>
  </si>
  <si>
    <t>247634.0</t>
  </si>
  <si>
    <t>4248.12</t>
  </si>
  <si>
    <t>8923543.0</t>
  </si>
  <si>
    <t>40021387.0</t>
  </si>
  <si>
    <t>237130.0</t>
  </si>
  <si>
    <t>4273.441</t>
  </si>
  <si>
    <t>241214.0</t>
  </si>
  <si>
    <t>25.757</t>
  </si>
  <si>
    <t>8975014.0</t>
  </si>
  <si>
    <t>40263802.0</t>
  </si>
  <si>
    <t>4299.325</t>
  </si>
  <si>
    <t>238638.0</t>
  </si>
  <si>
    <t>9005444.0</t>
  </si>
  <si>
    <t>40457698.0</t>
  </si>
  <si>
    <t>193896.0</t>
  </si>
  <si>
    <t>4320.029</t>
  </si>
  <si>
    <t>238399.0</t>
  </si>
  <si>
    <t>9037923.0</t>
  </si>
  <si>
    <t>63029.0</t>
  </si>
  <si>
    <t>40723721.0</t>
  </si>
  <si>
    <t>266023.0</t>
  </si>
  <si>
    <t>4348.435</t>
  </si>
  <si>
    <t>239982.0</t>
  </si>
  <si>
    <t>25.625</t>
  </si>
  <si>
    <t>9156728.0</t>
  </si>
  <si>
    <t>118805.0</t>
  </si>
  <si>
    <t>71032.0</t>
  </si>
  <si>
    <t>40979902.0</t>
  </si>
  <si>
    <t>256181.0</t>
  </si>
  <si>
    <t>4375.79</t>
  </si>
  <si>
    <t>241756.0</t>
  </si>
  <si>
    <t>9295462.0</t>
  </si>
  <si>
    <t>138734.0</t>
  </si>
  <si>
    <t>41204933.0</t>
  </si>
  <si>
    <t>225031.0</t>
  </si>
  <si>
    <t>4399.818</t>
  </si>
  <si>
    <t>24.029</t>
  </si>
  <si>
    <t>238330.0</t>
  </si>
  <si>
    <t>25.449</t>
  </si>
  <si>
    <t>9387344.0</t>
  </si>
  <si>
    <t>41403068.0</t>
  </si>
  <si>
    <t>198135.0</t>
  </si>
  <si>
    <t>4420.975</t>
  </si>
  <si>
    <t>21.157</t>
  </si>
  <si>
    <t>24.694</t>
  </si>
  <si>
    <t>9489684.0</t>
  </si>
  <si>
    <t>80877.0</t>
  </si>
  <si>
    <t>41617833.0</t>
  </si>
  <si>
    <t>214765.0</t>
  </si>
  <si>
    <t>4443.907</t>
  </si>
  <si>
    <t>228064.0</t>
  </si>
  <si>
    <t>24.352</t>
  </si>
  <si>
    <t>9601463.0</t>
  </si>
  <si>
    <t>111779.0</t>
  </si>
  <si>
    <t>89493.0</t>
  </si>
  <si>
    <t>41821180.0</t>
  </si>
  <si>
    <t>203347.0</t>
  </si>
  <si>
    <t>4465.621</t>
  </si>
  <si>
    <t>21.713</t>
  </si>
  <si>
    <t>222483.0</t>
  </si>
  <si>
    <t>9630200.0</t>
  </si>
  <si>
    <t>89251.0</t>
  </si>
  <si>
    <t>41963042.0</t>
  </si>
  <si>
    <t>141862.0</t>
  </si>
  <si>
    <t>4480.768</t>
  </si>
  <si>
    <t>15.148</t>
  </si>
  <si>
    <t>215049.0</t>
  </si>
  <si>
    <t>22.963</t>
  </si>
  <si>
    <t>9675205.0</t>
  </si>
  <si>
    <t>45005.0</t>
  </si>
  <si>
    <t>42155280.0</t>
  </si>
  <si>
    <t>192238.0</t>
  </si>
  <si>
    <t>4501.295</t>
  </si>
  <si>
    <t>204508.0</t>
  </si>
  <si>
    <t>5081853.0</t>
  </si>
  <si>
    <t>3836521.0</t>
  </si>
  <si>
    <t>42347166.0</t>
  </si>
  <si>
    <t>4521.785</t>
  </si>
  <si>
    <t>20.489</t>
  </si>
  <si>
    <t>195323.0</t>
  </si>
  <si>
    <t>9900002.0</t>
  </si>
  <si>
    <t>86363.0</t>
  </si>
  <si>
    <t>28717.0</t>
  </si>
  <si>
    <t>42550398.0</t>
  </si>
  <si>
    <t>203232.0</t>
  </si>
  <si>
    <t>4543.486</t>
  </si>
  <si>
    <t>192209.0</t>
  </si>
  <si>
    <t>20.524</t>
  </si>
  <si>
    <t>10001241.0</t>
  </si>
  <si>
    <t>101239.0</t>
  </si>
  <si>
    <t>42752466.0</t>
  </si>
  <si>
    <t>202068.0</t>
  </si>
  <si>
    <t>4565.062</t>
  </si>
  <si>
    <t>21.577</t>
  </si>
  <si>
    <t>192771.0</t>
  </si>
  <si>
    <t>10194266.0</t>
  </si>
  <si>
    <t>193025.0</t>
  </si>
  <si>
    <t>100655.0</t>
  </si>
  <si>
    <t>42965245.0</t>
  </si>
  <si>
    <t>4587.783</t>
  </si>
  <si>
    <t>192487.0</t>
  </si>
  <si>
    <t>20.554</t>
  </si>
  <si>
    <t>86228.0</t>
  </si>
  <si>
    <t>43170566.0</t>
  </si>
  <si>
    <t>205321.0</t>
  </si>
  <si>
    <t>4609.707</t>
  </si>
  <si>
    <t>192769.0</t>
  </si>
  <si>
    <t>10215846.0</t>
  </si>
  <si>
    <t>83664.0</t>
  </si>
  <si>
    <t>43330956.0</t>
  </si>
  <si>
    <t>160390.0</t>
  </si>
  <si>
    <t>4626.833</t>
  </si>
  <si>
    <t>195416.0</t>
  </si>
  <si>
    <t>10254053.0</t>
  </si>
  <si>
    <t>38207.0</t>
  </si>
  <si>
    <t>82693.0</t>
  </si>
  <si>
    <t>29316.0</t>
  </si>
  <si>
    <t>43515963.0</t>
  </si>
  <si>
    <t>185007.0</t>
  </si>
  <si>
    <t>4646.588</t>
  </si>
  <si>
    <t>19.755</t>
  </si>
  <si>
    <t>10336214.0</t>
  </si>
  <si>
    <t>82161.0</t>
  </si>
  <si>
    <t>29436.0</t>
  </si>
  <si>
    <t>43711129.0</t>
  </si>
  <si>
    <t>195166.0</t>
  </si>
  <si>
    <t>4667.427</t>
  </si>
  <si>
    <t>194852.0</t>
  </si>
  <si>
    <t>10466251.0</t>
  </si>
  <si>
    <t>80893.0</t>
  </si>
  <si>
    <t>43904822.0</t>
  </si>
  <si>
    <t>4688.11</t>
  </si>
  <si>
    <t>20.682</t>
  </si>
  <si>
    <t>193489.0</t>
  </si>
  <si>
    <t>20.661</t>
  </si>
  <si>
    <t>10547584.0</t>
  </si>
  <si>
    <t>78049.0</t>
  </si>
  <si>
    <t>44108915.0</t>
  </si>
  <si>
    <t>204093.0</t>
  </si>
  <si>
    <t>4709.902</t>
  </si>
  <si>
    <t>193778.0</t>
  </si>
  <si>
    <t>20.691</t>
  </si>
  <si>
    <t>44311796.0</t>
  </si>
  <si>
    <t>202881.0</t>
  </si>
  <si>
    <t>4731.566</t>
  </si>
  <si>
    <t>192364.0</t>
  </si>
  <si>
    <t>10609950.0</t>
  </si>
  <si>
    <t>44517421.0</t>
  </si>
  <si>
    <t>4753.522</t>
  </si>
  <si>
    <t>21.956</t>
  </si>
  <si>
    <t>192408.0</t>
  </si>
  <si>
    <t>10634693.0</t>
  </si>
  <si>
    <t>44674361.0</t>
  </si>
  <si>
    <t>156940.0</t>
  </si>
  <si>
    <t>4770.28</t>
  </si>
  <si>
    <t>191915.0</t>
  </si>
  <si>
    <t>10666924.0</t>
  </si>
  <si>
    <t>44853814.0</t>
  </si>
  <si>
    <t>179453.0</t>
  </si>
  <si>
    <t>4789.442</t>
  </si>
  <si>
    <t>19.162</t>
  </si>
  <si>
    <t>191122.0</t>
  </si>
  <si>
    <t>20.408</t>
  </si>
  <si>
    <t>10779163.0</t>
  </si>
  <si>
    <t>45058538.0</t>
  </si>
  <si>
    <t>204724.0</t>
  </si>
  <si>
    <t>4811.302</t>
  </si>
  <si>
    <t>10834453.0</t>
  </si>
  <si>
    <t>52600.0</t>
  </si>
  <si>
    <t>45255315.0</t>
  </si>
  <si>
    <t>4832.314</t>
  </si>
  <si>
    <t>21.012</t>
  </si>
  <si>
    <t>192928.0</t>
  </si>
  <si>
    <t>10907264.0</t>
  </si>
  <si>
    <t>45466777.0</t>
  </si>
  <si>
    <t>211462.0</t>
  </si>
  <si>
    <t>4854.894</t>
  </si>
  <si>
    <t>193980.0</t>
  </si>
  <si>
    <t>20.713</t>
  </si>
  <si>
    <t>11048547.0</t>
  </si>
  <si>
    <t>141283.0</t>
  </si>
  <si>
    <t>67111.0</t>
  </si>
  <si>
    <t>45667425.0</t>
  </si>
  <si>
    <t>4876.319</t>
  </si>
  <si>
    <t>21.425</t>
  </si>
  <si>
    <t>193661.0</t>
  </si>
  <si>
    <t>11126889.0</t>
  </si>
  <si>
    <t>78342.0</t>
  </si>
  <si>
    <t>45870572.0</t>
  </si>
  <si>
    <t>203147.0</t>
  </si>
  <si>
    <t>4898.01</t>
  </si>
  <si>
    <t>20.641</t>
  </si>
  <si>
    <t>11145934.0</t>
  </si>
  <si>
    <t>73034.0</t>
  </si>
  <si>
    <t>46013175.0</t>
  </si>
  <si>
    <t>4913.237</t>
  </si>
  <si>
    <t>191259.0</t>
  </si>
  <si>
    <t>20.422</t>
  </si>
  <si>
    <t>11186348.0</t>
  </si>
  <si>
    <t>40414.0</t>
  </si>
  <si>
    <t>46190863.0</t>
  </si>
  <si>
    <t>177688.0</t>
  </si>
  <si>
    <t>4932.211</t>
  </si>
  <si>
    <t>191007.0</t>
  </si>
  <si>
    <t>11273344.0</t>
  </si>
  <si>
    <t>70597.0</t>
  </si>
  <si>
    <t>46401225.0</t>
  </si>
  <si>
    <t>210362.0</t>
  </si>
  <si>
    <t>4954.673</t>
  </si>
  <si>
    <t>11366954.0</t>
  </si>
  <si>
    <t>93610.0</t>
  </si>
  <si>
    <t>46613437.0</t>
  </si>
  <si>
    <t>4977.333</t>
  </si>
  <si>
    <t>194017.0</t>
  </si>
  <si>
    <t>20.717</t>
  </si>
  <si>
    <t>11422565.0</t>
  </si>
  <si>
    <t>55611.0</t>
  </si>
  <si>
    <t>46799807.0</t>
  </si>
  <si>
    <t>186370.0</t>
  </si>
  <si>
    <t>4997.233</t>
  </si>
  <si>
    <t>190433.0</t>
  </si>
  <si>
    <t>11445680.0</t>
  </si>
  <si>
    <t>46960989.0</t>
  </si>
  <si>
    <t>161182.0</t>
  </si>
  <si>
    <t>5014.444</t>
  </si>
  <si>
    <t>17.211</t>
  </si>
  <si>
    <t>184795.0</t>
  </si>
  <si>
    <t>11448363.0</t>
  </si>
  <si>
    <t>47064907.0</t>
  </si>
  <si>
    <t>103918.0</t>
  </si>
  <si>
    <t>5025.54</t>
  </si>
  <si>
    <t>170619.0</t>
  </si>
  <si>
    <t>11450769.0</t>
  </si>
  <si>
    <t>43548.0</t>
  </si>
  <si>
    <t>121.29</t>
  </si>
  <si>
    <t>47206854.0</t>
  </si>
  <si>
    <t>141947.0</t>
  </si>
  <si>
    <t>5040.697</t>
  </si>
  <si>
    <t>15.157</t>
  </si>
  <si>
    <t>170526.0</t>
  </si>
  <si>
    <t>11489475.0</t>
  </si>
  <si>
    <t>47409038.0</t>
  </si>
  <si>
    <t>202184.0</t>
  </si>
  <si>
    <t>5062.286</t>
  </si>
  <si>
    <t>11594068.0</t>
  </si>
  <si>
    <t>104593.0</t>
  </si>
  <si>
    <t>47658885.0</t>
  </si>
  <si>
    <t>249847.0</t>
  </si>
  <si>
    <t>5088.964</t>
  </si>
  <si>
    <t>26.678</t>
  </si>
  <si>
    <t>19.185</t>
  </si>
  <si>
    <t>11704191.0</t>
  </si>
  <si>
    <t>47903765.0</t>
  </si>
  <si>
    <t>5115.112</t>
  </si>
  <si>
    <t>184333.0</t>
  </si>
  <si>
    <t>11822054.0</t>
  </si>
  <si>
    <t>57070.0</t>
  </si>
  <si>
    <t>48145395.0</t>
  </si>
  <si>
    <t>241630.0</t>
  </si>
  <si>
    <t>5140.913</t>
  </si>
  <si>
    <t>192227.0</t>
  </si>
  <si>
    <t>20.526</t>
  </si>
  <si>
    <t>12034349.0</t>
  </si>
  <si>
    <t>212295.0</t>
  </si>
  <si>
    <t>84096.0</t>
  </si>
  <si>
    <t>48370282.0</t>
  </si>
  <si>
    <t>224887.0</t>
  </si>
  <si>
    <t>5164.927</t>
  </si>
  <si>
    <t>24.013</t>
  </si>
  <si>
    <t>201328.0</t>
  </si>
  <si>
    <t>48607275.0</t>
  </si>
  <si>
    <t>236993.0</t>
  </si>
  <si>
    <t>5190.233</t>
  </si>
  <si>
    <t>220338.0</t>
  </si>
  <si>
    <t>12165848.0</t>
  </si>
  <si>
    <t>102154.0</t>
  </si>
  <si>
    <t>48785803.0</t>
  </si>
  <si>
    <t>178528.0</t>
  </si>
  <si>
    <t>5209.296</t>
  </si>
  <si>
    <t>225564.0</t>
  </si>
  <si>
    <t>114460.0</t>
  </si>
  <si>
    <t>49009805.0</t>
  </si>
  <si>
    <t>224002.0</t>
  </si>
  <si>
    <t>5233.214</t>
  </si>
  <si>
    <t>228681.0</t>
  </si>
  <si>
    <t>24.418</t>
  </si>
  <si>
    <t>12415548.0</t>
  </si>
  <si>
    <t>49235759.0</t>
  </si>
  <si>
    <t>225954.0</t>
  </si>
  <si>
    <t>5257.341</t>
  </si>
  <si>
    <t>225268.0</t>
  </si>
  <si>
    <t>12531970.0</t>
  </si>
  <si>
    <t>116422.0</t>
  </si>
  <si>
    <t>118254.0</t>
  </si>
  <si>
    <t>49461716.0</t>
  </si>
  <si>
    <t>225957.0</t>
  </si>
  <si>
    <t>5281.469</t>
  </si>
  <si>
    <t>222564.0</t>
  </si>
  <si>
    <t>109563.0</t>
  </si>
  <si>
    <t>49701568.0</t>
  </si>
  <si>
    <t>239852.0</t>
  </si>
  <si>
    <t>5307.08</t>
  </si>
  <si>
    <t>222310.0</t>
  </si>
  <si>
    <t>12646025.0</t>
  </si>
  <si>
    <t>49906055.0</t>
  </si>
  <si>
    <t>204487.0</t>
  </si>
  <si>
    <t>5328.915</t>
  </si>
  <si>
    <t>219396.0</t>
  </si>
  <si>
    <t>23.427</t>
  </si>
  <si>
    <t>12756630.0</t>
  </si>
  <si>
    <t>110605.0</t>
  </si>
  <si>
    <t>50149036.0</t>
  </si>
  <si>
    <t>242981.0</t>
  </si>
  <si>
    <t>5354.86</t>
  </si>
  <si>
    <t>220252.0</t>
  </si>
  <si>
    <t>23.518</t>
  </si>
  <si>
    <t>12811422.0</t>
  </si>
  <si>
    <t>50338982.0</t>
  </si>
  <si>
    <t>189946.0</t>
  </si>
  <si>
    <t>5375.142</t>
  </si>
  <si>
    <t>20.282</t>
  </si>
  <si>
    <t>221883.0</t>
  </si>
  <si>
    <t>12870553.0</t>
  </si>
  <si>
    <t>50554671.0</t>
  </si>
  <si>
    <t>215689.0</t>
  </si>
  <si>
    <t>5398.173</t>
  </si>
  <si>
    <t>220695.0</t>
  </si>
  <si>
    <t>23.566</t>
  </si>
  <si>
    <t>12967716.0</t>
  </si>
  <si>
    <t>78881.0</t>
  </si>
  <si>
    <t>50773648.0</t>
  </si>
  <si>
    <t>218977.0</t>
  </si>
  <si>
    <t>5421.556</t>
  </si>
  <si>
    <t>219698.0</t>
  </si>
  <si>
    <t>23.459</t>
  </si>
  <si>
    <t>13066261.0</t>
  </si>
  <si>
    <t>98545.0</t>
  </si>
  <si>
    <t>51004376.0</t>
  </si>
  <si>
    <t>230728.0</t>
  </si>
  <si>
    <t>5446.192</t>
  </si>
  <si>
    <t>23.532</t>
  </si>
  <si>
    <t>13227344.0</t>
  </si>
  <si>
    <t>161083.0</t>
  </si>
  <si>
    <t>51237414.0</t>
  </si>
  <si>
    <t>233038.0</t>
  </si>
  <si>
    <t>5471.076</t>
  </si>
  <si>
    <t>24.884</t>
  </si>
  <si>
    <t>219407.0</t>
  </si>
  <si>
    <t>51483924.0</t>
  </si>
  <si>
    <t>246510.0</t>
  </si>
  <si>
    <t>5497.398</t>
  </si>
  <si>
    <t>26.322</t>
  </si>
  <si>
    <t>225410.0</t>
  </si>
  <si>
    <t>13294010.0</t>
  </si>
  <si>
    <t>76769.0</t>
  </si>
  <si>
    <t>51715852.0</t>
  </si>
  <si>
    <t>231928.0</t>
  </si>
  <si>
    <t>5522.163</t>
  </si>
  <si>
    <t>223831.0</t>
  </si>
  <si>
    <t>13315751.0</t>
  </si>
  <si>
    <t>72047.0</t>
  </si>
  <si>
    <t>51923942.0</t>
  </si>
  <si>
    <t>5544.383</t>
  </si>
  <si>
    <t>13347300.0</t>
  </si>
  <si>
    <t>68107.0</t>
  </si>
  <si>
    <t>52132968.0</t>
  </si>
  <si>
    <t>5566.702</t>
  </si>
  <si>
    <t>225471.0</t>
  </si>
  <si>
    <t>24.076</t>
  </si>
  <si>
    <t>52387380.0</t>
  </si>
  <si>
    <t>254412.0</t>
  </si>
  <si>
    <t>5593.868</t>
  </si>
  <si>
    <t>230533.0</t>
  </si>
  <si>
    <t>24.616</t>
  </si>
  <si>
    <t>13507943.0</t>
  </si>
  <si>
    <t>63097.0</t>
  </si>
  <si>
    <t>52628124.0</t>
  </si>
  <si>
    <t>5619.574</t>
  </si>
  <si>
    <t>25.706</t>
  </si>
  <si>
    <t>231964.0</t>
  </si>
  <si>
    <t>13590206.0</t>
  </si>
  <si>
    <t>82263.0</t>
  </si>
  <si>
    <t>52853775.0</t>
  </si>
  <si>
    <t>225651.0</t>
  </si>
  <si>
    <t>5643.669</t>
  </si>
  <si>
    <t>230909.0</t>
  </si>
  <si>
    <t>13684429.0</t>
  </si>
  <si>
    <t>94223.0</t>
  </si>
  <si>
    <t>60536.0</t>
  </si>
  <si>
    <t>53103521.0</t>
  </si>
  <si>
    <t>249746.0</t>
  </si>
  <si>
    <t>5670.337</t>
  </si>
  <si>
    <t>26.668</t>
  </si>
  <si>
    <t>231371.0</t>
  </si>
  <si>
    <t>24.706</t>
  </si>
  <si>
    <t>13785663.0</t>
  </si>
  <si>
    <t>101234.0</t>
  </si>
  <si>
    <t>70236.0</t>
  </si>
  <si>
    <t>53321370.0</t>
  </si>
  <si>
    <t>217849.0</t>
  </si>
  <si>
    <t>5693.599</t>
  </si>
  <si>
    <t>229360.0</t>
  </si>
  <si>
    <t>24.491</t>
  </si>
  <si>
    <t>13808426.0</t>
  </si>
  <si>
    <t>70382.0</t>
  </si>
  <si>
    <t>146.26</t>
  </si>
  <si>
    <t>53558809.0</t>
  </si>
  <si>
    <t>237439.0</t>
  </si>
  <si>
    <t>5718.952</t>
  </si>
  <si>
    <t>25.353</t>
  </si>
  <si>
    <t>233552.0</t>
  </si>
  <si>
    <t>24.938</t>
  </si>
  <si>
    <t>13848062.0</t>
  </si>
  <si>
    <t>53787952.0</t>
  </si>
  <si>
    <t>229143.0</t>
  </si>
  <si>
    <t>5743.42</t>
  </si>
  <si>
    <t>24.468</t>
  </si>
  <si>
    <t>236426.0</t>
  </si>
  <si>
    <t>25.245</t>
  </si>
  <si>
    <t>13964439.0</t>
  </si>
  <si>
    <t>116377.0</t>
  </si>
  <si>
    <t>54015636.0</t>
  </si>
  <si>
    <t>227684.0</t>
  </si>
  <si>
    <t>5767.731</t>
  </si>
  <si>
    <t>24.312</t>
  </si>
  <si>
    <t>232608.0</t>
  </si>
  <si>
    <t>24.838</t>
  </si>
  <si>
    <t>14068507.0</t>
  </si>
  <si>
    <t>104068.0</t>
  </si>
  <si>
    <t>80081.0</t>
  </si>
  <si>
    <t>54259480.0</t>
  </si>
  <si>
    <t>243844.0</t>
  </si>
  <si>
    <t>5793.769</t>
  </si>
  <si>
    <t>26.037</t>
  </si>
  <si>
    <t>14182020.0</t>
  </si>
  <si>
    <t>113513.0</t>
  </si>
  <si>
    <t>84545.0</t>
  </si>
  <si>
    <t>54512557.0</t>
  </si>
  <si>
    <t>253077.0</t>
  </si>
  <si>
    <t>5820.792</t>
  </si>
  <si>
    <t>236969.0</t>
  </si>
  <si>
    <t>14298438.0</t>
  </si>
  <si>
    <t>116418.0</t>
  </si>
  <si>
    <t>87716.0</t>
  </si>
  <si>
    <t>54780525.0</t>
  </si>
  <si>
    <t>267968.0</t>
  </si>
  <si>
    <t>5849.406</t>
  </si>
  <si>
    <t>239572.0</t>
  </si>
  <si>
    <t>25.581</t>
  </si>
  <si>
    <t>14428916.0</t>
  </si>
  <si>
    <t>130478.0</t>
  </si>
  <si>
    <t>152.83</t>
  </si>
  <si>
    <t>55047451.0</t>
  </si>
  <si>
    <t>266926.0</t>
  </si>
  <si>
    <t>5877.908</t>
  </si>
  <si>
    <t>246583.0</t>
  </si>
  <si>
    <t>14512626.0</t>
  </si>
  <si>
    <t>83710.0</t>
  </si>
  <si>
    <t>100600.0</t>
  </si>
  <si>
    <t>55278948.0</t>
  </si>
  <si>
    <t>231497.0</t>
  </si>
  <si>
    <t>5902.627</t>
  </si>
  <si>
    <t>24.719</t>
  </si>
  <si>
    <t>245734.0</t>
  </si>
  <si>
    <t>26.239</t>
  </si>
  <si>
    <t>14631482.0</t>
  </si>
  <si>
    <t>118856.0</t>
  </si>
  <si>
    <t>111917.0</t>
  </si>
  <si>
    <t>55553623.0</t>
  </si>
  <si>
    <t>274675.0</t>
  </si>
  <si>
    <t>5931.956</t>
  </si>
  <si>
    <t>252239.0</t>
  </si>
  <si>
    <t>102734.0</t>
  </si>
  <si>
    <t>55802956.0</t>
  </si>
  <si>
    <t>249333.0</t>
  </si>
  <si>
    <t>5958.58</t>
  </si>
  <si>
    <t>26.624</t>
  </si>
  <si>
    <t>255331.0</t>
  </si>
  <si>
    <t>14735666.0</t>
  </si>
  <si>
    <t>95308.0</t>
  </si>
  <si>
    <t>56085301.0</t>
  </si>
  <si>
    <t>282345.0</t>
  </si>
  <si>
    <t>5988.728</t>
  </si>
  <si>
    <t>30.148</t>
  </si>
  <si>
    <t>260832.0</t>
  </si>
  <si>
    <t>27.851</t>
  </si>
  <si>
    <t>14834355.0</t>
  </si>
  <si>
    <t>98689.0</t>
  </si>
  <si>
    <t>56378513.0</t>
  </si>
  <si>
    <t>293212.0</t>
  </si>
  <si>
    <t>6020.037</t>
  </si>
  <si>
    <t>31.309</t>
  </si>
  <si>
    <t>266565.0</t>
  </si>
  <si>
    <t>14940031.0</t>
  </si>
  <si>
    <t>56653430.0</t>
  </si>
  <si>
    <t>274917.0</t>
  </si>
  <si>
    <t>6049.392</t>
  </si>
  <si>
    <t>29.355</t>
  </si>
  <si>
    <t>267558.0</t>
  </si>
  <si>
    <t>15043227.0</t>
  </si>
  <si>
    <t>87759.0</t>
  </si>
  <si>
    <t>56919772.0</t>
  </si>
  <si>
    <t>266342.0</t>
  </si>
  <si>
    <t>6077.832</t>
  </si>
  <si>
    <t>267474.0</t>
  </si>
  <si>
    <t>15073743.0</t>
  </si>
  <si>
    <t>80160.0</t>
  </si>
  <si>
    <t>57152316.0</t>
  </si>
  <si>
    <t>232544.0</t>
  </si>
  <si>
    <t>6102.663</t>
  </si>
  <si>
    <t>267624.0</t>
  </si>
  <si>
    <t>28.577</t>
  </si>
  <si>
    <t>15111234.0</t>
  </si>
  <si>
    <t>68536.0</t>
  </si>
  <si>
    <t>57433359.0</t>
  </si>
  <si>
    <t>281043.0</t>
  </si>
  <si>
    <t>6132.672</t>
  </si>
  <si>
    <t>30.009</t>
  </si>
  <si>
    <t>28.674</t>
  </si>
  <si>
    <t>15198661.0</t>
  </si>
  <si>
    <t>87427.0</t>
  </si>
  <si>
    <t>57735677.0</t>
  </si>
  <si>
    <t>302318.0</t>
  </si>
  <si>
    <t>6164.953</t>
  </si>
  <si>
    <t>32.281</t>
  </si>
  <si>
    <t>15362342.0</t>
  </si>
  <si>
    <t>163681.0</t>
  </si>
  <si>
    <t>58026680.0</t>
  </si>
  <si>
    <t>291003.0</t>
  </si>
  <si>
    <t>6196.026</t>
  </si>
  <si>
    <t>31.073</t>
  </si>
  <si>
    <t>277340.0</t>
  </si>
  <si>
    <t>80137.0</t>
  </si>
  <si>
    <t>58310341.0</t>
  </si>
  <si>
    <t>6226.315</t>
  </si>
  <si>
    <t>275975.0</t>
  </si>
  <si>
    <t>29.468</t>
  </si>
  <si>
    <t>15428281.0</t>
  </si>
  <si>
    <t>58602017.0</t>
  </si>
  <si>
    <t>291676.0</t>
  </si>
  <si>
    <t>6257.46</t>
  </si>
  <si>
    <t>278370.0</t>
  </si>
  <si>
    <t>29.724</t>
  </si>
  <si>
    <t>15504238.0</t>
  </si>
  <si>
    <t>65859.0</t>
  </si>
  <si>
    <t>58856656.0</t>
  </si>
  <si>
    <t>254639.0</t>
  </si>
  <si>
    <t>6284.65</t>
  </si>
  <si>
    <t>29.546</t>
  </si>
  <si>
    <t>15534207.0</t>
  </si>
  <si>
    <t>164.54</t>
  </si>
  <si>
    <t>59096022.0</t>
  </si>
  <si>
    <t>6310.21</t>
  </si>
  <si>
    <t>277672.0</t>
  </si>
  <si>
    <t>15574641.0</t>
  </si>
  <si>
    <t>7319003.0</t>
  </si>
  <si>
    <t>6329949.0</t>
  </si>
  <si>
    <t>66201.0</t>
  </si>
  <si>
    <t>59354505.0</t>
  </si>
  <si>
    <t>258483.0</t>
  </si>
  <si>
    <t>6337.81</t>
  </si>
  <si>
    <t>27.601</t>
  </si>
  <si>
    <t>274449.0</t>
  </si>
  <si>
    <t>29.305</t>
  </si>
  <si>
    <t>15650988.0</t>
  </si>
  <si>
    <t>7368545.0</t>
  </si>
  <si>
    <t>6359697.0</t>
  </si>
  <si>
    <t>76347.0</t>
  </si>
  <si>
    <t>59642049.0</t>
  </si>
  <si>
    <t>287544.0</t>
  </si>
  <si>
    <t>6368.514</t>
  </si>
  <si>
    <t>272339.0</t>
  </si>
  <si>
    <t>15728415.0</t>
  </si>
  <si>
    <t>7397884.0</t>
  </si>
  <si>
    <t>6398972.0</t>
  </si>
  <si>
    <t>77427.0</t>
  </si>
  <si>
    <t>59925376.0</t>
  </si>
  <si>
    <t>283327.0</t>
  </si>
  <si>
    <t>6398.767</t>
  </si>
  <si>
    <t>30.253</t>
  </si>
  <si>
    <t>271242.0</t>
  </si>
  <si>
    <t>15795853.0</t>
  </si>
  <si>
    <t>7417751.0</t>
  </si>
  <si>
    <t>6428717.0</t>
  </si>
  <si>
    <t>60215918.0</t>
  </si>
  <si>
    <t>290542.0</t>
  </si>
  <si>
    <t>6429.791</t>
  </si>
  <si>
    <t>31.024</t>
  </si>
  <si>
    <t>29.068</t>
  </si>
  <si>
    <t>15865306.0</t>
  </si>
  <si>
    <t>7437635.0</t>
  </si>
  <si>
    <t>6458478.0</t>
  </si>
  <si>
    <t>29563.0</t>
  </si>
  <si>
    <t>60515281.0</t>
  </si>
  <si>
    <t>299363.0</t>
  </si>
  <si>
    <t>6461.757</t>
  </si>
  <si>
    <t>273323.0</t>
  </si>
  <si>
    <t>15915717.0</t>
  </si>
  <si>
    <t>7457402.0</t>
  </si>
  <si>
    <t>6488137.0</t>
  </si>
  <si>
    <t>50411.0</t>
  </si>
  <si>
    <t>60796028.0</t>
  </si>
  <si>
    <t>6491.734</t>
  </si>
  <si>
    <t>29.978</t>
  </si>
  <si>
    <t>277053.0</t>
  </si>
  <si>
    <t>29.583</t>
  </si>
  <si>
    <t>15934124.0</t>
  </si>
  <si>
    <t>7477002.0</t>
  </si>
  <si>
    <t>6507761.0</t>
  </si>
  <si>
    <t>61034142.0</t>
  </si>
  <si>
    <t>6517.16</t>
  </si>
  <si>
    <t>25.426</t>
  </si>
  <si>
    <t>276874.0</t>
  </si>
  <si>
    <t>15968660.0</t>
  </si>
  <si>
    <t>7486855.0</t>
  </si>
  <si>
    <t>6527509.0</t>
  </si>
  <si>
    <t>61297926.0</t>
  </si>
  <si>
    <t>263784.0</t>
  </si>
  <si>
    <t>6545.327</t>
  </si>
  <si>
    <t>277632.0</t>
  </si>
  <si>
    <t>29.645</t>
  </si>
  <si>
    <t>16042491.0</t>
  </si>
  <si>
    <t>7516827.0</t>
  </si>
  <si>
    <t>6557442.0</t>
  </si>
  <si>
    <t>61584602.0</t>
  </si>
  <si>
    <t>286676.0</t>
  </si>
  <si>
    <t>6575.938</t>
  </si>
  <si>
    <t>30.611</t>
  </si>
  <si>
    <t>277508.0</t>
  </si>
  <si>
    <t>16120004.0</t>
  </si>
  <si>
    <t>7536317.0</t>
  </si>
  <si>
    <t>6596750.0</t>
  </si>
  <si>
    <t>77513.0</t>
  </si>
  <si>
    <t>55941.0</t>
  </si>
  <si>
    <t>61869401.0</t>
  </si>
  <si>
    <t>6606.348</t>
  </si>
  <si>
    <t>16194526.0</t>
  </si>
  <si>
    <t>7645272.0</t>
  </si>
  <si>
    <t>6705685.0</t>
  </si>
  <si>
    <t>1843569.0</t>
  </si>
  <si>
    <t>74522.0</t>
  </si>
  <si>
    <t>56953.0</t>
  </si>
  <si>
    <t>171.53</t>
  </si>
  <si>
    <t>62158296.0</t>
  </si>
  <si>
    <t>288895.0</t>
  </si>
  <si>
    <t>6637.196</t>
  </si>
  <si>
    <t>277483.0</t>
  </si>
  <si>
    <t>29.629</t>
  </si>
  <si>
    <t>16263585.0</t>
  </si>
  <si>
    <t>7664971.0</t>
  </si>
  <si>
    <t>6725394.0</t>
  </si>
  <si>
    <t>1873220.0</t>
  </si>
  <si>
    <t>69059.0</t>
  </si>
  <si>
    <t>56897.0</t>
  </si>
  <si>
    <t>62457571.0</t>
  </si>
  <si>
    <t>299275.0</t>
  </si>
  <si>
    <t>6669.152</t>
  </si>
  <si>
    <t>62723053.0</t>
  </si>
  <si>
    <t>265482.0</t>
  </si>
  <si>
    <t>6697.5</t>
  </si>
  <si>
    <t>28.348</t>
  </si>
  <si>
    <t>16358244.0</t>
  </si>
  <si>
    <t>7674726.0</t>
  </si>
  <si>
    <t>6735166.0</t>
  </si>
  <si>
    <t>1948352.0</t>
  </si>
  <si>
    <t>62950635.0</t>
  </si>
  <si>
    <t>6721.801</t>
  </si>
  <si>
    <t>24.301</t>
  </si>
  <si>
    <t>273785.0</t>
  </si>
  <si>
    <t>29.234</t>
  </si>
  <si>
    <t>16375149.0</t>
  </si>
  <si>
    <t>7674769.0</t>
  </si>
  <si>
    <t>6735204.0</t>
  </si>
  <si>
    <t>1965176.0</t>
  </si>
  <si>
    <t>58070.0</t>
  </si>
  <si>
    <t>63206621.0</t>
  </si>
  <si>
    <t>255986.0</t>
  </si>
  <si>
    <t>6749.135</t>
  </si>
  <si>
    <t>27.334</t>
  </si>
  <si>
    <t>29.116</t>
  </si>
  <si>
    <t>16444844.0</t>
  </si>
  <si>
    <t>7684876.0</t>
  </si>
  <si>
    <t>6765065.0</t>
  </si>
  <si>
    <t>1994903.0</t>
  </si>
  <si>
    <t>69695.0</t>
  </si>
  <si>
    <t>57479.0</t>
  </si>
  <si>
    <t>63449145.0</t>
  </si>
  <si>
    <t>242524.0</t>
  </si>
  <si>
    <t>6775.031</t>
  </si>
  <si>
    <t>266363.0</t>
  </si>
  <si>
    <t>28.442</t>
  </si>
  <si>
    <t>47865.0</t>
  </si>
  <si>
    <t>63613255.0</t>
  </si>
  <si>
    <t>6792.555</t>
  </si>
  <si>
    <t>249122.0</t>
  </si>
  <si>
    <t>63765557.0</t>
  </si>
  <si>
    <t>152302.0</t>
  </si>
  <si>
    <t>6808.818</t>
  </si>
  <si>
    <t>229609.0</t>
  </si>
  <si>
    <t>63954603.0</t>
  </si>
  <si>
    <t>189046.0</t>
  </si>
  <si>
    <t>6829.004</t>
  </si>
  <si>
    <t>213862.0</t>
  </si>
  <si>
    <t>22.836</t>
  </si>
  <si>
    <t>64186910.0</t>
  </si>
  <si>
    <t>6853.809</t>
  </si>
  <si>
    <t>209122.0</t>
  </si>
  <si>
    <t>16495917.0</t>
  </si>
  <si>
    <t>64419299.0</t>
  </si>
  <si>
    <t>232389.0</t>
  </si>
  <si>
    <t>6878.623</t>
  </si>
  <si>
    <t>209809.0</t>
  </si>
  <si>
    <t>22.403</t>
  </si>
  <si>
    <t>16524169.0</t>
  </si>
  <si>
    <t>7704751.0</t>
  </si>
  <si>
    <t>6814600.0</t>
  </si>
  <si>
    <t>64715985.0</t>
  </si>
  <si>
    <t>296686.0</t>
  </si>
  <si>
    <t>6910.303</t>
  </si>
  <si>
    <t>215623.0</t>
  </si>
  <si>
    <t>16587478.0</t>
  </si>
  <si>
    <t>7704755.0</t>
  </si>
  <si>
    <t>6864057.0</t>
  </si>
  <si>
    <t>65021865.0</t>
  </si>
  <si>
    <t>305880.0</t>
  </si>
  <si>
    <t>6942.965</t>
  </si>
  <si>
    <t>32.662</t>
  </si>
  <si>
    <t>224674.0</t>
  </si>
  <si>
    <t>16645208.0</t>
  </si>
  <si>
    <t>7734137.0</t>
  </si>
  <si>
    <t>6893470.0</t>
  </si>
  <si>
    <t>65324101.0</t>
  </si>
  <si>
    <t>6975.237</t>
  </si>
  <si>
    <t>26.098</t>
  </si>
  <si>
    <t>16676766.0</t>
  </si>
  <si>
    <t>7743985.0</t>
  </si>
  <si>
    <t>6913213.0</t>
  </si>
  <si>
    <t>65621916.0</t>
  </si>
  <si>
    <t>297815.0</t>
  </si>
  <si>
    <t>7007.038</t>
  </si>
  <si>
    <t>65922553.0</t>
  </si>
  <si>
    <t>7039.139</t>
  </si>
  <si>
    <t>32.102</t>
  </si>
  <si>
    <t>281136.0</t>
  </si>
  <si>
    <t>30.019</t>
  </si>
  <si>
    <t>16795717.0</t>
  </si>
  <si>
    <t>7803451.0</t>
  </si>
  <si>
    <t>6972665.0</t>
  </si>
  <si>
    <t>66206956.0</t>
  </si>
  <si>
    <t>7069.508</t>
  </si>
  <si>
    <t>30.368</t>
  </si>
  <si>
    <t>288578.0</t>
  </si>
  <si>
    <t>30.814</t>
  </si>
  <si>
    <t>16810996.0</t>
  </si>
  <si>
    <t>66473790.0</t>
  </si>
  <si>
    <t>266834.0</t>
  </si>
  <si>
    <t>293499.0</t>
  </si>
  <si>
    <t>16832021.0</t>
  </si>
  <si>
    <t>7813207.0</t>
  </si>
  <si>
    <t>6992326.0</t>
  </si>
  <si>
    <t>21025.0</t>
  </si>
  <si>
    <t>43979.0</t>
  </si>
  <si>
    <t>66708555.0</t>
  </si>
  <si>
    <t>234765.0</t>
  </si>
  <si>
    <t>7123.068</t>
  </si>
  <si>
    <t>284653.0</t>
  </si>
  <si>
    <t>16884412.0</t>
  </si>
  <si>
    <t>7842865.0</t>
  </si>
  <si>
    <t>7021985.0</t>
  </si>
  <si>
    <t>178.84</t>
  </si>
  <si>
    <t>66899587.0</t>
  </si>
  <si>
    <t>191032.0</t>
  </si>
  <si>
    <t>7143.466</t>
  </si>
  <si>
    <t>268246.0</t>
  </si>
  <si>
    <t>16935702.0</t>
  </si>
  <si>
    <t>7872930.0</t>
  </si>
  <si>
    <t>7042119.0</t>
  </si>
  <si>
    <t>51290.0</t>
  </si>
  <si>
    <t>67067391.0</t>
  </si>
  <si>
    <t>167804.0</t>
  </si>
  <si>
    <t>7161.384</t>
  </si>
  <si>
    <t>17.918</t>
  </si>
  <si>
    <t>249041.0</t>
  </si>
  <si>
    <t>16988539.0</t>
  </si>
  <si>
    <t>7892446.0</t>
  </si>
  <si>
    <t>7071552.0</t>
  </si>
  <si>
    <t>67340642.0</t>
  </si>
  <si>
    <t>273251.0</t>
  </si>
  <si>
    <t>7190.561</t>
  </si>
  <si>
    <t>29.177</t>
  </si>
  <si>
    <t>26.218</t>
  </si>
  <si>
    <t>17037618.0</t>
  </si>
  <si>
    <t>7922403.0</t>
  </si>
  <si>
    <t>7091590.0</t>
  </si>
  <si>
    <t>67618636.0</t>
  </si>
  <si>
    <t>277994.0</t>
  </si>
  <si>
    <t>7220.245</t>
  </si>
  <si>
    <t>242298.0</t>
  </si>
  <si>
    <t>25.872</t>
  </si>
  <si>
    <t>17097354.0</t>
  </si>
  <si>
    <t>7951798.0</t>
  </si>
  <si>
    <t>7121013.0</t>
  </si>
  <si>
    <t>43091.0</t>
  </si>
  <si>
    <t>67893116.0</t>
  </si>
  <si>
    <t>274480.0</t>
  </si>
  <si>
    <t>7249.554</t>
  </si>
  <si>
    <t>240880.0</t>
  </si>
  <si>
    <t>25.721</t>
  </si>
  <si>
    <t>17113003.0</t>
  </si>
  <si>
    <t>7961606.0</t>
  </si>
  <si>
    <t>7130830.0</t>
  </si>
  <si>
    <t>68126361.0</t>
  </si>
  <si>
    <t>233245.0</t>
  </si>
  <si>
    <t>7274.46</t>
  </si>
  <si>
    <t>236082.0</t>
  </si>
  <si>
    <t>25.209</t>
  </si>
  <si>
    <t>17137750.0</t>
  </si>
  <si>
    <t>7981397.0</t>
  </si>
  <si>
    <t>7140729.0</t>
  </si>
  <si>
    <t>24747.0</t>
  </si>
  <si>
    <t>68387144.0</t>
  </si>
  <si>
    <t>260783.0</t>
  </si>
  <si>
    <t>7302.306</t>
  </si>
  <si>
    <t>239798.0</t>
  </si>
  <si>
    <t>17197497.0</t>
  </si>
  <si>
    <t>8011256.0</t>
  </si>
  <si>
    <t>7170569.0</t>
  </si>
  <si>
    <t>59747.0</t>
  </si>
  <si>
    <t>68705527.0</t>
  </si>
  <si>
    <t>318383.0</t>
  </si>
  <si>
    <t>7336.302</t>
  </si>
  <si>
    <t>33.997</t>
  </si>
  <si>
    <t>17245815.0</t>
  </si>
  <si>
    <t>8040860.0</t>
  </si>
  <si>
    <t>7180399.0</t>
  </si>
  <si>
    <t>44302.0</t>
  </si>
  <si>
    <t>69026966.0</t>
  </si>
  <si>
    <t>321439.0</t>
  </si>
  <si>
    <t>7370.625</t>
  </si>
  <si>
    <t>17288318.0</t>
  </si>
  <si>
    <t>8080410.0</t>
  </si>
  <si>
    <t>7190279.0</t>
  </si>
  <si>
    <t>69304821.0</t>
  </si>
  <si>
    <t>7400.294</t>
  </si>
  <si>
    <t>280597.0</t>
  </si>
  <si>
    <t>29.962</t>
  </si>
  <si>
    <t>17313163.0</t>
  </si>
  <si>
    <t>8090356.0</t>
  </si>
  <si>
    <t>7200219.0</t>
  </si>
  <si>
    <t>69626431.0</t>
  </si>
  <si>
    <t>321610.0</t>
  </si>
  <si>
    <t>7434.635</t>
  </si>
  <si>
    <t>286828.0</t>
  </si>
  <si>
    <t>30.627</t>
  </si>
  <si>
    <t>69844594.0</t>
  </si>
  <si>
    <t>218163.0</t>
  </si>
  <si>
    <t>7457.931</t>
  </si>
  <si>
    <t>23.295</t>
  </si>
  <si>
    <t>278783.0</t>
  </si>
  <si>
    <t>29.768</t>
  </si>
  <si>
    <t>17376128.0</t>
  </si>
  <si>
    <t>8139651.0</t>
  </si>
  <si>
    <t>7209971.0</t>
  </si>
  <si>
    <t>184.05</t>
  </si>
  <si>
    <t>25435.0</t>
  </si>
  <si>
    <t>70094386.0</t>
  </si>
  <si>
    <t>249792.0</t>
  </si>
  <si>
    <t>7484.603</t>
  </si>
  <si>
    <t>26.673</t>
  </si>
  <si>
    <t>281146.0</t>
  </si>
  <si>
    <t>17398458.0</t>
  </si>
  <si>
    <t>8159700.0</t>
  </si>
  <si>
    <t>7220098.0</t>
  </si>
  <si>
    <t>37244.0</t>
  </si>
  <si>
    <t>70341599.0</t>
  </si>
  <si>
    <t>247213.0</t>
  </si>
  <si>
    <t>26.397</t>
  </si>
  <si>
    <t>279208.0</t>
  </si>
  <si>
    <t>17454250.0</t>
  </si>
  <si>
    <t>8189097.0</t>
  </si>
  <si>
    <t>7239637.0</t>
  </si>
  <si>
    <t>70669215.0</t>
  </si>
  <si>
    <t>327616.0</t>
  </si>
  <si>
    <t>7545.983</t>
  </si>
  <si>
    <t>34.982</t>
  </si>
  <si>
    <t>280527.0</t>
  </si>
  <si>
    <t>17506683.0</t>
  </si>
  <si>
    <t>8218775.0</t>
  </si>
  <si>
    <t>7259423.0</t>
  </si>
  <si>
    <t>70987563.0</t>
  </si>
  <si>
    <t>318348.0</t>
  </si>
  <si>
    <t>7579.976</t>
  </si>
  <si>
    <t>280085.0</t>
  </si>
  <si>
    <t>17566410.0</t>
  </si>
  <si>
    <t>8258517.0</t>
  </si>
  <si>
    <t>7279364.0</t>
  </si>
  <si>
    <t>71298858.0</t>
  </si>
  <si>
    <t>311295.0</t>
  </si>
  <si>
    <t>7613.215</t>
  </si>
  <si>
    <t>284862.0</t>
  </si>
  <si>
    <t>30.417</t>
  </si>
  <si>
    <t>17622541.0</t>
  </si>
  <si>
    <t>8297964.0</t>
  </si>
  <si>
    <t>7308934.0</t>
  </si>
  <si>
    <t>44197.0</t>
  </si>
  <si>
    <t>71600288.0</t>
  </si>
  <si>
    <t>301430.0</t>
  </si>
  <si>
    <t>7645.402</t>
  </si>
  <si>
    <t>32.186</t>
  </si>
  <si>
    <t>281980.0</t>
  </si>
  <si>
    <t>17683483.0</t>
  </si>
  <si>
    <t>8327923.0</t>
  </si>
  <si>
    <t>7328967.0</t>
  </si>
  <si>
    <t>71909314.0</t>
  </si>
  <si>
    <t>309026.0</t>
  </si>
  <si>
    <t>7678.399</t>
  </si>
  <si>
    <t>294960.0</t>
  </si>
  <si>
    <t>72200005.0</t>
  </si>
  <si>
    <t>7709.439</t>
  </si>
  <si>
    <t>300803.0</t>
  </si>
  <si>
    <t>32.119</t>
  </si>
  <si>
    <t>72525123.0</t>
  </si>
  <si>
    <t>325118.0</t>
  </si>
  <si>
    <t>7744.155</t>
  </si>
  <si>
    <t>311932.0</t>
  </si>
  <si>
    <t>33.308</t>
  </si>
  <si>
    <t>17776853.0</t>
  </si>
  <si>
    <t>8357317.0</t>
  </si>
  <si>
    <t>7348504.0</t>
  </si>
  <si>
    <t>46086.0</t>
  </si>
  <si>
    <t>72859961.0</t>
  </si>
  <si>
    <t>334838.0</t>
  </si>
  <si>
    <t>7779.908</t>
  </si>
  <si>
    <t>35.754</t>
  </si>
  <si>
    <t>312964.0</t>
  </si>
  <si>
    <t>33.418</t>
  </si>
  <si>
    <t>17843063.0</t>
  </si>
  <si>
    <t>8436413.0</t>
  </si>
  <si>
    <t>7397933.0</t>
  </si>
  <si>
    <t>188.99</t>
  </si>
  <si>
    <t>73166834.0</t>
  </si>
  <si>
    <t>306873.0</t>
  </si>
  <si>
    <t>7812.676</t>
  </si>
  <si>
    <t>311324.0</t>
  </si>
  <si>
    <t>301.2</t>
  </si>
  <si>
    <t>17909062.0</t>
  </si>
  <si>
    <t>8485738.0</t>
  </si>
  <si>
    <t>7417604.0</t>
  </si>
  <si>
    <t>48950.0</t>
  </si>
  <si>
    <t>73467662.0</t>
  </si>
  <si>
    <t>300828.0</t>
  </si>
  <si>
    <t>7844.798</t>
  </si>
  <si>
    <t>309829.0</t>
  </si>
  <si>
    <t>33.083</t>
  </si>
  <si>
    <t>73776974.0</t>
  </si>
  <si>
    <t>309312.0</t>
  </si>
  <si>
    <t>7877.826</t>
  </si>
  <si>
    <t>310955.0</t>
  </si>
  <si>
    <t>33.203</t>
  </si>
  <si>
    <t>306.9</t>
  </si>
  <si>
    <t>17974190.0</t>
  </si>
  <si>
    <t>74125745.0</t>
  </si>
  <si>
    <t>348771.0</t>
  </si>
  <si>
    <t>7915.067</t>
  </si>
  <si>
    <t>37.241</t>
  </si>
  <si>
    <t>316633.0</t>
  </si>
  <si>
    <t>316.5</t>
  </si>
  <si>
    <t>18060832.0</t>
  </si>
  <si>
    <t>74447215.0</t>
  </si>
  <si>
    <t>321470.0</t>
  </si>
  <si>
    <t>7949.394</t>
  </si>
  <si>
    <t>321030.0</t>
  </si>
  <si>
    <t>18095160.0</t>
  </si>
  <si>
    <t>74776361.0</t>
  </si>
  <si>
    <t>7984.539</t>
  </si>
  <si>
    <t>18158991.0</t>
  </si>
  <si>
    <t>63831.0</t>
  </si>
  <si>
    <t>75035930.0</t>
  </si>
  <si>
    <t>259569.0</t>
  </si>
  <si>
    <t>8012.256</t>
  </si>
  <si>
    <t>27.716</t>
  </si>
  <si>
    <t>310853.0</t>
  </si>
  <si>
    <t>18289168.0</t>
  </si>
  <si>
    <t>8693586.0</t>
  </si>
  <si>
    <t>7595761.0</t>
  </si>
  <si>
    <t>1999821.0</t>
  </si>
  <si>
    <t>130177.0</t>
  </si>
  <si>
    <t>63729.0</t>
  </si>
  <si>
    <t>75286170.0</t>
  </si>
  <si>
    <t>8038.976</t>
  </si>
  <si>
    <t>302762.0</t>
  </si>
  <si>
    <t>75586106.0</t>
  </si>
  <si>
    <t>8071.003</t>
  </si>
  <si>
    <t>302635.0</t>
  </si>
  <si>
    <t>32.315</t>
  </si>
  <si>
    <t>306.5</t>
  </si>
  <si>
    <t>18339225.0</t>
  </si>
  <si>
    <t>8713654.0</t>
  </si>
  <si>
    <t>7625684.0</t>
  </si>
  <si>
    <t>1999887.0</t>
  </si>
  <si>
    <t>75921545.0</t>
  </si>
  <si>
    <t>335439.0</t>
  </si>
  <si>
    <t>8106.821</t>
  </si>
  <si>
    <t>306367.0</t>
  </si>
  <si>
    <t>18389144.0</t>
  </si>
  <si>
    <t>8743077.0</t>
  </si>
  <si>
    <t>7645247.0</t>
  </si>
  <si>
    <t>2000820.0</t>
  </si>
  <si>
    <t>76223709.0</t>
  </si>
  <si>
    <t>302164.0</t>
  </si>
  <si>
    <t>8139.086</t>
  </si>
  <si>
    <t>299709.0</t>
  </si>
  <si>
    <t>76509323.0</t>
  </si>
  <si>
    <t>285614.0</t>
  </si>
  <si>
    <t>8169.583</t>
  </si>
  <si>
    <t>31.456</t>
  </si>
  <si>
    <t>18439345.0</t>
  </si>
  <si>
    <t>8772634.0</t>
  </si>
  <si>
    <t>7664928.0</t>
  </si>
  <si>
    <t>2001783.0</t>
  </si>
  <si>
    <t>49169.0</t>
  </si>
  <si>
    <t>76824006.0</t>
  </si>
  <si>
    <t>314683.0</t>
  </si>
  <si>
    <t>8203.185</t>
  </si>
  <si>
    <t>292521.0</t>
  </si>
  <si>
    <t>18542213.0</t>
  </si>
  <si>
    <t>8812200.0</t>
  </si>
  <si>
    <t>7704493.0</t>
  </si>
  <si>
    <t>2025520.0</t>
  </si>
  <si>
    <t>102868.0</t>
  </si>
  <si>
    <t>77106021.0</t>
  </si>
  <si>
    <t>282015.0</t>
  </si>
  <si>
    <t>8233.298</t>
  </si>
  <si>
    <t>30.113</t>
  </si>
  <si>
    <t>295727.0</t>
  </si>
  <si>
    <t>77392038.0</t>
  </si>
  <si>
    <t>286017.0</t>
  </si>
  <si>
    <t>8263.839</t>
  </si>
  <si>
    <t>30.541</t>
  </si>
  <si>
    <t>300838.0</t>
  </si>
  <si>
    <t>32.123</t>
  </si>
  <si>
    <t>18710538.0</t>
  </si>
  <si>
    <t>8861741.0</t>
  </si>
  <si>
    <t>7754024.0</t>
  </si>
  <si>
    <t>2094773.0</t>
  </si>
  <si>
    <t>56620.0</t>
  </si>
  <si>
    <t>77660916.0</t>
  </si>
  <si>
    <t>268878.0</t>
  </si>
  <si>
    <t>8292.549</t>
  </si>
  <si>
    <t>296401.0</t>
  </si>
  <si>
    <t>31.649</t>
  </si>
  <si>
    <t>18801148.0</t>
  </si>
  <si>
    <t>8891700.0</t>
  </si>
  <si>
    <t>7783946.0</t>
  </si>
  <si>
    <t>2125502.0</t>
  </si>
  <si>
    <t>90610.0</t>
  </si>
  <si>
    <t>65989.0</t>
  </si>
  <si>
    <t>77959835.0</t>
  </si>
  <si>
    <t>298919.0</t>
  </si>
  <si>
    <t>8324.467</t>
  </si>
  <si>
    <t>291184.0</t>
  </si>
  <si>
    <t>18860966.0</t>
  </si>
  <si>
    <t>8921128.0</t>
  </si>
  <si>
    <t>7813405.0</t>
  </si>
  <si>
    <t>2126433.0</t>
  </si>
  <si>
    <t>78337229.0</t>
  </si>
  <si>
    <t>377394.0</t>
  </si>
  <si>
    <t>8364.765</t>
  </si>
  <si>
    <t>301931.0</t>
  </si>
  <si>
    <t>375.9</t>
  </si>
  <si>
    <t>18942543.0</t>
  </si>
  <si>
    <t>8931243.0</t>
  </si>
  <si>
    <t>7823492.0</t>
  </si>
  <si>
    <t>2187808.0</t>
  </si>
  <si>
    <t>75471.0</t>
  </si>
  <si>
    <t>78651247.0</t>
  </si>
  <si>
    <t>314018.0</t>
  </si>
  <si>
    <t>8398.296</t>
  </si>
  <si>
    <t>33.531</t>
  </si>
  <si>
    <t>305989.0</t>
  </si>
  <si>
    <t>32.673</t>
  </si>
  <si>
    <t>405.8</t>
  </si>
  <si>
    <t>18997951.0</t>
  </si>
  <si>
    <t>7843282.0</t>
  </si>
  <si>
    <t>2203635.0</t>
  </si>
  <si>
    <t>55408.0</t>
  </si>
  <si>
    <t>25486.0</t>
  </si>
  <si>
    <t>79002965.0</t>
  </si>
  <si>
    <t>351718.0</t>
  </si>
  <si>
    <t>8435.852</t>
  </si>
  <si>
    <t>311280.0</t>
  </si>
  <si>
    <t>19073549.0</t>
  </si>
  <si>
    <t>8980442.0</t>
  </si>
  <si>
    <t>7872722.0</t>
  </si>
  <si>
    <t>2220385.0</t>
  </si>
  <si>
    <t>75598.0</t>
  </si>
  <si>
    <t>75905.0</t>
  </si>
  <si>
    <t>79314136.0</t>
  </si>
  <si>
    <t>311171.0</t>
  </si>
  <si>
    <t>8469.078</t>
  </si>
  <si>
    <t>33.227</t>
  </si>
  <si>
    <t>315445.0</t>
  </si>
  <si>
    <t>33.683</t>
  </si>
  <si>
    <t>19163754.0</t>
  </si>
  <si>
    <t>9010208.0</t>
  </si>
  <si>
    <t>7912367.0</t>
  </si>
  <si>
    <t>2241179.0</t>
  </si>
  <si>
    <t>79589959.0</t>
  </si>
  <si>
    <t>275823.0</t>
  </si>
  <si>
    <t>8498.53</t>
  </si>
  <si>
    <t>29.452</t>
  </si>
  <si>
    <t>33.527</t>
  </si>
  <si>
    <t>19247164.0</t>
  </si>
  <si>
    <t>9030144.0</t>
  </si>
  <si>
    <t>7942175.0</t>
  </si>
  <si>
    <t>2274845.0</t>
  </si>
  <si>
    <t>79924616.0</t>
  </si>
  <si>
    <t>334657.0</t>
  </si>
  <si>
    <t>8534.265</t>
  </si>
  <si>
    <t>35.734</t>
  </si>
  <si>
    <t>323386.0</t>
  </si>
  <si>
    <t>34.531</t>
  </si>
  <si>
    <t>19330107.0</t>
  </si>
  <si>
    <t>9059751.0</t>
  </si>
  <si>
    <t>7971790.0</t>
  </si>
  <si>
    <t>2298566.0</t>
  </si>
  <si>
    <t>75566.0</t>
  </si>
  <si>
    <t>80279230.0</t>
  </si>
  <si>
    <t>8572.13</t>
  </si>
  <si>
    <t>37.865</t>
  </si>
  <si>
    <t>331342.0</t>
  </si>
  <si>
    <t>575.1</t>
  </si>
  <si>
    <t>19412656.0</t>
  </si>
  <si>
    <t>9079284.0</t>
  </si>
  <si>
    <t>8011133.0</t>
  </si>
  <si>
    <t>2322239.0</t>
  </si>
  <si>
    <t>78813.0</t>
  </si>
  <si>
    <t>96.17</t>
  </si>
  <si>
    <t>80647472.0</t>
  </si>
  <si>
    <t>368242.0</t>
  </si>
  <si>
    <t>8611.45</t>
  </si>
  <si>
    <t>330035.0</t>
  </si>
  <si>
    <t>35.241</t>
  </si>
  <si>
    <t>19445872.0</t>
  </si>
  <si>
    <t>9089444.0</t>
  </si>
  <si>
    <t>8021261.0</t>
  </si>
  <si>
    <t>2335167.0</t>
  </si>
  <si>
    <t>80875407.0</t>
  </si>
  <si>
    <t>227935.0</t>
  </si>
  <si>
    <t>8635.789</t>
  </si>
  <si>
    <t>317737.0</t>
  </si>
  <si>
    <t>638.2</t>
  </si>
  <si>
    <t>19486569.0</t>
  </si>
  <si>
    <t>9108831.0</t>
  </si>
  <si>
    <t>8030804.0</t>
  </si>
  <si>
    <t>2346934.0</t>
  </si>
  <si>
    <t>81216403.0</t>
  </si>
  <si>
    <t>340996.0</t>
  </si>
  <si>
    <t>8672.2</t>
  </si>
  <si>
    <t>36.411</t>
  </si>
  <si>
    <t>316205.0</t>
  </si>
  <si>
    <t>33.764</t>
  </si>
  <si>
    <t>19549263.0</t>
  </si>
  <si>
    <t>9128792.0</t>
  </si>
  <si>
    <t>8070524.0</t>
  </si>
  <si>
    <t>2349947.0</t>
  </si>
  <si>
    <t>62694.0</t>
  </si>
  <si>
    <t>81535008.0</t>
  </si>
  <si>
    <t>318605.0</t>
  </si>
  <si>
    <t>8706.22</t>
  </si>
  <si>
    <t>317267.0</t>
  </si>
  <si>
    <t>765.8</t>
  </si>
  <si>
    <t>19653364.0</t>
  </si>
  <si>
    <t>9158580.0</t>
  </si>
  <si>
    <t>8090409.0</t>
  </si>
  <si>
    <t>2404375.0</t>
  </si>
  <si>
    <t>104101.0</t>
  </si>
  <si>
    <t>81817905.0</t>
  </si>
  <si>
    <t>282897.0</t>
  </si>
  <si>
    <t>8736.428</t>
  </si>
  <si>
    <t>30.207</t>
  </si>
  <si>
    <t>318278.0</t>
  </si>
  <si>
    <t>33.985</t>
  </si>
  <si>
    <t>19713423.0</t>
  </si>
  <si>
    <t>9178234.0</t>
  </si>
  <si>
    <t>8110078.0</t>
  </si>
  <si>
    <t>2425111.0</t>
  </si>
  <si>
    <t>60059.0</t>
  </si>
  <si>
    <t>66608.0</t>
  </si>
  <si>
    <t>97.22</t>
  </si>
  <si>
    <t>82113888.0</t>
  </si>
  <si>
    <t>295983.0</t>
  </si>
  <si>
    <t>8768.033</t>
  </si>
  <si>
    <t>31.605</t>
  </si>
  <si>
    <t>312753.0</t>
  </si>
  <si>
    <t>33.395</t>
  </si>
  <si>
    <t>894.7</t>
  </si>
  <si>
    <t>19775346.0</t>
  </si>
  <si>
    <t>9198295.0</t>
  </si>
  <si>
    <t>8139997.0</t>
  </si>
  <si>
    <t>2437054.0</t>
  </si>
  <si>
    <t>82441188.0</t>
  </si>
  <si>
    <t>8802.981</t>
  </si>
  <si>
    <t>308851.0</t>
  </si>
  <si>
    <t>941.2</t>
  </si>
  <si>
    <t>19847232.0</t>
  </si>
  <si>
    <t>9227821.0</t>
  </si>
  <si>
    <t>8169539.0</t>
  </si>
  <si>
    <t>2449872.0</t>
  </si>
  <si>
    <t>71886.0</t>
  </si>
  <si>
    <t>62082.0</t>
  </si>
  <si>
    <t>82780111.0</t>
  </si>
  <si>
    <t>338923.0</t>
  </si>
  <si>
    <t>8839.171</t>
  </si>
  <si>
    <t>304663.0</t>
  </si>
  <si>
    <t>967.6</t>
  </si>
  <si>
    <t>59163.0</t>
  </si>
  <si>
    <t>83041963.0</t>
  </si>
  <si>
    <t>261852.0</t>
  </si>
  <si>
    <t>8867.131</t>
  </si>
  <si>
    <t>309508.0</t>
  </si>
  <si>
    <t>33.049</t>
  </si>
  <si>
    <t>995.2</t>
  </si>
  <si>
    <t>19872799.0</t>
  </si>
  <si>
    <t>9237642.0</t>
  </si>
  <si>
    <t>8179368.0</t>
  </si>
  <si>
    <t>2455789.0</t>
  </si>
  <si>
    <t>83372656.0</t>
  </si>
  <si>
    <t>330693.0</t>
  </si>
  <si>
    <t>8902.443</t>
  </si>
  <si>
    <t>35.311</t>
  </si>
  <si>
    <t>308036.0</t>
  </si>
  <si>
    <t>19963359.0</t>
  </si>
  <si>
    <t>9267113.0</t>
  </si>
  <si>
    <t>8208862.0</t>
  </si>
  <si>
    <t>2487384.0</t>
  </si>
  <si>
    <t>211.45</t>
  </si>
  <si>
    <t>83684325.0</t>
  </si>
  <si>
    <t>311669.0</t>
  </si>
  <si>
    <t>8935.722</t>
  </si>
  <si>
    <t>307045.0</t>
  </si>
  <si>
    <t>32.786</t>
  </si>
  <si>
    <t>1031.3</t>
  </si>
  <si>
    <t>20018034.0</t>
  </si>
  <si>
    <t>9287023.0</t>
  </si>
  <si>
    <t>8238647.0</t>
  </si>
  <si>
    <t>2492364.0</t>
  </si>
  <si>
    <t>83975380.0</t>
  </si>
  <si>
    <t>291055.0</t>
  </si>
  <si>
    <t>8966.801</t>
  </si>
  <si>
    <t>308211.0</t>
  </si>
  <si>
    <t>1068.1</t>
  </si>
  <si>
    <t>20052399.0</t>
  </si>
  <si>
    <t>9296797.0</t>
  </si>
  <si>
    <t>8248434.0</t>
  </si>
  <si>
    <t>2507168.0</t>
  </si>
  <si>
    <t>84269233.0</t>
  </si>
  <si>
    <t>293853.0</t>
  </si>
  <si>
    <t>8998.178</t>
  </si>
  <si>
    <t>31.377</t>
  </si>
  <si>
    <t>307906.0</t>
  </si>
  <si>
    <t>1081.5</t>
  </si>
  <si>
    <t>20121481.0</t>
  </si>
  <si>
    <t>9326856.0</t>
  </si>
  <si>
    <t>8278450.0</t>
  </si>
  <si>
    <t>84574364.0</t>
  </si>
  <si>
    <t>9030.76</t>
  </si>
  <si>
    <t>304739.0</t>
  </si>
  <si>
    <t>84885646.0</t>
  </si>
  <si>
    <t>311282.0</t>
  </si>
  <si>
    <t>9063.998</t>
  </si>
  <si>
    <t>300791.0</t>
  </si>
  <si>
    <t>1160.7</t>
  </si>
  <si>
    <t>20196549.0</t>
  </si>
  <si>
    <t>9346591.0</t>
  </si>
  <si>
    <t>8308081.0</t>
  </si>
  <si>
    <t>2541877.0</t>
  </si>
  <si>
    <t>85147148.0</t>
  </si>
  <si>
    <t>9091.921</t>
  </si>
  <si>
    <t>27.923</t>
  </si>
  <si>
    <t>300741.0</t>
  </si>
  <si>
    <t>1226.1</t>
  </si>
  <si>
    <t>20228472.0</t>
  </si>
  <si>
    <t>9356150.0</t>
  </si>
  <si>
    <t>8327567.0</t>
  </si>
  <si>
    <t>2544755.0</t>
  </si>
  <si>
    <t>50810.0</t>
  </si>
  <si>
    <t>85511413.0</t>
  </si>
  <si>
    <t>364265.0</t>
  </si>
  <si>
    <t>9130.817</t>
  </si>
  <si>
    <t>38.896</t>
  </si>
  <si>
    <t>305537.0</t>
  </si>
  <si>
    <t>32.625</t>
  </si>
  <si>
    <t>20273265.0</t>
  </si>
  <si>
    <t>9376064.0</t>
  </si>
  <si>
    <t>8347466.0</t>
  </si>
  <si>
    <t>2549735.0</t>
  </si>
  <si>
    <t>214.73</t>
  </si>
  <si>
    <t>85810321.0</t>
  </si>
  <si>
    <t>298908.0</t>
  </si>
  <si>
    <t>9162.734</t>
  </si>
  <si>
    <t>31.917</t>
  </si>
  <si>
    <t>1415.4</t>
  </si>
  <si>
    <t>20320419.0</t>
  </si>
  <si>
    <t>9385806.0</t>
  </si>
  <si>
    <t>8367115.0</t>
  </si>
  <si>
    <t>2567498.0</t>
  </si>
  <si>
    <t>47154.0</t>
  </si>
  <si>
    <t>43198.0</t>
  </si>
  <si>
    <t>86074773.0</t>
  </si>
  <si>
    <t>264452.0</t>
  </si>
  <si>
    <t>9190.972</t>
  </si>
  <si>
    <t>28.238</t>
  </si>
  <si>
    <t>299913.0</t>
  </si>
  <si>
    <t>32.024</t>
  </si>
  <si>
    <t>1520.2</t>
  </si>
  <si>
    <t>20364737.0</t>
  </si>
  <si>
    <t>9405957.0</t>
  </si>
  <si>
    <t>8387225.0</t>
  </si>
  <si>
    <t>2571555.0</t>
  </si>
  <si>
    <t>86360226.0</t>
  </si>
  <si>
    <t>285453.0</t>
  </si>
  <si>
    <t>9221.452</t>
  </si>
  <si>
    <t>298713.0</t>
  </si>
  <si>
    <t>31.896</t>
  </si>
  <si>
    <t>1684.9</t>
  </si>
  <si>
    <t>20409126.0</t>
  </si>
  <si>
    <t>9415793.0</t>
  </si>
  <si>
    <t>8406958.0</t>
  </si>
  <si>
    <t>2586375.0</t>
  </si>
  <si>
    <t>216.17</t>
  </si>
  <si>
    <t>86668966.0</t>
  </si>
  <si>
    <t>308740.0</t>
  </si>
  <si>
    <t>9254.419</t>
  </si>
  <si>
    <t>32.967</t>
  </si>
  <si>
    <t>20453897.0</t>
  </si>
  <si>
    <t>9435239.0</t>
  </si>
  <si>
    <t>8426440.0</t>
  </si>
  <si>
    <t>44771.0</t>
  </si>
  <si>
    <t>216.65</t>
  </si>
  <si>
    <t>86969853.0</t>
  </si>
  <si>
    <t>300887.0</t>
  </si>
  <si>
    <t>9286.547</t>
  </si>
  <si>
    <t>32.128</t>
  </si>
  <si>
    <t>297744.0</t>
  </si>
  <si>
    <t>31.793</t>
  </si>
  <si>
    <t>1969.9</t>
  </si>
  <si>
    <t>20479211.0</t>
  </si>
  <si>
    <t>9445401.0</t>
  </si>
  <si>
    <t>8426682.0</t>
  </si>
  <si>
    <t>87246490.0</t>
  </si>
  <si>
    <t>9316.086</t>
  </si>
  <si>
    <t>29.539</t>
  </si>
  <si>
    <t>299906.0</t>
  </si>
  <si>
    <t>2114.1</t>
  </si>
  <si>
    <t>87596605.0</t>
  </si>
  <si>
    <t>350115.0</t>
  </si>
  <si>
    <t>9353.471</t>
  </si>
  <si>
    <t>87918120.0</t>
  </si>
  <si>
    <t>321515.0</t>
  </si>
  <si>
    <t>9387.802</t>
  </si>
  <si>
    <t>34.331</t>
  </si>
  <si>
    <t>301114.0</t>
  </si>
  <si>
    <t>32.153</t>
  </si>
  <si>
    <t>2283.6</t>
  </si>
  <si>
    <t>20552839.0</t>
  </si>
  <si>
    <t>9474818.0</t>
  </si>
  <si>
    <t>8475907.0</t>
  </si>
  <si>
    <t>2602114.0</t>
  </si>
  <si>
    <t>100.36</t>
  </si>
  <si>
    <t>88238674.0</t>
  </si>
  <si>
    <t>320554.0</t>
  </si>
  <si>
    <t>9422.031</t>
  </si>
  <si>
    <t>309129.0</t>
  </si>
  <si>
    <t>2417.8</t>
  </si>
  <si>
    <t>20588026.0</t>
  </si>
  <si>
    <t>9484972.0</t>
  </si>
  <si>
    <t>8486033.0</t>
  </si>
  <si>
    <t>2617021.0</t>
  </si>
  <si>
    <t>88572824.0</t>
  </si>
  <si>
    <t>334150.0</t>
  </si>
  <si>
    <t>9457.711</t>
  </si>
  <si>
    <t>316085.0</t>
  </si>
  <si>
    <t>2563.8</t>
  </si>
  <si>
    <t>20619734.0</t>
  </si>
  <si>
    <t>9494889.0</t>
  </si>
  <si>
    <t>8505838.0</t>
  </si>
  <si>
    <t>2619007.0</t>
  </si>
  <si>
    <t>31708.0</t>
  </si>
  <si>
    <t>88935332.0</t>
  </si>
  <si>
    <t>362508.0</t>
  </si>
  <si>
    <t>9496.419</t>
  </si>
  <si>
    <t>38.708</t>
  </si>
  <si>
    <t>20661005.0</t>
  </si>
  <si>
    <t>89252586.0</t>
  </si>
  <si>
    <t>317254.0</t>
  </si>
  <si>
    <t>9530.295</t>
  </si>
  <si>
    <t>326105.0</t>
  </si>
  <si>
    <t>2783.8</t>
  </si>
  <si>
    <t>20676621.0</t>
  </si>
  <si>
    <t>9514450.0</t>
  </si>
  <si>
    <t>8525422.0</t>
  </si>
  <si>
    <t>2636749.0</t>
  </si>
  <si>
    <t>89511303.0</t>
  </si>
  <si>
    <t>258717.0</t>
  </si>
  <si>
    <t>9557.921</t>
  </si>
  <si>
    <t>323545.0</t>
  </si>
  <si>
    <t>34.548</t>
  </si>
  <si>
    <t>20699820.0</t>
  </si>
  <si>
    <t>9524548.0</t>
  </si>
  <si>
    <t>8535498.0</t>
  </si>
  <si>
    <t>2639774.0</t>
  </si>
  <si>
    <t>89838641.0</t>
  </si>
  <si>
    <t>327338.0</t>
  </si>
  <si>
    <t>9592.873</t>
  </si>
  <si>
    <t>320291.0</t>
  </si>
  <si>
    <t>2852.5</t>
  </si>
  <si>
    <t>20740855.0</t>
  </si>
  <si>
    <t>9544097.0</t>
  </si>
  <si>
    <t>8555071.0</t>
  </si>
  <si>
    <t>2641687.0</t>
  </si>
  <si>
    <t>90143617.0</t>
  </si>
  <si>
    <t>9625.438</t>
  </si>
  <si>
    <t>317928.0</t>
  </si>
  <si>
    <t>2882.8</t>
  </si>
  <si>
    <t>20776261.0</t>
  </si>
  <si>
    <t>9554350.0</t>
  </si>
  <si>
    <t>8565287.0</t>
  </si>
  <si>
    <t>2656624.0</t>
  </si>
  <si>
    <t>31917.0</t>
  </si>
  <si>
    <t>90415056.0</t>
  </si>
  <si>
    <t>271439.0</t>
  </si>
  <si>
    <t>9654.422</t>
  </si>
  <si>
    <t>28.984</t>
  </si>
  <si>
    <t>310912.0</t>
  </si>
  <si>
    <t>33.199</t>
  </si>
  <si>
    <t>2901.8</t>
  </si>
  <si>
    <t>20798877.0</t>
  </si>
  <si>
    <t>9564180.0</t>
  </si>
  <si>
    <t>8575123.0</t>
  </si>
  <si>
    <t>2659574.0</t>
  </si>
  <si>
    <t>90694190.0</t>
  </si>
  <si>
    <t>279134.0</t>
  </si>
  <si>
    <t>9684.228</t>
  </si>
  <si>
    <t>29.806</t>
  </si>
  <si>
    <t>303052.0</t>
  </si>
  <si>
    <t>2890.1</t>
  </si>
  <si>
    <t>90993996.0</t>
  </si>
  <si>
    <t>9716.241</t>
  </si>
  <si>
    <t>294095.0</t>
  </si>
  <si>
    <t>31.403</t>
  </si>
  <si>
    <t>2928.4</t>
  </si>
  <si>
    <t>20861737.0</t>
  </si>
  <si>
    <t>91224022.0</t>
  </si>
  <si>
    <t>230026.0</t>
  </si>
  <si>
    <t>9740.803</t>
  </si>
  <si>
    <t>24.562</t>
  </si>
  <si>
    <t>281634.0</t>
  </si>
  <si>
    <t>30.073</t>
  </si>
  <si>
    <t>2824.4</t>
  </si>
  <si>
    <t>20875213.0</t>
  </si>
  <si>
    <t>9583589.0</t>
  </si>
  <si>
    <t>8594571.0</t>
  </si>
  <si>
    <t>2697053.0</t>
  </si>
  <si>
    <t>221.11</t>
  </si>
  <si>
    <t>91505839.0</t>
  </si>
  <si>
    <t>281817.0</t>
  </si>
  <si>
    <t>9770.895</t>
  </si>
  <si>
    <t>30.092</t>
  </si>
  <si>
    <t>284934.0</t>
  </si>
  <si>
    <t>30.425</t>
  </si>
  <si>
    <t>2886.5</t>
  </si>
  <si>
    <t>20895739.0</t>
  </si>
  <si>
    <t>9593822.0</t>
  </si>
  <si>
    <t>91858560.0</t>
  </si>
  <si>
    <t>352721.0</t>
  </si>
  <si>
    <t>9808.558</t>
  </si>
  <si>
    <t>288560.0</t>
  </si>
  <si>
    <t>30.812</t>
  </si>
  <si>
    <t>3065.1</t>
  </si>
  <si>
    <t>20940231.0</t>
  </si>
  <si>
    <t>9613596.0</t>
  </si>
  <si>
    <t>8604761.0</t>
  </si>
  <si>
    <t>2721874.0</t>
  </si>
  <si>
    <t>28482.0</t>
  </si>
  <si>
    <t>92153940.0</t>
  </si>
  <si>
    <t>295380.0</t>
  </si>
  <si>
    <t>9840.099</t>
  </si>
  <si>
    <t>287189.0</t>
  </si>
  <si>
    <t>3131.4</t>
  </si>
  <si>
    <t>20973866.0</t>
  </si>
  <si>
    <t>9623489.0</t>
  </si>
  <si>
    <t>8614655.0</t>
  </si>
  <si>
    <t>2735722.0</t>
  </si>
  <si>
    <t>92436713.0</t>
  </si>
  <si>
    <t>282773.0</t>
  </si>
  <si>
    <t>9870.293</t>
  </si>
  <si>
    <t>288808.0</t>
  </si>
  <si>
    <t>30.839</t>
  </si>
  <si>
    <t>3178.7</t>
  </si>
  <si>
    <t>21014342.0</t>
  </si>
  <si>
    <t>9633345.0</t>
  </si>
  <si>
    <t>8634405.0</t>
  </si>
  <si>
    <t>2746592.0</t>
  </si>
  <si>
    <t>92733861.0</t>
  </si>
  <si>
    <t>297148.0</t>
  </si>
  <si>
    <t>9902.022</t>
  </si>
  <si>
    <t>31.729</t>
  </si>
  <si>
    <t>291382.0</t>
  </si>
  <si>
    <t>31.113</t>
  </si>
  <si>
    <t>3237.6</t>
  </si>
  <si>
    <t>21051277.0</t>
  </si>
  <si>
    <t>9642939.0</t>
  </si>
  <si>
    <t>8644029.0</t>
  </si>
  <si>
    <t>2764309.0</t>
  </si>
  <si>
    <t>93031302.0</t>
  </si>
  <si>
    <t>297441.0</t>
  </si>
  <si>
    <t>9933.782</t>
  </si>
  <si>
    <t>291044.0</t>
  </si>
  <si>
    <t>3213.4</t>
  </si>
  <si>
    <t>21075235.0</t>
  </si>
  <si>
    <t>9652930.0</t>
  </si>
  <si>
    <t>8654010.0</t>
  </si>
  <si>
    <t>2768295.0</t>
  </si>
  <si>
    <t>30500.0</t>
  </si>
  <si>
    <t>93319178.0</t>
  </si>
  <si>
    <t>287876.0</t>
  </si>
  <si>
    <t>9964.521</t>
  </si>
  <si>
    <t>299308.0</t>
  </si>
  <si>
    <t>3373.9</t>
  </si>
  <si>
    <t>21124819.0</t>
  </si>
  <si>
    <t>8673845.0</t>
  </si>
  <si>
    <t>93591439.0</t>
  </si>
  <si>
    <t>272261.0</t>
  </si>
  <si>
    <t>9993.593</t>
  </si>
  <si>
    <t>29.072</t>
  </si>
  <si>
    <t>297943.0</t>
  </si>
  <si>
    <t>31.814</t>
  </si>
  <si>
    <t>3464.5</t>
  </si>
  <si>
    <t>21147481.0</t>
  </si>
  <si>
    <t>9672732.0</t>
  </si>
  <si>
    <t>8683700.0</t>
  </si>
  <si>
    <t>2791049.0</t>
  </si>
  <si>
    <t>93907394.0</t>
  </si>
  <si>
    <t>315955.0</t>
  </si>
  <si>
    <t>10027.33</t>
  </si>
  <si>
    <t>33.737</t>
  </si>
  <si>
    <t>292691.0</t>
  </si>
  <si>
    <t>3496.3</t>
  </si>
  <si>
    <t>21173972.0</t>
  </si>
  <si>
    <t>9682525.0</t>
  </si>
  <si>
    <t>8693503.0</t>
  </si>
  <si>
    <t>2797944.0</t>
  </si>
  <si>
    <t>94155731.0</t>
  </si>
  <si>
    <t>10053.848</t>
  </si>
  <si>
    <t>26.517</t>
  </si>
  <si>
    <t>285970.0</t>
  </si>
  <si>
    <t>3511.9</t>
  </si>
  <si>
    <t>21219066.0</t>
  </si>
  <si>
    <t>9702575.0</t>
  </si>
  <si>
    <t>8703635.0</t>
  </si>
  <si>
    <t>2812856.0</t>
  </si>
  <si>
    <t>94367752.0</t>
  </si>
  <si>
    <t>212021.0</t>
  </si>
  <si>
    <t>10076.487</t>
  </si>
  <si>
    <t>22.639</t>
  </si>
  <si>
    <t>275863.0</t>
  </si>
  <si>
    <t>3479.3</t>
  </si>
  <si>
    <t>21248655.0</t>
  </si>
  <si>
    <t>9712427.0</t>
  </si>
  <si>
    <t>8713491.0</t>
  </si>
  <si>
    <t>2822737.0</t>
  </si>
  <si>
    <t>29589.0</t>
  </si>
  <si>
    <t>94571740.0</t>
  </si>
  <si>
    <t>10098.269</t>
  </si>
  <si>
    <t>262554.0</t>
  </si>
  <si>
    <t>28.035</t>
  </si>
  <si>
    <t>3323.5</t>
  </si>
  <si>
    <t>21275030.0</t>
  </si>
  <si>
    <t>9722167.0</t>
  </si>
  <si>
    <t>8723247.0</t>
  </si>
  <si>
    <t>2829616.0</t>
  </si>
  <si>
    <t>94852878.0</t>
  </si>
  <si>
    <t>281138.0</t>
  </si>
  <si>
    <t>10128.288</t>
  </si>
  <si>
    <t>260225.0</t>
  </si>
  <si>
    <t>27.787</t>
  </si>
  <si>
    <t>3385.8</t>
  </si>
  <si>
    <t>21298068.0</t>
  </si>
  <si>
    <t>9732190.0</t>
  </si>
  <si>
    <t>8733256.0</t>
  </si>
  <si>
    <t>2832622.0</t>
  </si>
  <si>
    <t>225.59</t>
  </si>
  <si>
    <t>95107574.0</t>
  </si>
  <si>
    <t>254696.0</t>
  </si>
  <si>
    <t>10155.484</t>
  </si>
  <si>
    <t>255485.0</t>
  </si>
  <si>
    <t>3393.5</t>
  </si>
  <si>
    <t>21326489.0</t>
  </si>
  <si>
    <t>9741962.0</t>
  </si>
  <si>
    <t>8743040.0</t>
  </si>
  <si>
    <t>2841487.0</t>
  </si>
  <si>
    <t>95330831.0</t>
  </si>
  <si>
    <t>223257.0</t>
  </si>
  <si>
    <t>10179.324</t>
  </si>
  <si>
    <t>23.839</t>
  </si>
  <si>
    <t>248485.0</t>
  </si>
  <si>
    <t>26.533</t>
  </si>
  <si>
    <t>3364.4</t>
  </si>
  <si>
    <t>21348200.0</t>
  </si>
  <si>
    <t>9751830.0</t>
  </si>
  <si>
    <t>8752910.0</t>
  </si>
  <si>
    <t>2843460.0</t>
  </si>
  <si>
    <t>95616542.0</t>
  </si>
  <si>
    <t>10209.831</t>
  </si>
  <si>
    <t>30.508</t>
  </si>
  <si>
    <t>244164.0</t>
  </si>
  <si>
    <t>21377226.0</t>
  </si>
  <si>
    <t>9761878.0</t>
  </si>
  <si>
    <t>8762942.0</t>
  </si>
  <si>
    <t>2852406.0</t>
  </si>
  <si>
    <t>226.43</t>
  </si>
  <si>
    <t>95894669.0</t>
  </si>
  <si>
    <t>278127.0</t>
  </si>
  <si>
    <t>10239.53</t>
  </si>
  <si>
    <t>29.698</t>
  </si>
  <si>
    <t>248420.0</t>
  </si>
  <si>
    <t>21404200.0</t>
  </si>
  <si>
    <t>9771891.0</t>
  </si>
  <si>
    <t>8772943.0</t>
  </si>
  <si>
    <t>2859366.0</t>
  </si>
  <si>
    <t>26974.0</t>
  </si>
  <si>
    <t>226.71</t>
  </si>
  <si>
    <t>96140839.0</t>
  </si>
  <si>
    <t>246170.0</t>
  </si>
  <si>
    <t>10265.815</t>
  </si>
  <si>
    <t>253298.0</t>
  </si>
  <si>
    <t>27.047</t>
  </si>
  <si>
    <t>3409.8</t>
  </si>
  <si>
    <t>21434487.0</t>
  </si>
  <si>
    <t>9781611.0</t>
  </si>
  <si>
    <t>8782680.0</t>
  </si>
  <si>
    <t>2870196.0</t>
  </si>
  <si>
    <t>227.03</t>
  </si>
  <si>
    <t>103.61</t>
  </si>
  <si>
    <t>96405654.0</t>
  </si>
  <si>
    <t>264815.0</t>
  </si>
  <si>
    <t>10294.092</t>
  </si>
  <si>
    <t>28.277</t>
  </si>
  <si>
    <t>261988.0</t>
  </si>
  <si>
    <t>3581.9</t>
  </si>
  <si>
    <t>21477305.0</t>
  </si>
  <si>
    <t>9781743.0</t>
  </si>
  <si>
    <t>8812470.0</t>
  </si>
  <si>
    <t>2883092.0</t>
  </si>
  <si>
    <t>96723477.0</t>
  </si>
  <si>
    <t>317823.0</t>
  </si>
  <si>
    <t>10328.029</t>
  </si>
  <si>
    <t>33.937</t>
  </si>
  <si>
    <t>267228.0</t>
  </si>
  <si>
    <t>3618.2</t>
  </si>
  <si>
    <t>96977777.0</t>
  </si>
  <si>
    <t>254300.0</t>
  </si>
  <si>
    <t>10355.183</t>
  </si>
  <si>
    <t>267172.0</t>
  </si>
  <si>
    <t>28.528</t>
  </si>
  <si>
    <t>3645.6</t>
  </si>
  <si>
    <t>97208646.0</t>
  </si>
  <si>
    <t>230869.0</t>
  </si>
  <si>
    <t>10379.835</t>
  </si>
  <si>
    <t>24.652</t>
  </si>
  <si>
    <t>268259.0</t>
  </si>
  <si>
    <t>3711.1</t>
  </si>
  <si>
    <t>21548528.0</t>
  </si>
  <si>
    <t>9801529.0</t>
  </si>
  <si>
    <t>8832256.0</t>
  </si>
  <si>
    <t>2914743.0</t>
  </si>
  <si>
    <t>228.24</t>
  </si>
  <si>
    <t>97574254.0</t>
  </si>
  <si>
    <t>365608.0</t>
  </si>
  <si>
    <t>10418.874</t>
  </si>
  <si>
    <t>39.039</t>
  </si>
  <si>
    <t>29.863</t>
  </si>
  <si>
    <t>3899.8</t>
  </si>
  <si>
    <t>21576549.0</t>
  </si>
  <si>
    <t>9815190.0</t>
  </si>
  <si>
    <t>8843957.0</t>
  </si>
  <si>
    <t>2917402.0</t>
  </si>
  <si>
    <t>97911996.0</t>
  </si>
  <si>
    <t>337742.0</t>
  </si>
  <si>
    <t>10454.938</t>
  </si>
  <si>
    <t>36.064</t>
  </si>
  <si>
    <t>288190.0</t>
  </si>
  <si>
    <t>30.773</t>
  </si>
  <si>
    <t>4026.6</t>
  </si>
  <si>
    <t>21595116.0</t>
  </si>
  <si>
    <t>9822113.0</t>
  </si>
  <si>
    <t>8850880.0</t>
  </si>
  <si>
    <t>2922123.0</t>
  </si>
  <si>
    <t>98203973.0</t>
  </si>
  <si>
    <t>10486.115</t>
  </si>
  <si>
    <t>294733.0</t>
  </si>
  <si>
    <t>4253.9</t>
  </si>
  <si>
    <t>21620951.0</t>
  </si>
  <si>
    <t>9831015.0</t>
  </si>
  <si>
    <t>8858793.0</t>
  </si>
  <si>
    <t>2931143.0</t>
  </si>
  <si>
    <t>229.01</t>
  </si>
  <si>
    <t>98543291.0</t>
  </si>
  <si>
    <t>339318.0</t>
  </si>
  <si>
    <t>10522.347</t>
  </si>
  <si>
    <t>305377.0</t>
  </si>
  <si>
    <t>4362.5</t>
  </si>
  <si>
    <t>21639754.0</t>
  </si>
  <si>
    <t>9837938.0</t>
  </si>
  <si>
    <t>8866705.0</t>
  </si>
  <si>
    <t>2935111.0</t>
  </si>
  <si>
    <t>229.21</t>
  </si>
  <si>
    <t>98869174.0</t>
  </si>
  <si>
    <t>325883.0</t>
  </si>
  <si>
    <t>10557.144</t>
  </si>
  <si>
    <t>34.797</t>
  </si>
  <si>
    <t>32.731</t>
  </si>
  <si>
    <t>21666681.0</t>
  </si>
  <si>
    <t>9846839.0</t>
  </si>
  <si>
    <t>8876595.0</t>
  </si>
  <si>
    <t>2943247.0</t>
  </si>
  <si>
    <t>26927.0</t>
  </si>
  <si>
    <t>99163138.0</t>
  </si>
  <si>
    <t>293964.0</t>
  </si>
  <si>
    <t>10588.533</t>
  </si>
  <si>
    <t>312194.0</t>
  </si>
  <si>
    <t>33.336</t>
  </si>
  <si>
    <t>4478.2</t>
  </si>
  <si>
    <t>21680090.0</t>
  </si>
  <si>
    <t>9852774.0</t>
  </si>
  <si>
    <t>8881540.0</t>
  </si>
  <si>
    <t>2945776.0</t>
  </si>
  <si>
    <t>99394260.0</t>
  </si>
  <si>
    <t>231122.0</t>
  </si>
  <si>
    <t>10613.212</t>
  </si>
  <si>
    <t>312231.0</t>
  </si>
  <si>
    <t>4424.4</t>
  </si>
  <si>
    <t>21696454.0</t>
  </si>
  <si>
    <t>9856730.0</t>
  </si>
  <si>
    <t>8886486.0</t>
  </si>
  <si>
    <t>2953238.0</t>
  </si>
  <si>
    <t>94.13</t>
  </si>
  <si>
    <t>99717608.0</t>
  </si>
  <si>
    <t>323348.0</t>
  </si>
  <si>
    <t>10647.739</t>
  </si>
  <si>
    <t>306193.0</t>
  </si>
  <si>
    <t>32.695</t>
  </si>
  <si>
    <t>4321.3</t>
  </si>
  <si>
    <t>21733013.0</t>
  </si>
  <si>
    <t>9872554.0</t>
  </si>
  <si>
    <t>8903299.0</t>
  </si>
  <si>
    <t>2957160.0</t>
  </si>
  <si>
    <t>230.19</t>
  </si>
  <si>
    <t>100007909.0</t>
  </si>
  <si>
    <t>290301.0</t>
  </si>
  <si>
    <t>10678.737</t>
  </si>
  <si>
    <t>299416.0</t>
  </si>
  <si>
    <t>31.971</t>
  </si>
  <si>
    <t>4234.2</t>
  </si>
  <si>
    <t>21743455.0</t>
  </si>
  <si>
    <t>9876510.0</t>
  </si>
  <si>
    <t>8908244.0</t>
  </si>
  <si>
    <t>2958701.0</t>
  </si>
  <si>
    <t>230.31</t>
  </si>
  <si>
    <t>100292146.0</t>
  </si>
  <si>
    <t>284237.0</t>
  </si>
  <si>
    <t>10709.087</t>
  </si>
  <si>
    <t>298310.0</t>
  </si>
  <si>
    <t>4126.8</t>
  </si>
  <si>
    <t>21757061.0</t>
  </si>
  <si>
    <t>9881456.0</t>
  </si>
  <si>
    <t>8914179.0</t>
  </si>
  <si>
    <t>2961426.0</t>
  </si>
  <si>
    <t>19444.0</t>
  </si>
  <si>
    <t>230.45</t>
  </si>
  <si>
    <t>100555575.0</t>
  </si>
  <si>
    <t>263429.0</t>
  </si>
  <si>
    <t>10737.216</t>
  </si>
  <si>
    <t>30.696</t>
  </si>
  <si>
    <t>4032.6</t>
  </si>
  <si>
    <t>21776755.0</t>
  </si>
  <si>
    <t>8919124.0</t>
  </si>
  <si>
    <t>2967274.0</t>
  </si>
  <si>
    <t>100850055.0</t>
  </si>
  <si>
    <t>294480.0</t>
  </si>
  <si>
    <t>10768.66</t>
  </si>
  <si>
    <t>282983.0</t>
  </si>
  <si>
    <t>4059.2</t>
  </si>
  <si>
    <t>21792618.0</t>
  </si>
  <si>
    <t>8926047.0</t>
  </si>
  <si>
    <t>2976214.0</t>
  </si>
  <si>
    <t>230.83</t>
  </si>
  <si>
    <t>101135040.0</t>
  </si>
  <si>
    <t>284985.0</t>
  </si>
  <si>
    <t>10799.091</t>
  </si>
  <si>
    <t>281700.0</t>
  </si>
  <si>
    <t>4065.8</t>
  </si>
  <si>
    <t>21809826.0</t>
  </si>
  <si>
    <t>8931981.0</t>
  </si>
  <si>
    <t>2987488.0</t>
  </si>
  <si>
    <t>101348208.0</t>
  </si>
  <si>
    <t>10821.853</t>
  </si>
  <si>
    <t>279135.0</t>
  </si>
  <si>
    <t>4104.9</t>
  </si>
  <si>
    <t>21819344.0</t>
  </si>
  <si>
    <t>8933959.0</t>
  </si>
  <si>
    <t>2995028.0</t>
  </si>
  <si>
    <t>101671614.0</t>
  </si>
  <si>
    <t>323406.0</t>
  </si>
  <si>
    <t>10856.386</t>
  </si>
  <si>
    <t>29.807</t>
  </si>
  <si>
    <t>4148.6</t>
  </si>
  <si>
    <t>21845924.0</t>
  </si>
  <si>
    <t>8941872.0</t>
  </si>
  <si>
    <t>3013695.0</t>
  </si>
  <si>
    <t>231.39</t>
  </si>
  <si>
    <t>101952969.0</t>
  </si>
  <si>
    <t>281355.0</t>
  </si>
  <si>
    <t>10886.428</t>
  </si>
  <si>
    <t>30.043</t>
  </si>
  <si>
    <t>277866.0</t>
  </si>
  <si>
    <t>21870668.0</t>
  </si>
  <si>
    <t>8949784.0</t>
  </si>
  <si>
    <t>3030527.0</t>
  </si>
  <si>
    <t>102201007.0</t>
  </si>
  <si>
    <t>248038.0</t>
  </si>
  <si>
    <t>10912.914</t>
  </si>
  <si>
    <t>272694.0</t>
  </si>
  <si>
    <t>29.118</t>
  </si>
  <si>
    <t>4907.1</t>
  </si>
  <si>
    <t>102436299.0</t>
  </si>
  <si>
    <t>235292.0</t>
  </si>
  <si>
    <t>10938.038</t>
  </si>
  <si>
    <t>25.124</t>
  </si>
  <si>
    <t>268675.0</t>
  </si>
  <si>
    <t>28.689</t>
  </si>
  <si>
    <t>5042.1</t>
  </si>
  <si>
    <t>102621705.0</t>
  </si>
  <si>
    <t>185406.0</t>
  </si>
  <si>
    <t>10957.835</t>
  </si>
  <si>
    <t>253093.0</t>
  </si>
  <si>
    <t>4976.6</t>
  </si>
  <si>
    <t>102813018.0</t>
  </si>
  <si>
    <t>10978.263</t>
  </si>
  <si>
    <t>4092.7</t>
  </si>
  <si>
    <t>103120664.0</t>
  </si>
  <si>
    <t>307646.0</t>
  </si>
  <si>
    <t>11011.114</t>
  </si>
  <si>
    <t>253208.0</t>
  </si>
  <si>
    <t>4431.1</t>
  </si>
  <si>
    <t>21947593.0</t>
  </si>
  <si>
    <t>8964619.0</t>
  </si>
  <si>
    <t>3092617.0</t>
  </si>
  <si>
    <t>232.47</t>
  </si>
  <si>
    <t>103508336.0</t>
  </si>
  <si>
    <t>387672.0</t>
  </si>
  <si>
    <t>11052.509</t>
  </si>
  <si>
    <t>41.395</t>
  </si>
  <si>
    <t>262389.0</t>
  </si>
  <si>
    <t>28.018</t>
  </si>
  <si>
    <t>4626.5</t>
  </si>
  <si>
    <t>21987090.0</t>
  </si>
  <si>
    <t>8974510.0</t>
  </si>
  <si>
    <t>3122223.0</t>
  </si>
  <si>
    <t>232.89</t>
  </si>
  <si>
    <t>103863421.0</t>
  </si>
  <si>
    <t>355085.0</t>
  </si>
  <si>
    <t>11090.424</t>
  </si>
  <si>
    <t>37.916</t>
  </si>
  <si>
    <t>272922.0</t>
  </si>
  <si>
    <t>4800.1</t>
  </si>
  <si>
    <t>22021926.0</t>
  </si>
  <si>
    <t>8982422.0</t>
  </si>
  <si>
    <t>3149147.0</t>
  </si>
  <si>
    <t>34836.0</t>
  </si>
  <si>
    <t>104184278.0</t>
  </si>
  <si>
    <t>11124.685</t>
  </si>
  <si>
    <t>34.261</t>
  </si>
  <si>
    <t>283324.0</t>
  </si>
  <si>
    <t>4330.3</t>
  </si>
  <si>
    <t>22054907.0</t>
  </si>
  <si>
    <t>8990334.0</t>
  </si>
  <si>
    <t>3174216.0</t>
  </si>
  <si>
    <t>104489718.0</t>
  </si>
  <si>
    <t>305440.0</t>
  </si>
  <si>
    <t>11157.3</t>
  </si>
  <si>
    <t>293346.0</t>
  </si>
  <si>
    <t>31.323</t>
  </si>
  <si>
    <t>4295.8</t>
  </si>
  <si>
    <t>22088134.0</t>
  </si>
  <si>
    <t>9000225.0</t>
  </si>
  <si>
    <t>3197552.0</t>
  </si>
  <si>
    <t>104732172.0</t>
  </si>
  <si>
    <t>242454.0</t>
  </si>
  <si>
    <t>11183.189</t>
  </si>
  <si>
    <t>32.193</t>
  </si>
  <si>
    <t>4179.1</t>
  </si>
  <si>
    <t>22124896.0</t>
  </si>
  <si>
    <t>9010183.0</t>
  </si>
  <si>
    <t>3224281.0</t>
  </si>
  <si>
    <t>234.35</t>
  </si>
  <si>
    <t>105011105.0</t>
  </si>
  <si>
    <t>278933.0</t>
  </si>
  <si>
    <t>11212.973</t>
  </si>
  <si>
    <t>29.784</t>
  </si>
  <si>
    <t>314012.0</t>
  </si>
  <si>
    <t>4637.3</t>
  </si>
  <si>
    <t>22146899.0</t>
  </si>
  <si>
    <t>9010283.0</t>
  </si>
  <si>
    <t>3246075.0</t>
  </si>
  <si>
    <t>105256254.0</t>
  </si>
  <si>
    <t>245149.0</t>
  </si>
  <si>
    <t>11239.15</t>
  </si>
  <si>
    <t>26.177</t>
  </si>
  <si>
    <t>305084.0</t>
  </si>
  <si>
    <t>4122.8</t>
  </si>
  <si>
    <t>22166754.0</t>
  </si>
  <si>
    <t>19855.0</t>
  </si>
  <si>
    <t>105577560.0</t>
  </si>
  <si>
    <t>321306.0</t>
  </si>
  <si>
    <t>11273.458</t>
  </si>
  <si>
    <t>34.309</t>
  </si>
  <si>
    <t>295603.0</t>
  </si>
  <si>
    <t>3655.9</t>
  </si>
  <si>
    <t>22181292.0</t>
  </si>
  <si>
    <t>9020082.0</t>
  </si>
  <si>
    <t>3270769.0</t>
  </si>
  <si>
    <t>105917660.0</t>
  </si>
  <si>
    <t>340100.0</t>
  </si>
  <si>
    <t>11309.774</t>
  </si>
  <si>
    <t>293463.0</t>
  </si>
  <si>
    <t>3184.9</t>
  </si>
  <si>
    <t>106255330.0</t>
  </si>
  <si>
    <t>337670.0</t>
  </si>
  <si>
    <t>11345.83</t>
  </si>
  <si>
    <t>295865.0</t>
  </si>
  <si>
    <t>31.592</t>
  </si>
  <si>
    <t>2638.3</t>
  </si>
  <si>
    <t>106587573.0</t>
  </si>
  <si>
    <t>332243.0</t>
  </si>
  <si>
    <t>11381.306</t>
  </si>
  <si>
    <t>299694.0</t>
  </si>
  <si>
    <t>106822940.0</t>
  </si>
  <si>
    <t>235367.0</t>
  </si>
  <si>
    <t>11406.439</t>
  </si>
  <si>
    <t>25.132</t>
  </si>
  <si>
    <t>298681.0</t>
  </si>
  <si>
    <t>31.893</t>
  </si>
  <si>
    <t>107133737.0</t>
  </si>
  <si>
    <t>11439.625</t>
  </si>
  <si>
    <t>303233.0</t>
  </si>
  <si>
    <t>32.379</t>
  </si>
  <si>
    <t>107405852.0</t>
  </si>
  <si>
    <t>272115.0</t>
  </si>
  <si>
    <t>11468.681</t>
  </si>
  <si>
    <t>307085.0</t>
  </si>
  <si>
    <t>1392.2</t>
  </si>
  <si>
    <t>107801942.0</t>
  </si>
  <si>
    <t>396090.0</t>
  </si>
  <si>
    <t>11510.975</t>
  </si>
  <si>
    <t>42.294</t>
  </si>
  <si>
    <t>317769.0</t>
  </si>
  <si>
    <t>33.931</t>
  </si>
  <si>
    <t>1179.4</t>
  </si>
  <si>
    <t>108200914.0</t>
  </si>
  <si>
    <t>398972.0</t>
  </si>
  <si>
    <t>11553.577</t>
  </si>
  <si>
    <t>42.602</t>
  </si>
  <si>
    <t>326179.0</t>
  </si>
  <si>
    <t>34.829</t>
  </si>
  <si>
    <t>950.2</t>
  </si>
  <si>
    <t>108566183.0</t>
  </si>
  <si>
    <t>365269.0</t>
  </si>
  <si>
    <t>11592.58</t>
  </si>
  <si>
    <t>39.003</t>
  </si>
  <si>
    <t>330122.0</t>
  </si>
  <si>
    <t>22377069.0</t>
  </si>
  <si>
    <t>3427030.0</t>
  </si>
  <si>
    <t>237.02</t>
  </si>
  <si>
    <t>108927504.0</t>
  </si>
  <si>
    <t>361321.0</t>
  </si>
  <si>
    <t>11631.162</t>
  </si>
  <si>
    <t>334276.0</t>
  </si>
  <si>
    <t>35.694</t>
  </si>
  <si>
    <t>541.3</t>
  </si>
  <si>
    <t>22406584.0</t>
  </si>
  <si>
    <t>9059559.0</t>
  </si>
  <si>
    <t>3456677.0</t>
  </si>
  <si>
    <t>22862.0</t>
  </si>
  <si>
    <t>109267004.0</t>
  </si>
  <si>
    <t>339500.0</t>
  </si>
  <si>
    <t>11667.413</t>
  </si>
  <si>
    <t>349152.0</t>
  </si>
  <si>
    <t>37.282</t>
  </si>
  <si>
    <t>411.2</t>
  </si>
  <si>
    <t>109601215.0</t>
  </si>
  <si>
    <t>334211.0</t>
  </si>
  <si>
    <t>11703.1</t>
  </si>
  <si>
    <t>35.687</t>
  </si>
  <si>
    <t>37.639</t>
  </si>
  <si>
    <t>109926312.0</t>
  </si>
  <si>
    <t>11737.813</t>
  </si>
  <si>
    <t>34.714</t>
  </si>
  <si>
    <t>360066.0</t>
  </si>
  <si>
    <t>38.447</t>
  </si>
  <si>
    <t>110357794.0</t>
  </si>
  <si>
    <t>431482.0</t>
  </si>
  <si>
    <t>11783.887</t>
  </si>
  <si>
    <t>365122.0</t>
  </si>
  <si>
    <t>25885.0</t>
  </si>
  <si>
    <t>110805844.0</t>
  </si>
  <si>
    <t>11831.729</t>
  </si>
  <si>
    <t>47.842</t>
  </si>
  <si>
    <t>372133.0</t>
  </si>
  <si>
    <t>39.736</t>
  </si>
  <si>
    <t>111231526.0</t>
  </si>
  <si>
    <t>425682.0</t>
  </si>
  <si>
    <t>11877.183</t>
  </si>
  <si>
    <t>380763.0</t>
  </si>
  <si>
    <t>111667119.0</t>
  </si>
  <si>
    <t>435593.0</t>
  </si>
  <si>
    <t>11923.695</t>
  </si>
  <si>
    <t>46.512</t>
  </si>
  <si>
    <t>391374.0</t>
  </si>
  <si>
    <t>112130735.0</t>
  </si>
  <si>
    <t>11973.199</t>
  </si>
  <si>
    <t>409104.0</t>
  </si>
  <si>
    <t>112560299.0</t>
  </si>
  <si>
    <t>429564.0</t>
  </si>
  <si>
    <t>12019.068</t>
  </si>
  <si>
    <t>45.868</t>
  </si>
  <si>
    <t>422726.0</t>
  </si>
  <si>
    <t>45.138</t>
  </si>
  <si>
    <t>112931683.0</t>
  </si>
  <si>
    <t>371384.0</t>
  </si>
  <si>
    <t>12058.724</t>
  </si>
  <si>
    <t>429339.0</t>
  </si>
  <si>
    <t>45.844</t>
  </si>
  <si>
    <t>22677013.0</t>
  </si>
  <si>
    <t>9119071.0</t>
  </si>
  <si>
    <t>3667409.0</t>
  </si>
  <si>
    <t>113329449.0</t>
  </si>
  <si>
    <t>397766.0</t>
  </si>
  <si>
    <t>12101.197</t>
  </si>
  <si>
    <t>424522.0</t>
  </si>
  <si>
    <t>22695834.0</t>
  </si>
  <si>
    <t>9119083.0</t>
  </si>
  <si>
    <t>3686206.0</t>
  </si>
  <si>
    <t>240.39</t>
  </si>
  <si>
    <t>113798477.0</t>
  </si>
  <si>
    <t>469028.0</t>
  </si>
  <si>
    <t>12151.279</t>
  </si>
  <si>
    <t>427519.0</t>
  </si>
  <si>
    <t>22725714.0</t>
  </si>
  <si>
    <t>9128660.0</t>
  </si>
  <si>
    <t>3706849.0</t>
  </si>
  <si>
    <t>114203895.0</t>
  </si>
  <si>
    <t>405418.0</t>
  </si>
  <si>
    <t>12194.569</t>
  </si>
  <si>
    <t>45.341</t>
  </si>
  <si>
    <t>22762474.0</t>
  </si>
  <si>
    <t>9138617.0</t>
  </si>
  <si>
    <t>3733579.0</t>
  </si>
  <si>
    <t>114588517.0</t>
  </si>
  <si>
    <t>384622.0</t>
  </si>
  <si>
    <t>12235.639</t>
  </si>
  <si>
    <t>417343.0</t>
  </si>
  <si>
    <t>44.563</t>
  </si>
  <si>
    <t>22796848.0</t>
  </si>
  <si>
    <t>3757439.0</t>
  </si>
  <si>
    <t>114977089.0</t>
  </si>
  <si>
    <t>388572.0</t>
  </si>
  <si>
    <t>12277.13</t>
  </si>
  <si>
    <t>41.491</t>
  </si>
  <si>
    <t>406622.0</t>
  </si>
  <si>
    <t>43.419</t>
  </si>
  <si>
    <t>22832903.0</t>
  </si>
  <si>
    <t>9148590.0</t>
  </si>
  <si>
    <t>3793945.0</t>
  </si>
  <si>
    <t>115446490.0</t>
  </si>
  <si>
    <t>469401.0</t>
  </si>
  <si>
    <t>12327.252</t>
  </si>
  <si>
    <t>50.122</t>
  </si>
  <si>
    <t>412313.0</t>
  </si>
  <si>
    <t>115743567.0</t>
  </si>
  <si>
    <t>297077.0</t>
  </si>
  <si>
    <t>12358.974</t>
  </si>
  <si>
    <t>31.722</t>
  </si>
  <si>
    <t>401698.0</t>
  </si>
  <si>
    <t>42.893</t>
  </si>
  <si>
    <t>22877196.0</t>
  </si>
  <si>
    <t>9158395.0</t>
  </si>
  <si>
    <t>3828526.0</t>
  </si>
  <si>
    <t>116035982.0</t>
  </si>
  <si>
    <t>292415.0</t>
  </si>
  <si>
    <t>12390.197</t>
  </si>
  <si>
    <t>31.224</t>
  </si>
  <si>
    <t>386648.0</t>
  </si>
  <si>
    <t>22895785.0</t>
  </si>
  <si>
    <t>9168204.0</t>
  </si>
  <si>
    <t>3837393.0</t>
  </si>
  <si>
    <t>242.51</t>
  </si>
  <si>
    <t>116336875.0</t>
  </si>
  <si>
    <t>300893.0</t>
  </si>
  <si>
    <t>12422.326</t>
  </si>
  <si>
    <t>32.129</t>
  </si>
  <si>
    <t>362628.0</t>
  </si>
  <si>
    <t>22929333.0</t>
  </si>
  <si>
    <t>9178459.0</t>
  </si>
  <si>
    <t>3860293.0</t>
  </si>
  <si>
    <t>116644642.0</t>
  </si>
  <si>
    <t>307767.0</t>
  </si>
  <si>
    <t>12455.189</t>
  </si>
  <si>
    <t>32.863</t>
  </si>
  <si>
    <t>22972257.0</t>
  </si>
  <si>
    <t>9188112.0</t>
  </si>
  <si>
    <t>3893820.0</t>
  </si>
  <si>
    <t>117069503.0</t>
  </si>
  <si>
    <t>424861.0</t>
  </si>
  <si>
    <t>12500.556</t>
  </si>
  <si>
    <t>45.366</t>
  </si>
  <si>
    <t>354427.0</t>
  </si>
  <si>
    <t>37.845</t>
  </si>
  <si>
    <t>22985689.0</t>
  </si>
  <si>
    <t>9188341.0</t>
  </si>
  <si>
    <t>3906776.0</t>
  </si>
  <si>
    <t>117480452.0</t>
  </si>
  <si>
    <t>410949.0</t>
  </si>
  <si>
    <t>12544.436</t>
  </si>
  <si>
    <t>43.881</t>
  </si>
  <si>
    <t>357623.0</t>
  </si>
  <si>
    <t>38.187</t>
  </si>
  <si>
    <t>117866402.0</t>
  </si>
  <si>
    <t>385950.0</t>
  </si>
  <si>
    <t>12585.648</t>
  </si>
  <si>
    <t>41.211</t>
  </si>
  <si>
    <t>345702.0</t>
  </si>
  <si>
    <t>118212503.0</t>
  </si>
  <si>
    <t>346101.0</t>
  </si>
  <si>
    <t>12622.604</t>
  </si>
  <si>
    <t>352705.0</t>
  </si>
  <si>
    <t>23083264.0</t>
  </si>
  <si>
    <t>9207986.0</t>
  </si>
  <si>
    <t>3984853.0</t>
  </si>
  <si>
    <t>118700252.0</t>
  </si>
  <si>
    <t>487749.0</t>
  </si>
  <si>
    <t>12674.685</t>
  </si>
  <si>
    <t>380610.0</t>
  </si>
  <si>
    <t>40.641</t>
  </si>
  <si>
    <t>23101352.0</t>
  </si>
  <si>
    <t>3992814.0</t>
  </si>
  <si>
    <t>29367.0</t>
  </si>
  <si>
    <t>119218552.0</t>
  </si>
  <si>
    <t>518300.0</t>
  </si>
  <si>
    <t>12730.029</t>
  </si>
  <si>
    <t>411668.0</t>
  </si>
  <si>
    <t>23116474.0</t>
  </si>
  <si>
    <t>9217710.0</t>
  </si>
  <si>
    <t>4008517.0</t>
  </si>
  <si>
    <t>97.63</t>
  </si>
  <si>
    <t>119723383.0</t>
  </si>
  <si>
    <t>504831.0</t>
  </si>
  <si>
    <t>12783.934</t>
  </si>
  <si>
    <t>53.905</t>
  </si>
  <si>
    <t>439820.0</t>
  </si>
  <si>
    <t>46.964</t>
  </si>
  <si>
    <t>23176828.0</t>
  </si>
  <si>
    <t>9227610.0</t>
  </si>
  <si>
    <t>4058961.0</t>
  </si>
  <si>
    <t>29224.0</t>
  </si>
  <si>
    <t>120124739.0</t>
  </si>
  <si>
    <t>401356.0</t>
  </si>
  <si>
    <t>12826.79</t>
  </si>
  <si>
    <t>42.856</t>
  </si>
  <si>
    <t>436462.0</t>
  </si>
  <si>
    <t>46.605</t>
  </si>
  <si>
    <t>120596327.0</t>
  </si>
  <si>
    <t>471588.0</t>
  </si>
  <si>
    <t>12877.146</t>
  </si>
  <si>
    <t>445125.0</t>
  </si>
  <si>
    <t>23255620.0</t>
  </si>
  <si>
    <t>9247652.0</t>
  </si>
  <si>
    <t>4117431.0</t>
  </si>
  <si>
    <t>33915.0</t>
  </si>
  <si>
    <t>121113434.0</t>
  </si>
  <si>
    <t>517107.0</t>
  </si>
  <si>
    <t>12932.362</t>
  </si>
  <si>
    <t>55.216</t>
  </si>
  <si>
    <t>463862.0</t>
  </si>
  <si>
    <t>23288395.0</t>
  </si>
  <si>
    <t>4140203.0</t>
  </si>
  <si>
    <t>32775.0</t>
  </si>
  <si>
    <t>121612435.0</t>
  </si>
  <si>
    <t>499001.0</t>
  </si>
  <si>
    <t>12985.645</t>
  </si>
  <si>
    <t>485705.0</t>
  </si>
  <si>
    <t>51.863</t>
  </si>
  <si>
    <t>23314584.0</t>
  </si>
  <si>
    <t>9257392.0</t>
  </si>
  <si>
    <t>4166816.0</t>
  </si>
  <si>
    <t>122175765.0</t>
  </si>
  <si>
    <t>13045.797</t>
  </si>
  <si>
    <t>60.152</t>
  </si>
  <si>
    <t>496502.0</t>
  </si>
  <si>
    <t>53.016</t>
  </si>
  <si>
    <t>23341328.0</t>
  </si>
  <si>
    <t>9257408.0</t>
  </si>
  <si>
    <t>4193527.0</t>
  </si>
  <si>
    <t>247.23</t>
  </si>
  <si>
    <t>122675911.0</t>
  </si>
  <si>
    <t>500146.0</t>
  </si>
  <si>
    <t>13099.202</t>
  </si>
  <si>
    <t>493908.0</t>
  </si>
  <si>
    <t>52.739</t>
  </si>
  <si>
    <t>23380635.0</t>
  </si>
  <si>
    <t>9267198.0</t>
  </si>
  <si>
    <t>4223151.0</t>
  </si>
  <si>
    <t>39307.0</t>
  </si>
  <si>
    <t>123204337.0</t>
  </si>
  <si>
    <t>528426.0</t>
  </si>
  <si>
    <t>13155.627</t>
  </si>
  <si>
    <t>497279.0</t>
  </si>
  <si>
    <t>53.099</t>
  </si>
  <si>
    <t>23420591.0</t>
  </si>
  <si>
    <t>9277244.0</t>
  </si>
  <si>
    <t>4252895.0</t>
  </si>
  <si>
    <t>39956.0</t>
  </si>
  <si>
    <t>34823.0</t>
  </si>
  <si>
    <t>123694899.0</t>
  </si>
  <si>
    <t>13208.008</t>
  </si>
  <si>
    <t>52.382</t>
  </si>
  <si>
    <t>510023.0</t>
  </si>
  <si>
    <t>23452398.0</t>
  </si>
  <si>
    <t>9287197.0</t>
  </si>
  <si>
    <t>4274682.0</t>
  </si>
  <si>
    <t>124180221.0</t>
  </si>
  <si>
    <t>485322.0</t>
  </si>
  <si>
    <t>13259.83</t>
  </si>
  <si>
    <t>51.822</t>
  </si>
  <si>
    <t>511985.0</t>
  </si>
  <si>
    <t>54.669</t>
  </si>
  <si>
    <t>23488589.0</t>
  </si>
  <si>
    <t>9296928.0</t>
  </si>
  <si>
    <t>4301312.0</t>
  </si>
  <si>
    <t>33281.0</t>
  </si>
  <si>
    <t>248.79</t>
  </si>
  <si>
    <t>124639465.0</t>
  </si>
  <si>
    <t>459244.0</t>
  </si>
  <si>
    <t>13308.868</t>
  </si>
  <si>
    <t>49.038</t>
  </si>
  <si>
    <t>503719.0</t>
  </si>
  <si>
    <t>23502501.0</t>
  </si>
  <si>
    <t>9296954.0</t>
  </si>
  <si>
    <t>4315171.0</t>
  </si>
  <si>
    <t>125131564.0</t>
  </si>
  <si>
    <t>492099.0</t>
  </si>
  <si>
    <t>13361.414</t>
  </si>
  <si>
    <t>52.546</t>
  </si>
  <si>
    <t>502733.0</t>
  </si>
  <si>
    <t>125631400.0</t>
  </si>
  <si>
    <t>13414.786</t>
  </si>
  <si>
    <t>493662.0</t>
  </si>
  <si>
    <t>126129227.0</t>
  </si>
  <si>
    <t>497827.0</t>
  </si>
  <si>
    <t>13467.943</t>
  </si>
  <si>
    <t>53.157</t>
  </si>
  <si>
    <t>493331.0</t>
  </si>
  <si>
    <t>23584056.0</t>
  </si>
  <si>
    <t>9326804.0</t>
  </si>
  <si>
    <t>4366685.0</t>
  </si>
  <si>
    <t>126620885.0</t>
  </si>
  <si>
    <t>13520.442</t>
  </si>
  <si>
    <t>52.499</t>
  </si>
  <si>
    <t>488078.0</t>
  </si>
  <si>
    <t>52.116</t>
  </si>
  <si>
    <t>23612543.0</t>
  </si>
  <si>
    <t>9336617.0</t>
  </si>
  <si>
    <t>4385441.0</t>
  </si>
  <si>
    <t>127107821.0</t>
  </si>
  <si>
    <t>486936.0</t>
  </si>
  <si>
    <t>13572.436</t>
  </si>
  <si>
    <t>487560.0</t>
  </si>
  <si>
    <t>52.061</t>
  </si>
  <si>
    <t>23644754.0</t>
  </si>
  <si>
    <t>9346339.0</t>
  </si>
  <si>
    <t>4408109.0</t>
  </si>
  <si>
    <t>127595974.0</t>
  </si>
  <si>
    <t>488153.0</t>
  </si>
  <si>
    <t>13624.561</t>
  </si>
  <si>
    <t>52.124</t>
  </si>
  <si>
    <t>487965.0</t>
  </si>
  <si>
    <t>23673464.0</t>
  </si>
  <si>
    <t>9346350.0</t>
  </si>
  <si>
    <t>4436796.0</t>
  </si>
  <si>
    <t>128098364.0</t>
  </si>
  <si>
    <t>502390.0</t>
  </si>
  <si>
    <t>13678.205</t>
  </si>
  <si>
    <t>494128.0</t>
  </si>
  <si>
    <t>52.762</t>
  </si>
  <si>
    <t>23695682.0</t>
  </si>
  <si>
    <t>4448751.0</t>
  </si>
  <si>
    <t>27597.0</t>
  </si>
  <si>
    <t>128571662.0</t>
  </si>
  <si>
    <t>473298.0</t>
  </si>
  <si>
    <t>13728.744</t>
  </si>
  <si>
    <t>50.538</t>
  </si>
  <si>
    <t>491443.0</t>
  </si>
  <si>
    <t>52.476</t>
  </si>
  <si>
    <t>23710390.0</t>
  </si>
  <si>
    <t>9356371.0</t>
  </si>
  <si>
    <t>4463563.0</t>
  </si>
  <si>
    <t>129054139.0</t>
  </si>
  <si>
    <t>482477.0</t>
  </si>
  <si>
    <t>13780.262</t>
  </si>
  <si>
    <t>51.518</t>
  </si>
  <si>
    <t>488963.0</t>
  </si>
  <si>
    <t>52.211</t>
  </si>
  <si>
    <t>23730752.0</t>
  </si>
  <si>
    <t>9366101.0</t>
  </si>
  <si>
    <t>4474365.0</t>
  </si>
  <si>
    <t>129532084.0</t>
  </si>
  <si>
    <t>477945.0</t>
  </si>
  <si>
    <t>13831.297</t>
  </si>
  <si>
    <t>51.034</t>
  </si>
  <si>
    <t>51.908</t>
  </si>
  <si>
    <t>23755550.0</t>
  </si>
  <si>
    <t>4489214.0</t>
  </si>
  <si>
    <t>130059997.0</t>
  </si>
  <si>
    <t>527913.0</t>
  </si>
  <si>
    <t>13887.667</t>
  </si>
  <si>
    <t>491302.0</t>
  </si>
  <si>
    <t>52.461</t>
  </si>
  <si>
    <t>23781095.0</t>
  </si>
  <si>
    <t>9375953.0</t>
  </si>
  <si>
    <t>4514897.0</t>
  </si>
  <si>
    <t>24079.0</t>
  </si>
  <si>
    <t>251.89</t>
  </si>
  <si>
    <t>130555625.0</t>
  </si>
  <si>
    <t>495628.0</t>
  </si>
  <si>
    <t>13940.589</t>
  </si>
  <si>
    <t>52.923</t>
  </si>
  <si>
    <t>492543.0</t>
  </si>
  <si>
    <t>52.593</t>
  </si>
  <si>
    <t>23807035.0</t>
  </si>
  <si>
    <t>9385932.0</t>
  </si>
  <si>
    <t>25940.0</t>
  </si>
  <si>
    <t>252.16</t>
  </si>
  <si>
    <t>131036391.0</t>
  </si>
  <si>
    <t>480766.0</t>
  </si>
  <si>
    <t>13991.925</t>
  </si>
  <si>
    <t>491488.0</t>
  </si>
  <si>
    <t>303.7</t>
  </si>
  <si>
    <t>23815315.0</t>
  </si>
  <si>
    <t>9395967.0</t>
  </si>
  <si>
    <t>4528856.0</t>
  </si>
  <si>
    <t>252.25</t>
  </si>
  <si>
    <t>131491154.0</t>
  </si>
  <si>
    <t>454763.0</t>
  </si>
  <si>
    <t>14040.484</t>
  </si>
  <si>
    <t>48.559</t>
  </si>
  <si>
    <t>484684.0</t>
  </si>
  <si>
    <t>320.7</t>
  </si>
  <si>
    <t>23849814.0</t>
  </si>
  <si>
    <t>9405811.0</t>
  </si>
  <si>
    <t>4553560.0</t>
  </si>
  <si>
    <t>252.62</t>
  </si>
  <si>
    <t>131881012.0</t>
  </si>
  <si>
    <t>389858.0</t>
  </si>
  <si>
    <t>14082.113</t>
  </si>
  <si>
    <t>472764.0</t>
  </si>
  <si>
    <t>23855770.0</t>
  </si>
  <si>
    <t>9405820.0</t>
  </si>
  <si>
    <t>4559498.0</t>
  </si>
  <si>
    <t>132251629.0</t>
  </si>
  <si>
    <t>370617.0</t>
  </si>
  <si>
    <t>14121.687</t>
  </si>
  <si>
    <t>39.574</t>
  </si>
  <si>
    <t>456784.0</t>
  </si>
  <si>
    <t>340.8</t>
  </si>
  <si>
    <t>23881698.0</t>
  </si>
  <si>
    <t>9405904.0</t>
  </si>
  <si>
    <t>4585254.0</t>
  </si>
  <si>
    <t>132616935.0</t>
  </si>
  <si>
    <t>365306.0</t>
  </si>
  <si>
    <t>14160.694</t>
  </si>
  <si>
    <t>440693.0</t>
  </si>
  <si>
    <t>47.057</t>
  </si>
  <si>
    <t>23911863.0</t>
  </si>
  <si>
    <t>9415599.0</t>
  </si>
  <si>
    <t>133025010.0</t>
  </si>
  <si>
    <t>408075.0</t>
  </si>
  <si>
    <t>14204.267</t>
  </si>
  <si>
    <t>43.574</t>
  </si>
  <si>
    <t>423573.0</t>
  </si>
  <si>
    <t>45.229</t>
  </si>
  <si>
    <t>23930731.0</t>
  </si>
  <si>
    <t>9425519.0</t>
  </si>
  <si>
    <t>4614845.0</t>
  </si>
  <si>
    <t>133423912.0</t>
  </si>
  <si>
    <t>398902.0</t>
  </si>
  <si>
    <t>14246.862</t>
  </si>
  <si>
    <t>409755.0</t>
  </si>
  <si>
    <t>43.753</t>
  </si>
  <si>
    <t>133812407.0</t>
  </si>
  <si>
    <t>388495.0</t>
  </si>
  <si>
    <t>14288.345</t>
  </si>
  <si>
    <t>41.483</t>
  </si>
  <si>
    <t>396574.0</t>
  </si>
  <si>
    <t>42.346</t>
  </si>
  <si>
    <t>401.7</t>
  </si>
  <si>
    <t>23973860.0</t>
  </si>
  <si>
    <t>9435257.0</t>
  </si>
  <si>
    <t>4648397.0</t>
  </si>
  <si>
    <t>134150602.0</t>
  </si>
  <si>
    <t>338195.0</t>
  </si>
  <si>
    <t>14324.457</t>
  </si>
  <si>
    <t>379921.0</t>
  </si>
  <si>
    <t>23992173.0</t>
  </si>
  <si>
    <t>9445348.0</t>
  </si>
  <si>
    <t>4656408.0</t>
  </si>
  <si>
    <t>134560760.0</t>
  </si>
  <si>
    <t>410158.0</t>
  </si>
  <si>
    <t>14368.253</t>
  </si>
  <si>
    <t>382821.0</t>
  </si>
  <si>
    <t>459.6</t>
  </si>
  <si>
    <t>24004178.0</t>
  </si>
  <si>
    <t>9445402.0</t>
  </si>
  <si>
    <t>4668303.0</t>
  </si>
  <si>
    <t>135031553.0</t>
  </si>
  <si>
    <t>470793.0</t>
  </si>
  <si>
    <t>14418.524</t>
  </si>
  <si>
    <t>397132.0</t>
  </si>
  <si>
    <t>24021213.0</t>
  </si>
  <si>
    <t>9445489.0</t>
  </si>
  <si>
    <t>4685160.0</t>
  </si>
  <si>
    <t>254.43</t>
  </si>
  <si>
    <t>135493478.0</t>
  </si>
  <si>
    <t>461925.0</t>
  </si>
  <si>
    <t>14467.848</t>
  </si>
  <si>
    <t>49.324</t>
  </si>
  <si>
    <t>410935.0</t>
  </si>
  <si>
    <t>541.8</t>
  </si>
  <si>
    <t>24040740.0</t>
  </si>
  <si>
    <t>9455279.0</t>
  </si>
  <si>
    <t>4695001.0</t>
  </si>
  <si>
    <t>135967818.0</t>
  </si>
  <si>
    <t>474340.0</t>
  </si>
  <si>
    <t>14518.497</t>
  </si>
  <si>
    <t>566.4</t>
  </si>
  <si>
    <t>24062090.0</t>
  </si>
  <si>
    <t>9465009.0</t>
  </si>
  <si>
    <t>4706790.0</t>
  </si>
  <si>
    <t>254.86</t>
  </si>
  <si>
    <t>136398177.0</t>
  </si>
  <si>
    <t>430359.0</t>
  </si>
  <si>
    <t>14564.451</t>
  </si>
  <si>
    <t>45.953</t>
  </si>
  <si>
    <t>424895.0</t>
  </si>
  <si>
    <t>593.7</t>
  </si>
  <si>
    <t>24079969.0</t>
  </si>
  <si>
    <t>9465039.0</t>
  </si>
  <si>
    <t>4724607.0</t>
  </si>
  <si>
    <t>136846006.0</t>
  </si>
  <si>
    <t>447829.0</t>
  </si>
  <si>
    <t>14612.269</t>
  </si>
  <si>
    <t>47.819</t>
  </si>
  <si>
    <t>433371.0</t>
  </si>
  <si>
    <t>46.275</t>
  </si>
  <si>
    <t>623.7</t>
  </si>
  <si>
    <t>24090450.0</t>
  </si>
  <si>
    <t>4724723.0</t>
  </si>
  <si>
    <t>137299003.0</t>
  </si>
  <si>
    <t>14660.64</t>
  </si>
  <si>
    <t>48.371</t>
  </si>
  <si>
    <t>449772.0</t>
  </si>
  <si>
    <t>48.026</t>
  </si>
  <si>
    <t>24105222.0</t>
  </si>
  <si>
    <t>9475136.0</t>
  </si>
  <si>
    <t>4739547.0</t>
  </si>
  <si>
    <t>137716535.0</t>
  </si>
  <si>
    <t>417532.0</t>
  </si>
  <si>
    <t>14705.223</t>
  </si>
  <si>
    <t>44.584</t>
  </si>
  <si>
    <t>450825.0</t>
  </si>
  <si>
    <t>48.139</t>
  </si>
  <si>
    <t>669.3</t>
  </si>
  <si>
    <t>24119061.0</t>
  </si>
  <si>
    <t>9485024.0</t>
  </si>
  <si>
    <t>4743501.0</t>
  </si>
  <si>
    <t>138136824.0</t>
  </si>
  <si>
    <t>14750.101</t>
  </si>
  <si>
    <t>44.878</t>
  </si>
  <si>
    <t>443610.0</t>
  </si>
  <si>
    <t>47.368</t>
  </si>
  <si>
    <t>24144931.0</t>
  </si>
  <si>
    <t>9485085.0</t>
  </si>
  <si>
    <t>255.74</t>
  </si>
  <si>
    <t>138567317.0</t>
  </si>
  <si>
    <t>430493.0</t>
  </si>
  <si>
    <t>14796.069</t>
  </si>
  <si>
    <t>45.968</t>
  </si>
  <si>
    <t>439120.0</t>
  </si>
  <si>
    <t>707.3</t>
  </si>
  <si>
    <t>24163618.0</t>
  </si>
  <si>
    <t>4768237.0</t>
  </si>
  <si>
    <t>255.94</t>
  </si>
  <si>
    <t>138953973.0</t>
  </si>
  <si>
    <t>386656.0</t>
  </si>
  <si>
    <t>14837.356</t>
  </si>
  <si>
    <t>426594.0</t>
  </si>
  <si>
    <t>45.551</t>
  </si>
  <si>
    <t>734.4</t>
  </si>
  <si>
    <t>139324445.0</t>
  </si>
  <si>
    <t>370472.0</t>
  </si>
  <si>
    <t>14876.914</t>
  </si>
  <si>
    <t>418038.0</t>
  </si>
  <si>
    <t>44.638</t>
  </si>
  <si>
    <t>766.6</t>
  </si>
  <si>
    <t>24180184.0</t>
  </si>
  <si>
    <t>9504727.0</t>
  </si>
  <si>
    <t>4785002.0</t>
  </si>
  <si>
    <t>256.12</t>
  </si>
  <si>
    <t>139742483.0</t>
  </si>
  <si>
    <t>14921.552</t>
  </si>
  <si>
    <t>413782.0</t>
  </si>
  <si>
    <t>44.183</t>
  </si>
  <si>
    <t>140142259.0</t>
  </si>
  <si>
    <t>399776.0</t>
  </si>
  <si>
    <t>14964.24</t>
  </si>
  <si>
    <t>406179.0</t>
  </si>
  <si>
    <t>43.371</t>
  </si>
  <si>
    <t>808.7</t>
  </si>
  <si>
    <t>140443546.0</t>
  </si>
  <si>
    <t>301287.0</t>
  </si>
  <si>
    <t>14996.411</t>
  </si>
  <si>
    <t>389573.0</t>
  </si>
  <si>
    <t>41.598</t>
  </si>
  <si>
    <t>140746054.0</t>
  </si>
  <si>
    <t>302508.0</t>
  </si>
  <si>
    <t>15028.712</t>
  </si>
  <si>
    <t>39.802</t>
  </si>
  <si>
    <t>830.4</t>
  </si>
  <si>
    <t>141123639.0</t>
  </si>
  <si>
    <t>377585.0</t>
  </si>
  <si>
    <t>15069.03</t>
  </si>
  <si>
    <t>365189.0</t>
  </si>
  <si>
    <t>38.994</t>
  </si>
  <si>
    <t>141496403.0</t>
  </si>
  <si>
    <t>372764.0</t>
  </si>
  <si>
    <t>15108.834</t>
  </si>
  <si>
    <t>39.803</t>
  </si>
  <si>
    <t>363204.0</t>
  </si>
  <si>
    <t>38.783</t>
  </si>
  <si>
    <t>882.2</t>
  </si>
  <si>
    <t>141829002.0</t>
  </si>
  <si>
    <t>332599.0</t>
  </si>
  <si>
    <t>15144.348</t>
  </si>
  <si>
    <t>357794.0</t>
  </si>
  <si>
    <t>889.1</t>
  </si>
  <si>
    <t>142131348.0</t>
  </si>
  <si>
    <t>302346.0</t>
  </si>
  <si>
    <t>15176.632</t>
  </si>
  <si>
    <t>32.284</t>
  </si>
  <si>
    <t>341266.0</t>
  </si>
  <si>
    <t>142472609.0</t>
  </si>
  <si>
    <t>341261.0</t>
  </si>
  <si>
    <t>15213.072</t>
  </si>
  <si>
    <t>36.439</t>
  </si>
  <si>
    <t>332907.0</t>
  </si>
  <si>
    <t>35.547</t>
  </si>
  <si>
    <t>923.6</t>
  </si>
  <si>
    <t>142727206.0</t>
  </si>
  <si>
    <t>254597.0</t>
  </si>
  <si>
    <t>15240.257</t>
  </si>
  <si>
    <t>27.186</t>
  </si>
  <si>
    <t>326237.0</t>
  </si>
  <si>
    <t>34.835</t>
  </si>
  <si>
    <t>938.6</t>
  </si>
  <si>
    <t>143072412.0</t>
  </si>
  <si>
    <t>345206.0</t>
  </si>
  <si>
    <t>15277.118</t>
  </si>
  <si>
    <t>332337.0</t>
  </si>
  <si>
    <t>35.487</t>
  </si>
  <si>
    <t>973.4</t>
  </si>
  <si>
    <t>143446234.0</t>
  </si>
  <si>
    <t>373822.0</t>
  </si>
  <si>
    <t>15317.035</t>
  </si>
  <si>
    <t>39.916</t>
  </si>
  <si>
    <t>331799.0</t>
  </si>
  <si>
    <t>35.429</t>
  </si>
  <si>
    <t>1002.8</t>
  </si>
  <si>
    <t>143822681.0</t>
  </si>
  <si>
    <t>15357.231</t>
  </si>
  <si>
    <t>332325.0</t>
  </si>
  <si>
    <t>35.485</t>
  </si>
  <si>
    <t>997.1</t>
  </si>
  <si>
    <t>144155004.0</t>
  </si>
  <si>
    <t>332323.0</t>
  </si>
  <si>
    <t>15392.716</t>
  </si>
  <si>
    <t>332286.0</t>
  </si>
  <si>
    <t>144459604.0</t>
  </si>
  <si>
    <t>15425.241</t>
  </si>
  <si>
    <t>32.525</t>
  </si>
  <si>
    <t>332608.0</t>
  </si>
  <si>
    <t>144792209.0</t>
  </si>
  <si>
    <t>332605.0</t>
  </si>
  <si>
    <t>15460.756</t>
  </si>
  <si>
    <t>35.383</t>
  </si>
  <si>
    <t>997.7</t>
  </si>
  <si>
    <t>145043674.0</t>
  </si>
  <si>
    <t>251465.0</t>
  </si>
  <si>
    <t>15487.607</t>
  </si>
  <si>
    <t>330924.0</t>
  </si>
  <si>
    <t>978.7</t>
  </si>
  <si>
    <t>145363162.0</t>
  </si>
  <si>
    <t>319488.0</t>
  </si>
  <si>
    <t>15521.722</t>
  </si>
  <si>
    <t>953.3</t>
  </si>
  <si>
    <t>145690412.0</t>
  </si>
  <si>
    <t>15556.665</t>
  </si>
  <si>
    <t>320597.0</t>
  </si>
  <si>
    <t>146005747.0</t>
  </si>
  <si>
    <t>315335.0</t>
  </si>
  <si>
    <t>15590.337</t>
  </si>
  <si>
    <t>33.671</t>
  </si>
  <si>
    <t>311867.0</t>
  </si>
  <si>
    <t>33.301</t>
  </si>
  <si>
    <t>901.7</t>
  </si>
  <si>
    <t>146281326.0</t>
  </si>
  <si>
    <t>15619.763</t>
  </si>
  <si>
    <t>29.426</t>
  </si>
  <si>
    <t>303760.0</t>
  </si>
  <si>
    <t>32.435</t>
  </si>
  <si>
    <t>146603110.0</t>
  </si>
  <si>
    <t>321784.0</t>
  </si>
  <si>
    <t>15654.122</t>
  </si>
  <si>
    <t>306215.0</t>
  </si>
  <si>
    <t>32.697</t>
  </si>
  <si>
    <t>888.7</t>
  </si>
  <si>
    <t>146915658.0</t>
  </si>
  <si>
    <t>312548.0</t>
  </si>
  <si>
    <t>15687.496</t>
  </si>
  <si>
    <t>303350.0</t>
  </si>
  <si>
    <t>32.391</t>
  </si>
  <si>
    <t>147145013.0</t>
  </si>
  <si>
    <t>229355.0</t>
  </si>
  <si>
    <t>15711.986</t>
  </si>
  <si>
    <t>300191.0</t>
  </si>
  <si>
    <t>902.6</t>
  </si>
  <si>
    <t>147445204.0</t>
  </si>
  <si>
    <t>15744.04</t>
  </si>
  <si>
    <t>297435.0</t>
  </si>
  <si>
    <t>147754052.0</t>
  </si>
  <si>
    <t>308848.0</t>
  </si>
  <si>
    <t>15777.019</t>
  </si>
  <si>
    <t>31.479</t>
  </si>
  <si>
    <t>909.5</t>
  </si>
  <si>
    <t>148077156.0</t>
  </si>
  <si>
    <t>323104.0</t>
  </si>
  <si>
    <t>15811.519</t>
  </si>
  <si>
    <t>34.501</t>
  </si>
  <si>
    <t>295916.0</t>
  </si>
  <si>
    <t>31.598</t>
  </si>
  <si>
    <t>24485172.0</t>
  </si>
  <si>
    <t>9890202.0</t>
  </si>
  <si>
    <t>9613276.0</t>
  </si>
  <si>
    <t>4981694.0</t>
  </si>
  <si>
    <t>259.35</t>
  </si>
  <si>
    <t>148373071.0</t>
  </si>
  <si>
    <t>15843.117</t>
  </si>
  <si>
    <t>31.597</t>
  </si>
  <si>
    <t>298821.0</t>
  </si>
  <si>
    <t>31.908</t>
  </si>
  <si>
    <t>981.1</t>
  </si>
  <si>
    <t>148671891.0</t>
  </si>
  <si>
    <t>298820.0</t>
  </si>
  <si>
    <t>15875.025</t>
  </si>
  <si>
    <t>31.557</t>
  </si>
  <si>
    <t>148954016.0</t>
  </si>
  <si>
    <t>15905.15</t>
  </si>
  <si>
    <t>30.125</t>
  </si>
  <si>
    <t>291194.0</t>
  </si>
  <si>
    <t>990.5</t>
  </si>
  <si>
    <t>149137507.0</t>
  </si>
  <si>
    <t>183491.0</t>
  </si>
  <si>
    <t>15924.743</t>
  </si>
  <si>
    <t>30.394</t>
  </si>
  <si>
    <t>961.6</t>
  </si>
  <si>
    <t>24523744.0</t>
  </si>
  <si>
    <t>9623166.0</t>
  </si>
  <si>
    <t>5010376.0</t>
  </si>
  <si>
    <t>259.75</t>
  </si>
  <si>
    <t>149330081.0</t>
  </si>
  <si>
    <t>192574.0</t>
  </si>
  <si>
    <t>15945.305</t>
  </si>
  <si>
    <t>269268.0</t>
  </si>
  <si>
    <t>149560185.0</t>
  </si>
  <si>
    <t>15969.876</t>
  </si>
  <si>
    <t>258019.0</t>
  </si>
  <si>
    <t>27.551</t>
  </si>
  <si>
    <t>149824485.0</t>
  </si>
  <si>
    <t>264300.0</t>
  </si>
  <si>
    <t>15998.097</t>
  </si>
  <si>
    <t>28.222</t>
  </si>
  <si>
    <t>249618.0</t>
  </si>
  <si>
    <t>26.654</t>
  </si>
  <si>
    <t>986.1</t>
  </si>
  <si>
    <t>150066948.0</t>
  </si>
  <si>
    <t>242463.0</t>
  </si>
  <si>
    <t>16023.987</t>
  </si>
  <si>
    <t>25.839</t>
  </si>
  <si>
    <t>150308930.0</t>
  </si>
  <si>
    <t>16049.826</t>
  </si>
  <si>
    <t>233863.0</t>
  </si>
  <si>
    <t>982.6</t>
  </si>
  <si>
    <t>150542792.0</t>
  </si>
  <si>
    <t>233862.0</t>
  </si>
  <si>
    <t>16074.797</t>
  </si>
  <si>
    <t>226968.0</t>
  </si>
  <si>
    <t>150750667.0</t>
  </si>
  <si>
    <t>207875.0</t>
  </si>
  <si>
    <t>16096.994</t>
  </si>
  <si>
    <t>22.197</t>
  </si>
  <si>
    <t>230451.0</t>
  </si>
  <si>
    <t>1075.4</t>
  </si>
  <si>
    <t>151047150.0</t>
  </si>
  <si>
    <t>296483.0</t>
  </si>
  <si>
    <t>16128.652</t>
  </si>
  <si>
    <t>245296.0</t>
  </si>
  <si>
    <t>1166.5</t>
  </si>
  <si>
    <t>151346131.0</t>
  </si>
  <si>
    <t>298981.0</t>
  </si>
  <si>
    <t>16160.577</t>
  </si>
  <si>
    <t>31.925</t>
  </si>
  <si>
    <t>255135.0</t>
  </si>
  <si>
    <t>1120.4</t>
  </si>
  <si>
    <t>151631626.0</t>
  </si>
  <si>
    <t>285495.0</t>
  </si>
  <si>
    <t>16191.062</t>
  </si>
  <si>
    <t>30.485</t>
  </si>
  <si>
    <t>258163.0</t>
  </si>
  <si>
    <t>1058.7</t>
  </si>
  <si>
    <t>151887959.0</t>
  </si>
  <si>
    <t>256333.0</t>
  </si>
  <si>
    <t>16218.433</t>
  </si>
  <si>
    <t>27.371</t>
  </si>
  <si>
    <t>260144.0</t>
  </si>
  <si>
    <t>27.778</t>
  </si>
  <si>
    <t>1067.4</t>
  </si>
  <si>
    <t>152151676.0</t>
  </si>
  <si>
    <t>263717.0</t>
  </si>
  <si>
    <t>16246.592</t>
  </si>
  <si>
    <t>28.159</t>
  </si>
  <si>
    <t>263249.0</t>
  </si>
  <si>
    <t>28.109</t>
  </si>
  <si>
    <t>152416997.0</t>
  </si>
  <si>
    <t>265321.0</t>
  </si>
  <si>
    <t>16274.923</t>
  </si>
  <si>
    <t>28.331</t>
  </si>
  <si>
    <t>28.589</t>
  </si>
  <si>
    <t>1100.5</t>
  </si>
  <si>
    <t>152660659.0</t>
  </si>
  <si>
    <t>243662.0</t>
  </si>
  <si>
    <t>16300.941</t>
  </si>
  <si>
    <t>272856.0</t>
  </si>
  <si>
    <t>29.135</t>
  </si>
  <si>
    <t>1128.2</t>
  </si>
  <si>
    <t>152933515.0</t>
  </si>
  <si>
    <t>16330.076</t>
  </si>
  <si>
    <t>269481.0</t>
  </si>
  <si>
    <t>1105.7</t>
  </si>
  <si>
    <t>153261239.0</t>
  </si>
  <si>
    <t>327724.0</t>
  </si>
  <si>
    <t>16365.07</t>
  </si>
  <si>
    <t>34.994</t>
  </si>
  <si>
    <t>1183.6</t>
  </si>
  <si>
    <t>153553806.0</t>
  </si>
  <si>
    <t>292567.0</t>
  </si>
  <si>
    <t>16396.31</t>
  </si>
  <si>
    <t>1206.6</t>
  </si>
  <si>
    <t>153818776.0</t>
  </si>
  <si>
    <t>264970.0</t>
  </si>
  <si>
    <t>16424.603</t>
  </si>
  <si>
    <t>275831.0</t>
  </si>
  <si>
    <t>29.453</t>
  </si>
  <si>
    <t>154093373.0</t>
  </si>
  <si>
    <t>16453.925</t>
  </si>
  <si>
    <t>277385.0</t>
  </si>
  <si>
    <t>1192.7</t>
  </si>
  <si>
    <t>154370758.0</t>
  </si>
  <si>
    <t>16483.543</t>
  </si>
  <si>
    <t>279109.0</t>
  </si>
  <si>
    <t>1169.2</t>
  </si>
  <si>
    <t>154649867.0</t>
  </si>
  <si>
    <t>16513.346</t>
  </si>
  <si>
    <t>284173.0</t>
  </si>
  <si>
    <t>1178.4</t>
  </si>
  <si>
    <t>154861045.0</t>
  </si>
  <si>
    <t>211178.0</t>
  </si>
  <si>
    <t>16535.896</t>
  </si>
  <si>
    <t>22.549</t>
  </si>
  <si>
    <t>275361.0</t>
  </si>
  <si>
    <t>155105490.0</t>
  </si>
  <si>
    <t>244445.0</t>
  </si>
  <si>
    <t>16561.997</t>
  </si>
  <si>
    <t>263464.0</t>
  </si>
  <si>
    <t>1132.1</t>
  </si>
  <si>
    <t>155388397.0</t>
  </si>
  <si>
    <t>282907.0</t>
  </si>
  <si>
    <t>16592.206</t>
  </si>
  <si>
    <t>262084.0</t>
  </si>
  <si>
    <t>1096.6</t>
  </si>
  <si>
    <t>155620890.0</t>
  </si>
  <si>
    <t>16617.031</t>
  </si>
  <si>
    <t>257445.0</t>
  </si>
  <si>
    <t>1073.3</t>
  </si>
  <si>
    <t>155875326.0</t>
  </si>
  <si>
    <t>16644.2</t>
  </si>
  <si>
    <t>27.168</t>
  </si>
  <si>
    <t>1061.3</t>
  </si>
  <si>
    <t>156106978.0</t>
  </si>
  <si>
    <t>231652.0</t>
  </si>
  <si>
    <t>16668.935</t>
  </si>
  <si>
    <t>248031.0</t>
  </si>
  <si>
    <t>1036.5</t>
  </si>
  <si>
    <t>156288312.0</t>
  </si>
  <si>
    <t>16688.298</t>
  </si>
  <si>
    <t>234064.0</t>
  </si>
  <si>
    <t>24.993</t>
  </si>
  <si>
    <t>156443167.0</t>
  </si>
  <si>
    <t>16704.833</t>
  </si>
  <si>
    <t>16.535</t>
  </si>
  <si>
    <t>226017.0</t>
  </si>
  <si>
    <t>156531526.0</t>
  </si>
  <si>
    <t>16714.268</t>
  </si>
  <si>
    <t>203719.0</t>
  </si>
  <si>
    <t>21.753</t>
  </si>
  <si>
    <t>853.4</t>
  </si>
  <si>
    <t>156735245.0</t>
  </si>
  <si>
    <t>16736.021</t>
  </si>
  <si>
    <t>192407.0</t>
  </si>
  <si>
    <t>156837871.0</t>
  </si>
  <si>
    <t>102626.0</t>
  </si>
  <si>
    <t>16746.979</t>
  </si>
  <si>
    <t>173854.0</t>
  </si>
  <si>
    <t>18.564</t>
  </si>
  <si>
    <t>157008090.0</t>
  </si>
  <si>
    <t>170219.0</t>
  </si>
  <si>
    <t>16765.155</t>
  </si>
  <si>
    <t>17.279</t>
  </si>
  <si>
    <t>778.5</t>
  </si>
  <si>
    <t>157203880.0</t>
  </si>
  <si>
    <t>195790.0</t>
  </si>
  <si>
    <t>16786.061</t>
  </si>
  <si>
    <t>20.906</t>
  </si>
  <si>
    <t>156700.0</t>
  </si>
  <si>
    <t>157409049.0</t>
  </si>
  <si>
    <t>205169.0</t>
  </si>
  <si>
    <t>16807.969</t>
  </si>
  <si>
    <t>21.908</t>
  </si>
  <si>
    <t>160105.0</t>
  </si>
  <si>
    <t>772.4</t>
  </si>
  <si>
    <t>157775282.0</t>
  </si>
  <si>
    <t>366233.0</t>
  </si>
  <si>
    <t>16847.075</t>
  </si>
  <si>
    <t>39.106</t>
  </si>
  <si>
    <t>875.2</t>
  </si>
  <si>
    <t>158134264.0</t>
  </si>
  <si>
    <t>16885.407</t>
  </si>
  <si>
    <t>38.332</t>
  </si>
  <si>
    <t>228963.0</t>
  </si>
  <si>
    <t>158403152.0</t>
  </si>
  <si>
    <t>268888.0</t>
  </si>
  <si>
    <t>16914.118</t>
  </si>
  <si>
    <t>28.712</t>
  </si>
  <si>
    <t>238272.0</t>
  </si>
  <si>
    <t>925.1</t>
  </si>
  <si>
    <t>158630432.0</t>
  </si>
  <si>
    <t>227280.0</t>
  </si>
  <si>
    <t>16938.387</t>
  </si>
  <si>
    <t>24.269</t>
  </si>
  <si>
    <t>256080.0</t>
  </si>
  <si>
    <t>908.1</t>
  </si>
  <si>
    <t>158850556.0</t>
  </si>
  <si>
    <t>220124.0</t>
  </si>
  <si>
    <t>16961.891</t>
  </si>
  <si>
    <t>28.105</t>
  </si>
  <si>
    <t>159053301.0</t>
  </si>
  <si>
    <t>202745.0</t>
  </si>
  <si>
    <t>16983.54</t>
  </si>
  <si>
    <t>21.649</t>
  </si>
  <si>
    <t>264203.0</t>
  </si>
  <si>
    <t>28.211</t>
  </si>
  <si>
    <t>828.2</t>
  </si>
  <si>
    <t>159177835.0</t>
  </si>
  <si>
    <t>16996.838</t>
  </si>
  <si>
    <t>252684.0</t>
  </si>
  <si>
    <t>762.7</t>
  </si>
  <si>
    <t>159317275.0</t>
  </si>
  <si>
    <t>139440.0</t>
  </si>
  <si>
    <t>17011.727</t>
  </si>
  <si>
    <t>664.7</t>
  </si>
  <si>
    <t>159525290.0</t>
  </si>
  <si>
    <t>208015.0</t>
  </si>
  <si>
    <t>17033.939</t>
  </si>
  <si>
    <t>198718.0</t>
  </si>
  <si>
    <t>603.2</t>
  </si>
  <si>
    <t>159768083.0</t>
  </si>
  <si>
    <t>242793.0</t>
  </si>
  <si>
    <t>17059.864</t>
  </si>
  <si>
    <t>194990.0</t>
  </si>
  <si>
    <t>20.821</t>
  </si>
  <si>
    <t>160026092.0</t>
  </si>
  <si>
    <t>258009.0</t>
  </si>
  <si>
    <t>17087.414</t>
  </si>
  <si>
    <t>199380.0</t>
  </si>
  <si>
    <t>24796738.0</t>
  </si>
  <si>
    <t>9890211.0</t>
  </si>
  <si>
    <t>9682517.0</t>
  </si>
  <si>
    <t>262.65</t>
  </si>
  <si>
    <t>160277933.0</t>
  </si>
  <si>
    <t>251841.0</t>
  </si>
  <si>
    <t>17114.305</t>
  </si>
  <si>
    <t>21.773</t>
  </si>
  <si>
    <t>619.3</t>
  </si>
  <si>
    <t>160510318.0</t>
  </si>
  <si>
    <t>232385.0</t>
  </si>
  <si>
    <t>17139.119</t>
  </si>
  <si>
    <t>208145.0</t>
  </si>
  <si>
    <t>621.1</t>
  </si>
  <si>
    <t>24812581.0</t>
  </si>
  <si>
    <t>9890219.0</t>
  </si>
  <si>
    <t>9692414.0</t>
  </si>
  <si>
    <t>262.81</t>
  </si>
  <si>
    <t>160678179.0</t>
  </si>
  <si>
    <t>167861.0</t>
  </si>
  <si>
    <t>17157.043</t>
  </si>
  <si>
    <t>17.924</t>
  </si>
  <si>
    <t>214335.0</t>
  </si>
  <si>
    <t>160899619.0</t>
  </si>
  <si>
    <t>221440.0</t>
  </si>
  <si>
    <t>17180.688</t>
  </si>
  <si>
    <t>23.645</t>
  </si>
  <si>
    <t>226049.0</t>
  </si>
  <si>
    <t>24.137</t>
  </si>
  <si>
    <t>663.7</t>
  </si>
  <si>
    <t>161138077.0</t>
  </si>
  <si>
    <t>238458.0</t>
  </si>
  <si>
    <t>17206.15</t>
  </si>
  <si>
    <t>25.462</t>
  </si>
  <si>
    <t>230398.0</t>
  </si>
  <si>
    <t>24.602</t>
  </si>
  <si>
    <t>655.9</t>
  </si>
  <si>
    <t>24831437.0</t>
  </si>
  <si>
    <t>9890245.0</t>
  </si>
  <si>
    <t>9692440.0</t>
  </si>
  <si>
    <t>263.01</t>
  </si>
  <si>
    <t>161390913.0</t>
  </si>
  <si>
    <t>17233.148</t>
  </si>
  <si>
    <t>231833.0</t>
  </si>
  <si>
    <t>24.755</t>
  </si>
  <si>
    <t>24840405.0</t>
  </si>
  <si>
    <t>9890271.0</t>
  </si>
  <si>
    <t>9692466.0</t>
  </si>
  <si>
    <t>161627196.0</t>
  </si>
  <si>
    <t>236283.0</t>
  </si>
  <si>
    <t>17258.378</t>
  </si>
  <si>
    <t>228729.0</t>
  </si>
  <si>
    <t>24.423</t>
  </si>
  <si>
    <t>161860097.0</t>
  </si>
  <si>
    <t>17283.247</t>
  </si>
  <si>
    <t>226023.0</t>
  </si>
  <si>
    <t>607.8</t>
  </si>
  <si>
    <t>162056456.0</t>
  </si>
  <si>
    <t>196359.0</t>
  </si>
  <si>
    <t>17304.214</t>
  </si>
  <si>
    <t>20.967</t>
  </si>
  <si>
    <t>220877.0</t>
  </si>
  <si>
    <t>23.585</t>
  </si>
  <si>
    <t>592.2</t>
  </si>
  <si>
    <t>24861175.0</t>
  </si>
  <si>
    <t>9702356.0</t>
  </si>
  <si>
    <t>263.33</t>
  </si>
  <si>
    <t>162207997.0</t>
  </si>
  <si>
    <t>17320.395</t>
  </si>
  <si>
    <t>218545.0</t>
  </si>
  <si>
    <t>572.3</t>
  </si>
  <si>
    <t>162413131.0</t>
  </si>
  <si>
    <t>205134.0</t>
  </si>
  <si>
    <t>17342.299</t>
  </si>
  <si>
    <t>216216.0</t>
  </si>
  <si>
    <t>24874376.0</t>
  </si>
  <si>
    <t>9890408.0</t>
  </si>
  <si>
    <t>9702490.0</t>
  </si>
  <si>
    <t>263.47</t>
  </si>
  <si>
    <t>162645093.0</t>
  </si>
  <si>
    <t>231962.0</t>
  </si>
  <si>
    <t>17367.068</t>
  </si>
  <si>
    <t>215288.0</t>
  </si>
  <si>
    <t>22.988</t>
  </si>
  <si>
    <t>24880528.0</t>
  </si>
  <si>
    <t>9890495.0</t>
  </si>
  <si>
    <t>263.53</t>
  </si>
  <si>
    <t>162887457.0</t>
  </si>
  <si>
    <t>242364.0</t>
  </si>
  <si>
    <t>17392.947</t>
  </si>
  <si>
    <t>25.879</t>
  </si>
  <si>
    <t>22.828</t>
  </si>
  <si>
    <t>501.2</t>
  </si>
  <si>
    <t>163118743.0</t>
  </si>
  <si>
    <t>231286.0</t>
  </si>
  <si>
    <t>17417.644</t>
  </si>
  <si>
    <t>213078.0</t>
  </si>
  <si>
    <t>22.752</t>
  </si>
  <si>
    <t>163350029.0</t>
  </si>
  <si>
    <t>17442.34</t>
  </si>
  <si>
    <t>212847.0</t>
  </si>
  <si>
    <t>455.8</t>
  </si>
  <si>
    <t>163581570.0</t>
  </si>
  <si>
    <t>231541.0</t>
  </si>
  <si>
    <t>17467.064</t>
  </si>
  <si>
    <t>217873.0</t>
  </si>
  <si>
    <t>23.264</t>
  </si>
  <si>
    <t>436.5</t>
  </si>
  <si>
    <t>24909327.0</t>
  </si>
  <si>
    <t>9991089.0</t>
  </si>
  <si>
    <t>9792266.0</t>
  </si>
  <si>
    <t>5125972.0</t>
  </si>
  <si>
    <t>263.84</t>
  </si>
  <si>
    <t>163757329.0</t>
  </si>
  <si>
    <t>17485.831</t>
  </si>
  <si>
    <t>18.767</t>
  </si>
  <si>
    <t>221333.0</t>
  </si>
  <si>
    <t>164013935.0</t>
  </si>
  <si>
    <t>256606.0</t>
  </si>
  <si>
    <t>17513.232</t>
  </si>
  <si>
    <t>228686.0</t>
  </si>
  <si>
    <t>164293098.0</t>
  </si>
  <si>
    <t>279163.0</t>
  </si>
  <si>
    <t>17543.04</t>
  </si>
  <si>
    <t>235429.0</t>
  </si>
  <si>
    <t>25.139</t>
  </si>
  <si>
    <t>382.7</t>
  </si>
  <si>
    <t>164579949.0</t>
  </si>
  <si>
    <t>286851.0</t>
  </si>
  <si>
    <t>17573.67</t>
  </si>
  <si>
    <t>241785.0</t>
  </si>
  <si>
    <t>355.4</t>
  </si>
  <si>
    <t>164827226.0</t>
  </si>
  <si>
    <t>247277.0</t>
  </si>
  <si>
    <t>17600.074</t>
  </si>
  <si>
    <t>26.061</t>
  </si>
  <si>
    <t>165081217.0</t>
  </si>
  <si>
    <t>253991.0</t>
  </si>
  <si>
    <t>17627.195</t>
  </si>
  <si>
    <t>247313.0</t>
  </si>
  <si>
    <t>26.408</t>
  </si>
  <si>
    <t>165326148.0</t>
  </si>
  <si>
    <t>244931.0</t>
  </si>
  <si>
    <t>17653.348</t>
  </si>
  <si>
    <t>249225.0</t>
  </si>
  <si>
    <t>26.612</t>
  </si>
  <si>
    <t>265.9</t>
  </si>
  <si>
    <t>165506223.0</t>
  </si>
  <si>
    <t>180075.0</t>
  </si>
  <si>
    <t>17672.576</t>
  </si>
  <si>
    <t>249842.0</t>
  </si>
  <si>
    <t>165745528.0</t>
  </si>
  <si>
    <t>17698.129</t>
  </si>
  <si>
    <t>247370.0</t>
  </si>
  <si>
    <t>166013181.0</t>
  </si>
  <si>
    <t>17726.709</t>
  </si>
  <si>
    <t>245726.0</t>
  </si>
  <si>
    <t>166324923.0</t>
  </si>
  <si>
    <t>311742.0</t>
  </si>
  <si>
    <t>17759.996</t>
  </si>
  <si>
    <t>33.287</t>
  </si>
  <si>
    <t>26.618</t>
  </si>
  <si>
    <t>166707231.0</t>
  </si>
  <si>
    <t>17800.819</t>
  </si>
  <si>
    <t>268572.0</t>
  </si>
  <si>
    <t>28.678</t>
  </si>
  <si>
    <t>167032108.0</t>
  </si>
  <si>
    <t>324877.0</t>
  </si>
  <si>
    <t>17835.509</t>
  </si>
  <si>
    <t>278699.0</t>
  </si>
  <si>
    <t>167356374.0</t>
  </si>
  <si>
    <t>324266.0</t>
  </si>
  <si>
    <t>17870.134</t>
  </si>
  <si>
    <t>34.625</t>
  </si>
  <si>
    <t>167603433.0</t>
  </si>
  <si>
    <t>17896.514</t>
  </si>
  <si>
    <t>299601.0</t>
  </si>
  <si>
    <t>31.991</t>
  </si>
  <si>
    <t>24922054.0</t>
  </si>
  <si>
    <t>5138699.0</t>
  </si>
  <si>
    <t>263.97</t>
  </si>
  <si>
    <t>167878750.0</t>
  </si>
  <si>
    <t>275317.0</t>
  </si>
  <si>
    <t>17925.912</t>
  </si>
  <si>
    <t>304746.0</t>
  </si>
  <si>
    <t>168197656.0</t>
  </si>
  <si>
    <t>318906.0</t>
  </si>
  <si>
    <t>17959.965</t>
  </si>
  <si>
    <t>34.052</t>
  </si>
  <si>
    <t>312068.0</t>
  </si>
  <si>
    <t>33.322</t>
  </si>
  <si>
    <t>168522672.0</t>
  </si>
  <si>
    <t>325016.0</t>
  </si>
  <si>
    <t>17994.67</t>
  </si>
  <si>
    <t>34.705</t>
  </si>
  <si>
    <t>313964.0</t>
  </si>
  <si>
    <t>GBR</t>
  </si>
  <si>
    <t>United Kingdom</t>
  </si>
  <si>
    <t>-1956.3</t>
  </si>
  <si>
    <t>-28.9783859132367</t>
  </si>
  <si>
    <t>-2995.2</t>
  </si>
  <si>
    <t>-44.3674597389596</t>
  </si>
  <si>
    <t>-3845.7</t>
  </si>
  <si>
    <t>-56.9657919064226</t>
  </si>
  <si>
    <t>-4760.6</t>
  </si>
  <si>
    <t>-70.5180718594054</t>
  </si>
  <si>
    <t>-5170.9</t>
  </si>
  <si>
    <t>-76.5957857786412</t>
  </si>
  <si>
    <t>-5888.2</t>
  </si>
  <si>
    <t>-87.2210458182899</t>
  </si>
  <si>
    <t>-6099.5</t>
  </si>
  <si>
    <t>-90.3510018288542</t>
  </si>
  <si>
    <t>-6056.0</t>
  </si>
  <si>
    <t>-89.7066426880139</t>
  </si>
  <si>
    <t>-5161.3</t>
  </si>
  <si>
    <t>-76.453582382042</t>
  </si>
  <si>
    <t>155174.0</t>
  </si>
  <si>
    <t>182047.0</t>
  </si>
  <si>
    <t>222937.0</t>
  </si>
  <si>
    <t>238836.0</t>
  </si>
  <si>
    <t>24.5745244748043</t>
  </si>
  <si>
    <t>280304.0</t>
  </si>
  <si>
    <t>296747.0</t>
  </si>
  <si>
    <t>315141.0</t>
  </si>
  <si>
    <t>332925.0</t>
  </si>
  <si>
    <t>350575.0</t>
  </si>
  <si>
    <t>15963.0</t>
  </si>
  <si>
    <t>365081.0</t>
  </si>
  <si>
    <t>10605.7</t>
  </si>
  <si>
    <t>157.10068367838</t>
  </si>
  <si>
    <t>379649.0</t>
  </si>
  <si>
    <t>0.2735</t>
  </si>
  <si>
    <t>395912.0</t>
  </si>
  <si>
    <t>414469.0</t>
  </si>
  <si>
    <t>435389.0</t>
  </si>
  <si>
    <t>477776.0</t>
  </si>
  <si>
    <t>497092.0</t>
  </si>
  <si>
    <t>346.368960695811</t>
  </si>
  <si>
    <t>532229.0</t>
  </si>
  <si>
    <t>554992.0</t>
  </si>
  <si>
    <t>578066.0</t>
  </si>
  <si>
    <t>606093.0</t>
  </si>
  <si>
    <t>28027.0</t>
  </si>
  <si>
    <t>0.1982</t>
  </si>
  <si>
    <t>634319.0</t>
  </si>
  <si>
    <t>663377.0</t>
  </si>
  <si>
    <t>29058.0</t>
  </si>
  <si>
    <t>694987.0</t>
  </si>
  <si>
    <t>35777.7</t>
  </si>
  <si>
    <t>529.96983984461</t>
  </si>
  <si>
    <t>726553.0</t>
  </si>
  <si>
    <t>31566.0</t>
  </si>
  <si>
    <t>771817.0</t>
  </si>
  <si>
    <t>45264.0</t>
  </si>
  <si>
    <t>229.91</t>
  </si>
  <si>
    <t>839597.0</t>
  </si>
  <si>
    <t>922684.0</t>
  </si>
  <si>
    <t>83087.0</t>
  </si>
  <si>
    <t>45227.0</t>
  </si>
  <si>
    <t>996826.0</t>
  </si>
  <si>
    <t>74142.0</t>
  </si>
  <si>
    <t>1060387.0</t>
  </si>
  <si>
    <t>56716.0</t>
  </si>
  <si>
    <t>16.774</t>
  </si>
  <si>
    <t>61943.0</t>
  </si>
  <si>
    <t>44459.2</t>
  </si>
  <si>
    <t>658.567630217131</t>
  </si>
  <si>
    <t>1202251.0</t>
  </si>
  <si>
    <t>73661.0</t>
  </si>
  <si>
    <t>17.869</t>
  </si>
  <si>
    <t>1268054.0</t>
  </si>
  <si>
    <t>18.847</t>
  </si>
  <si>
    <t>1343722.0</t>
  </si>
  <si>
    <t>75668.0</t>
  </si>
  <si>
    <t>1420462.0</t>
  </si>
  <si>
    <t>21.112</t>
  </si>
  <si>
    <t>71111.0</t>
  </si>
  <si>
    <t>1495302.0</t>
  </si>
  <si>
    <t>71211.0</t>
  </si>
  <si>
    <t>1569888.0</t>
  </si>
  <si>
    <t>74586.0</t>
  </si>
  <si>
    <t>23.333</t>
  </si>
  <si>
    <t>72786.0</t>
  </si>
  <si>
    <t>1643429.0</t>
  </si>
  <si>
    <t>24.426</t>
  </si>
  <si>
    <t>73548.0</t>
  </si>
  <si>
    <t>47936.9</t>
  </si>
  <si>
    <t>710.082291920584</t>
  </si>
  <si>
    <t>1710628.0</t>
  </si>
  <si>
    <t>72625.0</t>
  </si>
  <si>
    <t>1782996.0</t>
  </si>
  <si>
    <t>72368.0</t>
  </si>
  <si>
    <t>26.501</t>
  </si>
  <si>
    <t>1864403.0</t>
  </si>
  <si>
    <t>1946011.0</t>
  </si>
  <si>
    <t>75078.0</t>
  </si>
  <si>
    <t>2034056.0</t>
  </si>
  <si>
    <t>88045.0</t>
  </si>
  <si>
    <t>2122318.0</t>
  </si>
  <si>
    <t>88262.0</t>
  </si>
  <si>
    <t>31.544</t>
  </si>
  <si>
    <t>2197608.0</t>
  </si>
  <si>
    <t>75290.0</t>
  </si>
  <si>
    <t>52714.8</t>
  </si>
  <si>
    <t>780.856626150944</t>
  </si>
  <si>
    <t>2260688.0</t>
  </si>
  <si>
    <t>63080.0</t>
  </si>
  <si>
    <t>78580.0</t>
  </si>
  <si>
    <t>2332060.0</t>
  </si>
  <si>
    <t>71372.0</t>
  </si>
  <si>
    <t>78438.0</t>
  </si>
  <si>
    <t>2413462.0</t>
  </si>
  <si>
    <t>81402.0</t>
  </si>
  <si>
    <t>78437.0</t>
  </si>
  <si>
    <t>2506869.0</t>
  </si>
  <si>
    <t>80123.0</t>
  </si>
  <si>
    <t>2590930.0</t>
  </si>
  <si>
    <t>84061.0</t>
  </si>
  <si>
    <t>38.509</t>
  </si>
  <si>
    <t>2670829.0</t>
  </si>
  <si>
    <t>39.697</t>
  </si>
  <si>
    <t>78359.0</t>
  </si>
  <si>
    <t>2722676.0</t>
  </si>
  <si>
    <t>40.467</t>
  </si>
  <si>
    <t>55211.7</t>
  </si>
  <si>
    <t>817.842840835175</t>
  </si>
  <si>
    <t>2859563.0</t>
  </si>
  <si>
    <t>85554.0</t>
  </si>
  <si>
    <t>2923504.0</t>
  </si>
  <si>
    <t>43.452</t>
  </si>
  <si>
    <t>2993833.0</t>
  </si>
  <si>
    <t>70329.0</t>
  </si>
  <si>
    <t>44.497</t>
  </si>
  <si>
    <t>3078468.0</t>
  </si>
  <si>
    <t>84635.0</t>
  </si>
  <si>
    <t>45.755</t>
  </si>
  <si>
    <t>3174018.0</t>
  </si>
  <si>
    <t>83298.0</t>
  </si>
  <si>
    <t>3263888.0</t>
  </si>
  <si>
    <t>89870.0</t>
  </si>
  <si>
    <t>3339151.0</t>
  </si>
  <si>
    <t>75263.0</t>
  </si>
  <si>
    <t>56968.2</t>
  </si>
  <si>
    <t>843.86161855669</t>
  </si>
  <si>
    <t>3403873.0</t>
  </si>
  <si>
    <t>50.592</t>
  </si>
  <si>
    <t>77759.0</t>
  </si>
  <si>
    <t>3490527.0</t>
  </si>
  <si>
    <t>81003.0</t>
  </si>
  <si>
    <t>3587330.0</t>
  </si>
  <si>
    <t>96803.0</t>
  </si>
  <si>
    <t>3682775.0</t>
  </si>
  <si>
    <t>95445.0</t>
  </si>
  <si>
    <t>54.737</t>
  </si>
  <si>
    <t>86330.0</t>
  </si>
  <si>
    <t>8.206</t>
  </si>
  <si>
    <t>3782412.0</t>
  </si>
  <si>
    <t>56.218</t>
  </si>
  <si>
    <t>86913.0</t>
  </si>
  <si>
    <t>3873426.0</t>
  </si>
  <si>
    <t>91014.0</t>
  </si>
  <si>
    <t>57.571</t>
  </si>
  <si>
    <t>87077.0</t>
  </si>
  <si>
    <t>3957326.0</t>
  </si>
  <si>
    <t>83900.0</t>
  </si>
  <si>
    <t>58.818</t>
  </si>
  <si>
    <t>88311.0</t>
  </si>
  <si>
    <t>57686.7</t>
  </si>
  <si>
    <t>854.504654020913</t>
  </si>
  <si>
    <t>4059548.0</t>
  </si>
  <si>
    <t>102222.0</t>
  </si>
  <si>
    <t>60.337</t>
  </si>
  <si>
    <t>4151154.0</t>
  </si>
  <si>
    <t>91606.0</t>
  </si>
  <si>
    <t>94375.0</t>
  </si>
  <si>
    <t>4249081.0</t>
  </si>
  <si>
    <t>94536.0</t>
  </si>
  <si>
    <t>4349254.0</t>
  </si>
  <si>
    <t>100173.0</t>
  </si>
  <si>
    <t>64.643</t>
  </si>
  <si>
    <t>4445275.0</t>
  </si>
  <si>
    <t>94695.0</t>
  </si>
  <si>
    <t>4542174.0</t>
  </si>
  <si>
    <t>4609714.0</t>
  </si>
  <si>
    <t>67540.0</t>
  </si>
  <si>
    <t>68.514</t>
  </si>
  <si>
    <t>93198.0</t>
  </si>
  <si>
    <t>58222.8</t>
  </si>
  <si>
    <t>862.445824949752</t>
  </si>
  <si>
    <t>4677522.0</t>
  </si>
  <si>
    <t>88282.0</t>
  </si>
  <si>
    <t>4756484.0</t>
  </si>
  <si>
    <t>78962.0</t>
  </si>
  <si>
    <t>70.696</t>
  </si>
  <si>
    <t>86476.0</t>
  </si>
  <si>
    <t>4840348.0</t>
  </si>
  <si>
    <t>84467.0</t>
  </si>
  <si>
    <t>4930797.0</t>
  </si>
  <si>
    <t>90449.0</t>
  </si>
  <si>
    <t>73.287</t>
  </si>
  <si>
    <t>5017988.0</t>
  </si>
  <si>
    <t>87191.0</t>
  </si>
  <si>
    <t>5098834.0</t>
  </si>
  <si>
    <t>80846.0</t>
  </si>
  <si>
    <t>79523.0</t>
  </si>
  <si>
    <t>5156119.0</t>
  </si>
  <si>
    <t>76.636</t>
  </si>
  <si>
    <t>58154.9</t>
  </si>
  <si>
    <t>861.440032175888</t>
  </si>
  <si>
    <t>5219161.0</t>
  </si>
  <si>
    <t>77.573</t>
  </si>
  <si>
    <t>77377.0</t>
  </si>
  <si>
    <t>5285917.0</t>
  </si>
  <si>
    <t>66756.0</t>
  </si>
  <si>
    <t>5373957.0</t>
  </si>
  <si>
    <t>88040.0</t>
  </si>
  <si>
    <t>79.873</t>
  </si>
  <si>
    <t>5510701.0</t>
  </si>
  <si>
    <t>136744.0</t>
  </si>
  <si>
    <t>81.906</t>
  </si>
  <si>
    <t>82843.0</t>
  </si>
  <si>
    <t>5604093.0</t>
  </si>
  <si>
    <t>93392.0</t>
  </si>
  <si>
    <t>83.294</t>
  </si>
  <si>
    <t>5694990.0</t>
  </si>
  <si>
    <t>90897.0</t>
  </si>
  <si>
    <t>84.645</t>
  </si>
  <si>
    <t>5760203.0</t>
  </si>
  <si>
    <t>65213.0</t>
  </si>
  <si>
    <t>85.614</t>
  </si>
  <si>
    <t>86298.0</t>
  </si>
  <si>
    <t>57769.6</t>
  </si>
  <si>
    <t>-3.61</t>
  </si>
  <si>
    <t>855.732639601963</t>
  </si>
  <si>
    <t>5825239.0</t>
  </si>
  <si>
    <t>65036.0</t>
  </si>
  <si>
    <t>86.581</t>
  </si>
  <si>
    <t>5922583.0</t>
  </si>
  <si>
    <t>88.028</t>
  </si>
  <si>
    <t>90952.0</t>
  </si>
  <si>
    <t>6035588.0</t>
  </si>
  <si>
    <t>113005.0</t>
  </si>
  <si>
    <t>89.707</t>
  </si>
  <si>
    <t>6147681.0</t>
  </si>
  <si>
    <t>112093.0</t>
  </si>
  <si>
    <t>90997.0</t>
  </si>
  <si>
    <t>6262114.0</t>
  </si>
  <si>
    <t>114433.0</t>
  </si>
  <si>
    <t>93.074</t>
  </si>
  <si>
    <t>94003.0</t>
  </si>
  <si>
    <t>6355415.0</t>
  </si>
  <si>
    <t>94.461</t>
  </si>
  <si>
    <t>94346.0</t>
  </si>
  <si>
    <t>6433120.0</t>
  </si>
  <si>
    <t>96131.0</t>
  </si>
  <si>
    <t>57635.5</t>
  </si>
  <si>
    <t>853.746235905718</t>
  </si>
  <si>
    <t>6496653.0</t>
  </si>
  <si>
    <t>63533.0</t>
  </si>
  <si>
    <t>6597342.0</t>
  </si>
  <si>
    <t>100689.0</t>
  </si>
  <si>
    <t>96394.0</t>
  </si>
  <si>
    <t>6717480.0</t>
  </si>
  <si>
    <t>120138.0</t>
  </si>
  <si>
    <t>99.842</t>
  </si>
  <si>
    <t>6849508.0</t>
  </si>
  <si>
    <t>132028.0</t>
  </si>
  <si>
    <t>101.804</t>
  </si>
  <si>
    <t>100261.0</t>
  </si>
  <si>
    <t>6977736.0</t>
  </si>
  <si>
    <t>128228.0</t>
  </si>
  <si>
    <t>7101830.0</t>
  </si>
  <si>
    <t>124094.0</t>
  </si>
  <si>
    <t>105.555</t>
  </si>
  <si>
    <t>106631.0</t>
  </si>
  <si>
    <t>7188816.0</t>
  </si>
  <si>
    <t>86986.0</t>
  </si>
  <si>
    <t>106.848</t>
  </si>
  <si>
    <t>57003.4</t>
  </si>
  <si>
    <t>844.383031010887</t>
  </si>
  <si>
    <t>7262633.0</t>
  </si>
  <si>
    <t>73817.0</t>
  </si>
  <si>
    <t>107.945</t>
  </si>
  <si>
    <t>7375594.0</t>
  </si>
  <si>
    <t>109.624</t>
  </si>
  <si>
    <t>111179.0</t>
  </si>
  <si>
    <t>7508695.0</t>
  </si>
  <si>
    <t>111.602</t>
  </si>
  <si>
    <t>7658207.0</t>
  </si>
  <si>
    <t>113.824</t>
  </si>
  <si>
    <t>115528.0</t>
  </si>
  <si>
    <t>7815903.0</t>
  </si>
  <si>
    <t>157696.0</t>
  </si>
  <si>
    <t>116.168</t>
  </si>
  <si>
    <t>119738.0</t>
  </si>
  <si>
    <t>7947599.0</t>
  </si>
  <si>
    <t>131696.0</t>
  </si>
  <si>
    <t>118.125</t>
  </si>
  <si>
    <t>120824.0</t>
  </si>
  <si>
    <t>8050171.0</t>
  </si>
  <si>
    <t>102572.0</t>
  </si>
  <si>
    <t>56677.3</t>
  </si>
  <si>
    <t>839.552559382657</t>
  </si>
  <si>
    <t>8135242.0</t>
  </si>
  <si>
    <t>120.914</t>
  </si>
  <si>
    <t>124658.0</t>
  </si>
  <si>
    <t>8256935.0</t>
  </si>
  <si>
    <t>121693.0</t>
  </si>
  <si>
    <t>122.723</t>
  </si>
  <si>
    <t>8388397.0</t>
  </si>
  <si>
    <t>131462.0</t>
  </si>
  <si>
    <t>124.677</t>
  </si>
  <si>
    <t>8522679.0</t>
  </si>
  <si>
    <t>126.673</t>
  </si>
  <si>
    <t>8663993.0</t>
  </si>
  <si>
    <t>141314.0</t>
  </si>
  <si>
    <t>128.773</t>
  </si>
  <si>
    <t>121156.0</t>
  </si>
  <si>
    <t>8798036.0</t>
  </si>
  <si>
    <t>134043.0</t>
  </si>
  <si>
    <t>121491.0</t>
  </si>
  <si>
    <t>8904608.0</t>
  </si>
  <si>
    <t>132.349</t>
  </si>
  <si>
    <t>122062.0</t>
  </si>
  <si>
    <t>56462.2</t>
  </si>
  <si>
    <t>836.366314527605</t>
  </si>
  <si>
    <t>8986873.0</t>
  </si>
  <si>
    <t>82265.0</t>
  </si>
  <si>
    <t>133.572</t>
  </si>
  <si>
    <t>121662.0</t>
  </si>
  <si>
    <t>20.294</t>
  </si>
  <si>
    <t>9117483.0</t>
  </si>
  <si>
    <t>130610.0</t>
  </si>
  <si>
    <t>135.513</t>
  </si>
  <si>
    <t>122935.0</t>
  </si>
  <si>
    <t>9260989.0</t>
  </si>
  <si>
    <t>143506.0</t>
  </si>
  <si>
    <t>137.646</t>
  </si>
  <si>
    <t>124656.0</t>
  </si>
  <si>
    <t>9415384.0</t>
  </si>
  <si>
    <t>154395.0</t>
  </si>
  <si>
    <t>139.941</t>
  </si>
  <si>
    <t>127529.0</t>
  </si>
  <si>
    <t>9562383.0</t>
  </si>
  <si>
    <t>146999.0</t>
  </si>
  <si>
    <t>142.126</t>
  </si>
  <si>
    <t>128341.0</t>
  </si>
  <si>
    <t>9693382.0</t>
  </si>
  <si>
    <t>144.073</t>
  </si>
  <si>
    <t>127907.0</t>
  </si>
  <si>
    <t>9818696.0</t>
  </si>
  <si>
    <t>145.936</t>
  </si>
  <si>
    <t>130584.0</t>
  </si>
  <si>
    <t>56353.5</t>
  </si>
  <si>
    <t>834.756157318196</t>
  </si>
  <si>
    <t>9941987.0</t>
  </si>
  <si>
    <t>123291.0</t>
  </si>
  <si>
    <t>147.768</t>
  </si>
  <si>
    <t>136445.0</t>
  </si>
  <si>
    <t>10083427.0</t>
  </si>
  <si>
    <t>141440.0</t>
  </si>
  <si>
    <t>137992.0</t>
  </si>
  <si>
    <t>10236970.0</t>
  </si>
  <si>
    <t>153543.0</t>
  </si>
  <si>
    <t>152.152</t>
  </si>
  <si>
    <t>139426.0</t>
  </si>
  <si>
    <t>10400408.0</t>
  </si>
  <si>
    <t>154.582</t>
  </si>
  <si>
    <t>10556548.0</t>
  </si>
  <si>
    <t>156140.0</t>
  </si>
  <si>
    <t>156.902</t>
  </si>
  <si>
    <t>142024.0</t>
  </si>
  <si>
    <t>10703374.0</t>
  </si>
  <si>
    <t>146826.0</t>
  </si>
  <si>
    <t>159.085</t>
  </si>
  <si>
    <t>144285.0</t>
  </si>
  <si>
    <t>10857124.0</t>
  </si>
  <si>
    <t>153750.0</t>
  </si>
  <si>
    <t>831.949121520742</t>
  </si>
  <si>
    <t>10993551.0</t>
  </si>
  <si>
    <t>136427.0</t>
  </si>
  <si>
    <t>163.397</t>
  </si>
  <si>
    <t>150223.0</t>
  </si>
  <si>
    <t>11141214.0</t>
  </si>
  <si>
    <t>165.592</t>
  </si>
  <si>
    <t>11310805.0</t>
  </si>
  <si>
    <t>168.113</t>
  </si>
  <si>
    <t>153405.0</t>
  </si>
  <si>
    <t>11471425.0</t>
  </si>
  <si>
    <t>11639184.0</t>
  </si>
  <si>
    <t>172.994</t>
  </si>
  <si>
    <t>154662.0</t>
  </si>
  <si>
    <t>11814098.0</t>
  </si>
  <si>
    <t>174914.0</t>
  </si>
  <si>
    <t>175.593</t>
  </si>
  <si>
    <t>11978298.0</t>
  </si>
  <si>
    <t>164200.0</t>
  </si>
  <si>
    <t>178.034</t>
  </si>
  <si>
    <t>56353.1</t>
  </si>
  <si>
    <t>834.750232176671</t>
  </si>
  <si>
    <t>12118924.0</t>
  </si>
  <si>
    <t>140626.0</t>
  </si>
  <si>
    <t>180.124</t>
  </si>
  <si>
    <t>160768.0</t>
  </si>
  <si>
    <t>12272157.0</t>
  </si>
  <si>
    <t>182.401</t>
  </si>
  <si>
    <t>161563.0</t>
  </si>
  <si>
    <t>12446595.0</t>
  </si>
  <si>
    <t>184.994</t>
  </si>
  <si>
    <t>162256.0</t>
  </si>
  <si>
    <t>12618033.0</t>
  </si>
  <si>
    <t>171438.0</t>
  </si>
  <si>
    <t>187.542</t>
  </si>
  <si>
    <t>163801.0</t>
  </si>
  <si>
    <t>12798368.0</t>
  </si>
  <si>
    <t>180335.0</t>
  </si>
  <si>
    <t>190.223</t>
  </si>
  <si>
    <t>165598.0</t>
  </si>
  <si>
    <t>12969753.0</t>
  </si>
  <si>
    <t>171385.0</t>
  </si>
  <si>
    <t>13126236.0</t>
  </si>
  <si>
    <t>156483.0</t>
  </si>
  <si>
    <t>56846.2</t>
  </si>
  <si>
    <t>842.054450391575</t>
  </si>
  <si>
    <t>13263262.0</t>
  </si>
  <si>
    <t>163477.0</t>
  </si>
  <si>
    <t>13447568.0</t>
  </si>
  <si>
    <t>184306.0</t>
  </si>
  <si>
    <t>199.872</t>
  </si>
  <si>
    <t>167916.0</t>
  </si>
  <si>
    <t>13633416.0</t>
  </si>
  <si>
    <t>185848.0</t>
  </si>
  <si>
    <t>202.634</t>
  </si>
  <si>
    <t>169546.0</t>
  </si>
  <si>
    <t>13823629.0</t>
  </si>
  <si>
    <t>190213.0</t>
  </si>
  <si>
    <t>205.461</t>
  </si>
  <si>
    <t>172228.0</t>
  </si>
  <si>
    <t>13992972.0</t>
  </si>
  <si>
    <t>169343.0</t>
  </si>
  <si>
    <t>207.978</t>
  </si>
  <si>
    <t>14163546.0</t>
  </si>
  <si>
    <t>210.513</t>
  </si>
  <si>
    <t>170542.0</t>
  </si>
  <si>
    <t>14330417.0</t>
  </si>
  <si>
    <t>212.993</t>
  </si>
  <si>
    <t>172026.0</t>
  </si>
  <si>
    <t>57675.7</t>
  </si>
  <si>
    <t>854.341712628977</t>
  </si>
  <si>
    <t>14488971.0</t>
  </si>
  <si>
    <t>158554.0</t>
  </si>
  <si>
    <t>14653196.0</t>
  </si>
  <si>
    <t>217.791</t>
  </si>
  <si>
    <t>172233.0</t>
  </si>
  <si>
    <t>14835199.0</t>
  </si>
  <si>
    <t>220.496</t>
  </si>
  <si>
    <t>171683.0</t>
  </si>
  <si>
    <t>15017553.0</t>
  </si>
  <si>
    <t>182354.0</t>
  </si>
  <si>
    <t>223.206</t>
  </si>
  <si>
    <t>170561.0</t>
  </si>
  <si>
    <t>15205285.0</t>
  </si>
  <si>
    <t>187732.0</t>
  </si>
  <si>
    <t>225.997</t>
  </si>
  <si>
    <t>173188.0</t>
  </si>
  <si>
    <t>15371404.0</t>
  </si>
  <si>
    <t>166119.0</t>
  </si>
  <si>
    <t>228.466</t>
  </si>
  <si>
    <t>172551.0</t>
  </si>
  <si>
    <t>15541294.0</t>
  </si>
  <si>
    <t>169890.0</t>
  </si>
  <si>
    <t>230.991</t>
  </si>
  <si>
    <t>172982.0</t>
  </si>
  <si>
    <t>56204.4</t>
  </si>
  <si>
    <t>832.547560814764</t>
  </si>
  <si>
    <t>15720561.0</t>
  </si>
  <si>
    <t>179267.0</t>
  </si>
  <si>
    <t>233.655</t>
  </si>
  <si>
    <t>175941.0</t>
  </si>
  <si>
    <t>15934869.0</t>
  </si>
  <si>
    <t>214308.0</t>
  </si>
  <si>
    <t>183096.0</t>
  </si>
  <si>
    <t>16145887.0</t>
  </si>
  <si>
    <t>211018.0</t>
  </si>
  <si>
    <t>239.977</t>
  </si>
  <si>
    <t>16377083.0</t>
  </si>
  <si>
    <t>231196.0</t>
  </si>
  <si>
    <t>243.413</t>
  </si>
  <si>
    <t>194219.0</t>
  </si>
  <si>
    <t>16655346.0</t>
  </si>
  <si>
    <t>247.549</t>
  </si>
  <si>
    <t>207152.0</t>
  </si>
  <si>
    <t>16876512.0</t>
  </si>
  <si>
    <t>221166.0</t>
  </si>
  <si>
    <t>250.836</t>
  </si>
  <si>
    <t>17089685.0</t>
  </si>
  <si>
    <t>213173.0</t>
  </si>
  <si>
    <t>254.004</t>
  </si>
  <si>
    <t>56706.3</t>
  </si>
  <si>
    <t>839.982132143217</t>
  </si>
  <si>
    <t>17297403.0</t>
  </si>
  <si>
    <t>207718.0</t>
  </si>
  <si>
    <t>257.092</t>
  </si>
  <si>
    <t>225263.0</t>
  </si>
  <si>
    <t>17521680.0</t>
  </si>
  <si>
    <t>224277.0</t>
  </si>
  <si>
    <t>260.425</t>
  </si>
  <si>
    <t>17761017.0</t>
  </si>
  <si>
    <t>239337.0</t>
  </si>
  <si>
    <t>17995470.0</t>
  </si>
  <si>
    <t>234453.0</t>
  </si>
  <si>
    <t>267.467</t>
  </si>
  <si>
    <t>231198.0</t>
  </si>
  <si>
    <t>18248877.0</t>
  </si>
  <si>
    <t>253407.0</t>
  </si>
  <si>
    <t>271.234</t>
  </si>
  <si>
    <t>227647.0</t>
  </si>
  <si>
    <t>18488762.0</t>
  </si>
  <si>
    <t>239885.0</t>
  </si>
  <si>
    <t>274.799</t>
  </si>
  <si>
    <t>230321.0</t>
  </si>
  <si>
    <t>18708484.0</t>
  </si>
  <si>
    <t>219722.0</t>
  </si>
  <si>
    <t>278.065</t>
  </si>
  <si>
    <t>231257.0</t>
  </si>
  <si>
    <t>56891.6</t>
  </si>
  <si>
    <t>842.726953954659</t>
  </si>
  <si>
    <t>18901042.0</t>
  </si>
  <si>
    <t>280.927</t>
  </si>
  <si>
    <t>229091.0</t>
  </si>
  <si>
    <t>19096372.0</t>
  </si>
  <si>
    <t>283.83</t>
  </si>
  <si>
    <t>224956.0</t>
  </si>
  <si>
    <t>19329468.0</t>
  </si>
  <si>
    <t>233096.0</t>
  </si>
  <si>
    <t>287.294</t>
  </si>
  <si>
    <t>224064.0</t>
  </si>
  <si>
    <t>19587292.0</t>
  </si>
  <si>
    <t>257824.0</t>
  </si>
  <si>
    <t>291.126</t>
  </si>
  <si>
    <t>227403.0</t>
  </si>
  <si>
    <t>19846156.0</t>
  </si>
  <si>
    <t>294.974</t>
  </si>
  <si>
    <t>228183.0</t>
  </si>
  <si>
    <t>20080130.0</t>
  </si>
  <si>
    <t>233974.0</t>
  </si>
  <si>
    <t>298.452</t>
  </si>
  <si>
    <t>227338.0</t>
  </si>
  <si>
    <t>20306688.0</t>
  </si>
  <si>
    <t>226558.0</t>
  </si>
  <si>
    <t>301.819</t>
  </si>
  <si>
    <t>228315.0</t>
  </si>
  <si>
    <t>57009.5</t>
  </si>
  <si>
    <t>844.473389419143</t>
  </si>
  <si>
    <t>20507472.0</t>
  </si>
  <si>
    <t>200784.0</t>
  </si>
  <si>
    <t>304.803</t>
  </si>
  <si>
    <t>229490.0</t>
  </si>
  <si>
    <t>20733696.0</t>
  </si>
  <si>
    <t>226224.0</t>
  </si>
  <si>
    <t>308.166</t>
  </si>
  <si>
    <t>233903.0</t>
  </si>
  <si>
    <t>20969062.0</t>
  </si>
  <si>
    <t>235366.0</t>
  </si>
  <si>
    <t>311.664</t>
  </si>
  <si>
    <t>234228.0</t>
  </si>
  <si>
    <t>21213684.0</t>
  </si>
  <si>
    <t>232342.0</t>
  </si>
  <si>
    <t>21463045.0</t>
  </si>
  <si>
    <t>249361.0</t>
  </si>
  <si>
    <t>319.006</t>
  </si>
  <si>
    <t>21714760.0</t>
  </si>
  <si>
    <t>251715.0</t>
  </si>
  <si>
    <t>322.747</t>
  </si>
  <si>
    <t>233519.0</t>
  </si>
  <si>
    <t>21938435.0</t>
  </si>
  <si>
    <t>223675.0</t>
  </si>
  <si>
    <t>326.072</t>
  </si>
  <si>
    <t>233107.0</t>
  </si>
  <si>
    <t>57525.0</t>
  </si>
  <si>
    <t>852.109415559445</t>
  </si>
  <si>
    <t>22174282.0</t>
  </si>
  <si>
    <t>235847.0</t>
  </si>
  <si>
    <t>329.577</t>
  </si>
  <si>
    <t>238116.0</t>
  </si>
  <si>
    <t>22416253.0</t>
  </si>
  <si>
    <t>241971.0</t>
  </si>
  <si>
    <t>333.173</t>
  </si>
  <si>
    <t>240365.0</t>
  </si>
  <si>
    <t>22654915.0</t>
  </si>
  <si>
    <t>238662.0</t>
  </si>
  <si>
    <t>336.721</t>
  </si>
  <si>
    <t>240836.0</t>
  </si>
  <si>
    <t>22943554.0</t>
  </si>
  <si>
    <t>288639.0</t>
  </si>
  <si>
    <t>341.011</t>
  </si>
  <si>
    <t>247124.0</t>
  </si>
  <si>
    <t>23220223.0</t>
  </si>
  <si>
    <t>276669.0</t>
  </si>
  <si>
    <t>345.123</t>
  </si>
  <si>
    <t>23475432.0</t>
  </si>
  <si>
    <t>255209.0</t>
  </si>
  <si>
    <t>348.916</t>
  </si>
  <si>
    <t>251525.0</t>
  </si>
  <si>
    <t>23712557.0</t>
  </si>
  <si>
    <t>237125.0</t>
  </si>
  <si>
    <t>352.44</t>
  </si>
  <si>
    <t>253446.0</t>
  </si>
  <si>
    <t>57648.9</t>
  </si>
  <si>
    <t>853.944728146804</t>
  </si>
  <si>
    <t>23916322.0</t>
  </si>
  <si>
    <t>203765.0</t>
  </si>
  <si>
    <t>355.469</t>
  </si>
  <si>
    <t>248863.0</t>
  </si>
  <si>
    <t>24206126.0</t>
  </si>
  <si>
    <t>289804.0</t>
  </si>
  <si>
    <t>359.776</t>
  </si>
  <si>
    <t>255696.0</t>
  </si>
  <si>
    <t>24483912.0</t>
  </si>
  <si>
    <t>277786.0</t>
  </si>
  <si>
    <t>363.905</t>
  </si>
  <si>
    <t>261285.0</t>
  </si>
  <si>
    <t>24762871.0</t>
  </si>
  <si>
    <t>278959.0</t>
  </si>
  <si>
    <t>368.051</t>
  </si>
  <si>
    <t>259902.0</t>
  </si>
  <si>
    <t>25051660.0</t>
  </si>
  <si>
    <t>288789.0</t>
  </si>
  <si>
    <t>372.344</t>
  </si>
  <si>
    <t>261634.0</t>
  </si>
  <si>
    <t>25327689.0</t>
  </si>
  <si>
    <t>276029.0</t>
  </si>
  <si>
    <t>376.446</t>
  </si>
  <si>
    <t>264608.0</t>
  </si>
  <si>
    <t>25608132.0</t>
  </si>
  <si>
    <t>280443.0</t>
  </si>
  <si>
    <t>380.614</t>
  </si>
  <si>
    <t>270796.0</t>
  </si>
  <si>
    <t>58307.6</t>
  </si>
  <si>
    <t>863.701954953045</t>
  </si>
  <si>
    <t>25846590.0</t>
  </si>
  <si>
    <t>384.159</t>
  </si>
  <si>
    <t>26109323.0</t>
  </si>
  <si>
    <t>262733.0</t>
  </si>
  <si>
    <t>388.064</t>
  </si>
  <si>
    <t>271885.0</t>
  </si>
  <si>
    <t>26401992.0</t>
  </si>
  <si>
    <t>292669.0</t>
  </si>
  <si>
    <t>392.414</t>
  </si>
  <si>
    <t>274011.0</t>
  </si>
  <si>
    <t>123.154</t>
  </si>
  <si>
    <t>26720346.0</t>
  </si>
  <si>
    <t>318354.0</t>
  </si>
  <si>
    <t>27031550.0</t>
  </si>
  <si>
    <t>401.771</t>
  </si>
  <si>
    <t>27312414.0</t>
  </si>
  <si>
    <t>280864.0</t>
  </si>
  <si>
    <t>405.945</t>
  </si>
  <si>
    <t>27603615.0</t>
  </si>
  <si>
    <t>410.273</t>
  </si>
  <si>
    <t>285069.0</t>
  </si>
  <si>
    <t>59466.7</t>
  </si>
  <si>
    <t>880.871533807021</t>
  </si>
  <si>
    <t>27830556.0</t>
  </si>
  <si>
    <t>226941.0</t>
  </si>
  <si>
    <t>413.646</t>
  </si>
  <si>
    <t>283424.0</t>
  </si>
  <si>
    <t>28096181.0</t>
  </si>
  <si>
    <t>265625.0</t>
  </si>
  <si>
    <t>417.594</t>
  </si>
  <si>
    <t>283837.0</t>
  </si>
  <si>
    <t>28382433.0</t>
  </si>
  <si>
    <t>421.849</t>
  </si>
  <si>
    <t>282920.0</t>
  </si>
  <si>
    <t>28701606.0</t>
  </si>
  <si>
    <t>319173.0</t>
  </si>
  <si>
    <t>426.593</t>
  </si>
  <si>
    <t>283037.0</t>
  </si>
  <si>
    <t>28981409.0</t>
  </si>
  <si>
    <t>279803.0</t>
  </si>
  <si>
    <t>430.752</t>
  </si>
  <si>
    <t>278551.0</t>
  </si>
  <si>
    <t>29257661.0</t>
  </si>
  <si>
    <t>276252.0</t>
  </si>
  <si>
    <t>434.857</t>
  </si>
  <si>
    <t>277892.0</t>
  </si>
  <si>
    <t>29501196.0</t>
  </si>
  <si>
    <t>243535.0</t>
  </si>
  <si>
    <t>438.477</t>
  </si>
  <si>
    <t>271083.0</t>
  </si>
  <si>
    <t>60667.6</t>
  </si>
  <si>
    <t>898.660289950355</t>
  </si>
  <si>
    <t>29705471.0</t>
  </si>
  <si>
    <t>204275.0</t>
  </si>
  <si>
    <t>441.513</t>
  </si>
  <si>
    <t>29964977.0</t>
  </si>
  <si>
    <t>30262995.0</t>
  </si>
  <si>
    <t>298018.0</t>
  </si>
  <si>
    <t>449.8</t>
  </si>
  <si>
    <t>268652.0</t>
  </si>
  <si>
    <t>30591537.0</t>
  </si>
  <si>
    <t>328542.0</t>
  </si>
  <si>
    <t>454.683</t>
  </si>
  <si>
    <t>269990.0</t>
  </si>
  <si>
    <t>30932716.0</t>
  </si>
  <si>
    <t>341179.0</t>
  </si>
  <si>
    <t>459.754</t>
  </si>
  <si>
    <t>278758.0</t>
  </si>
  <si>
    <t>31240118.0</t>
  </si>
  <si>
    <t>307402.0</t>
  </si>
  <si>
    <t>464.323</t>
  </si>
  <si>
    <t>283208.0</t>
  </si>
  <si>
    <t>31504688.0</t>
  </si>
  <si>
    <t>264570.0</t>
  </si>
  <si>
    <t>468.255</t>
  </si>
  <si>
    <t>286213.0</t>
  </si>
  <si>
    <t>62324.5</t>
  </si>
  <si>
    <t>923.203707432154</t>
  </si>
  <si>
    <t>31736657.0</t>
  </si>
  <si>
    <t>231969.0</t>
  </si>
  <si>
    <t>471.703</t>
  </si>
  <si>
    <t>290169.0</t>
  </si>
  <si>
    <t>32022706.0</t>
  </si>
  <si>
    <t>475.954</t>
  </si>
  <si>
    <t>293961.0</t>
  </si>
  <si>
    <t>32379678.0</t>
  </si>
  <si>
    <t>356972.0</t>
  </si>
  <si>
    <t>481.26</t>
  </si>
  <si>
    <t>302383.0</t>
  </si>
  <si>
    <t>32741344.0</t>
  </si>
  <si>
    <t>361666.0</t>
  </si>
  <si>
    <t>486.636</t>
  </si>
  <si>
    <t>307115.0</t>
  </si>
  <si>
    <t>33105064.0</t>
  </si>
  <si>
    <t>363720.0</t>
  </si>
  <si>
    <t>492.042</t>
  </si>
  <si>
    <t>310335.0</t>
  </si>
  <si>
    <t>33433743.0</t>
  </si>
  <si>
    <t>328679.0</t>
  </si>
  <si>
    <t>496.927</t>
  </si>
  <si>
    <t>313375.0</t>
  </si>
  <si>
    <t>33696292.0</t>
  </si>
  <si>
    <t>262549.0</t>
  </si>
  <si>
    <t>500.829</t>
  </si>
  <si>
    <t>313086.0</t>
  </si>
  <si>
    <t>64456.0</t>
  </si>
  <si>
    <t>954.777305333326</t>
  </si>
  <si>
    <t>33935439.0</t>
  </si>
  <si>
    <t>239147.0</t>
  </si>
  <si>
    <t>504.383</t>
  </si>
  <si>
    <t>314112.0</t>
  </si>
  <si>
    <t>34210175.0</t>
  </si>
  <si>
    <t>508.467</t>
  </si>
  <si>
    <t>312496.0</t>
  </si>
  <si>
    <t>34557066.0</t>
  </si>
  <si>
    <t>346891.0</t>
  </si>
  <si>
    <t>513.623</t>
  </si>
  <si>
    <t>311055.0</t>
  </si>
  <si>
    <t>34920660.0</t>
  </si>
  <si>
    <t>363594.0</t>
  </si>
  <si>
    <t>519.027</t>
  </si>
  <si>
    <t>311331.0</t>
  </si>
  <si>
    <t>35277186.0</t>
  </si>
  <si>
    <t>356526.0</t>
  </si>
  <si>
    <t>524.326</t>
  </si>
  <si>
    <t>310303.0</t>
  </si>
  <si>
    <t>35602566.0</t>
  </si>
  <si>
    <t>325380.0</t>
  </si>
  <si>
    <t>529.162</t>
  </si>
  <si>
    <t>309832.0</t>
  </si>
  <si>
    <t>35838674.0</t>
  </si>
  <si>
    <t>236108.0</t>
  </si>
  <si>
    <t>532.671</t>
  </si>
  <si>
    <t>66864.3</t>
  </si>
  <si>
    <t>990.451101169777</t>
  </si>
  <si>
    <t>36029574.0</t>
  </si>
  <si>
    <t>190900.0</t>
  </si>
  <si>
    <t>535.509</t>
  </si>
  <si>
    <t>299162.0</t>
  </si>
  <si>
    <t>36322938.0</t>
  </si>
  <si>
    <t>293364.0</t>
  </si>
  <si>
    <t>539.869</t>
  </si>
  <si>
    <t>36647832.0</t>
  </si>
  <si>
    <t>324894.0</t>
  </si>
  <si>
    <t>544.698</t>
  </si>
  <si>
    <t>36999409.0</t>
  </si>
  <si>
    <t>351577.0</t>
  </si>
  <si>
    <t>549.923</t>
  </si>
  <si>
    <t>37304518.0</t>
  </si>
  <si>
    <t>305109.0</t>
  </si>
  <si>
    <t>554.458</t>
  </si>
  <si>
    <t>289619.0</t>
  </si>
  <si>
    <t>37588108.0</t>
  </si>
  <si>
    <t>283590.0</t>
  </si>
  <si>
    <t>558.673</t>
  </si>
  <si>
    <t>37784227.0</t>
  </si>
  <si>
    <t>561.588</t>
  </si>
  <si>
    <t>277936.0</t>
  </si>
  <si>
    <t>69133.2</t>
  </si>
  <si>
    <t>1024.05998518478</t>
  </si>
  <si>
    <t>38003119.0</t>
  </si>
  <si>
    <t>218892.0</t>
  </si>
  <si>
    <t>564.841</t>
  </si>
  <si>
    <t>281935.0</t>
  </si>
  <si>
    <t>38303582.0</t>
  </si>
  <si>
    <t>300463.0</t>
  </si>
  <si>
    <t>569.307</t>
  </si>
  <si>
    <t>282949.0</t>
  </si>
  <si>
    <t>38632728.0</t>
  </si>
  <si>
    <t>574.199</t>
  </si>
  <si>
    <t>283557.0</t>
  </si>
  <si>
    <t>38998685.0</t>
  </si>
  <si>
    <t>365957.0</t>
  </si>
  <si>
    <t>579.639</t>
  </si>
  <si>
    <t>285611.0</t>
  </si>
  <si>
    <t>39357988.0</t>
  </si>
  <si>
    <t>359303.0</t>
  </si>
  <si>
    <t>584.979</t>
  </si>
  <si>
    <t>39691444.0</t>
  </si>
  <si>
    <t>333456.0</t>
  </si>
  <si>
    <t>589.935</t>
  </si>
  <si>
    <t>300477.0</t>
  </si>
  <si>
    <t>39947104.0</t>
  </si>
  <si>
    <t>255660.0</t>
  </si>
  <si>
    <t>593.735</t>
  </si>
  <si>
    <t>308982.0</t>
  </si>
  <si>
    <t>70898.7</t>
  </si>
  <si>
    <t>1050.2120785906</t>
  </si>
  <si>
    <t>40158943.0</t>
  </si>
  <si>
    <t>211839.0</t>
  </si>
  <si>
    <t>596.884</t>
  </si>
  <si>
    <t>307975.0</t>
  </si>
  <si>
    <t>158.66</t>
  </si>
  <si>
    <t>40443433.0</t>
  </si>
  <si>
    <t>284490.0</t>
  </si>
  <si>
    <t>601.112</t>
  </si>
  <si>
    <t>305693.0</t>
  </si>
  <si>
    <t>40809644.0</t>
  </si>
  <si>
    <t>366211.0</t>
  </si>
  <si>
    <t>606.555</t>
  </si>
  <si>
    <t>310988.0</t>
  </si>
  <si>
    <t>41187005.0</t>
  </si>
  <si>
    <t>377361.0</t>
  </si>
  <si>
    <t>612.164</t>
  </si>
  <si>
    <t>312617.0</t>
  </si>
  <si>
    <t>250.159</t>
  </si>
  <si>
    <t>41558044.0</t>
  </si>
  <si>
    <t>371039.0</t>
  </si>
  <si>
    <t>617.678</t>
  </si>
  <si>
    <t>314294.0</t>
  </si>
  <si>
    <t>41894303.0</t>
  </si>
  <si>
    <t>336259.0</t>
  </si>
  <si>
    <t>622.676</t>
  </si>
  <si>
    <t>42191444.0</t>
  </si>
  <si>
    <t>297141.0</t>
  </si>
  <si>
    <t>627.093</t>
  </si>
  <si>
    <t>320620.0</t>
  </si>
  <si>
    <t>72451.2</t>
  </si>
  <si>
    <t>1073.20903413438</t>
  </si>
  <si>
    <t>42460802.0</t>
  </si>
  <si>
    <t>269358.0</t>
  </si>
  <si>
    <t>631.096</t>
  </si>
  <si>
    <t>328837.0</t>
  </si>
  <si>
    <t>42762373.0</t>
  </si>
  <si>
    <t>301571.0</t>
  </si>
  <si>
    <t>635.578</t>
  </si>
  <si>
    <t>331277.0</t>
  </si>
  <si>
    <t>43110794.0</t>
  </si>
  <si>
    <t>348421.0</t>
  </si>
  <si>
    <t>640.757</t>
  </si>
  <si>
    <t>328736.0</t>
  </si>
  <si>
    <t>43496128.0</t>
  </si>
  <si>
    <t>385334.0</t>
  </si>
  <si>
    <t>646.484</t>
  </si>
  <si>
    <t>329875.0</t>
  </si>
  <si>
    <t>43871002.0</t>
  </si>
  <si>
    <t>374874.0</t>
  </si>
  <si>
    <t>652.056</t>
  </si>
  <si>
    <t>330423.0</t>
  </si>
  <si>
    <t>44296188.0</t>
  </si>
  <si>
    <t>425186.0</t>
  </si>
  <si>
    <t>658.375</t>
  </si>
  <si>
    <t>343126.0</t>
  </si>
  <si>
    <t>44701940.0</t>
  </si>
  <si>
    <t>405752.0</t>
  </si>
  <si>
    <t>664.406</t>
  </si>
  <si>
    <t>358642.0</t>
  </si>
  <si>
    <t>73887.9</t>
  </si>
  <si>
    <t>1094.49066120669</t>
  </si>
  <si>
    <t>45120603.0</t>
  </si>
  <si>
    <t>418663.0</t>
  </si>
  <si>
    <t>670.629</t>
  </si>
  <si>
    <t>379972.0</t>
  </si>
  <si>
    <t>45563092.0</t>
  </si>
  <si>
    <t>442489.0</t>
  </si>
  <si>
    <t>677.206</t>
  </si>
  <si>
    <t>400103.0</t>
  </si>
  <si>
    <t>46053813.0</t>
  </si>
  <si>
    <t>490721.0</t>
  </si>
  <si>
    <t>684.499</t>
  </si>
  <si>
    <t>420431.0</t>
  </si>
  <si>
    <t>46512865.0</t>
  </si>
  <si>
    <t>691.322</t>
  </si>
  <si>
    <t>430962.0</t>
  </si>
  <si>
    <t>46849994.0</t>
  </si>
  <si>
    <t>337129.0</t>
  </si>
  <si>
    <t>696.333</t>
  </si>
  <si>
    <t>425570.0</t>
  </si>
  <si>
    <t>47121010.0</t>
  </si>
  <si>
    <t>271016.0</t>
  </si>
  <si>
    <t>700.361</t>
  </si>
  <si>
    <t>47543427.0</t>
  </si>
  <si>
    <t>706.639</t>
  </si>
  <si>
    <t>77627.6</t>
  </si>
  <si>
    <t>1149.88629060899</t>
  </si>
  <si>
    <t>47898896.0</t>
  </si>
  <si>
    <t>355469.0</t>
  </si>
  <si>
    <t>711.923</t>
  </si>
  <si>
    <t>396899.0</t>
  </si>
  <si>
    <t>48226688.0</t>
  </si>
  <si>
    <t>327792.0</t>
  </si>
  <si>
    <t>716.795</t>
  </si>
  <si>
    <t>380514.0</t>
  </si>
  <si>
    <t>48630072.0</t>
  </si>
  <si>
    <t>403384.0</t>
  </si>
  <si>
    <t>722.79</t>
  </si>
  <si>
    <t>368037.0</t>
  </si>
  <si>
    <t>49127610.0</t>
  </si>
  <si>
    <t>497538.0</t>
  </si>
  <si>
    <t>730.185</t>
  </si>
  <si>
    <t>373535.0</t>
  </si>
  <si>
    <t>49530574.0</t>
  </si>
  <si>
    <t>402964.0</t>
  </si>
  <si>
    <t>736.174</t>
  </si>
  <si>
    <t>5.989</t>
  </si>
  <si>
    <t>382940.0</t>
  </si>
  <si>
    <t>49942080.0</t>
  </si>
  <si>
    <t>411506.0</t>
  </si>
  <si>
    <t>742.291</t>
  </si>
  <si>
    <t>403010.0</t>
  </si>
  <si>
    <t>50361648.0</t>
  </si>
  <si>
    <t>419568.0</t>
  </si>
  <si>
    <t>748.527</t>
  </si>
  <si>
    <t>402603.0</t>
  </si>
  <si>
    <t>79912.3</t>
  </si>
  <si>
    <t>1183.72921771423</t>
  </si>
  <si>
    <t>50827805.0</t>
  </si>
  <si>
    <t>466157.0</t>
  </si>
  <si>
    <t>755.455</t>
  </si>
  <si>
    <t>418416.0</t>
  </si>
  <si>
    <t>51322451.0</t>
  </si>
  <si>
    <t>494646.0</t>
  </si>
  <si>
    <t>762.807</t>
  </si>
  <si>
    <t>442252.0</t>
  </si>
  <si>
    <t>51875174.0</t>
  </si>
  <si>
    <t>552723.0</t>
  </si>
  <si>
    <t>771.022</t>
  </si>
  <si>
    <t>463586.0</t>
  </si>
  <si>
    <t>52477194.0</t>
  </si>
  <si>
    <t>602020.0</t>
  </si>
  <si>
    <t>779.97</t>
  </si>
  <si>
    <t>478512.0</t>
  </si>
  <si>
    <t>53129301.0</t>
  </si>
  <si>
    <t>789.662</t>
  </si>
  <si>
    <t>514104.0</t>
  </si>
  <si>
    <t>53657868.0</t>
  </si>
  <si>
    <t>528567.0</t>
  </si>
  <si>
    <t>797.518</t>
  </si>
  <si>
    <t>530827.0</t>
  </si>
  <si>
    <t>54102819.0</t>
  </si>
  <si>
    <t>444951.0</t>
  </si>
  <si>
    <t>804.132</t>
  </si>
  <si>
    <t>534453.0</t>
  </si>
  <si>
    <t>2677971.0</t>
  </si>
  <si>
    <t>2286572.0</t>
  </si>
  <si>
    <t>391399.0</t>
  </si>
  <si>
    <t>86234.2</t>
  </si>
  <si>
    <t>1277.37459823097</t>
  </si>
  <si>
    <t>54638623.0</t>
  </si>
  <si>
    <t>535804.0</t>
  </si>
  <si>
    <t>812.095</t>
  </si>
  <si>
    <t>544403.0</t>
  </si>
  <si>
    <t>2843815.0</t>
  </si>
  <si>
    <t>2431648.0</t>
  </si>
  <si>
    <t>412167.0</t>
  </si>
  <si>
    <t>165844.0</t>
  </si>
  <si>
    <t>145076.0</t>
  </si>
  <si>
    <t>55196770.0</t>
  </si>
  <si>
    <t>558147.0</t>
  </si>
  <si>
    <t>820.391</t>
  </si>
  <si>
    <t>3067541.0</t>
  </si>
  <si>
    <t>2639309.0</t>
  </si>
  <si>
    <t>428232.0</t>
  </si>
  <si>
    <t>223726.0</t>
  </si>
  <si>
    <t>194785.0</t>
  </si>
  <si>
    <t>176368.0</t>
  </si>
  <si>
    <t>55807171.0</t>
  </si>
  <si>
    <t>610401.0</t>
  </si>
  <si>
    <t>829.464</t>
  </si>
  <si>
    <t>561714.0</t>
  </si>
  <si>
    <t>8.349</t>
  </si>
  <si>
    <t>3356229.0</t>
  </si>
  <si>
    <t>2918252.0</t>
  </si>
  <si>
    <t>437977.0</t>
  </si>
  <si>
    <t>288688.0</t>
  </si>
  <si>
    <t>226086.0</t>
  </si>
  <si>
    <t>210560.0</t>
  </si>
  <si>
    <t>56475766.0</t>
  </si>
  <si>
    <t>668595.0</t>
  </si>
  <si>
    <t>839.401</t>
  </si>
  <si>
    <t>571225.0</t>
  </si>
  <si>
    <t>3678180.0</t>
  </si>
  <si>
    <t>3234946.0</t>
  </si>
  <si>
    <t>443234.0</t>
  </si>
  <si>
    <t>321951.0</t>
  </si>
  <si>
    <t>250052.0</t>
  </si>
  <si>
    <t>57058945.0</t>
  </si>
  <si>
    <t>583179.0</t>
  </si>
  <si>
    <t>848.069</t>
  </si>
  <si>
    <t>561378.0</t>
  </si>
  <si>
    <t>4023705.0</t>
  </si>
  <si>
    <t>3576263.0</t>
  </si>
  <si>
    <t>447442.0</t>
  </si>
  <si>
    <t>345525.0</t>
  </si>
  <si>
    <t>269147.0</t>
  </si>
  <si>
    <t>257938.0</t>
  </si>
  <si>
    <t>57538288.0</t>
  </si>
  <si>
    <t>479343.0</t>
  </si>
  <si>
    <t>855.193</t>
  </si>
  <si>
    <t>7.124</t>
  </si>
  <si>
    <t>554346.0</t>
  </si>
  <si>
    <t>3872394.0</t>
  </si>
  <si>
    <t>450062.0</t>
  </si>
  <si>
    <t>298751.0</t>
  </si>
  <si>
    <t>264304.0</t>
  </si>
  <si>
    <t>57941401.0</t>
  </si>
  <si>
    <t>403113.0</t>
  </si>
  <si>
    <t>861.185</t>
  </si>
  <si>
    <t>548369.0</t>
  </si>
  <si>
    <t>4514802.0</t>
  </si>
  <si>
    <t>4062501.0</t>
  </si>
  <si>
    <t>452301.0</t>
  </si>
  <si>
    <t>192346.0</t>
  </si>
  <si>
    <t>262404.0</t>
  </si>
  <si>
    <t>90400.5</t>
  </si>
  <si>
    <t>1339.08939106965</t>
  </si>
  <si>
    <t>58512283.0</t>
  </si>
  <si>
    <t>570882.0</t>
  </si>
  <si>
    <t>869.67</t>
  </si>
  <si>
    <t>553380.0</t>
  </si>
  <si>
    <t>4723443.0</t>
  </si>
  <si>
    <t>4266577.0</t>
  </si>
  <si>
    <t>456866.0</t>
  </si>
  <si>
    <t>262133.0</t>
  </si>
  <si>
    <t>59094109.0</t>
  </si>
  <si>
    <t>581826.0</t>
  </si>
  <si>
    <t>878.317</t>
  </si>
  <si>
    <t>556763.0</t>
  </si>
  <si>
    <t>8.275</t>
  </si>
  <si>
    <t>5070365.0</t>
  </si>
  <si>
    <t>4609740.0</t>
  </si>
  <si>
    <t>460625.0</t>
  </si>
  <si>
    <t>346922.0</t>
  </si>
  <si>
    <t>59736929.0</t>
  </si>
  <si>
    <t>642820.0</t>
  </si>
  <si>
    <t>887.872</t>
  </si>
  <si>
    <t>561394.0</t>
  </si>
  <si>
    <t>5437284.0</t>
  </si>
  <si>
    <t>4973248.0</t>
  </si>
  <si>
    <t>464036.0</t>
  </si>
  <si>
    <t>366919.0</t>
  </si>
  <si>
    <t>60392100.0</t>
  </si>
  <si>
    <t>655171.0</t>
  </si>
  <si>
    <t>897.609</t>
  </si>
  <si>
    <t>559476.0</t>
  </si>
  <si>
    <t>5849899.0</t>
  </si>
  <si>
    <t>5383103.0</t>
  </si>
  <si>
    <t>466796.0</t>
  </si>
  <si>
    <t>412615.0</t>
  </si>
  <si>
    <t>310246.0</t>
  </si>
  <si>
    <t>306880.0</t>
  </si>
  <si>
    <t>61021141.0</t>
  </si>
  <si>
    <t>629041.0</t>
  </si>
  <si>
    <t>906.959</t>
  </si>
  <si>
    <t>6329968.0</t>
  </si>
  <si>
    <t>5861351.0</t>
  </si>
  <si>
    <t>468617.0</t>
  </si>
  <si>
    <t>480069.0</t>
  </si>
  <si>
    <t>329466.0</t>
  </si>
  <si>
    <t>326441.0</t>
  </si>
  <si>
    <t>61487914.0</t>
  </si>
  <si>
    <t>466773.0</t>
  </si>
  <si>
    <t>913.897</t>
  </si>
  <si>
    <t>564232.0</t>
  </si>
  <si>
    <t>6822981.0</t>
  </si>
  <si>
    <t>6353321.0</t>
  </si>
  <si>
    <t>469660.0</t>
  </si>
  <si>
    <t>357218.0</t>
  </si>
  <si>
    <t>354418.0</t>
  </si>
  <si>
    <t>61888920.0</t>
  </si>
  <si>
    <t>401006.0</t>
  </si>
  <si>
    <t>919.857</t>
  </si>
  <si>
    <t>563931.0</t>
  </si>
  <si>
    <t>7044048.0</t>
  </si>
  <si>
    <t>6573570.0</t>
  </si>
  <si>
    <t>470478.0</t>
  </si>
  <si>
    <t>221067.0</t>
  </si>
  <si>
    <t>358724.0</t>
  </si>
  <si>
    <t>96038.8</t>
  </si>
  <si>
    <t>1422.60870472022</t>
  </si>
  <si>
    <t>62446476.0</t>
  </si>
  <si>
    <t>557556.0</t>
  </si>
  <si>
    <t>928.144</t>
  </si>
  <si>
    <t>562028.0</t>
  </si>
  <si>
    <t>7325773.0</t>
  </si>
  <si>
    <t>6853327.0</t>
  </si>
  <si>
    <t>472446.0</t>
  </si>
  <si>
    <t>281725.0</t>
  </si>
  <si>
    <t>371761.0</t>
  </si>
  <si>
    <t>369536.0</t>
  </si>
  <si>
    <t>63051616.0</t>
  </si>
  <si>
    <t>605140.0</t>
  </si>
  <si>
    <t>937.138</t>
  </si>
  <si>
    <t>565358.0</t>
  </si>
  <si>
    <t>7164387.0</t>
  </si>
  <si>
    <t>474156.0</t>
  </si>
  <si>
    <t>312770.0</t>
  </si>
  <si>
    <t>366883.0</t>
  </si>
  <si>
    <t>364950.0</t>
  </si>
  <si>
    <t>63816400.0</t>
  </si>
  <si>
    <t>764784.0</t>
  </si>
  <si>
    <t>948.505</t>
  </si>
  <si>
    <t>582782.0</t>
  </si>
  <si>
    <t>8.662</t>
  </si>
  <si>
    <t>7953250.0</t>
  </si>
  <si>
    <t>7476765.0</t>
  </si>
  <si>
    <t>476485.0</t>
  </si>
  <si>
    <t>314707.0</t>
  </si>
  <si>
    <t>359424.0</t>
  </si>
  <si>
    <t>357645.0</t>
  </si>
  <si>
    <t>64574588.0</t>
  </si>
  <si>
    <t>758188.0</t>
  </si>
  <si>
    <t>959.774</t>
  </si>
  <si>
    <t>597498.0</t>
  </si>
  <si>
    <t>8369438.0</t>
  </si>
  <si>
    <t>7891184.0</t>
  </si>
  <si>
    <t>478254.0</t>
  </si>
  <si>
    <t>416188.0</t>
  </si>
  <si>
    <t>359934.0</t>
  </si>
  <si>
    <t>358297.0</t>
  </si>
  <si>
    <t>65236314.0</t>
  </si>
  <si>
    <t>661726.0</t>
  </si>
  <si>
    <t>969.609</t>
  </si>
  <si>
    <t>602168.0</t>
  </si>
  <si>
    <t>8859372.0</t>
  </si>
  <si>
    <t>8378940.0</t>
  </si>
  <si>
    <t>480432.0</t>
  </si>
  <si>
    <t>489934.0</t>
  </si>
  <si>
    <t>361343.0</t>
  </si>
  <si>
    <t>359656.0</t>
  </si>
  <si>
    <t>65663687.0</t>
  </si>
  <si>
    <t>427373.0</t>
  </si>
  <si>
    <t>975.961</t>
  </si>
  <si>
    <t>596539.0</t>
  </si>
  <si>
    <t>9468382.0</t>
  </si>
  <si>
    <t>8977329.0</t>
  </si>
  <si>
    <t>491053.0</t>
  </si>
  <si>
    <t>377914.0</t>
  </si>
  <si>
    <t>374858.0</t>
  </si>
  <si>
    <t>66250691.0</t>
  </si>
  <si>
    <t>587004.0</t>
  </si>
  <si>
    <t>984.686</t>
  </si>
  <si>
    <t>623110.0</t>
  </si>
  <si>
    <t>9790576.0</t>
  </si>
  <si>
    <t>9296367.0</t>
  </si>
  <si>
    <t>322194.0</t>
  </si>
  <si>
    <t>392361.0</t>
  </si>
  <si>
    <t>388971.0</t>
  </si>
  <si>
    <t>101984.9</t>
  </si>
  <si>
    <t>1510.68741477425</t>
  </si>
  <si>
    <t>66916883.0</t>
  </si>
  <si>
    <t>666192.0</t>
  </si>
  <si>
    <t>994.588</t>
  </si>
  <si>
    <t>638630.0</t>
  </si>
  <si>
    <t>10143511.0</t>
  </si>
  <si>
    <t>9646715.0</t>
  </si>
  <si>
    <t>496796.0</t>
  </si>
  <si>
    <t>352935.0</t>
  </si>
  <si>
    <t>402534.0</t>
  </si>
  <si>
    <t>399055.0</t>
  </si>
  <si>
    <t>67535861.0</t>
  </si>
  <si>
    <t>618978.0</t>
  </si>
  <si>
    <t>1003.787</t>
  </si>
  <si>
    <t>640606.0</t>
  </si>
  <si>
    <t>10520433.0</t>
  </si>
  <si>
    <t>10021471.0</t>
  </si>
  <si>
    <t>498962.0</t>
  </si>
  <si>
    <t>376922.0</t>
  </si>
  <si>
    <t>411699.0</t>
  </si>
  <si>
    <t>408155.0</t>
  </si>
  <si>
    <t>68330938.0</t>
  </si>
  <si>
    <t>795077.0</t>
  </si>
  <si>
    <t>1015.605</t>
  </si>
  <si>
    <t>644934.0</t>
  </si>
  <si>
    <t>10992444.0</t>
  </si>
  <si>
    <t>10490487.0</t>
  </si>
  <si>
    <t>501957.0</t>
  </si>
  <si>
    <t>472011.0</t>
  </si>
  <si>
    <t>434171.0</t>
  </si>
  <si>
    <t>430532.0</t>
  </si>
  <si>
    <t>69123796.0</t>
  </si>
  <si>
    <t>792858.0</t>
  </si>
  <si>
    <t>1027.389</t>
  </si>
  <si>
    <t>649887.0</t>
  </si>
  <si>
    <t>11477040.0</t>
  </si>
  <si>
    <t>10971047.0</t>
  </si>
  <si>
    <t>505993.0</t>
  </si>
  <si>
    <t>484596.0</t>
  </si>
  <si>
    <t>439980.0</t>
  </si>
  <si>
    <t>69800372.0</t>
  </si>
  <si>
    <t>676576.0</t>
  </si>
  <si>
    <t>1037.445</t>
  </si>
  <si>
    <t>652008.0</t>
  </si>
  <si>
    <t>11975267.0</t>
  </si>
  <si>
    <t>11465210.0</t>
  </si>
  <si>
    <t>510057.0</t>
  </si>
  <si>
    <t>498227.0</t>
  </si>
  <si>
    <t>445128.0</t>
  </si>
  <si>
    <t>440896.0</t>
  </si>
  <si>
    <t>70249829.0</t>
  </si>
  <si>
    <t>449457.0</t>
  </si>
  <si>
    <t>1044.125</t>
  </si>
  <si>
    <t>655163.0</t>
  </si>
  <si>
    <t>12526737.0</t>
  </si>
  <si>
    <t>12015018.0</t>
  </si>
  <si>
    <t>511719.0</t>
  </si>
  <si>
    <t>551470.0</t>
  </si>
  <si>
    <t>436908.0</t>
  </si>
  <si>
    <t>433956.0</t>
  </si>
  <si>
    <t>70836926.0</t>
  </si>
  <si>
    <t>587097.0</t>
  </si>
  <si>
    <t>1052.851</t>
  </si>
  <si>
    <t>655176.0</t>
  </si>
  <si>
    <t>12806587.0</t>
  </si>
  <si>
    <t>12294006.0</t>
  </si>
  <si>
    <t>512581.0</t>
  </si>
  <si>
    <t>279850.0</t>
  </si>
  <si>
    <t>428234.0</t>
  </si>
  <si>
    <t>107221.0</t>
  </si>
  <si>
    <t>1588.24899862146</t>
  </si>
  <si>
    <t>71482720.0</t>
  </si>
  <si>
    <t>645794.0</t>
  </si>
  <si>
    <t>1062.45</t>
  </si>
  <si>
    <t>652262.0</t>
  </si>
  <si>
    <t>13162878.0</t>
  </si>
  <si>
    <t>12646486.0</t>
  </si>
  <si>
    <t>516392.0</t>
  </si>
  <si>
    <t>356291.0</t>
  </si>
  <si>
    <t>431338.0</t>
  </si>
  <si>
    <t>428539.0</t>
  </si>
  <si>
    <t>72058252.0</t>
  </si>
  <si>
    <t>575532.0</t>
  </si>
  <si>
    <t>1071.004</t>
  </si>
  <si>
    <t>646056.0</t>
  </si>
  <si>
    <t>13577851.0</t>
  </si>
  <si>
    <t>13058298.0</t>
  </si>
  <si>
    <t>519553.0</t>
  </si>
  <si>
    <t>414973.0</t>
  </si>
  <si>
    <t>436774.0</t>
  </si>
  <si>
    <t>433832.0</t>
  </si>
  <si>
    <t>72814239.0</t>
  </si>
  <si>
    <t>755987.0</t>
  </si>
  <si>
    <t>1082.24</t>
  </si>
  <si>
    <t>640472.0</t>
  </si>
  <si>
    <t>14033555.0</t>
  </si>
  <si>
    <t>13509108.0</t>
  </si>
  <si>
    <t>524447.0</t>
  </si>
  <si>
    <t>455704.0</t>
  </si>
  <si>
    <t>434444.0</t>
  </si>
  <si>
    <t>73554092.0</t>
  </si>
  <si>
    <t>739853.0</t>
  </si>
  <si>
    <t>1093.237</t>
  </si>
  <si>
    <t>632899.0</t>
  </si>
  <si>
    <t>14542318.0</t>
  </si>
  <si>
    <t>14012224.0</t>
  </si>
  <si>
    <t>530094.0</t>
  </si>
  <si>
    <t>508763.0</t>
  </si>
  <si>
    <t>437897.0</t>
  </si>
  <si>
    <t>434454.0</t>
  </si>
  <si>
    <t>74165804.0</t>
  </si>
  <si>
    <t>611712.0</t>
  </si>
  <si>
    <t>1102.328</t>
  </si>
  <si>
    <t>623633.0</t>
  </si>
  <si>
    <t>15091696.0</t>
  </si>
  <si>
    <t>14556827.0</t>
  </si>
  <si>
    <t>534869.0</t>
  </si>
  <si>
    <t>549378.0</t>
  </si>
  <si>
    <t>445204.0</t>
  </si>
  <si>
    <t>441660.0</t>
  </si>
  <si>
    <t>74547282.0</t>
  </si>
  <si>
    <t>381478.0</t>
  </si>
  <si>
    <t>1107.998</t>
  </si>
  <si>
    <t>15599904.0</t>
  </si>
  <si>
    <t>15062189.0</t>
  </si>
  <si>
    <t>537715.0</t>
  </si>
  <si>
    <t>508208.0</t>
  </si>
  <si>
    <t>439024.0</t>
  </si>
  <si>
    <t>435310.0</t>
  </si>
  <si>
    <t>74928155.0</t>
  </si>
  <si>
    <t>1113.659</t>
  </si>
  <si>
    <t>584461.0</t>
  </si>
  <si>
    <t>15839781.0</t>
  </si>
  <si>
    <t>15300151.0</t>
  </si>
  <si>
    <t>539630.0</t>
  </si>
  <si>
    <t>239877.0</t>
  </si>
  <si>
    <t>433313.0</t>
  </si>
  <si>
    <t>429449.0</t>
  </si>
  <si>
    <t>110776.1</t>
  </si>
  <si>
    <t>1640.91017520999</t>
  </si>
  <si>
    <t>75390030.0</t>
  </si>
  <si>
    <t>461875.0</t>
  </si>
  <si>
    <t>1120.524</t>
  </si>
  <si>
    <t>558187.0</t>
  </si>
  <si>
    <t>16122272.0</t>
  </si>
  <si>
    <t>15576107.0</t>
  </si>
  <si>
    <t>546165.0</t>
  </si>
  <si>
    <t>282491.0</t>
  </si>
  <si>
    <t>422771.0</t>
  </si>
  <si>
    <t>418517.0</t>
  </si>
  <si>
    <t>75883973.0</t>
  </si>
  <si>
    <t>493943.0</t>
  </si>
  <si>
    <t>1127.866</t>
  </si>
  <si>
    <t>16499549.0</t>
  </si>
  <si>
    <t>15940972.0</t>
  </si>
  <si>
    <t>558577.0</t>
  </si>
  <si>
    <t>377277.0</t>
  </si>
  <si>
    <t>417385.0</t>
  </si>
  <si>
    <t>411811.0</t>
  </si>
  <si>
    <t>76443815.0</t>
  </si>
  <si>
    <t>559842.0</t>
  </si>
  <si>
    <t>1136.187</t>
  </si>
  <si>
    <t>518511.0</t>
  </si>
  <si>
    <t>16996806.0</t>
  </si>
  <si>
    <t>16423082.0</t>
  </si>
  <si>
    <t>573724.0</t>
  </si>
  <si>
    <t>497257.0</t>
  </si>
  <si>
    <t>416282.0</t>
  </si>
  <si>
    <t>76991481.0</t>
  </si>
  <si>
    <t>547666.0</t>
  </si>
  <si>
    <t>1144.327</t>
  </si>
  <si>
    <t>491056.0</t>
  </si>
  <si>
    <t>17465127.0</t>
  </si>
  <si>
    <t>16875536.0</t>
  </si>
  <si>
    <t>589591.0</t>
  </si>
  <si>
    <t>468321.0</t>
  </si>
  <si>
    <t>417544.0</t>
  </si>
  <si>
    <t>409045.0</t>
  </si>
  <si>
    <t>77505893.0</t>
  </si>
  <si>
    <t>514412.0</t>
  </si>
  <si>
    <t>1151.972</t>
  </si>
  <si>
    <t>477156.0</t>
  </si>
  <si>
    <t>17852327.0</t>
  </si>
  <si>
    <t>17247442.0</t>
  </si>
  <si>
    <t>604885.0</t>
  </si>
  <si>
    <t>387200.0</t>
  </si>
  <si>
    <t>394376.0</t>
  </si>
  <si>
    <t>384374.0</t>
  </si>
  <si>
    <t>77896133.0</t>
  </si>
  <si>
    <t>390240.0</t>
  </si>
  <si>
    <t>1157.772</t>
  </si>
  <si>
    <t>478407.0</t>
  </si>
  <si>
    <t>18197269.0</t>
  </si>
  <si>
    <t>17582121.0</t>
  </si>
  <si>
    <t>615148.0</t>
  </si>
  <si>
    <t>344942.0</t>
  </si>
  <si>
    <t>371052.0</t>
  </si>
  <si>
    <t>359990.0</t>
  </si>
  <si>
    <t>78472841.0</t>
  </si>
  <si>
    <t>576708.0</t>
  </si>
  <si>
    <t>1166.344</t>
  </si>
  <si>
    <t>506384.0</t>
  </si>
  <si>
    <t>18348165.0</t>
  </si>
  <si>
    <t>17723840.0</t>
  </si>
  <si>
    <t>624325.0</t>
  </si>
  <si>
    <t>358341.0</t>
  </si>
  <si>
    <t>346241.0</t>
  </si>
  <si>
    <t>113070.6</t>
  </si>
  <si>
    <t>1674.89826828259</t>
  </si>
  <si>
    <t>79167465.0</t>
  </si>
  <si>
    <t>694624.0</t>
  </si>
  <si>
    <t>1176.668</t>
  </si>
  <si>
    <t>539634.0</t>
  </si>
  <si>
    <t>18558969.0</t>
  </si>
  <si>
    <t>17916181.0</t>
  </si>
  <si>
    <t>642788.0</t>
  </si>
  <si>
    <t>210804.0</t>
  </si>
  <si>
    <t>348100.0</t>
  </si>
  <si>
    <t>334296.0</t>
  </si>
  <si>
    <t>79778264.0</t>
  </si>
  <si>
    <t>610799.0</t>
  </si>
  <si>
    <t>1185.747</t>
  </si>
  <si>
    <t>556327.0</t>
  </si>
  <si>
    <t>18911978.0</t>
  </si>
  <si>
    <t>18242873.0</t>
  </si>
  <si>
    <t>669105.0</t>
  </si>
  <si>
    <t>353009.0</t>
  </si>
  <si>
    <t>344633.0</t>
  </si>
  <si>
    <t>328843.0</t>
  </si>
  <si>
    <t>80513942.0</t>
  </si>
  <si>
    <t>735678.0</t>
  </si>
  <si>
    <t>1196.681</t>
  </si>
  <si>
    <t>581447.0</t>
  </si>
  <si>
    <t>19392553.0</t>
  </si>
  <si>
    <t>18691835.0</t>
  </si>
  <si>
    <t>700718.0</t>
  </si>
  <si>
    <t>480575.0</t>
  </si>
  <si>
    <t>324108.0</t>
  </si>
  <si>
    <t>81267131.0</t>
  </si>
  <si>
    <t>753189.0</t>
  </si>
  <si>
    <t>1207.876</t>
  </si>
  <si>
    <t>11.195</t>
  </si>
  <si>
    <t>610807.0</t>
  </si>
  <si>
    <t>19913592.0</t>
  </si>
  <si>
    <t>19177555.0</t>
  </si>
  <si>
    <t>736037.0</t>
  </si>
  <si>
    <t>521039.0</t>
  </si>
  <si>
    <t>349781.0</t>
  </si>
  <si>
    <t>328860.0</t>
  </si>
  <si>
    <t>81880452.0</t>
  </si>
  <si>
    <t>613321.0</t>
  </si>
  <si>
    <t>1216.991</t>
  </si>
  <si>
    <t>624937.0</t>
  </si>
  <si>
    <t>9.288</t>
  </si>
  <si>
    <t>20450858.0</t>
  </si>
  <si>
    <t>19682048.0</t>
  </si>
  <si>
    <t>768810.0</t>
  </si>
  <si>
    <t>537266.0</t>
  </si>
  <si>
    <t>371219.0</t>
  </si>
  <si>
    <t>347801.0</t>
  </si>
  <si>
    <t>82256446.0</t>
  </si>
  <si>
    <t>375994.0</t>
  </si>
  <si>
    <t>1222.58</t>
  </si>
  <si>
    <t>622902.0</t>
  </si>
  <si>
    <t>20885683.0</t>
  </si>
  <si>
    <t>20089551.0</t>
  </si>
  <si>
    <t>796132.0</t>
  </si>
  <si>
    <t>434825.0</t>
  </si>
  <si>
    <t>384059.0</t>
  </si>
  <si>
    <t>358204.0</t>
  </si>
  <si>
    <t>82787128.0</t>
  </si>
  <si>
    <t>1230.467</t>
  </si>
  <si>
    <t>616327.0</t>
  </si>
  <si>
    <t>21091267.0</t>
  </si>
  <si>
    <t>20275451.0</t>
  </si>
  <si>
    <t>815816.0</t>
  </si>
  <si>
    <t>205584.0</t>
  </si>
  <si>
    <t>391872.0</t>
  </si>
  <si>
    <t>364516.0</t>
  </si>
  <si>
    <t>114124.7</t>
  </si>
  <si>
    <t>1690.51249748626</t>
  </si>
  <si>
    <t>83549977.0</t>
  </si>
  <si>
    <t>762849.0</t>
  </si>
  <si>
    <t>1241.806</t>
  </si>
  <si>
    <t>626073.0</t>
  </si>
  <si>
    <t>9.305</t>
  </si>
  <si>
    <t>21322717.0</t>
  </si>
  <si>
    <t>20478619.0</t>
  </si>
  <si>
    <t>844098.0</t>
  </si>
  <si>
    <t>394821.0</t>
  </si>
  <si>
    <t>366063.0</t>
  </si>
  <si>
    <t>84269117.0</t>
  </si>
  <si>
    <t>1252.494</t>
  </si>
  <si>
    <t>641550.0</t>
  </si>
  <si>
    <t>21599027.0</t>
  </si>
  <si>
    <t>20703615.0</t>
  </si>
  <si>
    <t>895412.0</t>
  </si>
  <si>
    <t>276310.0</t>
  </si>
  <si>
    <t>383864.0</t>
  </si>
  <si>
    <t>351535.0</t>
  </si>
  <si>
    <t>85137443.0</t>
  </si>
  <si>
    <t>868326.0</t>
  </si>
  <si>
    <t>1265.4</t>
  </si>
  <si>
    <t>660500.0</t>
  </si>
  <si>
    <t>21946433.0</t>
  </si>
  <si>
    <t>20982571.0</t>
  </si>
  <si>
    <t>963862.0</t>
  </si>
  <si>
    <t>327248.0</t>
  </si>
  <si>
    <t>86164147.0</t>
  </si>
  <si>
    <t>1026704.0</t>
  </si>
  <si>
    <t>1280.66</t>
  </si>
  <si>
    <t>699574.0</t>
  </si>
  <si>
    <t>22392883.0</t>
  </si>
  <si>
    <t>21358815.0</t>
  </si>
  <si>
    <t>1034068.0</t>
  </si>
  <si>
    <t>446450.0</t>
  </si>
  <si>
    <t>354184.0</t>
  </si>
  <si>
    <t>311609.0</t>
  </si>
  <si>
    <t>87156599.0</t>
  </si>
  <si>
    <t>992452.0</t>
  </si>
  <si>
    <t>1295.411</t>
  </si>
  <si>
    <t>753735.0</t>
  </si>
  <si>
    <t>22887118.0</t>
  </si>
  <si>
    <t>21796278.0</t>
  </si>
  <si>
    <t>1090840.0</t>
  </si>
  <si>
    <t>494235.0</t>
  </si>
  <si>
    <t>302033.0</t>
  </si>
  <si>
    <t>87625363.0</t>
  </si>
  <si>
    <t>468764.0</t>
  </si>
  <si>
    <t>1302.378</t>
  </si>
  <si>
    <t>766988.0</t>
  </si>
  <si>
    <t>23335514.0</t>
  </si>
  <si>
    <t>22213112.0</t>
  </si>
  <si>
    <t>1122402.0</t>
  </si>
  <si>
    <t>448396.0</t>
  </si>
  <si>
    <t>349976.0</t>
  </si>
  <si>
    <t>88437767.0</t>
  </si>
  <si>
    <t>1314.453</t>
  </si>
  <si>
    <t>807234.0</t>
  </si>
  <si>
    <t>11.998</t>
  </si>
  <si>
    <t>23519898.0</t>
  </si>
  <si>
    <t>22377255.0</t>
  </si>
  <si>
    <t>1142643.0</t>
  </si>
  <si>
    <t>184384.0</t>
  </si>
  <si>
    <t>300258.0</t>
  </si>
  <si>
    <t>114474.4</t>
  </si>
  <si>
    <t>1695.69255246446</t>
  </si>
  <si>
    <t>90043407.0</t>
  </si>
  <si>
    <t>1605640.0</t>
  </si>
  <si>
    <t>1338.318</t>
  </si>
  <si>
    <t>23.865</t>
  </si>
  <si>
    <t>927633.0</t>
  </si>
  <si>
    <t>23773959.0</t>
  </si>
  <si>
    <t>22592528.0</t>
  </si>
  <si>
    <t>1181431.0</t>
  </si>
  <si>
    <t>254061.0</t>
  </si>
  <si>
    <t>350177.0</t>
  </si>
  <si>
    <t>301987.0</t>
  </si>
  <si>
    <t>91522196.0</t>
  </si>
  <si>
    <t>1478789.0</t>
  </si>
  <si>
    <t>1360.297</t>
  </si>
  <si>
    <t>1036154.0</t>
  </si>
  <si>
    <t>24064182.0</t>
  </si>
  <si>
    <t>22809829.0</t>
  </si>
  <si>
    <t>1254353.0</t>
  </si>
  <si>
    <t>290223.0</t>
  </si>
  <si>
    <t>352165.0</t>
  </si>
  <si>
    <t>300888.0</t>
  </si>
  <si>
    <t>93165132.0</t>
  </si>
  <si>
    <t>1642936.0</t>
  </si>
  <si>
    <t>1384.716</t>
  </si>
  <si>
    <t>1146813.0</t>
  </si>
  <si>
    <t>24405231.0</t>
  </si>
  <si>
    <t>23053716.0</t>
  </si>
  <si>
    <t>1351515.0</t>
  </si>
  <si>
    <t>341049.0</t>
  </si>
  <si>
    <t>351257.0</t>
  </si>
  <si>
    <t>295878.0</t>
  </si>
  <si>
    <t>94881127.0</t>
  </si>
  <si>
    <t>1715995.0</t>
  </si>
  <si>
    <t>1410.221</t>
  </si>
  <si>
    <t>1245283.0</t>
  </si>
  <si>
    <t>24759603.0</t>
  </si>
  <si>
    <t>23314525.0</t>
  </si>
  <si>
    <t>1445078.0</t>
  </si>
  <si>
    <t>354372.0</t>
  </si>
  <si>
    <t>338103.0</t>
  </si>
  <si>
    <t>279387.0</t>
  </si>
  <si>
    <t>96386890.0</t>
  </si>
  <si>
    <t>1505763.0</t>
  </si>
  <si>
    <t>1432.601</t>
  </si>
  <si>
    <t>1318613.0</t>
  </si>
  <si>
    <t>25216857.0</t>
  </si>
  <si>
    <t>23684103.0</t>
  </si>
  <si>
    <t>1532754.0</t>
  </si>
  <si>
    <t>332820.0</t>
  </si>
  <si>
    <t>269689.0</t>
  </si>
  <si>
    <t>96843641.0</t>
  </si>
  <si>
    <t>456751.0</t>
  </si>
  <si>
    <t>1439.39</t>
  </si>
  <si>
    <t>1316897.0</t>
  </si>
  <si>
    <t>19.573</t>
  </si>
  <si>
    <t>25781120.0</t>
  </si>
  <si>
    <t>24196211.0</t>
  </si>
  <si>
    <t>564263.0</t>
  </si>
  <si>
    <t>349372.0</t>
  </si>
  <si>
    <t>283300.0</t>
  </si>
  <si>
    <t>108.43</t>
  </si>
  <si>
    <t>97820887.0</t>
  </si>
  <si>
    <t>977246.0</t>
  </si>
  <si>
    <t>1453.915</t>
  </si>
  <si>
    <t>1340446.0</t>
  </si>
  <si>
    <t>26063501.0</t>
  </si>
  <si>
    <t>24453221.0</t>
  </si>
  <si>
    <t>1610280.0</t>
  </si>
  <si>
    <t>282381.0</t>
  </si>
  <si>
    <t>363372.0</t>
  </si>
  <si>
    <t>296567.0</t>
  </si>
  <si>
    <t>113794.1</t>
  </si>
  <si>
    <t>1685.61536801587</t>
  </si>
  <si>
    <t>99493947.0</t>
  </si>
  <si>
    <t>1673060.0</t>
  </si>
  <si>
    <t>1478.781</t>
  </si>
  <si>
    <t>24.867</t>
  </si>
  <si>
    <t>1350077.0</t>
  </si>
  <si>
    <t>26503552.0</t>
  </si>
  <si>
    <t>24839906.0</t>
  </si>
  <si>
    <t>1663646.0</t>
  </si>
  <si>
    <t>440051.0</t>
  </si>
  <si>
    <t>389942.0</t>
  </si>
  <si>
    <t>321054.0</t>
  </si>
  <si>
    <t>100907531.0</t>
  </si>
  <si>
    <t>1413584.0</t>
  </si>
  <si>
    <t>1499.791</t>
  </si>
  <si>
    <t>1340762.0</t>
  </si>
  <si>
    <t>19.928</t>
  </si>
  <si>
    <t>27032671.0</t>
  </si>
  <si>
    <t>25273226.0</t>
  </si>
  <si>
    <t>1759445.0</t>
  </si>
  <si>
    <t>529119.0</t>
  </si>
  <si>
    <t>424070.0</t>
  </si>
  <si>
    <t>351914.0</t>
  </si>
  <si>
    <t>102610398.0</t>
  </si>
  <si>
    <t>1702867.0</t>
  </si>
  <si>
    <t>1525.101</t>
  </si>
  <si>
    <t>1349324.0</t>
  </si>
  <si>
    <t>27614526.0</t>
  </si>
  <si>
    <t>25735472.0</t>
  </si>
  <si>
    <t>1879054.0</t>
  </si>
  <si>
    <t>581855.0</t>
  </si>
  <si>
    <t>458471.0</t>
  </si>
  <si>
    <t>383108.0</t>
  </si>
  <si>
    <t>104153238.0</t>
  </si>
  <si>
    <t>1542840.0</t>
  </si>
  <si>
    <t>1548.033</t>
  </si>
  <si>
    <t>22.931</t>
  </si>
  <si>
    <t>1324587.0</t>
  </si>
  <si>
    <t>19.687</t>
  </si>
  <si>
    <t>28274802.0</t>
  </si>
  <si>
    <t>26263732.0</t>
  </si>
  <si>
    <t>2011070.0</t>
  </si>
  <si>
    <t>660276.0</t>
  </si>
  <si>
    <t>502171.0</t>
  </si>
  <si>
    <t>421315.0</t>
  </si>
  <si>
    <t>105148680.0</t>
  </si>
  <si>
    <t>995442.0</t>
  </si>
  <si>
    <t>1562.828</t>
  </si>
  <si>
    <t>1251684.0</t>
  </si>
  <si>
    <t>29015457.0</t>
  </si>
  <si>
    <t>26878662.0</t>
  </si>
  <si>
    <t>2136795.0</t>
  </si>
  <si>
    <t>740655.0</t>
  </si>
  <si>
    <t>542657.0</t>
  </si>
  <si>
    <t>456366.0</t>
  </si>
  <si>
    <t>105622976.0</t>
  </si>
  <si>
    <t>474296.0</t>
  </si>
  <si>
    <t>1569.877</t>
  </si>
  <si>
    <t>1254191.0</t>
  </si>
  <si>
    <t>18.641</t>
  </si>
  <si>
    <t>29859742.0</t>
  </si>
  <si>
    <t>27630970.0</t>
  </si>
  <si>
    <t>2228772.0</t>
  </si>
  <si>
    <t>844285.0</t>
  </si>
  <si>
    <t>582660.0</t>
  </si>
  <si>
    <t>490680.0</t>
  </si>
  <si>
    <t>107515907.0</t>
  </si>
  <si>
    <t>1892931.0</t>
  </si>
  <si>
    <t>1598.012</t>
  </si>
  <si>
    <t>28.135</t>
  </si>
  <si>
    <t>1385003.0</t>
  </si>
  <si>
    <t>30279360.0</t>
  </si>
  <si>
    <t>27997976.0</t>
  </si>
  <si>
    <t>2281384.0</t>
  </si>
  <si>
    <t>419618.0</t>
  </si>
  <si>
    <t>602266.0</t>
  </si>
  <si>
    <t>506394.0</t>
  </si>
  <si>
    <t>112699.8</t>
  </si>
  <si>
    <t>-8.57</t>
  </si>
  <si>
    <t>1669.40566208894</t>
  </si>
  <si>
    <t>108830747.0</t>
  </si>
  <si>
    <t>1314840.0</t>
  </si>
  <si>
    <t>1617.554</t>
  </si>
  <si>
    <t>19.543</t>
  </si>
  <si>
    <t>1333829.0</t>
  </si>
  <si>
    <t>19.825</t>
  </si>
  <si>
    <t>30691557.0</t>
  </si>
  <si>
    <t>28327873.0</t>
  </si>
  <si>
    <t>2363684.0</t>
  </si>
  <si>
    <t>412197.0</t>
  </si>
  <si>
    <t>598286.0</t>
  </si>
  <si>
    <t>498281.0</t>
  </si>
  <si>
    <t>109725323.0</t>
  </si>
  <si>
    <t>894576.0</t>
  </si>
  <si>
    <t>1630.851</t>
  </si>
  <si>
    <t>1259685.0</t>
  </si>
  <si>
    <t>18.723</t>
  </si>
  <si>
    <t>31186362.0</t>
  </si>
  <si>
    <t>28653523.0</t>
  </si>
  <si>
    <t>2532839.0</t>
  </si>
  <si>
    <t>494805.0</t>
  </si>
  <si>
    <t>593384.0</t>
  </si>
  <si>
    <t>482900.0</t>
  </si>
  <si>
    <t>111555010.0</t>
  </si>
  <si>
    <t>1829687.0</t>
  </si>
  <si>
    <t>1658.045</t>
  </si>
  <si>
    <t>1277802.0</t>
  </si>
  <si>
    <t>31766669.0</t>
  </si>
  <si>
    <t>28991188.0</t>
  </si>
  <si>
    <t>2775481.0</t>
  </si>
  <si>
    <t>580307.0</t>
  </si>
  <si>
    <t>593163.0</t>
  </si>
  <si>
    <t>465102.0</t>
  </si>
  <si>
    <t>112968400.0</t>
  </si>
  <si>
    <t>1413390.0</t>
  </si>
  <si>
    <t>1679.053</t>
  </si>
  <si>
    <t>21.007</t>
  </si>
  <si>
    <t>1259309.0</t>
  </si>
  <si>
    <t>32325993.0</t>
  </si>
  <si>
    <t>29316130.0</t>
  </si>
  <si>
    <t>3009863.0</t>
  </si>
  <si>
    <t>559324.0</t>
  </si>
  <si>
    <t>578742.0</t>
  </si>
  <si>
    <t>436057.0</t>
  </si>
  <si>
    <t>113700329.0</t>
  </si>
  <si>
    <t>731929.0</t>
  </si>
  <si>
    <t>1689.931</t>
  </si>
  <si>
    <t>1221664.0</t>
  </si>
  <si>
    <t>18.158</t>
  </si>
  <si>
    <t>33020952.0</t>
  </si>
  <si>
    <t>29727435.0</t>
  </si>
  <si>
    <t>3293517.0</t>
  </si>
  <si>
    <t>694959.0</t>
  </si>
  <si>
    <t>572214.0</t>
  </si>
  <si>
    <t>406968.0</t>
  </si>
  <si>
    <t>114179510.0</t>
  </si>
  <si>
    <t>479181.0</t>
  </si>
  <si>
    <t>1697.053</t>
  </si>
  <si>
    <t>1222362.0</t>
  </si>
  <si>
    <t>225.7</t>
  </si>
  <si>
    <t>33684114.0</t>
  </si>
  <si>
    <t>30151736.0</t>
  </si>
  <si>
    <t>3532378.0</t>
  </si>
  <si>
    <t>663162.0</t>
  </si>
  <si>
    <t>546339.0</t>
  </si>
  <si>
    <t>360109.0</t>
  </si>
  <si>
    <t>115828717.0</t>
  </si>
  <si>
    <t>1649207.0</t>
  </si>
  <si>
    <t>1721.565</t>
  </si>
  <si>
    <t>1187544.0</t>
  </si>
  <si>
    <t>17.651</t>
  </si>
  <si>
    <t>34125256.0</t>
  </si>
  <si>
    <t>30445284.0</t>
  </si>
  <si>
    <t>3679972.0</t>
  </si>
  <si>
    <t>441142.0</t>
  </si>
  <si>
    <t>549414.0</t>
  </si>
  <si>
    <t>112057.3</t>
  </si>
  <si>
    <t>1659.88840351446</t>
  </si>
  <si>
    <t>116842152.0</t>
  </si>
  <si>
    <t>1013435.0</t>
  </si>
  <si>
    <t>1736.628</t>
  </si>
  <si>
    <t>15.063</t>
  </si>
  <si>
    <t>1144486.0</t>
  </si>
  <si>
    <t>34530295.0</t>
  </si>
  <si>
    <t>30682093.0</t>
  </si>
  <si>
    <t>3848202.0</t>
  </si>
  <si>
    <t>405039.0</t>
  </si>
  <si>
    <t>548391.0</t>
  </si>
  <si>
    <t>336317.0</t>
  </si>
  <si>
    <t>117560747.0</t>
  </si>
  <si>
    <t>718595.0</t>
  </si>
  <si>
    <t>1747.309</t>
  </si>
  <si>
    <t>1119346.0</t>
  </si>
  <si>
    <t>35033894.0</t>
  </si>
  <si>
    <t>30908010.0</t>
  </si>
  <si>
    <t>4125884.0</t>
  </si>
  <si>
    <t>503599.0</t>
  </si>
  <si>
    <t>549647.0</t>
  </si>
  <si>
    <t>322070.0</t>
  </si>
  <si>
    <t>118859027.0</t>
  </si>
  <si>
    <t>1298280.0</t>
  </si>
  <si>
    <t>1766.605</t>
  </si>
  <si>
    <t>19.296</t>
  </si>
  <si>
    <t>1043431.0</t>
  </si>
  <si>
    <t>35660902.0</t>
  </si>
  <si>
    <t>31147444.0</t>
  </si>
  <si>
    <t>4513458.0</t>
  </si>
  <si>
    <t>627008.0</t>
  </si>
  <si>
    <t>556319.0</t>
  </si>
  <si>
    <t>308037.0</t>
  </si>
  <si>
    <t>119919141.0</t>
  </si>
  <si>
    <t>1060114.0</t>
  </si>
  <si>
    <t>1782.362</t>
  </si>
  <si>
    <t>15.757</t>
  </si>
  <si>
    <t>992963.0</t>
  </si>
  <si>
    <t>36277136.0</t>
  </si>
  <si>
    <t>31318262.0</t>
  </si>
  <si>
    <t>4958874.0</t>
  </si>
  <si>
    <t>564449.0</t>
  </si>
  <si>
    <t>286019.0</t>
  </si>
  <si>
    <t>120522038.0</t>
  </si>
  <si>
    <t>602897.0</t>
  </si>
  <si>
    <t>1791.322</t>
  </si>
  <si>
    <t>974530.0</t>
  </si>
  <si>
    <t>36631187.0</t>
  </si>
  <si>
    <t>31425682.0</t>
  </si>
  <si>
    <t>5205505.0</t>
  </si>
  <si>
    <t>354051.0</t>
  </si>
  <si>
    <t>515748.0</t>
  </si>
  <si>
    <t>242607.0</t>
  </si>
  <si>
    <t>120950355.0</t>
  </si>
  <si>
    <t>428317.0</t>
  </si>
  <si>
    <t>1797.689</t>
  </si>
  <si>
    <t>967264.0</t>
  </si>
  <si>
    <t>36917986.0</t>
  </si>
  <si>
    <t>31533568.0</t>
  </si>
  <si>
    <t>5384418.0</t>
  </si>
  <si>
    <t>286799.0</t>
  </si>
  <si>
    <t>461982.0</t>
  </si>
  <si>
    <t>197405.0</t>
  </si>
  <si>
    <t>121784429.0</t>
  </si>
  <si>
    <t>834074.0</t>
  </si>
  <si>
    <t>1810.085</t>
  </si>
  <si>
    <t>12.397</t>
  </si>
  <si>
    <t>850816.0</t>
  </si>
  <si>
    <t>37013749.0</t>
  </si>
  <si>
    <t>31581623.0</t>
  </si>
  <si>
    <t>5432126.0</t>
  </si>
  <si>
    <t>412642.0</t>
  </si>
  <si>
    <t>162334.0</t>
  </si>
  <si>
    <t>-18.69</t>
  </si>
  <si>
    <t>1627.68081547012</t>
  </si>
  <si>
    <t>122660738.0</t>
  </si>
  <si>
    <t>876309.0</t>
  </si>
  <si>
    <t>1823.11</t>
  </si>
  <si>
    <t>13.025</t>
  </si>
  <si>
    <t>831227.0</t>
  </si>
  <si>
    <t>37119083.0</t>
  </si>
  <si>
    <t>31622367.0</t>
  </si>
  <si>
    <t>5496716.0</t>
  </si>
  <si>
    <t>105334.0</t>
  </si>
  <si>
    <t>369827.0</t>
  </si>
  <si>
    <t>134325.0</t>
  </si>
  <si>
    <t>123363021.0</t>
  </si>
  <si>
    <t>702283.0</t>
  </si>
  <si>
    <t>1833.548</t>
  </si>
  <si>
    <t>828896.0</t>
  </si>
  <si>
    <t>254.5</t>
  </si>
  <si>
    <t>37391103.0</t>
  </si>
  <si>
    <t>31707594.0</t>
  </si>
  <si>
    <t>5683509.0</t>
  </si>
  <si>
    <t>272020.0</t>
  </si>
  <si>
    <t>336744.0</t>
  </si>
  <si>
    <t>114226.0</t>
  </si>
  <si>
    <t>124428120.0</t>
  </si>
  <si>
    <t>1065099.0</t>
  </si>
  <si>
    <t>1849.379</t>
  </si>
  <si>
    <t>15.831</t>
  </si>
  <si>
    <t>795585.0</t>
  </si>
  <si>
    <t>37899029.0</t>
  </si>
  <si>
    <t>31807124.0</t>
  </si>
  <si>
    <t>6091905.0</t>
  </si>
  <si>
    <t>507926.0</t>
  </si>
  <si>
    <t>319732.0</t>
  </si>
  <si>
    <t>125460468.0</t>
  </si>
  <si>
    <t>1032348.0</t>
  </si>
  <si>
    <t>1864.722</t>
  </si>
  <si>
    <t>15.344</t>
  </si>
  <si>
    <t>791618.0</t>
  </si>
  <si>
    <t>38444540.0</t>
  </si>
  <si>
    <t>31903366.0</t>
  </si>
  <si>
    <t>6541174.0</t>
  </si>
  <si>
    <t>545511.0</t>
  </si>
  <si>
    <t>126195714.0</t>
  </si>
  <si>
    <t>735246.0</t>
  </si>
  <si>
    <t>1875.65</t>
  </si>
  <si>
    <t>810525.0</t>
  </si>
  <si>
    <t>39001554.0</t>
  </si>
  <si>
    <t>32010244.0</t>
  </si>
  <si>
    <t>6991310.0</t>
  </si>
  <si>
    <t>338624.0</t>
  </si>
  <si>
    <t>126700912.0</t>
  </si>
  <si>
    <t>1883.159</t>
  </si>
  <si>
    <t>821508.0</t>
  </si>
  <si>
    <t>39587893.0</t>
  </si>
  <si>
    <t>32121353.0</t>
  </si>
  <si>
    <t>7466540.0</t>
  </si>
  <si>
    <t>586339.0</t>
  </si>
  <si>
    <t>381415.0</t>
  </si>
  <si>
    <t>127944479.0</t>
  </si>
  <si>
    <t>1243567.0</t>
  </si>
  <si>
    <t>1901.642</t>
  </si>
  <si>
    <t>18.483</t>
  </si>
  <si>
    <t>880007.0</t>
  </si>
  <si>
    <t>39846781.0</t>
  </si>
  <si>
    <t>32190576.0</t>
  </si>
  <si>
    <t>7656205.0</t>
  </si>
  <si>
    <t>258888.0</t>
  </si>
  <si>
    <t>404719.0</t>
  </si>
  <si>
    <t>86993.0</t>
  </si>
  <si>
    <t>108517.3</t>
  </si>
  <si>
    <t>-11.61</t>
  </si>
  <si>
    <t>1607.4509010185</t>
  </si>
  <si>
    <t>128962041.0</t>
  </si>
  <si>
    <t>1017562.0</t>
  </si>
  <si>
    <t>1916.766</t>
  </si>
  <si>
    <t>15.124</t>
  </si>
  <si>
    <t>900186.0</t>
  </si>
  <si>
    <t>13.379</t>
  </si>
  <si>
    <t>392.5</t>
  </si>
  <si>
    <t>40107877.0</t>
  </si>
  <si>
    <t>32250481.0</t>
  </si>
  <si>
    <t>7857396.0</t>
  </si>
  <si>
    <t>261096.0</t>
  </si>
  <si>
    <t>426971.0</t>
  </si>
  <si>
    <t>129707303.0</t>
  </si>
  <si>
    <t>745262.0</t>
  </si>
  <si>
    <t>1927.843</t>
  </si>
  <si>
    <t>11.077</t>
  </si>
  <si>
    <t>906326.0</t>
  </si>
  <si>
    <t>40496685.0</t>
  </si>
  <si>
    <t>32326604.0</t>
  </si>
  <si>
    <t>8170081.0</t>
  </si>
  <si>
    <t>443655.0</t>
  </si>
  <si>
    <t>88430.0</t>
  </si>
  <si>
    <t>130897771.0</t>
  </si>
  <si>
    <t>1190468.0</t>
  </si>
  <si>
    <t>1945.537</t>
  </si>
  <si>
    <t>924236.0</t>
  </si>
  <si>
    <t>40958303.0</t>
  </si>
  <si>
    <t>32444439.0</t>
  </si>
  <si>
    <t>8513864.0</t>
  </si>
  <si>
    <t>461618.0</t>
  </si>
  <si>
    <t>437039.0</t>
  </si>
  <si>
    <t>91045.0</t>
  </si>
  <si>
    <t>131999594.0</t>
  </si>
  <si>
    <t>1101823.0</t>
  </si>
  <si>
    <t>1961.914</t>
  </si>
  <si>
    <t>16.376</t>
  </si>
  <si>
    <t>934161.0</t>
  </si>
  <si>
    <t>13.884</t>
  </si>
  <si>
    <t>41505768.0</t>
  </si>
  <si>
    <t>32574221.0</t>
  </si>
  <si>
    <t>8931547.0</t>
  </si>
  <si>
    <t>547465.0</t>
  </si>
  <si>
    <t>437318.0</t>
  </si>
  <si>
    <t>132748349.0</t>
  </si>
  <si>
    <t>748755.0</t>
  </si>
  <si>
    <t>1973.042</t>
  </si>
  <si>
    <t>936091.0</t>
  </si>
  <si>
    <t>358.6</t>
  </si>
  <si>
    <t>42140989.0</t>
  </si>
  <si>
    <t>32709778.0</t>
  </si>
  <si>
    <t>9431211.0</t>
  </si>
  <si>
    <t>635221.0</t>
  </si>
  <si>
    <t>448491.0</t>
  </si>
  <si>
    <t>133263557.0</t>
  </si>
  <si>
    <t>1980.7</t>
  </si>
  <si>
    <t>366.7</t>
  </si>
  <si>
    <t>42780069.0</t>
  </si>
  <si>
    <t>32849223.0</t>
  </si>
  <si>
    <t>9930846.0</t>
  </si>
  <si>
    <t>639080.0</t>
  </si>
  <si>
    <t>456025.0</t>
  </si>
  <si>
    <t>103981.0</t>
  </si>
  <si>
    <t>134976845.0</t>
  </si>
  <si>
    <t>1713288.0</t>
  </si>
  <si>
    <t>2006.165</t>
  </si>
  <si>
    <t>25.465</t>
  </si>
  <si>
    <t>1004624.0</t>
  </si>
  <si>
    <t>389.6</t>
  </si>
  <si>
    <t>43084487.0</t>
  </si>
  <si>
    <t>32932448.0</t>
  </si>
  <si>
    <t>10152039.0</t>
  </si>
  <si>
    <t>304418.0</t>
  </si>
  <si>
    <t>462529.0</t>
  </si>
  <si>
    <t>106987.0</t>
  </si>
  <si>
    <t>-12.75</t>
  </si>
  <si>
    <t>1584.78279082935</t>
  </si>
  <si>
    <t>136188202.0</t>
  </si>
  <si>
    <t>1211357.0</t>
  </si>
  <si>
    <t>2024.169</t>
  </si>
  <si>
    <t>18.004</t>
  </si>
  <si>
    <t>1032309.0</t>
  </si>
  <si>
    <t>43457910.0</t>
  </si>
  <si>
    <t>33032120.0</t>
  </si>
  <si>
    <t>10425790.0</t>
  </si>
  <si>
    <t>373423.0</t>
  </si>
  <si>
    <t>478576.0</t>
  </si>
  <si>
    <t>136996175.0</t>
  </si>
  <si>
    <t>807973.0</t>
  </si>
  <si>
    <t>2036.178</t>
  </si>
  <si>
    <t>1041267.0</t>
  </si>
  <si>
    <t>43915559.0</t>
  </si>
  <si>
    <t>33139742.0</t>
  </si>
  <si>
    <t>10775817.0</t>
  </si>
  <si>
    <t>457649.0</t>
  </si>
  <si>
    <t>488411.0</t>
  </si>
  <si>
    <t>116163.0</t>
  </si>
  <si>
    <t>138397759.0</t>
  </si>
  <si>
    <t>1401584.0</t>
  </si>
  <si>
    <t>2057.01</t>
  </si>
  <si>
    <t>20.832</t>
  </si>
  <si>
    <t>1071427.0</t>
  </si>
  <si>
    <t>44450252.0</t>
  </si>
  <si>
    <t>33257651.0</t>
  </si>
  <si>
    <t>11192601.0</t>
  </si>
  <si>
    <t>534693.0</t>
  </si>
  <si>
    <t>498850.0</t>
  </si>
  <si>
    <t>116173.0</t>
  </si>
  <si>
    <t>139627650.0</t>
  </si>
  <si>
    <t>1229891.0</t>
  </si>
  <si>
    <t>2075.29</t>
  </si>
  <si>
    <t>1089722.0</t>
  </si>
  <si>
    <t>45012308.0</t>
  </si>
  <si>
    <t>33388637.0</t>
  </si>
  <si>
    <t>11623671.0</t>
  </si>
  <si>
    <t>562056.0</t>
  </si>
  <si>
    <t>500934.0</t>
  </si>
  <si>
    <t>116345.0</t>
  </si>
  <si>
    <t>140410156.0</t>
  </si>
  <si>
    <t>782506.0</t>
  </si>
  <si>
    <t>2086.92</t>
  </si>
  <si>
    <t>1094544.0</t>
  </si>
  <si>
    <t>16.268</t>
  </si>
  <si>
    <t>440.9</t>
  </si>
  <si>
    <t>45613109.0</t>
  </si>
  <si>
    <t>33524423.0</t>
  </si>
  <si>
    <t>12088686.0</t>
  </si>
  <si>
    <t>600801.0</t>
  </si>
  <si>
    <t>116378.0</t>
  </si>
  <si>
    <t>140920039.0</t>
  </si>
  <si>
    <t>509883.0</t>
  </si>
  <si>
    <t>2094.499</t>
  </si>
  <si>
    <t>1093783.0</t>
  </si>
  <si>
    <t>444.3</t>
  </si>
  <si>
    <t>46309512.0</t>
  </si>
  <si>
    <t>33673190.0</t>
  </si>
  <si>
    <t>12636322.0</t>
  </si>
  <si>
    <t>696403.0</t>
  </si>
  <si>
    <t>504206.0</t>
  </si>
  <si>
    <t>117710.0</t>
  </si>
  <si>
    <t>142413404.0</t>
  </si>
  <si>
    <t>1493365.0</t>
  </si>
  <si>
    <t>2116.694</t>
  </si>
  <si>
    <t>1062366.0</t>
  </si>
  <si>
    <t>46650008.0</t>
  </si>
  <si>
    <t>33752885.0</t>
  </si>
  <si>
    <t>12897123.0</t>
  </si>
  <si>
    <t>340496.0</t>
  </si>
  <si>
    <t>509360.0</t>
  </si>
  <si>
    <t>117205.0</t>
  </si>
  <si>
    <t>106409.3</t>
  </si>
  <si>
    <t>1576.22540518192</t>
  </si>
  <si>
    <t>143613331.0</t>
  </si>
  <si>
    <t>1199927.0</t>
  </si>
  <si>
    <t>2134.529</t>
  </si>
  <si>
    <t>17.835</t>
  </si>
  <si>
    <t>1060733.0</t>
  </si>
  <si>
    <t>47045391.0</t>
  </si>
  <si>
    <t>33843580.0</t>
  </si>
  <si>
    <t>13201811.0</t>
  </si>
  <si>
    <t>395383.0</t>
  </si>
  <si>
    <t>512497.0</t>
  </si>
  <si>
    <t>144405196.0</t>
  </si>
  <si>
    <t>791865.0</t>
  </si>
  <si>
    <t>2146.299</t>
  </si>
  <si>
    <t>1058432.0</t>
  </si>
  <si>
    <t>15.732</t>
  </si>
  <si>
    <t>47540984.0</t>
  </si>
  <si>
    <t>33959908.0</t>
  </si>
  <si>
    <t>13581076.0</t>
  </si>
  <si>
    <t>495593.0</t>
  </si>
  <si>
    <t>517918.0</t>
  </si>
  <si>
    <t>117167.0</t>
  </si>
  <si>
    <t>145788879.0</t>
  </si>
  <si>
    <t>1383683.0</t>
  </si>
  <si>
    <t>2166.864</t>
  </si>
  <si>
    <t>1055874.0</t>
  </si>
  <si>
    <t>48138009.0</t>
  </si>
  <si>
    <t>34094048.0</t>
  </si>
  <si>
    <t>14043961.0</t>
  </si>
  <si>
    <t>597025.0</t>
  </si>
  <si>
    <t>526822.0</t>
  </si>
  <si>
    <t>119485.0</t>
  </si>
  <si>
    <t>146991435.0</t>
  </si>
  <si>
    <t>1202556.0</t>
  </si>
  <si>
    <t>2184.738</t>
  </si>
  <si>
    <t>17.874</t>
  </si>
  <si>
    <t>1051969.0</t>
  </si>
  <si>
    <t>465.7</t>
  </si>
  <si>
    <t>48752144.0</t>
  </si>
  <si>
    <t>34216616.0</t>
  </si>
  <si>
    <t>14535528.0</t>
  </si>
  <si>
    <t>614135.0</t>
  </si>
  <si>
    <t>534262.0</t>
  </si>
  <si>
    <t>118283.0</t>
  </si>
  <si>
    <t>147718436.0</t>
  </si>
  <si>
    <t>2195.543</t>
  </si>
  <si>
    <t>49319518.0</t>
  </si>
  <si>
    <t>34362205.0</t>
  </si>
  <si>
    <t>14957313.0</t>
  </si>
  <si>
    <t>567374.0</t>
  </si>
  <si>
    <t>529487.0</t>
  </si>
  <si>
    <t>119683.0</t>
  </si>
  <si>
    <t>148219655.0</t>
  </si>
  <si>
    <t>501219.0</t>
  </si>
  <si>
    <t>2202.993</t>
  </si>
  <si>
    <t>1042802.0</t>
  </si>
  <si>
    <t>49834997.0</t>
  </si>
  <si>
    <t>34505380.0</t>
  </si>
  <si>
    <t>15329617.0</t>
  </si>
  <si>
    <t>515479.0</t>
  </si>
  <si>
    <t>503641.0</t>
  </si>
  <si>
    <t>149071170.0</t>
  </si>
  <si>
    <t>851515.0</t>
  </si>
  <si>
    <t>2215.649</t>
  </si>
  <si>
    <t>434.6</t>
  </si>
  <si>
    <t>50097812.0</t>
  </si>
  <si>
    <t>34595304.0</t>
  </si>
  <si>
    <t>15502508.0</t>
  </si>
  <si>
    <t>1562.78570291791</t>
  </si>
  <si>
    <t>150277289.0</t>
  </si>
  <si>
    <t>1206119.0</t>
  </si>
  <si>
    <t>2233.576</t>
  </si>
  <si>
    <t>17.927</t>
  </si>
  <si>
    <t>951994.0</t>
  </si>
  <si>
    <t>50297911.0</t>
  </si>
  <si>
    <t>34667904.0</t>
  </si>
  <si>
    <t>15630007.0</t>
  </si>
  <si>
    <t>200099.0</t>
  </si>
  <si>
    <t>464646.0</t>
  </si>
  <si>
    <t>117761.0</t>
  </si>
  <si>
    <t>151268085.0</t>
  </si>
  <si>
    <t>990796.0</t>
  </si>
  <si>
    <t>2248.302</t>
  </si>
  <si>
    <t>980413.0</t>
  </si>
  <si>
    <t>14.572</t>
  </si>
  <si>
    <t>50682567.0</t>
  </si>
  <si>
    <t>34795074.0</t>
  </si>
  <si>
    <t>15887493.0</t>
  </si>
  <si>
    <t>384656.0</t>
  </si>
  <si>
    <t>448798.0</t>
  </si>
  <si>
    <t>119309.0</t>
  </si>
  <si>
    <t>152515292.0</t>
  </si>
  <si>
    <t>1247207.0</t>
  </si>
  <si>
    <t>2266.839</t>
  </si>
  <si>
    <t>960916.0</t>
  </si>
  <si>
    <t>475.6</t>
  </si>
  <si>
    <t>51225890.0</t>
  </si>
  <si>
    <t>34934171.0</t>
  </si>
  <si>
    <t>16291719.0</t>
  </si>
  <si>
    <t>543323.0</t>
  </si>
  <si>
    <t>441126.0</t>
  </si>
  <si>
    <t>120018.0</t>
  </si>
  <si>
    <t>153713972.0</t>
  </si>
  <si>
    <t>1198680.0</t>
  </si>
  <si>
    <t>2284.655</t>
  </si>
  <si>
    <t>17.816</t>
  </si>
  <si>
    <t>960362.0</t>
  </si>
  <si>
    <t>51834361.0</t>
  </si>
  <si>
    <t>35069641.0</t>
  </si>
  <si>
    <t>16764720.0</t>
  </si>
  <si>
    <t>608471.0</t>
  </si>
  <si>
    <t>440317.0</t>
  </si>
  <si>
    <t>121861.0</t>
  </si>
  <si>
    <t>154457028.0</t>
  </si>
  <si>
    <t>743056.0</t>
  </si>
  <si>
    <t>2295.699</t>
  </si>
  <si>
    <t>962656.0</t>
  </si>
  <si>
    <t>14.308</t>
  </si>
  <si>
    <t>467.3</t>
  </si>
  <si>
    <t>52433184.0</t>
  </si>
  <si>
    <t>35202642.0</t>
  </si>
  <si>
    <t>17230542.0</t>
  </si>
  <si>
    <t>598823.0</t>
  </si>
  <si>
    <t>444809.0</t>
  </si>
  <si>
    <t>154968481.0</t>
  </si>
  <si>
    <t>511453.0</t>
  </si>
  <si>
    <t>2303.301</t>
  </si>
  <si>
    <t>964118.0</t>
  </si>
  <si>
    <t>463.5</t>
  </si>
  <si>
    <t>53041048.0</t>
  </si>
  <si>
    <t>35371669.0</t>
  </si>
  <si>
    <t>17669379.0</t>
  </si>
  <si>
    <t>607864.0</t>
  </si>
  <si>
    <t>458007.0</t>
  </si>
  <si>
    <t>123756.0</t>
  </si>
  <si>
    <t>156310679.0</t>
  </si>
  <si>
    <t>1342198.0</t>
  </si>
  <si>
    <t>2323.25</t>
  </si>
  <si>
    <t>19.949</t>
  </si>
  <si>
    <t>1034216.0</t>
  </si>
  <si>
    <t>493.8</t>
  </si>
  <si>
    <t>53328845.0</t>
  </si>
  <si>
    <t>35472295.0</t>
  </si>
  <si>
    <t>17856550.0</t>
  </si>
  <si>
    <t>461576.0</t>
  </si>
  <si>
    <t>125284.0</t>
  </si>
  <si>
    <t>103313.5</t>
  </si>
  <si>
    <t>-19.2</t>
  </si>
  <si>
    <t>1530.36777234943</t>
  </si>
  <si>
    <t>157429127.0</t>
  </si>
  <si>
    <t>1118448.0</t>
  </si>
  <si>
    <t>2339.874</t>
  </si>
  <si>
    <t>1021691.0</t>
  </si>
  <si>
    <t>53675733.0</t>
  </si>
  <si>
    <t>35587348.0</t>
  </si>
  <si>
    <t>18088385.0</t>
  </si>
  <si>
    <t>346888.0</t>
  </si>
  <si>
    <t>482546.0</t>
  </si>
  <si>
    <t>131349.0</t>
  </si>
  <si>
    <t>910264.0</t>
  </si>
  <si>
    <t>54160993.0</t>
  </si>
  <si>
    <t>35722461.0</t>
  </si>
  <si>
    <t>18438532.0</t>
  </si>
  <si>
    <t>485260.0</t>
  </si>
  <si>
    <t>496918.0</t>
  </si>
  <si>
    <t>132484.0</t>
  </si>
  <si>
    <t>762208.0</t>
  </si>
  <si>
    <t>54797640.0</t>
  </si>
  <si>
    <t>35906671.0</t>
  </si>
  <si>
    <t>18890969.0</t>
  </si>
  <si>
    <t>636647.0</t>
  </si>
  <si>
    <t>510250.0</t>
  </si>
  <si>
    <t>138929.0</t>
  </si>
  <si>
    <t>158061554.0</t>
  </si>
  <si>
    <t>2349.273</t>
  </si>
  <si>
    <t>621083.0</t>
  </si>
  <si>
    <t>270.4</t>
  </si>
  <si>
    <t>55434965.0</t>
  </si>
  <si>
    <t>36115955.0</t>
  </si>
  <si>
    <t>19319010.0</t>
  </si>
  <si>
    <t>637325.0</t>
  </si>
  <si>
    <t>514372.0</t>
  </si>
  <si>
    <t>149473.0</t>
  </si>
  <si>
    <t>158796060.0</t>
  </si>
  <si>
    <t>734506.0</t>
  </si>
  <si>
    <t>2360.19</t>
  </si>
  <si>
    <t>619862.0</t>
  </si>
  <si>
    <t>56048435.0</t>
  </si>
  <si>
    <t>36336023.0</t>
  </si>
  <si>
    <t>19712412.0</t>
  </si>
  <si>
    <t>613470.0</t>
  </si>
  <si>
    <t>516464.0</t>
  </si>
  <si>
    <t>161912.0</t>
  </si>
  <si>
    <t>159269145.0</t>
  </si>
  <si>
    <t>473085.0</t>
  </si>
  <si>
    <t>2367.222</t>
  </si>
  <si>
    <t>614381.0</t>
  </si>
  <si>
    <t>56677012.0</t>
  </si>
  <si>
    <t>36573354.0</t>
  </si>
  <si>
    <t>20103658.0</t>
  </si>
  <si>
    <t>628577.0</t>
  </si>
  <si>
    <t>519423.0</t>
  </si>
  <si>
    <t>171669.0</t>
  </si>
  <si>
    <t>160381499.0</t>
  </si>
  <si>
    <t>1112354.0</t>
  </si>
  <si>
    <t>2383.755</t>
  </si>
  <si>
    <t>16.533</t>
  </si>
  <si>
    <t>581546.0</t>
  </si>
  <si>
    <t>56992075.0</t>
  </si>
  <si>
    <t>36704672.0</t>
  </si>
  <si>
    <t>20287403.0</t>
  </si>
  <si>
    <t>523319.0</t>
  </si>
  <si>
    <t>103907.2</t>
  </si>
  <si>
    <t>1539.16216365786</t>
  </si>
  <si>
    <t>161600537.0</t>
  </si>
  <si>
    <t>1219038.0</t>
  </si>
  <si>
    <t>2401.873</t>
  </si>
  <si>
    <t>595916.0</t>
  </si>
  <si>
    <t>57357857.0</t>
  </si>
  <si>
    <t>36811405.0</t>
  </si>
  <si>
    <t>20546452.0</t>
  </si>
  <si>
    <t>365782.0</t>
  </si>
  <si>
    <t>526018.0</t>
  </si>
  <si>
    <t>174865.0</t>
  </si>
  <si>
    <t>162395183.0</t>
  </si>
  <si>
    <t>794646.0</t>
  </si>
  <si>
    <t>2413.684</t>
  </si>
  <si>
    <t>679321.0</t>
  </si>
  <si>
    <t>57855958.0</t>
  </si>
  <si>
    <t>36985505.0</t>
  </si>
  <si>
    <t>20870453.0</t>
  </si>
  <si>
    <t>498101.0</t>
  </si>
  <si>
    <t>527852.0</t>
  </si>
  <si>
    <t>180435.0</t>
  </si>
  <si>
    <t>163603561.0</t>
  </si>
  <si>
    <t>1208378.0</t>
  </si>
  <si>
    <t>2431.644</t>
  </si>
  <si>
    <t>821831.0</t>
  </si>
  <si>
    <t>12.215</t>
  </si>
  <si>
    <t>445.4</t>
  </si>
  <si>
    <t>58489834.0</t>
  </si>
  <si>
    <t>37250363.0</t>
  </si>
  <si>
    <t>21239471.0</t>
  </si>
  <si>
    <t>633876.0</t>
  </si>
  <si>
    <t>527456.0</t>
  </si>
  <si>
    <t>191956.0</t>
  </si>
  <si>
    <t>164730887.0</t>
  </si>
  <si>
    <t>1127326.0</t>
  </si>
  <si>
    <t>2448.4</t>
  </si>
  <si>
    <t>16.755</t>
  </si>
  <si>
    <t>952762.0</t>
  </si>
  <si>
    <t>514.8</t>
  </si>
  <si>
    <t>59178397.0</t>
  </si>
  <si>
    <t>37518614.0</t>
  </si>
  <si>
    <t>21659783.0</t>
  </si>
  <si>
    <t>688563.0</t>
  </si>
  <si>
    <t>534776.0</t>
  </si>
  <si>
    <t>165502879.0</t>
  </si>
  <si>
    <t>771992.0</t>
  </si>
  <si>
    <t>2459.874</t>
  </si>
  <si>
    <t>11.474</t>
  </si>
  <si>
    <t>958117.0</t>
  </si>
  <si>
    <t>59824737.0</t>
  </si>
  <si>
    <t>37738271.0</t>
  </si>
  <si>
    <t>22086466.0</t>
  </si>
  <si>
    <t>646340.0</t>
  </si>
  <si>
    <t>539472.0</t>
  </si>
  <si>
    <t>200321.0</t>
  </si>
  <si>
    <t>166012388.0</t>
  </si>
  <si>
    <t>509509.0</t>
  </si>
  <si>
    <t>2467.447</t>
  </si>
  <si>
    <t>963320.0</t>
  </si>
  <si>
    <t>60587098.0</t>
  </si>
  <si>
    <t>37943681.0</t>
  </si>
  <si>
    <t>22643417.0</t>
  </si>
  <si>
    <t>762361.0</t>
  </si>
  <si>
    <t>558584.0</t>
  </si>
  <si>
    <t>195761.0</t>
  </si>
  <si>
    <t>13.761</t>
  </si>
  <si>
    <t>167202877.0</t>
  </si>
  <si>
    <t>1190489.0</t>
  </si>
  <si>
    <t>2485.141</t>
  </si>
  <si>
    <t>974483.0</t>
  </si>
  <si>
    <t>482.8</t>
  </si>
  <si>
    <t>60965594.0</t>
  </si>
  <si>
    <t>38070038.0</t>
  </si>
  <si>
    <t>22895556.0</t>
  </si>
  <si>
    <t>378496.0</t>
  </si>
  <si>
    <t>567646.0</t>
  </si>
  <si>
    <t>195052.0</t>
  </si>
  <si>
    <t>103494.1</t>
  </si>
  <si>
    <t>1533.04297374795</t>
  </si>
  <si>
    <t>168298338.0</t>
  </si>
  <si>
    <t>1095461.0</t>
  </si>
  <si>
    <t>2501.423</t>
  </si>
  <si>
    <t>956829.0</t>
  </si>
  <si>
    <t>61420928.0</t>
  </si>
  <si>
    <t>38192417.0</t>
  </si>
  <si>
    <t>23228511.0</t>
  </si>
  <si>
    <t>455334.0</t>
  </si>
  <si>
    <t>580439.0</t>
  </si>
  <si>
    <t>197287.0</t>
  </si>
  <si>
    <t>169098778.0</t>
  </si>
  <si>
    <t>800440.0</t>
  </si>
  <si>
    <t>2513.32</t>
  </si>
  <si>
    <t>11.897</t>
  </si>
  <si>
    <t>957656.0</t>
  </si>
  <si>
    <t>396.1</t>
  </si>
  <si>
    <t>61995062.0</t>
  </si>
  <si>
    <t>38378564.0</t>
  </si>
  <si>
    <t>23616498.0</t>
  </si>
  <si>
    <t>574134.0</t>
  </si>
  <si>
    <t>591301.0</t>
  </si>
  <si>
    <t>199008.0</t>
  </si>
  <si>
    <t>170256083.0</t>
  </si>
  <si>
    <t>1157305.0</t>
  </si>
  <si>
    <t>2530.521</t>
  </si>
  <si>
    <t>950360.0</t>
  </si>
  <si>
    <t>62658639.0</t>
  </si>
  <si>
    <t>38614683.0</t>
  </si>
  <si>
    <t>24043956.0</t>
  </si>
  <si>
    <t>663577.0</t>
  </si>
  <si>
    <t>595544.0</t>
  </si>
  <si>
    <t>194903.0</t>
  </si>
  <si>
    <t>171323805.0</t>
  </si>
  <si>
    <t>1067722.0</t>
  </si>
  <si>
    <t>2546.391</t>
  </si>
  <si>
    <t>941845.0</t>
  </si>
  <si>
    <t>63349252.0</t>
  </si>
  <si>
    <t>38871200.0</t>
  </si>
  <si>
    <t>24478052.0</t>
  </si>
  <si>
    <t>690613.0</t>
  </si>
  <si>
    <t>595836.0</t>
  </si>
  <si>
    <t>193227.0</t>
  </si>
  <si>
    <t>172038081.0</t>
  </si>
  <si>
    <t>714276.0</t>
  </si>
  <si>
    <t>2557.007</t>
  </si>
  <si>
    <t>933600.0</t>
  </si>
  <si>
    <t>63989645.0</t>
  </si>
  <si>
    <t>39075642.0</t>
  </si>
  <si>
    <t>24914003.0</t>
  </si>
  <si>
    <t>594987.0</t>
  </si>
  <si>
    <t>191053.0</t>
  </si>
  <si>
    <t>172528826.0</t>
  </si>
  <si>
    <t>490745.0</t>
  </si>
  <si>
    <t>2564.301</t>
  </si>
  <si>
    <t>13.836</t>
  </si>
  <si>
    <t>64592019.0</t>
  </si>
  <si>
    <t>39259168.0</t>
  </si>
  <si>
    <t>25332851.0</t>
  </si>
  <si>
    <t>602374.0</t>
  </si>
  <si>
    <t>572132.0</t>
  </si>
  <si>
    <t>187927.0</t>
  </si>
  <si>
    <t>173159379.0</t>
  </si>
  <si>
    <t>630553.0</t>
  </si>
  <si>
    <t>2573.673</t>
  </si>
  <si>
    <t>64923228.0</t>
  </si>
  <si>
    <t>39384055.0</t>
  </si>
  <si>
    <t>25539173.0</t>
  </si>
  <si>
    <t>331209.0</t>
  </si>
  <si>
    <t>187717.0</t>
  </si>
  <si>
    <t>103121.0</t>
  </si>
  <si>
    <t>1527.51629799054</t>
  </si>
  <si>
    <t>173835221.0</t>
  </si>
  <si>
    <t>675842.0</t>
  </si>
  <si>
    <t>2583.718</t>
  </si>
  <si>
    <t>790983.0</t>
  </si>
  <si>
    <t>65211877.0</t>
  </si>
  <si>
    <t>39477158.0</t>
  </si>
  <si>
    <t>25734719.0</t>
  </si>
  <si>
    <t>288649.0</t>
  </si>
  <si>
    <t>541564.0</t>
  </si>
  <si>
    <t>183534.0</t>
  </si>
  <si>
    <t>174562921.0</t>
  </si>
  <si>
    <t>727700.0</t>
  </si>
  <si>
    <t>2594.534</t>
  </si>
  <si>
    <t>10.816</t>
  </si>
  <si>
    <t>780592.0</t>
  </si>
  <si>
    <t>65658949.0</t>
  </si>
  <si>
    <t>39585665.0</t>
  </si>
  <si>
    <t>26073284.0</t>
  </si>
  <si>
    <t>447072.0</t>
  </si>
  <si>
    <t>523412.0</t>
  </si>
  <si>
    <t>172443.0</t>
  </si>
  <si>
    <t>175443281.0</t>
  </si>
  <si>
    <t>880360.0</t>
  </si>
  <si>
    <t>2607.618</t>
  </si>
  <si>
    <t>741028.0</t>
  </si>
  <si>
    <t>66180731.0</t>
  </si>
  <si>
    <t>39758428.0</t>
  </si>
  <si>
    <t>26422303.0</t>
  </si>
  <si>
    <t>521782.0</t>
  </si>
  <si>
    <t>503156.0</t>
  </si>
  <si>
    <t>176327169.0</t>
  </si>
  <si>
    <t>883888.0</t>
  </si>
  <si>
    <t>2620.756</t>
  </si>
  <si>
    <t>714766.0</t>
  </si>
  <si>
    <t>66749638.0</t>
  </si>
  <si>
    <t>39949694.0</t>
  </si>
  <si>
    <t>26799944.0</t>
  </si>
  <si>
    <t>568907.0</t>
  </si>
  <si>
    <t>485769.0</t>
  </si>
  <si>
    <t>177029777.0</t>
  </si>
  <si>
    <t>702608.0</t>
  </si>
  <si>
    <t>2631.199</t>
  </si>
  <si>
    <t>713099.0</t>
  </si>
  <si>
    <t>67317593.0</t>
  </si>
  <si>
    <t>40129618.0</t>
  </si>
  <si>
    <t>27187975.0</t>
  </si>
  <si>
    <t>567955.0</t>
  </si>
  <si>
    <t>475421.0</t>
  </si>
  <si>
    <t>150568.0</t>
  </si>
  <si>
    <t>177524433.0</t>
  </si>
  <si>
    <t>494656.0</t>
  </si>
  <si>
    <t>2638.551</t>
  </si>
  <si>
    <t>713658.0</t>
  </si>
  <si>
    <t>67994584.0</t>
  </si>
  <si>
    <t>40333231.0</t>
  </si>
  <si>
    <t>27661353.0</t>
  </si>
  <si>
    <t>676991.0</t>
  </si>
  <si>
    <t>486081.0</t>
  </si>
  <si>
    <t>153438.0</t>
  </si>
  <si>
    <t>178784089.0</t>
  </si>
  <si>
    <t>1259656.0</t>
  </si>
  <si>
    <t>2657.273</t>
  </si>
  <si>
    <t>18.722</t>
  </si>
  <si>
    <t>803530.0</t>
  </si>
  <si>
    <t>68381870.0</t>
  </si>
  <si>
    <t>40460576.0</t>
  </si>
  <si>
    <t>27921294.0</t>
  </si>
  <si>
    <t>387286.0</t>
  </si>
  <si>
    <t>494092.0</t>
  </si>
  <si>
    <t>153789.0</t>
  </si>
  <si>
    <t>102702.5</t>
  </si>
  <si>
    <t>1521.31711867004</t>
  </si>
  <si>
    <t>179843605.0</t>
  </si>
  <si>
    <t>1059516.0</t>
  </si>
  <si>
    <t>2673.021</t>
  </si>
  <si>
    <t>15.748</t>
  </si>
  <si>
    <t>858341.0</t>
  </si>
  <si>
    <t>68800879.0</t>
  </si>
  <si>
    <t>40573517.0</t>
  </si>
  <si>
    <t>28227362.0</t>
  </si>
  <si>
    <t>419009.0</t>
  </si>
  <si>
    <t>512715.0</t>
  </si>
  <si>
    <t>156623.0</t>
  </si>
  <si>
    <t>180621535.0</t>
  </si>
  <si>
    <t>777930.0</t>
  </si>
  <si>
    <t>2684.583</t>
  </si>
  <si>
    <t>865516.0</t>
  </si>
  <si>
    <t>69251163.0</t>
  </si>
  <si>
    <t>40710319.0</t>
  </si>
  <si>
    <t>28540844.0</t>
  </si>
  <si>
    <t>450284.0</t>
  </si>
  <si>
    <t>513173.0</t>
  </si>
  <si>
    <t>160665.0</t>
  </si>
  <si>
    <t>181728421.0</t>
  </si>
  <si>
    <t>1106886.0</t>
  </si>
  <si>
    <t>2701.035</t>
  </si>
  <si>
    <t>897877.0</t>
  </si>
  <si>
    <t>13.345</t>
  </si>
  <si>
    <t>69743980.0</t>
  </si>
  <si>
    <t>40886878.0</t>
  </si>
  <si>
    <t>28857102.0</t>
  </si>
  <si>
    <t>509036.0</t>
  </si>
  <si>
    <t>182794657.0</t>
  </si>
  <si>
    <t>1066236.0</t>
  </si>
  <si>
    <t>2716.882</t>
  </si>
  <si>
    <t>923927.0</t>
  </si>
  <si>
    <t>70253625.0</t>
  </si>
  <si>
    <t>41088485.0</t>
  </si>
  <si>
    <t>29165140.0</t>
  </si>
  <si>
    <t>509645.0</t>
  </si>
  <si>
    <t>500570.0</t>
  </si>
  <si>
    <t>162684.0</t>
  </si>
  <si>
    <t>183596538.0</t>
  </si>
  <si>
    <t>801881.0</t>
  </si>
  <si>
    <t>2728.801</t>
  </si>
  <si>
    <t>938109.0</t>
  </si>
  <si>
    <t>13.943</t>
  </si>
  <si>
    <t>70769348.0</t>
  </si>
  <si>
    <t>41297016.0</t>
  </si>
  <si>
    <t>29472332.0</t>
  </si>
  <si>
    <t>515723.0</t>
  </si>
  <si>
    <t>493108.0</t>
  </si>
  <si>
    <t>166771.0</t>
  </si>
  <si>
    <t>184139412.0</t>
  </si>
  <si>
    <t>542874.0</t>
  </si>
  <si>
    <t>2736.869</t>
  </si>
  <si>
    <t>944997.0</t>
  </si>
  <si>
    <t>71343859.0</t>
  </si>
  <si>
    <t>41551201.0</t>
  </si>
  <si>
    <t>29792658.0</t>
  </si>
  <si>
    <t>574511.0</t>
  </si>
  <si>
    <t>478468.0</t>
  </si>
  <si>
    <t>173996.0</t>
  </si>
  <si>
    <t>185210034.0</t>
  </si>
  <si>
    <t>1070622.0</t>
  </si>
  <si>
    <t>2752.782</t>
  </si>
  <si>
    <t>15.913</t>
  </si>
  <si>
    <t>917992.0</t>
  </si>
  <si>
    <t>71672208.0</t>
  </si>
  <si>
    <t>41698429.0</t>
  </si>
  <si>
    <t>29973779.0</t>
  </si>
  <si>
    <t>328349.0</t>
  </si>
  <si>
    <t>470048.0</t>
  </si>
  <si>
    <t>102912.0</t>
  </si>
  <si>
    <t>1524.42041154374</t>
  </si>
  <si>
    <t>186280032.0</t>
  </si>
  <si>
    <t>1069998.0</t>
  </si>
  <si>
    <t>2768.685</t>
  </si>
  <si>
    <t>72040763.0</t>
  </si>
  <si>
    <t>41831056.0</t>
  </si>
  <si>
    <t>30209707.0</t>
  </si>
  <si>
    <t>368555.0</t>
  </si>
  <si>
    <t>462841.0</t>
  </si>
  <si>
    <t>106.71</t>
  </si>
  <si>
    <t>179648.0</t>
  </si>
  <si>
    <t>187115404.0</t>
  </si>
  <si>
    <t>835372.0</t>
  </si>
  <si>
    <t>2781.102</t>
  </si>
  <si>
    <t>927696.0</t>
  </si>
  <si>
    <t>72461462.0</t>
  </si>
  <si>
    <t>42021089.0</t>
  </si>
  <si>
    <t>30440373.0</t>
  </si>
  <si>
    <t>420699.0</t>
  </si>
  <si>
    <t>458614.0</t>
  </si>
  <si>
    <t>188254128.0</t>
  </si>
  <si>
    <t>1138724.0</t>
  </si>
  <si>
    <t>2798.026</t>
  </si>
  <si>
    <t>72891861.0</t>
  </si>
  <si>
    <t>42216654.0</t>
  </si>
  <si>
    <t>30675207.0</t>
  </si>
  <si>
    <t>430399.0</t>
  </si>
  <si>
    <t>449697.0</t>
  </si>
  <si>
    <t>189968.0</t>
  </si>
  <si>
    <t>189420716.0</t>
  </si>
  <si>
    <t>1166588.0</t>
  </si>
  <si>
    <t>2815.365</t>
  </si>
  <si>
    <t>17.339</t>
  </si>
  <si>
    <t>946580.0</t>
  </si>
  <si>
    <t>73359099.0</t>
  </si>
  <si>
    <t>42460632.0</t>
  </si>
  <si>
    <t>30898467.0</t>
  </si>
  <si>
    <t>467238.0</t>
  </si>
  <si>
    <t>443639.0</t>
  </si>
  <si>
    <t>196021.0</t>
  </si>
  <si>
    <t>190254302.0</t>
  </si>
  <si>
    <t>833586.0</t>
  </si>
  <si>
    <t>2827.755</t>
  </si>
  <si>
    <t>73787916.0</t>
  </si>
  <si>
    <t>42683772.0</t>
  </si>
  <si>
    <t>31104144.0</t>
  </si>
  <si>
    <t>428817.0</t>
  </si>
  <si>
    <t>431224.0</t>
  </si>
  <si>
    <t>198108.0</t>
  </si>
  <si>
    <t>190850582.0</t>
  </si>
  <si>
    <t>596280.0</t>
  </si>
  <si>
    <t>2836.618</t>
  </si>
  <si>
    <t>958739.0</t>
  </si>
  <si>
    <t>74304520.0</t>
  </si>
  <si>
    <t>42964013.0</t>
  </si>
  <si>
    <t>31340507.0</t>
  </si>
  <si>
    <t>516604.0</t>
  </si>
  <si>
    <t>422952.0</t>
  </si>
  <si>
    <t>110.07</t>
  </si>
  <si>
    <t>201830.0</t>
  </si>
  <si>
    <t>192018935.0</t>
  </si>
  <si>
    <t>1168353.0</t>
  </si>
  <si>
    <t>2853.983</t>
  </si>
  <si>
    <t>972700.0</t>
  </si>
  <si>
    <t>74577678.0</t>
  </si>
  <si>
    <t>43127763.0</t>
  </si>
  <si>
    <t>31449915.0</t>
  </si>
  <si>
    <t>273158.0</t>
  </si>
  <si>
    <t>415067.0</t>
  </si>
  <si>
    <t>110.47</t>
  </si>
  <si>
    <t>204191.0</t>
  </si>
  <si>
    <t>102950.1</t>
  </si>
  <si>
    <t>1524.98478127399</t>
  </si>
  <si>
    <t>193182698.0</t>
  </si>
  <si>
    <t>1163763.0</t>
  </si>
  <si>
    <t>2871.28</t>
  </si>
  <si>
    <t>986095.0</t>
  </si>
  <si>
    <t>74638083.0</t>
  </si>
  <si>
    <t>43148843.0</t>
  </si>
  <si>
    <t>31489240.0</t>
  </si>
  <si>
    <t>60405.0</t>
  </si>
  <si>
    <t>371046.0</t>
  </si>
  <si>
    <t>188255.0</t>
  </si>
  <si>
    <t>194062629.0</t>
  </si>
  <si>
    <t>879931.0</t>
  </si>
  <si>
    <t>2884.358</t>
  </si>
  <si>
    <t>13.078</t>
  </si>
  <si>
    <t>992461.0</t>
  </si>
  <si>
    <t>75188795.0</t>
  </si>
  <si>
    <t>43448680.0</t>
  </si>
  <si>
    <t>31740115.0</t>
  </si>
  <si>
    <t>550712.0</t>
  </si>
  <si>
    <t>389619.0</t>
  </si>
  <si>
    <t>203942.0</t>
  </si>
  <si>
    <t>195254442.0</t>
  </si>
  <si>
    <t>1191813.0</t>
  </si>
  <si>
    <t>2902.072</t>
  </si>
  <si>
    <t>1000045.0</t>
  </si>
  <si>
    <t>75564430.0</t>
  </si>
  <si>
    <t>43656327.0</t>
  </si>
  <si>
    <t>31908103.0</t>
  </si>
  <si>
    <t>381796.0</t>
  </si>
  <si>
    <t>205668.0</t>
  </si>
  <si>
    <t>196449101.0</t>
  </si>
  <si>
    <t>1194659.0</t>
  </si>
  <si>
    <t>2919.829</t>
  </si>
  <si>
    <t>17.756</t>
  </si>
  <si>
    <t>1004055.0</t>
  </si>
  <si>
    <t>75963777.0</t>
  </si>
  <si>
    <t>43877861.0</t>
  </si>
  <si>
    <t>32085916.0</t>
  </si>
  <si>
    <t>399347.0</t>
  </si>
  <si>
    <t>372097.0</t>
  </si>
  <si>
    <t>202461.0</t>
  </si>
  <si>
    <t>197346568.0</t>
  </si>
  <si>
    <t>897467.0</t>
  </si>
  <si>
    <t>2933.168</t>
  </si>
  <si>
    <t>1013181.0</t>
  </si>
  <si>
    <t>15.059</t>
  </si>
  <si>
    <t>76341044.0</t>
  </si>
  <si>
    <t>44080358.0</t>
  </si>
  <si>
    <t>32260686.0</t>
  </si>
  <si>
    <t>377267.0</t>
  </si>
  <si>
    <t>364733.0</t>
  </si>
  <si>
    <t>199512.0</t>
  </si>
  <si>
    <t>197976352.0</t>
  </si>
  <si>
    <t>629784.0</t>
  </si>
  <si>
    <t>2942.528</t>
  </si>
  <si>
    <t>1017967.0</t>
  </si>
  <si>
    <t>76774990.0</t>
  </si>
  <si>
    <t>44314799.0</t>
  </si>
  <si>
    <t>32460191.0</t>
  </si>
  <si>
    <t>433946.0</t>
  </si>
  <si>
    <t>352924.0</t>
  </si>
  <si>
    <t>192969.0</t>
  </si>
  <si>
    <t>199210518.0</t>
  </si>
  <si>
    <t>1234166.0</t>
  </si>
  <si>
    <t>2960.872</t>
  </si>
  <si>
    <t>1027369.0</t>
  </si>
  <si>
    <t>77038257.0</t>
  </si>
  <si>
    <t>44454511.0</t>
  </si>
  <si>
    <t>32583746.0</t>
  </si>
  <si>
    <t>263267.0</t>
  </si>
  <si>
    <t>351511.0</t>
  </si>
  <si>
    <t>189535.0</t>
  </si>
  <si>
    <t>102230.2</t>
  </si>
  <si>
    <t>1514.32100781443</t>
  </si>
  <si>
    <t>200440655.0</t>
  </si>
  <si>
    <t>1230137.0</t>
  </si>
  <si>
    <t>2979.155</t>
  </si>
  <si>
    <t>18.284</t>
  </si>
  <si>
    <t>1036851.0</t>
  </si>
  <si>
    <t>77303533.0</t>
  </si>
  <si>
    <t>44581771.0</t>
  </si>
  <si>
    <t>32721762.0</t>
  </si>
  <si>
    <t>265276.0</t>
  </si>
  <si>
    <t>380779.0</t>
  </si>
  <si>
    <t>204704.0</t>
  </si>
  <si>
    <t>201382707.0</t>
  </si>
  <si>
    <t>942052.0</t>
  </si>
  <si>
    <t>2993.157</t>
  </si>
  <si>
    <t>1045725.0</t>
  </si>
  <si>
    <t>77592212.0</t>
  </si>
  <si>
    <t>44719762.0</t>
  </si>
  <si>
    <t>32872450.0</t>
  </si>
  <si>
    <t>288679.0</t>
  </si>
  <si>
    <t>343345.0</t>
  </si>
  <si>
    <t>202662001.0</t>
  </si>
  <si>
    <t>1279294.0</t>
  </si>
  <si>
    <t>3012.171</t>
  </si>
  <si>
    <t>1058223.0</t>
  </si>
  <si>
    <t>77909177.0</t>
  </si>
  <si>
    <t>44860978.0</t>
  </si>
  <si>
    <t>33048199.0</t>
  </si>
  <si>
    <t>316965.0</t>
  </si>
  <si>
    <t>334964.0</t>
  </si>
  <si>
    <t>115.41</t>
  </si>
  <si>
    <t>172093.0</t>
  </si>
  <si>
    <t>203896275.0</t>
  </si>
  <si>
    <t>3030.516</t>
  </si>
  <si>
    <t>18.345</t>
  </si>
  <si>
    <t>1063882.0</t>
  </si>
  <si>
    <t>78254768.0</t>
  </si>
  <si>
    <t>45013503.0</t>
  </si>
  <si>
    <t>33241265.0</t>
  </si>
  <si>
    <t>345591.0</t>
  </si>
  <si>
    <t>162235.0</t>
  </si>
  <si>
    <t>204819072.0</t>
  </si>
  <si>
    <t>922797.0</t>
  </si>
  <si>
    <t>3044.232</t>
  </si>
  <si>
    <t>1067501.0</t>
  </si>
  <si>
    <t>78555851.0</t>
  </si>
  <si>
    <t>45137108.0</t>
  </si>
  <si>
    <t>33418743.0</t>
  </si>
  <si>
    <t>301083.0</t>
  </si>
  <si>
    <t>316401.0</t>
  </si>
  <si>
    <t>150964.0</t>
  </si>
  <si>
    <t>205493454.0</t>
  </si>
  <si>
    <t>674382.0</t>
  </si>
  <si>
    <t>3054.255</t>
  </si>
  <si>
    <t>1073872.0</t>
  </si>
  <si>
    <t>15.961</t>
  </si>
  <si>
    <t>78889449.0</t>
  </si>
  <si>
    <t>45274497.0</t>
  </si>
  <si>
    <t>33614952.0</t>
  </si>
  <si>
    <t>333598.0</t>
  </si>
  <si>
    <t>302066.0</t>
  </si>
  <si>
    <t>116.86</t>
  </si>
  <si>
    <t>137100.0</t>
  </si>
  <si>
    <t>206791251.0</t>
  </si>
  <si>
    <t>1297797.0</t>
  </si>
  <si>
    <t>3073.544</t>
  </si>
  <si>
    <t>1082962.0</t>
  </si>
  <si>
    <t>16.096</t>
  </si>
  <si>
    <t>79078081.0</t>
  </si>
  <si>
    <t>45351719.0</t>
  </si>
  <si>
    <t>33726362.0</t>
  </si>
  <si>
    <t>188632.0</t>
  </si>
  <si>
    <t>291403.0</t>
  </si>
  <si>
    <t>128173.0</t>
  </si>
  <si>
    <t>101715.9</t>
  </si>
  <si>
    <t>1506.7027570987</t>
  </si>
  <si>
    <t>208052702.0</t>
  </si>
  <si>
    <t>1261451.0</t>
  </si>
  <si>
    <t>3092.293</t>
  </si>
  <si>
    <t>18.749</t>
  </si>
  <si>
    <t>1087435.0</t>
  </si>
  <si>
    <t>79302857.0</t>
  </si>
  <si>
    <t>45428681.0</t>
  </si>
  <si>
    <t>33874176.0</t>
  </si>
  <si>
    <t>224776.0</t>
  </si>
  <si>
    <t>285618.0</t>
  </si>
  <si>
    <t>209077702.0</t>
  </si>
  <si>
    <t>1025000.0</t>
  </si>
  <si>
    <t>3107.528</t>
  </si>
  <si>
    <t>1099285.0</t>
  </si>
  <si>
    <t>16.339</t>
  </si>
  <si>
    <t>79541794.0</t>
  </si>
  <si>
    <t>45514492.0</t>
  </si>
  <si>
    <t>34027302.0</t>
  </si>
  <si>
    <t>238937.0</t>
  </si>
  <si>
    <t>113533.0</t>
  </si>
  <si>
    <t>210340365.0</t>
  </si>
  <si>
    <t>1262663.0</t>
  </si>
  <si>
    <t>3126.295</t>
  </si>
  <si>
    <t>1096909.0</t>
  </si>
  <si>
    <t>16.303</t>
  </si>
  <si>
    <t>79800224.0</t>
  </si>
  <si>
    <t>45601445.0</t>
  </si>
  <si>
    <t>34198779.0</t>
  </si>
  <si>
    <t>211552152.0</t>
  </si>
  <si>
    <t>1211787.0</t>
  </si>
  <si>
    <t>3144.306</t>
  </si>
  <si>
    <t>18.011</t>
  </si>
  <si>
    <t>1093697.0</t>
  </si>
  <si>
    <t>16.256</t>
  </si>
  <si>
    <t>80072121.0</t>
  </si>
  <si>
    <t>45697875.0</t>
  </si>
  <si>
    <t>34374246.0</t>
  </si>
  <si>
    <t>271897.0</t>
  </si>
  <si>
    <t>259622.0</t>
  </si>
  <si>
    <t>212511398.0</t>
  </si>
  <si>
    <t>959246.0</t>
  </si>
  <si>
    <t>3158.563</t>
  </si>
  <si>
    <t>14.257</t>
  </si>
  <si>
    <t>1098904.0</t>
  </si>
  <si>
    <t>80341023.0</t>
  </si>
  <si>
    <t>45787958.0</t>
  </si>
  <si>
    <t>34553065.0</t>
  </si>
  <si>
    <t>268902.0</t>
  </si>
  <si>
    <t>255025.0</t>
  </si>
  <si>
    <t>92979.0</t>
  </si>
  <si>
    <t>213270201.0</t>
  </si>
  <si>
    <t>758803.0</t>
  </si>
  <si>
    <t>3169.841</t>
  </si>
  <si>
    <t>1110964.0</t>
  </si>
  <si>
    <t>80646232.0</t>
  </si>
  <si>
    <t>45881721.0</t>
  </si>
  <si>
    <t>34764511.0</t>
  </si>
  <si>
    <t>305209.0</t>
  </si>
  <si>
    <t>250969.0</t>
  </si>
  <si>
    <t>86746.0</t>
  </si>
  <si>
    <t>214408013.0</t>
  </si>
  <si>
    <t>1137812.0</t>
  </si>
  <si>
    <t>3186.752</t>
  </si>
  <si>
    <t>1088109.0</t>
  </si>
  <si>
    <t>80795852.0</t>
  </si>
  <si>
    <t>45923721.0</t>
  </si>
  <si>
    <t>34872131.0</t>
  </si>
  <si>
    <t>149620.0</t>
  </si>
  <si>
    <t>102284.8</t>
  </si>
  <si>
    <t>1515.12978963259</t>
  </si>
  <si>
    <t>215588258.0</t>
  </si>
  <si>
    <t>1180245.0</t>
  </si>
  <si>
    <t>3204.294</t>
  </si>
  <si>
    <t>1076508.0</t>
  </si>
  <si>
    <t>80975508.0</t>
  </si>
  <si>
    <t>45978017.0</t>
  </si>
  <si>
    <t>34997491.0</t>
  </si>
  <si>
    <t>179656.0</t>
  </si>
  <si>
    <t>238950.0</t>
  </si>
  <si>
    <t>216583591.0</t>
  </si>
  <si>
    <t>995333.0</t>
  </si>
  <si>
    <t>3219.088</t>
  </si>
  <si>
    <t>14.794</t>
  </si>
  <si>
    <t>1072270.0</t>
  </si>
  <si>
    <t>15.937</t>
  </si>
  <si>
    <t>81192857.0</t>
  </si>
  <si>
    <t>46037090.0</t>
  </si>
  <si>
    <t>35155767.0</t>
  </si>
  <si>
    <t>217349.0</t>
  </si>
  <si>
    <t>235866.0</t>
  </si>
  <si>
    <t>217825499.0</t>
  </si>
  <si>
    <t>1241908.0</t>
  </si>
  <si>
    <t>3237.547</t>
  </si>
  <si>
    <t>18.459</t>
  </si>
  <si>
    <t>1069305.0</t>
  </si>
  <si>
    <t>81438892.0</t>
  </si>
  <si>
    <t>46097464.0</t>
  </si>
  <si>
    <t>35341428.0</t>
  </si>
  <si>
    <t>246035.0</t>
  </si>
  <si>
    <t>234095.0</t>
  </si>
  <si>
    <t>70860.0</t>
  </si>
  <si>
    <t>219124764.0</t>
  </si>
  <si>
    <t>1299265.0</t>
  </si>
  <si>
    <t>3256.858</t>
  </si>
  <si>
    <t>1081802.0</t>
  </si>
  <si>
    <t>16.079</t>
  </si>
  <si>
    <t>81702466.0</t>
  </si>
  <si>
    <t>46159145.0</t>
  </si>
  <si>
    <t>35543321.0</t>
  </si>
  <si>
    <t>263574.0</t>
  </si>
  <si>
    <t>232906.0</t>
  </si>
  <si>
    <t>65896.0</t>
  </si>
  <si>
    <t>220143434.0</t>
  </si>
  <si>
    <t>3271.998</t>
  </si>
  <si>
    <t>15.141</t>
  </si>
  <si>
    <t>1090291.0</t>
  </si>
  <si>
    <t>81974271.0</t>
  </si>
  <si>
    <t>46228636.0</t>
  </si>
  <si>
    <t>35745635.0</t>
  </si>
  <si>
    <t>233321.0</t>
  </si>
  <si>
    <t>220947029.0</t>
  </si>
  <si>
    <t>803595.0</t>
  </si>
  <si>
    <t>3283.942</t>
  </si>
  <si>
    <t>1096690.0</t>
  </si>
  <si>
    <t>82266702.0</t>
  </si>
  <si>
    <t>46295853.0</t>
  </si>
  <si>
    <t>35970849.0</t>
  </si>
  <si>
    <t>292431.0</t>
  </si>
  <si>
    <t>231496.0</t>
  </si>
  <si>
    <t>222023033.0</t>
  </si>
  <si>
    <t>1076004.0</t>
  </si>
  <si>
    <t>3299.935</t>
  </si>
  <si>
    <t>1087860.0</t>
  </si>
  <si>
    <t>82413766.0</t>
  </si>
  <si>
    <t>46314039.0</t>
  </si>
  <si>
    <t>36099727.0</t>
  </si>
  <si>
    <t>147064.0</t>
  </si>
  <si>
    <t>102743.7</t>
  </si>
  <si>
    <t>1521.92740824711</t>
  </si>
  <si>
    <t>223269321.0</t>
  </si>
  <si>
    <t>1246288.0</t>
  </si>
  <si>
    <t>3318.458</t>
  </si>
  <si>
    <t>1097295.0</t>
  </si>
  <si>
    <t>16.309</t>
  </si>
  <si>
    <t>82592996.0</t>
  </si>
  <si>
    <t>46349709.0</t>
  </si>
  <si>
    <t>36243287.0</t>
  </si>
  <si>
    <t>179230.0</t>
  </si>
  <si>
    <t>231070.0</t>
  </si>
  <si>
    <t>53099.0</t>
  </si>
  <si>
    <t>224204992.0</t>
  </si>
  <si>
    <t>935671.0</t>
  </si>
  <si>
    <t>3332.365</t>
  </si>
  <si>
    <t>1088772.0</t>
  </si>
  <si>
    <t>82793310.0</t>
  </si>
  <si>
    <t>46388744.0</t>
  </si>
  <si>
    <t>36404566.0</t>
  </si>
  <si>
    <t>200314.0</t>
  </si>
  <si>
    <t>228636.0</t>
  </si>
  <si>
    <t>225268645.0</t>
  </si>
  <si>
    <t>1063653.0</t>
  </si>
  <si>
    <t>3348.174</t>
  </si>
  <si>
    <t>1063307.0</t>
  </si>
  <si>
    <t>83021749.0</t>
  </si>
  <si>
    <t>46433845.0</t>
  </si>
  <si>
    <t>36587904.0</t>
  </si>
  <si>
    <t>228439.0</t>
  </si>
  <si>
    <t>226389190.0</t>
  </si>
  <si>
    <t>1120545.0</t>
  </si>
  <si>
    <t>3364.829</t>
  </si>
  <si>
    <t>16.655</t>
  </si>
  <si>
    <t>1037775.0</t>
  </si>
  <si>
    <t>83254082.0</t>
  </si>
  <si>
    <t>46477881.0</t>
  </si>
  <si>
    <t>36776201.0</t>
  </si>
  <si>
    <t>232333.0</t>
  </si>
  <si>
    <t>221659.0</t>
  </si>
  <si>
    <t>227335495.0</t>
  </si>
  <si>
    <t>946305.0</t>
  </si>
  <si>
    <t>3378.894</t>
  </si>
  <si>
    <t>14.065</t>
  </si>
  <si>
    <t>1027437.0</t>
  </si>
  <si>
    <t>83486397.0</t>
  </si>
  <si>
    <t>46520855.0</t>
  </si>
  <si>
    <t>36965542.0</t>
  </si>
  <si>
    <t>232315.0</t>
  </si>
  <si>
    <t>216018.0</t>
  </si>
  <si>
    <t>228114482.0</t>
  </si>
  <si>
    <t>778987.0</t>
  </si>
  <si>
    <t>3390.472</t>
  </si>
  <si>
    <t>1023922.0</t>
  </si>
  <si>
    <t>83734088.0</t>
  </si>
  <si>
    <t>46564660.0</t>
  </si>
  <si>
    <t>37169428.0</t>
  </si>
  <si>
    <t>247691.0</t>
  </si>
  <si>
    <t>209627.0</t>
  </si>
  <si>
    <t>124.03</t>
  </si>
  <si>
    <t>228930875.0</t>
  </si>
  <si>
    <t>816393.0</t>
  </si>
  <si>
    <t>3402.606</t>
  </si>
  <si>
    <t>12.134</t>
  </si>
  <si>
    <t>986835.0</t>
  </si>
  <si>
    <t>83876595.0</t>
  </si>
  <si>
    <t>46589211.0</t>
  </si>
  <si>
    <t>37287384.0</t>
  </si>
  <si>
    <t>208976.0</t>
  </si>
  <si>
    <t>103475.6</t>
  </si>
  <si>
    <t>1532.76893595242</t>
  </si>
  <si>
    <t>229813005.0</t>
  </si>
  <si>
    <t>882130.0</t>
  </si>
  <si>
    <t>3415.717</t>
  </si>
  <si>
    <t>934812.0</t>
  </si>
  <si>
    <t>84055550.0</t>
  </si>
  <si>
    <t>46619230.0</t>
  </si>
  <si>
    <t>37436320.0</t>
  </si>
  <si>
    <t>208936.0</t>
  </si>
  <si>
    <t>38503.0</t>
  </si>
  <si>
    <t>230655279.0</t>
  </si>
  <si>
    <t>842274.0</t>
  </si>
  <si>
    <t>3428.236</t>
  </si>
  <si>
    <t>921470.0</t>
  </si>
  <si>
    <t>84242602.0</t>
  </si>
  <si>
    <t>46654632.0</t>
  </si>
  <si>
    <t>37587970.0</t>
  </si>
  <si>
    <t>187052.0</t>
  </si>
  <si>
    <t>231584607.0</t>
  </si>
  <si>
    <t>929328.0</t>
  </si>
  <si>
    <t>3442.049</t>
  </si>
  <si>
    <t>902280.0</t>
  </si>
  <si>
    <t>13.411</t>
  </si>
  <si>
    <t>84457622.0</t>
  </si>
  <si>
    <t>46698479.0</t>
  </si>
  <si>
    <t>37759143.0</t>
  </si>
  <si>
    <t>215020.0</t>
  </si>
  <si>
    <t>125.11</t>
  </si>
  <si>
    <t>232510445.0</t>
  </si>
  <si>
    <t>925838.0</t>
  </si>
  <si>
    <t>3455.809</t>
  </si>
  <si>
    <t>874465.0</t>
  </si>
  <si>
    <t>84679893.0</t>
  </si>
  <si>
    <t>46740832.0</t>
  </si>
  <si>
    <t>37939061.0</t>
  </si>
  <si>
    <t>222271.0</t>
  </si>
  <si>
    <t>203687.0</t>
  </si>
  <si>
    <t>233378617.0</t>
  </si>
  <si>
    <t>868172.0</t>
  </si>
  <si>
    <t>3468.713</t>
  </si>
  <si>
    <t>863303.0</t>
  </si>
  <si>
    <t>12.831</t>
  </si>
  <si>
    <t>84887713.0</t>
  </si>
  <si>
    <t>46777556.0</t>
  </si>
  <si>
    <t>38110157.0</t>
  </si>
  <si>
    <t>207820.0</t>
  </si>
  <si>
    <t>200188.0</t>
  </si>
  <si>
    <t>234066726.0</t>
  </si>
  <si>
    <t>688109.0</t>
  </si>
  <si>
    <t>3478.94</t>
  </si>
  <si>
    <t>850321.0</t>
  </si>
  <si>
    <t>12.638</t>
  </si>
  <si>
    <t>85138553.0</t>
  </si>
  <si>
    <t>46816382.0</t>
  </si>
  <si>
    <t>38322171.0</t>
  </si>
  <si>
    <t>250840.0</t>
  </si>
  <si>
    <t>200638.0</t>
  </si>
  <si>
    <t>234757120.0</t>
  </si>
  <si>
    <t>690394.0</t>
  </si>
  <si>
    <t>3489.202</t>
  </si>
  <si>
    <t>832321.0</t>
  </si>
  <si>
    <t>85277829.0</t>
  </si>
  <si>
    <t>46837614.0</t>
  </si>
  <si>
    <t>38440215.0</t>
  </si>
  <si>
    <t>139276.0</t>
  </si>
  <si>
    <t>104661.5</t>
  </si>
  <si>
    <t>1550.33549928857</t>
  </si>
  <si>
    <t>235546254.0</t>
  </si>
  <si>
    <t>789134.0</t>
  </si>
  <si>
    <t>3500.931</t>
  </si>
  <si>
    <t>819036.0</t>
  </si>
  <si>
    <t>85430113.0</t>
  </si>
  <si>
    <t>46863706.0</t>
  </si>
  <si>
    <t>38566407.0</t>
  </si>
  <si>
    <t>196366.0</t>
  </si>
  <si>
    <t>236329115.0</t>
  </si>
  <si>
    <t>782861.0</t>
  </si>
  <si>
    <t>3512.566</t>
  </si>
  <si>
    <t>810548.0</t>
  </si>
  <si>
    <t>85602164.0</t>
  </si>
  <si>
    <t>46892996.0</t>
  </si>
  <si>
    <t>38709168.0</t>
  </si>
  <si>
    <t>194223.0</t>
  </si>
  <si>
    <t>237194159.0</t>
  </si>
  <si>
    <t>865044.0</t>
  </si>
  <si>
    <t>3525.423</t>
  </si>
  <si>
    <t>801365.0</t>
  </si>
  <si>
    <t>11.911</t>
  </si>
  <si>
    <t>85801167.0</t>
  </si>
  <si>
    <t>46926330.0</t>
  </si>
  <si>
    <t>38874837.0</t>
  </si>
  <si>
    <t>199003.0</t>
  </si>
  <si>
    <t>191935.0</t>
  </si>
  <si>
    <t>238064360.0</t>
  </si>
  <si>
    <t>870201.0</t>
  </si>
  <si>
    <t>3538.357</t>
  </si>
  <si>
    <t>793416.0</t>
  </si>
  <si>
    <t>86009359.0</t>
  </si>
  <si>
    <t>46961830.0</t>
  </si>
  <si>
    <t>39047529.0</t>
  </si>
  <si>
    <t>208192.0</t>
  </si>
  <si>
    <t>238885136.0</t>
  </si>
  <si>
    <t>820776.0</t>
  </si>
  <si>
    <t>3550.557</t>
  </si>
  <si>
    <t>786646.0</t>
  </si>
  <si>
    <t>11.692</t>
  </si>
  <si>
    <t>86214691.0</t>
  </si>
  <si>
    <t>46998806.0</t>
  </si>
  <si>
    <t>39215885.0</t>
  </si>
  <si>
    <t>205332.0</t>
  </si>
  <si>
    <t>189568.0</t>
  </si>
  <si>
    <t>239554139.0</t>
  </si>
  <si>
    <t>669003.0</t>
  </si>
  <si>
    <t>3560.5</t>
  </si>
  <si>
    <t>783916.0</t>
  </si>
  <si>
    <t>86466264.0</t>
  </si>
  <si>
    <t>47036796.0</t>
  </si>
  <si>
    <t>39429468.0</t>
  </si>
  <si>
    <t>251573.0</t>
  </si>
  <si>
    <t>240261175.0</t>
  </si>
  <si>
    <t>707036.0</t>
  </si>
  <si>
    <t>3571.009</t>
  </si>
  <si>
    <t>786294.0</t>
  </si>
  <si>
    <t>86611177.0</t>
  </si>
  <si>
    <t>47059639.0</t>
  </si>
  <si>
    <t>39551538.0</t>
  </si>
  <si>
    <t>144913.0</t>
  </si>
  <si>
    <t>105870.8</t>
  </si>
  <si>
    <t>1568.24868340393</t>
  </si>
  <si>
    <t>89.292</t>
  </si>
  <si>
    <t>241047564.0</t>
  </si>
  <si>
    <t>786389.0</t>
  </si>
  <si>
    <t>3582.697</t>
  </si>
  <si>
    <t>785901.0</t>
  </si>
  <si>
    <t>86780455.0</t>
  </si>
  <si>
    <t>47091889.0</t>
  </si>
  <si>
    <t>39688566.0</t>
  </si>
  <si>
    <t>169278.0</t>
  </si>
  <si>
    <t>241824089.0</t>
  </si>
  <si>
    <t>776525.0</t>
  </si>
  <si>
    <t>3594.238</t>
  </si>
  <si>
    <t>784996.0</t>
  </si>
  <si>
    <t>86969109.0</t>
  </si>
  <si>
    <t>47129400.0</t>
  </si>
  <si>
    <t>39839709.0</t>
  </si>
  <si>
    <t>188654.0</t>
  </si>
  <si>
    <t>195278.0</t>
  </si>
  <si>
    <t>242680742.0</t>
  </si>
  <si>
    <t>856653.0</t>
  </si>
  <si>
    <t>3606.971</t>
  </si>
  <si>
    <t>783798.0</t>
  </si>
  <si>
    <t>87184438.0</t>
  </si>
  <si>
    <t>47170968.0</t>
  </si>
  <si>
    <t>40013470.0</t>
  </si>
  <si>
    <t>197610.0</t>
  </si>
  <si>
    <t>243555725.0</t>
  </si>
  <si>
    <t>874983.0</t>
  </si>
  <si>
    <t>3619.976</t>
  </si>
  <si>
    <t>13.005</t>
  </si>
  <si>
    <t>784481.0</t>
  </si>
  <si>
    <t>87421381.0</t>
  </si>
  <si>
    <t>47215352.0</t>
  </si>
  <si>
    <t>40206029.0</t>
  </si>
  <si>
    <t>236943.0</t>
  </si>
  <si>
    <t>244412538.0</t>
  </si>
  <si>
    <t>856813.0</t>
  </si>
  <si>
    <t>3632.71</t>
  </si>
  <si>
    <t>789629.0</t>
  </si>
  <si>
    <t>87633456.0</t>
  </si>
  <si>
    <t>47255842.0</t>
  </si>
  <si>
    <t>40377614.0</t>
  </si>
  <si>
    <t>212075.0</t>
  </si>
  <si>
    <t>36719.0</t>
  </si>
  <si>
    <t>245049258.0</t>
  </si>
  <si>
    <t>636720.0</t>
  </si>
  <si>
    <t>3642.174</t>
  </si>
  <si>
    <t>785017.0</t>
  </si>
  <si>
    <t>87879643.0</t>
  </si>
  <si>
    <t>47302445.0</t>
  </si>
  <si>
    <t>40577198.0</t>
  </si>
  <si>
    <t>246187.0</t>
  </si>
  <si>
    <t>201911.0</t>
  </si>
  <si>
    <t>245711377.0</t>
  </si>
  <si>
    <t>662119.0</t>
  </si>
  <si>
    <t>3652.015</t>
  </si>
  <si>
    <t>778600.0</t>
  </si>
  <si>
    <t>88037283.0</t>
  </si>
  <si>
    <t>47333702.0</t>
  </si>
  <si>
    <t>40703581.0</t>
  </si>
  <si>
    <t>157640.0</t>
  </si>
  <si>
    <t>203729.0</t>
  </si>
  <si>
    <t>107225.3</t>
  </si>
  <si>
    <t>1588.31269389285</t>
  </si>
  <si>
    <t>246469225.0</t>
  </si>
  <si>
    <t>757848.0</t>
  </si>
  <si>
    <t>3663.279</t>
  </si>
  <si>
    <t>774523.0</t>
  </si>
  <si>
    <t>11.512</t>
  </si>
  <si>
    <t>88211389.0</t>
  </si>
  <si>
    <t>47369418.0</t>
  </si>
  <si>
    <t>40841971.0</t>
  </si>
  <si>
    <t>174106.0</t>
  </si>
  <si>
    <t>204419.0</t>
  </si>
  <si>
    <t>247228150.0</t>
  </si>
  <si>
    <t>758925.0</t>
  </si>
  <si>
    <t>3674.559</t>
  </si>
  <si>
    <t>772009.0</t>
  </si>
  <si>
    <t>88401088.0</t>
  </si>
  <si>
    <t>47413242.0</t>
  </si>
  <si>
    <t>40987846.0</t>
  </si>
  <si>
    <t>189699.0</t>
  </si>
  <si>
    <t>204568.0</t>
  </si>
  <si>
    <t>248071634.0</t>
  </si>
  <si>
    <t>843484.0</t>
  </si>
  <si>
    <t>3687.096</t>
  </si>
  <si>
    <t>12.537</t>
  </si>
  <si>
    <t>770127.0</t>
  </si>
  <si>
    <t>88617595.0</t>
  </si>
  <si>
    <t>47460526.0</t>
  </si>
  <si>
    <t>41157069.0</t>
  </si>
  <si>
    <t>216507.0</t>
  </si>
  <si>
    <t>204737.0</t>
  </si>
  <si>
    <t>248953285.0</t>
  </si>
  <si>
    <t>881651.0</t>
  </si>
  <si>
    <t>3700.2</t>
  </si>
  <si>
    <t>771080.0</t>
  </si>
  <si>
    <t>88848633.0</t>
  </si>
  <si>
    <t>47516505.0</t>
  </si>
  <si>
    <t>41332128.0</t>
  </si>
  <si>
    <t>231038.0</t>
  </si>
  <si>
    <t>203893.0</t>
  </si>
  <si>
    <t>131.61</t>
  </si>
  <si>
    <t>249737237.0</t>
  </si>
  <si>
    <t>783952.0</t>
  </si>
  <si>
    <t>3711.852</t>
  </si>
  <si>
    <t>11.652</t>
  </si>
  <si>
    <t>760671.0</t>
  </si>
  <si>
    <t>89076910.0</t>
  </si>
  <si>
    <t>47577390.0</t>
  </si>
  <si>
    <t>41499520.0</t>
  </si>
  <si>
    <t>228277.0</t>
  </si>
  <si>
    <t>250385727.0</t>
  </si>
  <si>
    <t>648490.0</t>
  </si>
  <si>
    <t>3721.49</t>
  </si>
  <si>
    <t>762353.0</t>
  </si>
  <si>
    <t>89344797.0</t>
  </si>
  <si>
    <t>47650396.0</t>
  </si>
  <si>
    <t>41694401.0</t>
  </si>
  <si>
    <t>267887.0</t>
  </si>
  <si>
    <t>209308.0</t>
  </si>
  <si>
    <t>251080955.0</t>
  </si>
  <si>
    <t>695228.0</t>
  </si>
  <si>
    <t>3731.823</t>
  </si>
  <si>
    <t>767083.0</t>
  </si>
  <si>
    <t>89501494.0</t>
  </si>
  <si>
    <t>47690741.0</t>
  </si>
  <si>
    <t>41810753.0</t>
  </si>
  <si>
    <t>209173.0</t>
  </si>
  <si>
    <t>108321.4</t>
  </si>
  <si>
    <t>1604.54906295664</t>
  </si>
  <si>
    <t>251873852.0</t>
  </si>
  <si>
    <t>792897.0</t>
  </si>
  <si>
    <t>3743.608</t>
  </si>
  <si>
    <t>772090.0</t>
  </si>
  <si>
    <t>89679178.0</t>
  </si>
  <si>
    <t>47737142.0</t>
  </si>
  <si>
    <t>41942036.0</t>
  </si>
  <si>
    <t>209684.0</t>
  </si>
  <si>
    <t>252653349.0</t>
  </si>
  <si>
    <t>779497.0</t>
  </si>
  <si>
    <t>3755.194</t>
  </si>
  <si>
    <t>775028.0</t>
  </si>
  <si>
    <t>89865264.0</t>
  </si>
  <si>
    <t>47792552.0</t>
  </si>
  <si>
    <t>42072712.0</t>
  </si>
  <si>
    <t>209168.0</t>
  </si>
  <si>
    <t>54187.0</t>
  </si>
  <si>
    <t>253608733.0</t>
  </si>
  <si>
    <t>955384.0</t>
  </si>
  <si>
    <t>3769.394</t>
  </si>
  <si>
    <t>791014.0</t>
  </si>
  <si>
    <t>90095045.0</t>
  </si>
  <si>
    <t>47860628.0</t>
  </si>
  <si>
    <t>42234417.0</t>
  </si>
  <si>
    <t>229781.0</t>
  </si>
  <si>
    <t>211064.0</t>
  </si>
  <si>
    <t>57157.0</t>
  </si>
  <si>
    <t>254631383.0</t>
  </si>
  <si>
    <t>1022650.0</t>
  </si>
  <si>
    <t>3784.593</t>
  </si>
  <si>
    <t>811157.0</t>
  </si>
  <si>
    <t>90295121.0</t>
  </si>
  <si>
    <t>47915768.0</t>
  </si>
  <si>
    <t>42379353.0</t>
  </si>
  <si>
    <t>200076.0</t>
  </si>
  <si>
    <t>255559991.0</t>
  </si>
  <si>
    <t>928608.0</t>
  </si>
  <si>
    <t>3798.395</t>
  </si>
  <si>
    <t>831822.0</t>
  </si>
  <si>
    <t>12.363</t>
  </si>
  <si>
    <t>90471514.0</t>
  </si>
  <si>
    <t>47960705.0</t>
  </si>
  <si>
    <t>42510809.0</t>
  </si>
  <si>
    <t>176393.0</t>
  </si>
  <si>
    <t>199229.0</t>
  </si>
  <si>
    <t>256281240.0</t>
  </si>
  <si>
    <t>721249.0</t>
  </si>
  <si>
    <t>3809.115</t>
  </si>
  <si>
    <t>842216.0</t>
  </si>
  <si>
    <t>12.518</t>
  </si>
  <si>
    <t>90648473.0</t>
  </si>
  <si>
    <t>48003976.0</t>
  </si>
  <si>
    <t>42644497.0</t>
  </si>
  <si>
    <t>186239.0</t>
  </si>
  <si>
    <t>50511.0</t>
  </si>
  <si>
    <t>257007210.0</t>
  </si>
  <si>
    <t>725970.0</t>
  </si>
  <si>
    <t>3819.905</t>
  </si>
  <si>
    <t>846608.0</t>
  </si>
  <si>
    <t>90752303.0</t>
  </si>
  <si>
    <t>48028366.0</t>
  </si>
  <si>
    <t>42723937.0</t>
  </si>
  <si>
    <t>103830.0</t>
  </si>
  <si>
    <t>178687.0</t>
  </si>
  <si>
    <t>109498.5</t>
  </si>
  <si>
    <t>1621.98527317924</t>
  </si>
  <si>
    <t>257729735.0</t>
  </si>
  <si>
    <t>722525.0</t>
  </si>
  <si>
    <t>3830.644</t>
  </si>
  <si>
    <t>836555.0</t>
  </si>
  <si>
    <t>90838594.0</t>
  </si>
  <si>
    <t>48048009.0</t>
  </si>
  <si>
    <t>42790585.0</t>
  </si>
  <si>
    <t>86291.0</t>
  </si>
  <si>
    <t>258701728.0</t>
  </si>
  <si>
    <t>971993.0</t>
  </si>
  <si>
    <t>3845.091</t>
  </si>
  <si>
    <t>864054.0</t>
  </si>
  <si>
    <t>90997895.0</t>
  </si>
  <si>
    <t>48087908.0</t>
  </si>
  <si>
    <t>42909987.0</t>
  </si>
  <si>
    <t>161804.0</t>
  </si>
  <si>
    <t>259783347.0</t>
  </si>
  <si>
    <t>1081619.0</t>
  </si>
  <si>
    <t>3861.167</t>
  </si>
  <si>
    <t>882088.0</t>
  </si>
  <si>
    <t>91155368.0</t>
  </si>
  <si>
    <t>48131996.0</t>
  </si>
  <si>
    <t>43023372.0</t>
  </si>
  <si>
    <t>157473.0</t>
  </si>
  <si>
    <t>261067038.0</t>
  </si>
  <si>
    <t>1283691.0</t>
  </si>
  <si>
    <t>3880.247</t>
  </si>
  <si>
    <t>919379.0</t>
  </si>
  <si>
    <t>91314745.0</t>
  </si>
  <si>
    <t>48171998.0</t>
  </si>
  <si>
    <t>43142747.0</t>
  </si>
  <si>
    <t>159377.0</t>
  </si>
  <si>
    <t>145661.0</t>
  </si>
  <si>
    <t>262348895.0</t>
  </si>
  <si>
    <t>1281857.0</t>
  </si>
  <si>
    <t>3899.299</t>
  </si>
  <si>
    <t>969843.0</t>
  </si>
  <si>
    <t>91460601.0</t>
  </si>
  <si>
    <t>48207264.0</t>
  </si>
  <si>
    <t>43253337.0</t>
  </si>
  <si>
    <t>145856.0</t>
  </si>
  <si>
    <t>35223.0</t>
  </si>
  <si>
    <t>263144315.0</t>
  </si>
  <si>
    <t>795420.0</t>
  </si>
  <si>
    <t>3911.121</t>
  </si>
  <si>
    <t>980439.0</t>
  </si>
  <si>
    <t>91630208.0</t>
  </si>
  <si>
    <t>48248318.0</t>
  </si>
  <si>
    <t>43381890.0</t>
  </si>
  <si>
    <t>169607.0</t>
  </si>
  <si>
    <t>140248.0</t>
  </si>
  <si>
    <t>264215488.0</t>
  </si>
  <si>
    <t>1071173.0</t>
  </si>
  <si>
    <t>3927.042</t>
  </si>
  <si>
    <t>1029754.0</t>
  </si>
  <si>
    <t>91725196.0</t>
  </si>
  <si>
    <t>48270113.0</t>
  </si>
  <si>
    <t>43455083.0</t>
  </si>
  <si>
    <t>94988.0</t>
  </si>
  <si>
    <t>138985.0</t>
  </si>
  <si>
    <t>110258.0</t>
  </si>
  <si>
    <t>1633.23563564977</t>
  </si>
  <si>
    <t>265711277.0</t>
  </si>
  <si>
    <t>1495789.0</t>
  </si>
  <si>
    <t>3949.274</t>
  </si>
  <si>
    <t>22.232</t>
  </si>
  <si>
    <t>1140220.0</t>
  </si>
  <si>
    <t>91827909.0</t>
  </si>
  <si>
    <t>48292811.0</t>
  </si>
  <si>
    <t>43535098.0</t>
  </si>
  <si>
    <t>141331.0</t>
  </si>
  <si>
    <t>34972.0</t>
  </si>
  <si>
    <t>267022426.0</t>
  </si>
  <si>
    <t>3968.762</t>
  </si>
  <si>
    <t>1188671.0</t>
  </si>
  <si>
    <t>91940381.0</t>
  </si>
  <si>
    <t>48319435.0</t>
  </si>
  <si>
    <t>43620946.0</t>
  </si>
  <si>
    <t>112472.0</t>
  </si>
  <si>
    <t>134641.0</t>
  </si>
  <si>
    <t>268411509.0</t>
  </si>
  <si>
    <t>1389083.0</t>
  </si>
  <si>
    <t>3989.408</t>
  </si>
  <si>
    <t>20.646</t>
  </si>
  <si>
    <t>92053472.0</t>
  </si>
  <si>
    <t>48344566.0</t>
  </si>
  <si>
    <t>43708906.0</t>
  </si>
  <si>
    <t>113091.0</t>
  </si>
  <si>
    <t>128301.0</t>
  </si>
  <si>
    <t>30367.0</t>
  </si>
  <si>
    <t>269802647.0</t>
  </si>
  <si>
    <t>1391138.0</t>
  </si>
  <si>
    <t>4010.084</t>
  </si>
  <si>
    <t>1247944.0</t>
  </si>
  <si>
    <t>92175948.0</t>
  </si>
  <si>
    <t>48370340.0</t>
  </si>
  <si>
    <t>43805608.0</t>
  </si>
  <si>
    <t>122476.0</t>
  </si>
  <si>
    <t>271013771.0</t>
  </si>
  <si>
    <t>1211124.0</t>
  </si>
  <si>
    <t>4028.085</t>
  </si>
  <si>
    <t>18.001</t>
  </si>
  <si>
    <t>1237839.0</t>
  </si>
  <si>
    <t>92293823.0</t>
  </si>
  <si>
    <t>48396404.0</t>
  </si>
  <si>
    <t>43897419.0</t>
  </si>
  <si>
    <t>117875.0</t>
  </si>
  <si>
    <t>119032.0</t>
  </si>
  <si>
    <t>271792611.0</t>
  </si>
  <si>
    <t>4039.661</t>
  </si>
  <si>
    <t>1235471.0</t>
  </si>
  <si>
    <t>92419795.0</t>
  </si>
  <si>
    <t>48424317.0</t>
  </si>
  <si>
    <t>43995478.0</t>
  </si>
  <si>
    <t>112798.0</t>
  </si>
  <si>
    <t>272897585.0</t>
  </si>
  <si>
    <t>1104974.0</t>
  </si>
  <si>
    <t>4056.085</t>
  </si>
  <si>
    <t>1240300.0</t>
  </si>
  <si>
    <t>92487365.0</t>
  </si>
  <si>
    <t>48439272.0</t>
  </si>
  <si>
    <t>44048093.0</t>
  </si>
  <si>
    <t>108881.0</t>
  </si>
  <si>
    <t>112283.7</t>
  </si>
  <si>
    <t>1663.24203361759</t>
  </si>
  <si>
    <t>274108225.0</t>
  </si>
  <si>
    <t>1210640.0</t>
  </si>
  <si>
    <t>4074.078</t>
  </si>
  <si>
    <t>1199564.0</t>
  </si>
  <si>
    <t>17.829</t>
  </si>
  <si>
    <t>92567446.0</t>
  </si>
  <si>
    <t>48458700.0</t>
  </si>
  <si>
    <t>44108746.0</t>
  </si>
  <si>
    <t>275086123.0</t>
  </si>
  <si>
    <t>977898.0</t>
  </si>
  <si>
    <t>4088.613</t>
  </si>
  <si>
    <t>14.535</t>
  </si>
  <si>
    <t>92651816.0</t>
  </si>
  <si>
    <t>48476345.0</t>
  </si>
  <si>
    <t>44175471.0</t>
  </si>
  <si>
    <t>276264738.0</t>
  </si>
  <si>
    <t>1178615.0</t>
  </si>
  <si>
    <t>4106.131</t>
  </si>
  <si>
    <t>17.518</t>
  </si>
  <si>
    <t>1121890.0</t>
  </si>
  <si>
    <t>16.675</t>
  </si>
  <si>
    <t>92739508.0</t>
  </si>
  <si>
    <t>48500747.0</t>
  </si>
  <si>
    <t>44238761.0</t>
  </si>
  <si>
    <t>277412815.0</t>
  </si>
  <si>
    <t>1148077.0</t>
  </si>
  <si>
    <t>4123.195</t>
  </si>
  <si>
    <t>1087167.0</t>
  </si>
  <si>
    <t>92826532.0</t>
  </si>
  <si>
    <t>48523798.0</t>
  </si>
  <si>
    <t>44302734.0</t>
  </si>
  <si>
    <t>278344696.0</t>
  </si>
  <si>
    <t>931881.0</t>
  </si>
  <si>
    <t>4137.045</t>
  </si>
  <si>
    <t>1047275.0</t>
  </si>
  <si>
    <t>15.566</t>
  </si>
  <si>
    <t>92907694.0</t>
  </si>
  <si>
    <t>48544576.0</t>
  </si>
  <si>
    <t>44363118.0</t>
  </si>
  <si>
    <t>81162.0</t>
  </si>
  <si>
    <t>279048934.0</t>
  </si>
  <si>
    <t>704238.0</t>
  </si>
  <si>
    <t>4147.512</t>
  </si>
  <si>
    <t>1036618.0</t>
  </si>
  <si>
    <t>93006389.0</t>
  </si>
  <si>
    <t>48570774.0</t>
  </si>
  <si>
    <t>44435615.0</t>
  </si>
  <si>
    <t>98695.0</t>
  </si>
  <si>
    <t>137.77</t>
  </si>
  <si>
    <t>280200333.0</t>
  </si>
  <si>
    <t>1151399.0</t>
  </si>
  <si>
    <t>4164.625</t>
  </si>
  <si>
    <t>1043250.0</t>
  </si>
  <si>
    <t>15.506</t>
  </si>
  <si>
    <t>93055386.0</t>
  </si>
  <si>
    <t>48584614.0</t>
  </si>
  <si>
    <t>44470772.0</t>
  </si>
  <si>
    <t>114229.6</t>
  </si>
  <si>
    <t>1692.06636585118</t>
  </si>
  <si>
    <t>281367399.0</t>
  </si>
  <si>
    <t>1167066.0</t>
  </si>
  <si>
    <t>4181.972</t>
  </si>
  <si>
    <t>1037025.0</t>
  </si>
  <si>
    <t>93121878.0</t>
  </si>
  <si>
    <t>48604764.0</t>
  </si>
  <si>
    <t>44517114.0</t>
  </si>
  <si>
    <t>66492.0</t>
  </si>
  <si>
    <t>79205.0</t>
  </si>
  <si>
    <t>282315844.0</t>
  </si>
  <si>
    <t>948445.0</t>
  </si>
  <si>
    <t>4196.068</t>
  </si>
  <si>
    <t>1032817.0</t>
  </si>
  <si>
    <t>93185668.0</t>
  </si>
  <si>
    <t>48625148.0</t>
  </si>
  <si>
    <t>44560520.0</t>
  </si>
  <si>
    <t>63790.0</t>
  </si>
  <si>
    <t>283309395.0</t>
  </si>
  <si>
    <t>993551.0</t>
  </si>
  <si>
    <t>4210.836</t>
  </si>
  <si>
    <t>1006380.0</t>
  </si>
  <si>
    <t>14.958</t>
  </si>
  <si>
    <t>93252394.0</t>
  </si>
  <si>
    <t>48647827.0</t>
  </si>
  <si>
    <t>44604567.0</t>
  </si>
  <si>
    <t>73269.0</t>
  </si>
  <si>
    <t>284567059.0</t>
  </si>
  <si>
    <t>1257664.0</t>
  </si>
  <si>
    <t>4229.528</t>
  </si>
  <si>
    <t>1022035.0</t>
  </si>
  <si>
    <t>93322065.0</t>
  </si>
  <si>
    <t>48672910.0</t>
  </si>
  <si>
    <t>44649155.0</t>
  </si>
  <si>
    <t>285503908.0</t>
  </si>
  <si>
    <t>936849.0</t>
  </si>
  <si>
    <t>4243.453</t>
  </si>
  <si>
    <t>13.924</t>
  </si>
  <si>
    <t>1022745.0</t>
  </si>
  <si>
    <t>93394441.0</t>
  </si>
  <si>
    <t>48700527.0</t>
  </si>
  <si>
    <t>44693914.0</t>
  </si>
  <si>
    <t>69535.0</t>
  </si>
  <si>
    <t>286296996.0</t>
  </si>
  <si>
    <t>793088.0</t>
  </si>
  <si>
    <t>4255.24</t>
  </si>
  <si>
    <t>1035437.0</t>
  </si>
  <si>
    <t>93465855.0</t>
  </si>
  <si>
    <t>48724823.0</t>
  </si>
  <si>
    <t>44741032.0</t>
  </si>
  <si>
    <t>287437208.0</t>
  </si>
  <si>
    <t>1140212.0</t>
  </si>
  <si>
    <t>4272.187</t>
  </si>
  <si>
    <t>1033839.0</t>
  </si>
  <si>
    <t>93507378.0</t>
  </si>
  <si>
    <t>48740807.0</t>
  </si>
  <si>
    <t>44766571.0</t>
  </si>
  <si>
    <t>41523.0</t>
  </si>
  <si>
    <t>115859.9</t>
  </si>
  <si>
    <t>1716.21576142157</t>
  </si>
  <si>
    <t>288553365.0</t>
  </si>
  <si>
    <t>1116157.0</t>
  </si>
  <si>
    <t>4288.777</t>
  </si>
  <si>
    <t>1026567.0</t>
  </si>
  <si>
    <t>93565474.0</t>
  </si>
  <si>
    <t>48765726.0</t>
  </si>
  <si>
    <t>44799748.0</t>
  </si>
  <si>
    <t>58096.0</t>
  </si>
  <si>
    <t>289484576.0</t>
  </si>
  <si>
    <t>931211.0</t>
  </si>
  <si>
    <t>4302.617</t>
  </si>
  <si>
    <t>1024105.0</t>
  </si>
  <si>
    <t>93630859.0</t>
  </si>
  <si>
    <t>48797579.0</t>
  </si>
  <si>
    <t>44833280.0</t>
  </si>
  <si>
    <t>63599.0</t>
  </si>
  <si>
    <t>290632516.0</t>
  </si>
  <si>
    <t>1147940.0</t>
  </si>
  <si>
    <t>4319.679</t>
  </si>
  <si>
    <t>17.062</t>
  </si>
  <si>
    <t>1046160.0</t>
  </si>
  <si>
    <t>93696491.0</t>
  </si>
  <si>
    <t>48829118.0</t>
  </si>
  <si>
    <t>44867373.0</t>
  </si>
  <si>
    <t>63442.0</t>
  </si>
  <si>
    <t>291781719.0</t>
  </si>
  <si>
    <t>1149203.0</t>
  </si>
  <si>
    <t>4336.76</t>
  </si>
  <si>
    <t>17.081</t>
  </si>
  <si>
    <t>94633524.0</t>
  </si>
  <si>
    <t>48863490.0</t>
  </si>
  <si>
    <t>44901832.0</t>
  </si>
  <si>
    <t>868202.0</t>
  </si>
  <si>
    <t>937033.0</t>
  </si>
  <si>
    <t>140.18</t>
  </si>
  <si>
    <t>292712647.0</t>
  </si>
  <si>
    <t>4350.596</t>
  </si>
  <si>
    <t>1029820.0</t>
  </si>
  <si>
    <t>94859905.0</t>
  </si>
  <si>
    <t>48901670.0</t>
  </si>
  <si>
    <t>44936121.0</t>
  </si>
  <si>
    <t>1022114.0</t>
  </si>
  <si>
    <t>226381.0</t>
  </si>
  <si>
    <t>209352.0</t>
  </si>
  <si>
    <t>293411932.0</t>
  </si>
  <si>
    <t>4360.99</t>
  </si>
  <si>
    <t>1016419.0</t>
  </si>
  <si>
    <t>95119823.0</t>
  </si>
  <si>
    <t>48932736.0</t>
  </si>
  <si>
    <t>44970512.0</t>
  </si>
  <si>
    <t>1216575.0</t>
  </si>
  <si>
    <t>259918.0</t>
  </si>
  <si>
    <t>294454429.0</t>
  </si>
  <si>
    <t>4376.485</t>
  </si>
  <si>
    <t>1002460.0</t>
  </si>
  <si>
    <t>95254996.0</t>
  </si>
  <si>
    <t>48956859.0</t>
  </si>
  <si>
    <t>44992044.0</t>
  </si>
  <si>
    <t>1306093.0</t>
  </si>
  <si>
    <t>117210.8</t>
  </si>
  <si>
    <t>1736.22644563677</t>
  </si>
  <si>
    <t>295514917.0</t>
  </si>
  <si>
    <t>1060488.0</t>
  </si>
  <si>
    <t>4392.247</t>
  </si>
  <si>
    <t>994507.0</t>
  </si>
  <si>
    <t>95445881.0</t>
  </si>
  <si>
    <t>48994530.0</t>
  </si>
  <si>
    <t>45021381.0</t>
  </si>
  <si>
    <t>1429970.0</t>
  </si>
  <si>
    <t>190885.0</t>
  </si>
  <si>
    <t>268630.0</t>
  </si>
  <si>
    <t>32686.0</t>
  </si>
  <si>
    <t>296423154.0</t>
  </si>
  <si>
    <t>908237.0</t>
  </si>
  <si>
    <t>4405.746</t>
  </si>
  <si>
    <t>991225.0</t>
  </si>
  <si>
    <t>95671900.0</t>
  </si>
  <si>
    <t>49035877.0</t>
  </si>
  <si>
    <t>45049953.0</t>
  </si>
  <si>
    <t>1586070.0</t>
  </si>
  <si>
    <t>291577.0</t>
  </si>
  <si>
    <t>297524410.0</t>
  </si>
  <si>
    <t>1101256.0</t>
  </si>
  <si>
    <t>4422.114</t>
  </si>
  <si>
    <t>984556.0</t>
  </si>
  <si>
    <t>14.633</t>
  </si>
  <si>
    <t>95895401.0</t>
  </si>
  <si>
    <t>49068705.0</t>
  </si>
  <si>
    <t>45078529.0</t>
  </si>
  <si>
    <t>1748167.0</t>
  </si>
  <si>
    <t>314130.0</t>
  </si>
  <si>
    <t>298584131.0</t>
  </si>
  <si>
    <t>4437.864</t>
  </si>
  <si>
    <t>971773.0</t>
  </si>
  <si>
    <t>14.443</t>
  </si>
  <si>
    <t>96134715.0</t>
  </si>
  <si>
    <t>49101734.0</t>
  </si>
  <si>
    <t>45107185.0</t>
  </si>
  <si>
    <t>1925796.0</t>
  </si>
  <si>
    <t>239314.0</t>
  </si>
  <si>
    <t>214456.0</t>
  </si>
  <si>
    <t>299542946.0</t>
  </si>
  <si>
    <t>958815.0</t>
  </si>
  <si>
    <t>4452.115</t>
  </si>
  <si>
    <t>975757.0</t>
  </si>
  <si>
    <t>96369396.0</t>
  </si>
  <si>
    <t>49133419.0</t>
  </si>
  <si>
    <t>45136253.0</t>
  </si>
  <si>
    <t>2099724.0</t>
  </si>
  <si>
    <t>234681.0</t>
  </si>
  <si>
    <t>215642.0</t>
  </si>
  <si>
    <t>300259149.0</t>
  </si>
  <si>
    <t>716203.0</t>
  </si>
  <si>
    <t>4462.76</t>
  </si>
  <si>
    <t>978174.0</t>
  </si>
  <si>
    <t>14.539</t>
  </si>
  <si>
    <t>96685077.0</t>
  </si>
  <si>
    <t>49164814.0</t>
  </si>
  <si>
    <t>45169730.0</t>
  </si>
  <si>
    <t>2350533.0</t>
  </si>
  <si>
    <t>315681.0</t>
  </si>
  <si>
    <t>301260201.0</t>
  </si>
  <si>
    <t>1001052.0</t>
  </si>
  <si>
    <t>4477.639</t>
  </si>
  <si>
    <t>972253.0</t>
  </si>
  <si>
    <t>96820110.0</t>
  </si>
  <si>
    <t>49186920.0</t>
  </si>
  <si>
    <t>45189181.0</t>
  </si>
  <si>
    <t>2444009.0</t>
  </si>
  <si>
    <t>135033.0</t>
  </si>
  <si>
    <t>223588.0</t>
  </si>
  <si>
    <t>118740.3</t>
  </si>
  <si>
    <t>1758.88270554286</t>
  </si>
  <si>
    <t>302307961.0</t>
  </si>
  <si>
    <t>1047760.0</t>
  </si>
  <si>
    <t>4493.212</t>
  </si>
  <si>
    <t>970435.0</t>
  </si>
  <si>
    <t>96997450.0</t>
  </si>
  <si>
    <t>49216092.0</t>
  </si>
  <si>
    <t>45212813.0</t>
  </si>
  <si>
    <t>2568545.0</t>
  </si>
  <si>
    <t>177340.0</t>
  </si>
  <si>
    <t>221653.0</t>
  </si>
  <si>
    <t>303240134.0</t>
  </si>
  <si>
    <t>932173.0</t>
  </si>
  <si>
    <t>4507.067</t>
  </si>
  <si>
    <t>973854.0</t>
  </si>
  <si>
    <t>14.474</t>
  </si>
  <si>
    <t>97224561.0</t>
  </si>
  <si>
    <t>49252939.0</t>
  </si>
  <si>
    <t>45239759.0</t>
  </si>
  <si>
    <t>2731863.0</t>
  </si>
  <si>
    <t>304323390.0</t>
  </si>
  <si>
    <t>1083256.0</t>
  </si>
  <si>
    <t>4523.167</t>
  </si>
  <si>
    <t>971283.0</t>
  </si>
  <si>
    <t>97754591.0</t>
  </si>
  <si>
    <t>49291665.0</t>
  </si>
  <si>
    <t>45269240.0</t>
  </si>
  <si>
    <t>3193686.0</t>
  </si>
  <si>
    <t>530030.0</t>
  </si>
  <si>
    <t>265599.0</t>
  </si>
  <si>
    <t>305408415.0</t>
  </si>
  <si>
    <t>1085025.0</t>
  </si>
  <si>
    <t>4539.294</t>
  </si>
  <si>
    <t>974898.0</t>
  </si>
  <si>
    <t>98065088.0</t>
  </si>
  <si>
    <t>49335154.0</t>
  </si>
  <si>
    <t>45297231.0</t>
  </si>
  <si>
    <t>3432703.0</t>
  </si>
  <si>
    <t>310497.0</t>
  </si>
  <si>
    <t>275768.0</t>
  </si>
  <si>
    <t>145.26</t>
  </si>
  <si>
    <t>306356749.0</t>
  </si>
  <si>
    <t>948334.0</t>
  </si>
  <si>
    <t>4553.389</t>
  </si>
  <si>
    <t>973400.0</t>
  </si>
  <si>
    <t>98356171.0</t>
  </si>
  <si>
    <t>49375917.0</t>
  </si>
  <si>
    <t>45326663.0</t>
  </si>
  <si>
    <t>3653591.0</t>
  </si>
  <si>
    <t>291083.0</t>
  </si>
  <si>
    <t>283825.0</t>
  </si>
  <si>
    <t>307110779.0</t>
  </si>
  <si>
    <t>754030.0</t>
  </si>
  <si>
    <t>4564.596</t>
  </si>
  <si>
    <t>978804.0</t>
  </si>
  <si>
    <t>14.548</t>
  </si>
  <si>
    <t>98724853.0</t>
  </si>
  <si>
    <t>49404916.0</t>
  </si>
  <si>
    <t>45360146.0</t>
  </si>
  <si>
    <t>3959791.0</t>
  </si>
  <si>
    <t>368682.0</t>
  </si>
  <si>
    <t>291397.0</t>
  </si>
  <si>
    <t>308128779.0</t>
  </si>
  <si>
    <t>1018000.0</t>
  </si>
  <si>
    <t>4579.727</t>
  </si>
  <si>
    <t>15.131</t>
  </si>
  <si>
    <t>981225.0</t>
  </si>
  <si>
    <t>98877987.0</t>
  </si>
  <si>
    <t>49422753.0</t>
  </si>
  <si>
    <t>45377411.0</t>
  </si>
  <si>
    <t>4077823.0</t>
  </si>
  <si>
    <t>293982.0</t>
  </si>
  <si>
    <t>120327.2</t>
  </si>
  <si>
    <t>1782.38922325779</t>
  </si>
  <si>
    <t>309146778.0</t>
  </si>
  <si>
    <t>1017999.0</t>
  </si>
  <si>
    <t>4594.857</t>
  </si>
  <si>
    <t>976974.0</t>
  </si>
  <si>
    <t>14.521</t>
  </si>
  <si>
    <t>99119443.0</t>
  </si>
  <si>
    <t>49462425.0</t>
  </si>
  <si>
    <t>45400990.0</t>
  </si>
  <si>
    <t>4256028.0</t>
  </si>
  <si>
    <t>303142.0</t>
  </si>
  <si>
    <t>310081685.0</t>
  </si>
  <si>
    <t>934907.0</t>
  </si>
  <si>
    <t>4608.753</t>
  </si>
  <si>
    <t>13.896</t>
  </si>
  <si>
    <t>977364.0</t>
  </si>
  <si>
    <t>99427187.0</t>
  </si>
  <si>
    <t>49505327.0</t>
  </si>
  <si>
    <t>45433757.0</t>
  </si>
  <si>
    <t>4488103.0</t>
  </si>
  <si>
    <t>307744.0</t>
  </si>
  <si>
    <t>314661.0</t>
  </si>
  <si>
    <t>311218996.0</t>
  </si>
  <si>
    <t>1137311.0</t>
  </si>
  <si>
    <t>4625.657</t>
  </si>
  <si>
    <t>985087.0</t>
  </si>
  <si>
    <t>99759726.0</t>
  </si>
  <si>
    <t>49554407.0</t>
  </si>
  <si>
    <t>45460122.0</t>
  </si>
  <si>
    <t>4745197.0</t>
  </si>
  <si>
    <t>332539.0</t>
  </si>
  <si>
    <t>286448.0</t>
  </si>
  <si>
    <t>312322378.0</t>
  </si>
  <si>
    <t>1103382.0</t>
  </si>
  <si>
    <t>4642.056</t>
  </si>
  <si>
    <t>987709.0</t>
  </si>
  <si>
    <t>100447478.0</t>
  </si>
  <si>
    <t>49603139.0</t>
  </si>
  <si>
    <t>45486950.0</t>
  </si>
  <si>
    <t>5357389.0</t>
  </si>
  <si>
    <t>687752.0</t>
  </si>
  <si>
    <t>340341.0</t>
  </si>
  <si>
    <t>313270684.0</t>
  </si>
  <si>
    <t>948306.0</t>
  </si>
  <si>
    <t>4656.151</t>
  </si>
  <si>
    <t>987705.0</t>
  </si>
  <si>
    <t>100818583.0</t>
  </si>
  <si>
    <t>49649389.0</t>
  </si>
  <si>
    <t>45513120.0</t>
  </si>
  <si>
    <t>5656074.0</t>
  </si>
  <si>
    <t>371105.0</t>
  </si>
  <si>
    <t>351773.0</t>
  </si>
  <si>
    <t>313994572.0</t>
  </si>
  <si>
    <t>723888.0</t>
  </si>
  <si>
    <t>4666.91</t>
  </si>
  <si>
    <t>983399.0</t>
  </si>
  <si>
    <t>101259347.0</t>
  </si>
  <si>
    <t>49689481.0</t>
  </si>
  <si>
    <t>45543363.0</t>
  </si>
  <si>
    <t>6026503.0</t>
  </si>
  <si>
    <t>362071.0</t>
  </si>
  <si>
    <t>314804013.0</t>
  </si>
  <si>
    <t>809441.0</t>
  </si>
  <si>
    <t>4678.941</t>
  </si>
  <si>
    <t>953605.0</t>
  </si>
  <si>
    <t>101473681.0</t>
  </si>
  <si>
    <t>49715228.0</t>
  </si>
  <si>
    <t>45561445.0</t>
  </si>
  <si>
    <t>6197008.0</t>
  </si>
  <si>
    <t>370813.0</t>
  </si>
  <si>
    <t>121961.9</t>
  </si>
  <si>
    <t>1806.60379538495</t>
  </si>
  <si>
    <t>315726774.0</t>
  </si>
  <si>
    <t>922761.0</t>
  </si>
  <si>
    <t>4692.656</t>
  </si>
  <si>
    <t>13.715</t>
  </si>
  <si>
    <t>939999.0</t>
  </si>
  <si>
    <t>101777928.0</t>
  </si>
  <si>
    <t>49753037.0</t>
  </si>
  <si>
    <t>45582891.0</t>
  </si>
  <si>
    <t>6442000.0</t>
  </si>
  <si>
    <t>304247.0</t>
  </si>
  <si>
    <t>379784.0</t>
  </si>
  <si>
    <t>316582604.0</t>
  </si>
  <si>
    <t>855830.0</t>
  </si>
  <si>
    <t>4705.376</t>
  </si>
  <si>
    <t>928703.0</t>
  </si>
  <si>
    <t>102106510.0</t>
  </si>
  <si>
    <t>49794120.0</t>
  </si>
  <si>
    <t>45605922.0</t>
  </si>
  <si>
    <t>6706468.0</t>
  </si>
  <si>
    <t>328582.0</t>
  </si>
  <si>
    <t>382760.0</t>
  </si>
  <si>
    <t>317505606.0</t>
  </si>
  <si>
    <t>923002.0</t>
  </si>
  <si>
    <t>4719.095</t>
  </si>
  <si>
    <t>13.719</t>
  </si>
  <si>
    <t>898087.0</t>
  </si>
  <si>
    <t>102461683.0</t>
  </si>
  <si>
    <t>49838202.0</t>
  </si>
  <si>
    <t>45627499.0</t>
  </si>
  <si>
    <t>6995982.0</t>
  </si>
  <si>
    <t>355173.0</t>
  </si>
  <si>
    <t>385994.0</t>
  </si>
  <si>
    <t>151.77</t>
  </si>
  <si>
    <t>318438893.0</t>
  </si>
  <si>
    <t>933287.0</t>
  </si>
  <si>
    <t>4732.966</t>
  </si>
  <si>
    <t>873788.0</t>
  </si>
  <si>
    <t>102827764.0</t>
  </si>
  <si>
    <t>49882904.0</t>
  </si>
  <si>
    <t>45651222.0</t>
  </si>
  <si>
    <t>7293638.0</t>
  </si>
  <si>
    <t>340041.0</t>
  </si>
  <si>
    <t>152.32</t>
  </si>
  <si>
    <t>319287919.0</t>
  </si>
  <si>
    <t>849026.0</t>
  </si>
  <si>
    <t>4745.585</t>
  </si>
  <si>
    <t>859605.0</t>
  </si>
  <si>
    <t>103176238.0</t>
  </si>
  <si>
    <t>49923871.0</t>
  </si>
  <si>
    <t>45673501.0</t>
  </si>
  <si>
    <t>7578866.0</t>
  </si>
  <si>
    <t>348474.0</t>
  </si>
  <si>
    <t>39212.0</t>
  </si>
  <si>
    <t>319972069.0</t>
  </si>
  <si>
    <t>684150.0</t>
  </si>
  <si>
    <t>4755.754</t>
  </si>
  <si>
    <t>853928.0</t>
  </si>
  <si>
    <t>12.692</t>
  </si>
  <si>
    <t>103610105.0</t>
  </si>
  <si>
    <t>49959923.0</t>
  </si>
  <si>
    <t>45698902.0</t>
  </si>
  <si>
    <t>7951280.0</t>
  </si>
  <si>
    <t>335823.0</t>
  </si>
  <si>
    <t>320948134.0</t>
  </si>
  <si>
    <t>976065.0</t>
  </si>
  <si>
    <t>4770.261</t>
  </si>
  <si>
    <t>877732.0</t>
  </si>
  <si>
    <t>103814905.0</t>
  </si>
  <si>
    <t>49987325.0</t>
  </si>
  <si>
    <t>45712351.0</t>
  </si>
  <si>
    <t>8115229.0</t>
  </si>
  <si>
    <t>204800.0</t>
  </si>
  <si>
    <t>38871.0</t>
  </si>
  <si>
    <t>123431.0</t>
  </si>
  <si>
    <t>1828.36535892078</t>
  </si>
  <si>
    <t>321960071.0</t>
  </si>
  <si>
    <t>1011937.0</t>
  </si>
  <si>
    <t>4785.302</t>
  </si>
  <si>
    <t>890471.0</t>
  </si>
  <si>
    <t>104112757.0</t>
  </si>
  <si>
    <t>50025020.0</t>
  </si>
  <si>
    <t>45731565.0</t>
  </si>
  <si>
    <t>8356172.0</t>
  </si>
  <si>
    <t>297852.0</t>
  </si>
  <si>
    <t>333547.0</t>
  </si>
  <si>
    <t>38855.0</t>
  </si>
  <si>
    <t>322862221.0</t>
  </si>
  <si>
    <t>902150.0</t>
  </si>
  <si>
    <t>4798.71</t>
  </si>
  <si>
    <t>13.409</t>
  </si>
  <si>
    <t>897088.0</t>
  </si>
  <si>
    <t>104477012.0</t>
  </si>
  <si>
    <t>50071683.0</t>
  </si>
  <si>
    <t>45752487.0</t>
  </si>
  <si>
    <t>8652842.0</t>
  </si>
  <si>
    <t>364255.0</t>
  </si>
  <si>
    <t>338643.0</t>
  </si>
  <si>
    <t>323884454.0</t>
  </si>
  <si>
    <t>1022233.0</t>
  </si>
  <si>
    <t>4813.904</t>
  </si>
  <si>
    <t>911264.0</t>
  </si>
  <si>
    <t>104896053.0</t>
  </si>
  <si>
    <t>50112925.0</t>
  </si>
  <si>
    <t>45770452.0</t>
  </si>
  <si>
    <t>9012676.0</t>
  </si>
  <si>
    <t>347767.0</t>
  </si>
  <si>
    <t>324880208.0</t>
  </si>
  <si>
    <t>995754.0</t>
  </si>
  <si>
    <t>4828.704</t>
  </si>
  <si>
    <t>920188.0</t>
  </si>
  <si>
    <t>13.677</t>
  </si>
  <si>
    <t>105294664.0</t>
  </si>
  <si>
    <t>50156656.0</t>
  </si>
  <si>
    <t>45790934.0</t>
  </si>
  <si>
    <t>9347074.0</t>
  </si>
  <si>
    <t>398611.0</t>
  </si>
  <si>
    <t>352414.0</t>
  </si>
  <si>
    <t>325735536.0</t>
  </si>
  <si>
    <t>855328.0</t>
  </si>
  <si>
    <t>4841.416</t>
  </si>
  <si>
    <t>12.713</t>
  </si>
  <si>
    <t>921088.0</t>
  </si>
  <si>
    <t>105683491.0</t>
  </si>
  <si>
    <t>50200147.0</t>
  </si>
  <si>
    <t>45813567.0</t>
  </si>
  <si>
    <t>9669777.0</t>
  </si>
  <si>
    <t>388827.0</t>
  </si>
  <si>
    <t>358179.0</t>
  </si>
  <si>
    <t>326394934.0</t>
  </si>
  <si>
    <t>659398.0</t>
  </si>
  <si>
    <t>4851.217</t>
  </si>
  <si>
    <t>917552.0</t>
  </si>
  <si>
    <t>106167621.0</t>
  </si>
  <si>
    <t>50236895.0</t>
  </si>
  <si>
    <t>45838067.0</t>
  </si>
  <si>
    <t>10092659.0</t>
  </si>
  <si>
    <t>484130.0</t>
  </si>
  <si>
    <t>365359.0</t>
  </si>
  <si>
    <t>327290933.0</t>
  </si>
  <si>
    <t>895999.0</t>
  </si>
  <si>
    <t>4864.534</t>
  </si>
  <si>
    <t>906114.0</t>
  </si>
  <si>
    <t>106417956.0</t>
  </si>
  <si>
    <t>50262735.0</t>
  </si>
  <si>
    <t>45852677.0</t>
  </si>
  <si>
    <t>10302544.0</t>
  </si>
  <si>
    <t>250335.0</t>
  </si>
  <si>
    <t>371864.0</t>
  </si>
  <si>
    <t>39344.0</t>
  </si>
  <si>
    <t>125311.9</t>
  </si>
  <si>
    <t>1856.22685565656</t>
  </si>
  <si>
    <t>328310511.0</t>
  </si>
  <si>
    <t>1019578.0</t>
  </si>
  <si>
    <t>4879.688</t>
  </si>
  <si>
    <t>15.154</t>
  </si>
  <si>
    <t>907206.0</t>
  </si>
  <si>
    <t>106749454.0</t>
  </si>
  <si>
    <t>50296294.0</t>
  </si>
  <si>
    <t>45873038.0</t>
  </si>
  <si>
    <t>10580122.0</t>
  </si>
  <si>
    <t>376671.0</t>
  </si>
  <si>
    <t>329201242.0</t>
  </si>
  <si>
    <t>890731.0</t>
  </si>
  <si>
    <t>4892.927</t>
  </si>
  <si>
    <t>905574.0</t>
  </si>
  <si>
    <t>107150783.0</t>
  </si>
  <si>
    <t>50336130.0</t>
  </si>
  <si>
    <t>45894237.0</t>
  </si>
  <si>
    <t>10920416.0</t>
  </si>
  <si>
    <t>401329.0</t>
  </si>
  <si>
    <t>381967.0</t>
  </si>
  <si>
    <t>330247567.0</t>
  </si>
  <si>
    <t>4908.479</t>
  </si>
  <si>
    <t>15.552</t>
  </si>
  <si>
    <t>909016.0</t>
  </si>
  <si>
    <t>107849975.0</t>
  </si>
  <si>
    <t>50455318.0</t>
  </si>
  <si>
    <t>45942003.0</t>
  </si>
  <si>
    <t>11452654.0</t>
  </si>
  <si>
    <t>699192.0</t>
  </si>
  <si>
    <t>421989.0</t>
  </si>
  <si>
    <t>331299930.0</t>
  </si>
  <si>
    <t>1052363.0</t>
  </si>
  <si>
    <t>4924.12</t>
  </si>
  <si>
    <t>917103.0</t>
  </si>
  <si>
    <t>108279832.0</t>
  </si>
  <si>
    <t>50491701.0</t>
  </si>
  <si>
    <t>45964488.0</t>
  </si>
  <si>
    <t>11823643.0</t>
  </si>
  <si>
    <t>429857.0</t>
  </si>
  <si>
    <t>426453.0</t>
  </si>
  <si>
    <t>160.39</t>
  </si>
  <si>
    <t>332163532.0</t>
  </si>
  <si>
    <t>4936.956</t>
  </si>
  <si>
    <t>918285.0</t>
  </si>
  <si>
    <t>108693992.0</t>
  </si>
  <si>
    <t>50526039.0</t>
  </si>
  <si>
    <t>45986536.0</t>
  </si>
  <si>
    <t>12181417.0</t>
  </si>
  <si>
    <t>414160.0</t>
  </si>
  <si>
    <t>430072.0</t>
  </si>
  <si>
    <t>332836389.0</t>
  </si>
  <si>
    <t>672857.0</t>
  </si>
  <si>
    <t>4946.957</t>
  </si>
  <si>
    <t>920208.0</t>
  </si>
  <si>
    <t>109213829.0</t>
  </si>
  <si>
    <t>50559566.0</t>
  </si>
  <si>
    <t>46010861.0</t>
  </si>
  <si>
    <t>12643402.0</t>
  </si>
  <si>
    <t>435173.0</t>
  </si>
  <si>
    <t>333770425.0</t>
  </si>
  <si>
    <t>934036.0</t>
  </si>
  <si>
    <t>4960.839</t>
  </si>
  <si>
    <t>13.883</t>
  </si>
  <si>
    <t>925642.0</t>
  </si>
  <si>
    <t>109471164.0</t>
  </si>
  <si>
    <t>50582504.0</t>
  </si>
  <si>
    <t>46027909.0</t>
  </si>
  <si>
    <t>12860751.0</t>
  </si>
  <si>
    <t>257335.0</t>
  </si>
  <si>
    <t>436173.0</t>
  </si>
  <si>
    <t>127289.8</t>
  </si>
  <si>
    <t>1885.52519921215</t>
  </si>
  <si>
    <t>334777150.0</t>
  </si>
  <si>
    <t>4975.802</t>
  </si>
  <si>
    <t>14.963</t>
  </si>
  <si>
    <t>923806.0</t>
  </si>
  <si>
    <t>109807847.0</t>
  </si>
  <si>
    <t>50614550.0</t>
  </si>
  <si>
    <t>46045964.0</t>
  </si>
  <si>
    <t>13147333.0</t>
  </si>
  <si>
    <t>45465.0</t>
  </si>
  <si>
    <t>335627736.0</t>
  </si>
  <si>
    <t>850586.0</t>
  </si>
  <si>
    <t>4988.445</t>
  </si>
  <si>
    <t>918071.0</t>
  </si>
  <si>
    <t>110206709.0</t>
  </si>
  <si>
    <t>50645981.0</t>
  </si>
  <si>
    <t>46065838.0</t>
  </si>
  <si>
    <t>13494890.0</t>
  </si>
  <si>
    <t>398862.0</t>
  </si>
  <si>
    <t>436561.0</t>
  </si>
  <si>
    <t>44264.0</t>
  </si>
  <si>
    <t>336752464.0</t>
  </si>
  <si>
    <t>1124728.0</t>
  </si>
  <si>
    <t>5005.161</t>
  </si>
  <si>
    <t>929271.0</t>
  </si>
  <si>
    <t>110646342.0</t>
  </si>
  <si>
    <t>50679073.0</t>
  </si>
  <si>
    <t>46087958.0</t>
  </si>
  <si>
    <t>13879311.0</t>
  </si>
  <si>
    <t>399481.0</t>
  </si>
  <si>
    <t>337796600.0</t>
  </si>
  <si>
    <t>1044136.0</t>
  </si>
  <si>
    <t>5020.68</t>
  </si>
  <si>
    <t>15.519</t>
  </si>
  <si>
    <t>928096.0</t>
  </si>
  <si>
    <t>111082929.0</t>
  </si>
  <si>
    <t>50707953.0</t>
  </si>
  <si>
    <t>46108608.0</t>
  </si>
  <si>
    <t>14266368.0</t>
  </si>
  <si>
    <t>436587.0</t>
  </si>
  <si>
    <t>400442.0</t>
  </si>
  <si>
    <t>338694099.0</t>
  </si>
  <si>
    <t>897499.0</t>
  </si>
  <si>
    <t>5034.02</t>
  </si>
  <si>
    <t>932938.0</t>
  </si>
  <si>
    <t>111495504.0</t>
  </si>
  <si>
    <t>50735037.0</t>
  </si>
  <si>
    <t>46130215.0</t>
  </si>
  <si>
    <t>14630252.0</t>
  </si>
  <si>
    <t>412575.0</t>
  </si>
  <si>
    <t>400216.0</t>
  </si>
  <si>
    <t>165.16</t>
  </si>
  <si>
    <t>29857.0</t>
  </si>
  <si>
    <t>339421549.0</t>
  </si>
  <si>
    <t>727450.0</t>
  </si>
  <si>
    <t>5044.832</t>
  </si>
  <si>
    <t>940737.0</t>
  </si>
  <si>
    <t>112008774.0</t>
  </si>
  <si>
    <t>50761050.0</t>
  </si>
  <si>
    <t>46154408.0</t>
  </si>
  <si>
    <t>15093316.0</t>
  </si>
  <si>
    <t>399278.0</t>
  </si>
  <si>
    <t>165.92</t>
  </si>
  <si>
    <t>340503731.0</t>
  </si>
  <si>
    <t>1082182.0</t>
  </si>
  <si>
    <t>5060.917</t>
  </si>
  <si>
    <t>961901.0</t>
  </si>
  <si>
    <t>14.297</t>
  </si>
  <si>
    <t>112277085.0</t>
  </si>
  <si>
    <t>50777474.0</t>
  </si>
  <si>
    <t>46168300.0</t>
  </si>
  <si>
    <t>15331311.0</t>
  </si>
  <si>
    <t>268311.0</t>
  </si>
  <si>
    <t>400846.0</t>
  </si>
  <si>
    <t>129156.3</t>
  </si>
  <si>
    <t>1913.17339085303</t>
  </si>
  <si>
    <t>341571292.0</t>
  </si>
  <si>
    <t>1067561.0</t>
  </si>
  <si>
    <t>5076.784</t>
  </si>
  <si>
    <t>970592.0</t>
  </si>
  <si>
    <t>112627026.0</t>
  </si>
  <si>
    <t>50800732.0</t>
  </si>
  <si>
    <t>46186817.0</t>
  </si>
  <si>
    <t>15639477.0</t>
  </si>
  <si>
    <t>349941.0</t>
  </si>
  <si>
    <t>402740.0</t>
  </si>
  <si>
    <t>166.83</t>
  </si>
  <si>
    <t>342552669.0</t>
  </si>
  <si>
    <t>981377.0</t>
  </si>
  <si>
    <t>5091.37</t>
  </si>
  <si>
    <t>989276.0</t>
  </si>
  <si>
    <t>113041002.0</t>
  </si>
  <si>
    <t>50827554.0</t>
  </si>
  <si>
    <t>46208819.0</t>
  </si>
  <si>
    <t>16004629.0</t>
  </si>
  <si>
    <t>413976.0</t>
  </si>
  <si>
    <t>404899.0</t>
  </si>
  <si>
    <t>167.45</t>
  </si>
  <si>
    <t>343664223.0</t>
  </si>
  <si>
    <t>1111554.0</t>
  </si>
  <si>
    <t>5107.891</t>
  </si>
  <si>
    <t>987394.0</t>
  </si>
  <si>
    <t>113467966.0</t>
  </si>
  <si>
    <t>50852133.0</t>
  </si>
  <si>
    <t>46232258.0</t>
  </si>
  <si>
    <t>16383575.0</t>
  </si>
  <si>
    <t>426964.0</t>
  </si>
  <si>
    <t>403089.0</t>
  </si>
  <si>
    <t>344788100.0</t>
  </si>
  <si>
    <t>1123877.0</t>
  </si>
  <si>
    <t>5124.595</t>
  </si>
  <si>
    <t>998786.0</t>
  </si>
  <si>
    <t>113910449.0</t>
  </si>
  <si>
    <t>50875712.0</t>
  </si>
  <si>
    <t>46255081.0</t>
  </si>
  <si>
    <t>16779656.0</t>
  </si>
  <si>
    <t>442483.0</t>
  </si>
  <si>
    <t>403931.0</t>
  </si>
  <si>
    <t>345700009.0</t>
  </si>
  <si>
    <t>911909.0</t>
  </si>
  <si>
    <t>5138.149</t>
  </si>
  <si>
    <t>1000844.0</t>
  </si>
  <si>
    <t>114321190.0</t>
  </si>
  <si>
    <t>50896026.0</t>
  </si>
  <si>
    <t>46278746.0</t>
  </si>
  <si>
    <t>17146418.0</t>
  </si>
  <si>
    <t>410741.0</t>
  </si>
  <si>
    <t>403669.0</t>
  </si>
  <si>
    <t>22998.0</t>
  </si>
  <si>
    <t>346432657.0</t>
  </si>
  <si>
    <t>732648.0</t>
  </si>
  <si>
    <t>5149.038</t>
  </si>
  <si>
    <t>1001587.0</t>
  </si>
  <si>
    <t>114842975.0</t>
  </si>
  <si>
    <t>50919834.0</t>
  </si>
  <si>
    <t>46311612.0</t>
  </si>
  <si>
    <t>17611529.0</t>
  </si>
  <si>
    <t>404886.0</t>
  </si>
  <si>
    <t>347457122.0</t>
  </si>
  <si>
    <t>1024465.0</t>
  </si>
  <si>
    <t>5164.265</t>
  </si>
  <si>
    <t>993342.0</t>
  </si>
  <si>
    <t>14.764</t>
  </si>
  <si>
    <t>115179248.0</t>
  </si>
  <si>
    <t>50941327.0</t>
  </si>
  <si>
    <t>46341057.0</t>
  </si>
  <si>
    <t>17896864.0</t>
  </si>
  <si>
    <t>336273.0</t>
  </si>
  <si>
    <t>414595.0</t>
  </si>
  <si>
    <t>130417.6</t>
  </si>
  <si>
    <t>1931.85684336663</t>
  </si>
  <si>
    <t>348558451.0</t>
  </si>
  <si>
    <t>1101329.0</t>
  </si>
  <si>
    <t>5180.634</t>
  </si>
  <si>
    <t>998166.0</t>
  </si>
  <si>
    <t>115546402.0</t>
  </si>
  <si>
    <t>50963718.0</t>
  </si>
  <si>
    <t>46367149.0</t>
  </si>
  <si>
    <t>18215535.0</t>
  </si>
  <si>
    <t>367154.0</t>
  </si>
  <si>
    <t>417054.0</t>
  </si>
  <si>
    <t>349617186.0</t>
  </si>
  <si>
    <t>1058735.0</t>
  </si>
  <si>
    <t>5196.37</t>
  </si>
  <si>
    <t>1009217.0</t>
  </si>
  <si>
    <t>116001687.0</t>
  </si>
  <si>
    <t>50994257.0</t>
  </si>
  <si>
    <t>46399306.0</t>
  </si>
  <si>
    <t>18608124.0</t>
  </si>
  <si>
    <t>455285.0</t>
  </si>
  <si>
    <t>422955.0</t>
  </si>
  <si>
    <t>350844942.0</t>
  </si>
  <si>
    <t>1227756.0</t>
  </si>
  <si>
    <t>5214.618</t>
  </si>
  <si>
    <t>18.248</t>
  </si>
  <si>
    <t>1025817.0</t>
  </si>
  <si>
    <t>116467922.0</t>
  </si>
  <si>
    <t>51020285.0</t>
  </si>
  <si>
    <t>46431662.0</t>
  </si>
  <si>
    <t>19015975.0</t>
  </si>
  <si>
    <t>466235.0</t>
  </si>
  <si>
    <t>428565.0</t>
  </si>
  <si>
    <t>172.52</t>
  </si>
  <si>
    <t>352073576.0</t>
  </si>
  <si>
    <t>1228634.0</t>
  </si>
  <si>
    <t>5232.88</t>
  </si>
  <si>
    <t>18.261</t>
  </si>
  <si>
    <t>1040782.0</t>
  </si>
  <si>
    <t>116945656.0</t>
  </si>
  <si>
    <t>51046133.0</t>
  </si>
  <si>
    <t>46462638.0</t>
  </si>
  <si>
    <t>19436885.0</t>
  </si>
  <si>
    <t>433601.0</t>
  </si>
  <si>
    <t>353170893.0</t>
  </si>
  <si>
    <t>1097317.0</t>
  </si>
  <si>
    <t>5249.189</t>
  </si>
  <si>
    <t>1067269.0</t>
  </si>
  <si>
    <t>117387709.0</t>
  </si>
  <si>
    <t>51069397.0</t>
  </si>
  <si>
    <t>46492449.0</t>
  </si>
  <si>
    <t>19825863.0</t>
  </si>
  <si>
    <t>442053.0</t>
  </si>
  <si>
    <t>438074.0</t>
  </si>
  <si>
    <t>173.88</t>
  </si>
  <si>
    <t>354046321.0</t>
  </si>
  <si>
    <t>875428.0</t>
  </si>
  <si>
    <t>5262.2</t>
  </si>
  <si>
    <t>1087666.0</t>
  </si>
  <si>
    <t>117917037.0</t>
  </si>
  <si>
    <t>51096311.0</t>
  </si>
  <si>
    <t>46530247.0</t>
  </si>
  <si>
    <t>20290479.0</t>
  </si>
  <si>
    <t>529328.0</t>
  </si>
  <si>
    <t>439152.0</t>
  </si>
  <si>
    <t>174.67</t>
  </si>
  <si>
    <t>355202894.0</t>
  </si>
  <si>
    <t>1156573.0</t>
  </si>
  <si>
    <t>5279.391</t>
  </si>
  <si>
    <t>1106539.0</t>
  </si>
  <si>
    <t>118256323.0</t>
  </si>
  <si>
    <t>51118266.0</t>
  </si>
  <si>
    <t>46557413.0</t>
  </si>
  <si>
    <t>20580644.0</t>
  </si>
  <si>
    <t>339286.0</t>
  </si>
  <si>
    <t>131901.5</t>
  </si>
  <si>
    <t>1953.83763713888</t>
  </si>
  <si>
    <t>356394806.0</t>
  </si>
  <si>
    <t>1191912.0</t>
  </si>
  <si>
    <t>5297.106</t>
  </si>
  <si>
    <t>1119479.0</t>
  </si>
  <si>
    <t>16.639</t>
  </si>
  <si>
    <t>118630479.0</t>
  </si>
  <si>
    <t>51138245.0</t>
  </si>
  <si>
    <t>46582425.0</t>
  </si>
  <si>
    <t>20909809.0</t>
  </si>
  <si>
    <t>374156.0</t>
  </si>
  <si>
    <t>440582.0</t>
  </si>
  <si>
    <t>357501946.0</t>
  </si>
  <si>
    <t>1107140.0</t>
  </si>
  <si>
    <t>5313.562</t>
  </si>
  <si>
    <t>16.455</t>
  </si>
  <si>
    <t>1126394.0</t>
  </si>
  <si>
    <t>16.742</t>
  </si>
  <si>
    <t>119073416.0</t>
  </si>
  <si>
    <t>51161757.0</t>
  </si>
  <si>
    <t>46610800.0</t>
  </si>
  <si>
    <t>21300859.0</t>
  </si>
  <si>
    <t>442937.0</t>
  </si>
  <si>
    <t>438818.0</t>
  </si>
  <si>
    <t>23929.0</t>
  </si>
  <si>
    <t>358827957.0</t>
  </si>
  <si>
    <t>1326011.0</t>
  </si>
  <si>
    <t>5333.27</t>
  </si>
  <si>
    <t>1140431.0</t>
  </si>
  <si>
    <t>119539198.0</t>
  </si>
  <si>
    <t>51183457.0</t>
  </si>
  <si>
    <t>46640237.0</t>
  </si>
  <si>
    <t>21715504.0</t>
  </si>
  <si>
    <t>438754.0</t>
  </si>
  <si>
    <t>360222011.0</t>
  </si>
  <si>
    <t>1394054.0</t>
  </si>
  <si>
    <t>5353.99</t>
  </si>
  <si>
    <t>1164062.0</t>
  </si>
  <si>
    <t>120066540.0</t>
  </si>
  <si>
    <t>51207496.0</t>
  </si>
  <si>
    <t>46674061.0</t>
  </si>
  <si>
    <t>22184983.0</t>
  </si>
  <si>
    <t>527342.0</t>
  </si>
  <si>
    <t>445841.0</t>
  </si>
  <si>
    <t>361456098.0</t>
  </si>
  <si>
    <t>1234087.0</t>
  </si>
  <si>
    <t>5372.332</t>
  </si>
  <si>
    <t>18.342</t>
  </si>
  <si>
    <t>1183601.0</t>
  </si>
  <si>
    <t>17.592</t>
  </si>
  <si>
    <t>120549526.0</t>
  </si>
  <si>
    <t>51229559.0</t>
  </si>
  <si>
    <t>46706023.0</t>
  </si>
  <si>
    <t>22613944.0</t>
  </si>
  <si>
    <t>482986.0</t>
  </si>
  <si>
    <t>451688.0</t>
  </si>
  <si>
    <t>362484012.0</t>
  </si>
  <si>
    <t>1027914.0</t>
  </si>
  <si>
    <t>5387.61</t>
  </si>
  <si>
    <t>1205384.0</t>
  </si>
  <si>
    <t>121165054.0</t>
  </si>
  <si>
    <t>51255850.0</t>
  </si>
  <si>
    <t>46745007.0</t>
  </si>
  <si>
    <t>23164197.0</t>
  </si>
  <si>
    <t>615528.0</t>
  </si>
  <si>
    <t>464002.0</t>
  </si>
  <si>
    <t>363723146.0</t>
  </si>
  <si>
    <t>1239134.0</t>
  </si>
  <si>
    <t>5406.027</t>
  </si>
  <si>
    <t>1217179.0</t>
  </si>
  <si>
    <t>18.091</t>
  </si>
  <si>
    <t>121616098.0</t>
  </si>
  <si>
    <t>51279167.0</t>
  </si>
  <si>
    <t>46775202.0</t>
  </si>
  <si>
    <t>23561729.0</t>
  </si>
  <si>
    <t>451044.0</t>
  </si>
  <si>
    <t>479968.0</t>
  </si>
  <si>
    <t>133283.0</t>
  </si>
  <si>
    <t>1974.30159468074</t>
  </si>
  <si>
    <t>365141127.0</t>
  </si>
  <si>
    <t>1417981.0</t>
  </si>
  <si>
    <t>5427.103</t>
  </si>
  <si>
    <t>1249474.0</t>
  </si>
  <si>
    <t>18.571</t>
  </si>
  <si>
    <t>122178898.0</t>
  </si>
  <si>
    <t>51298838.0</t>
  </si>
  <si>
    <t>46804609.0</t>
  </si>
  <si>
    <t>24075451.0</t>
  </si>
  <si>
    <t>562800.0</t>
  </si>
  <si>
    <t>506917.0</t>
  </si>
  <si>
    <t>366515636.0</t>
  </si>
  <si>
    <t>1374509.0</t>
  </si>
  <si>
    <t>5447.532</t>
  </si>
  <si>
    <t>1287670.0</t>
  </si>
  <si>
    <t>122907579.0</t>
  </si>
  <si>
    <t>51332920.0</t>
  </si>
  <si>
    <t>46842497.0</t>
  </si>
  <si>
    <t>24732162.0</t>
  </si>
  <si>
    <t>728681.0</t>
  </si>
  <si>
    <t>547738.0</t>
  </si>
  <si>
    <t>368219062.0</t>
  </si>
  <si>
    <t>1703426.0</t>
  </si>
  <si>
    <t>5472.85</t>
  </si>
  <si>
    <t>25.318</t>
  </si>
  <si>
    <t>1341586.0</t>
  </si>
  <si>
    <t>123719623.0</t>
  </si>
  <si>
    <t>51360987.0</t>
  </si>
  <si>
    <t>46881291.0</t>
  </si>
  <si>
    <t>25477345.0</t>
  </si>
  <si>
    <t>812044.0</t>
  </si>
  <si>
    <t>597204.0</t>
  </si>
  <si>
    <t>369925772.0</t>
  </si>
  <si>
    <t>1706710.0</t>
  </si>
  <si>
    <t>5498.217</t>
  </si>
  <si>
    <t>25.367</t>
  </si>
  <si>
    <t>1386252.0</t>
  </si>
  <si>
    <t>124656103.0</t>
  </si>
  <si>
    <t>51393664.0</t>
  </si>
  <si>
    <t>46923788.0</t>
  </si>
  <si>
    <t>26338651.0</t>
  </si>
  <si>
    <t>936480.0</t>
  </si>
  <si>
    <t>655652.0</t>
  </si>
  <si>
    <t>371560165.0</t>
  </si>
  <si>
    <t>1634393.0</t>
  </si>
  <si>
    <t>5522.509</t>
  </si>
  <si>
    <t>24.292</t>
  </si>
  <si>
    <t>1443438.0</t>
  </si>
  <si>
    <t>125583800.0</t>
  </si>
  <si>
    <t>51426554.0</t>
  </si>
  <si>
    <t>46966074.0</t>
  </si>
  <si>
    <t>27191172.0</t>
  </si>
  <si>
    <t>927697.0</t>
  </si>
  <si>
    <t>719182.0</t>
  </si>
  <si>
    <t>373004075.0</t>
  </si>
  <si>
    <t>1443910.0</t>
  </si>
  <si>
    <t>5543.97</t>
  </si>
  <si>
    <t>21.461</t>
  </si>
  <si>
    <t>1502866.0</t>
  </si>
  <si>
    <t>22.337</t>
  </si>
  <si>
    <t>126608633.0</t>
  </si>
  <si>
    <t>51464883.0</t>
  </si>
  <si>
    <t>47011972.0</t>
  </si>
  <si>
    <t>28131778.0</t>
  </si>
  <si>
    <t>1024833.0</t>
  </si>
  <si>
    <t>777654.0</t>
  </si>
  <si>
    <t>374543025.0</t>
  </si>
  <si>
    <t>1538950.0</t>
  </si>
  <si>
    <t>5566.844</t>
  </si>
  <si>
    <t>22.873</t>
  </si>
  <si>
    <t>1545697.0</t>
  </si>
  <si>
    <t>22.974</t>
  </si>
  <si>
    <t>127528154.0</t>
  </si>
  <si>
    <t>51498034.0</t>
  </si>
  <si>
    <t>47051876.0</t>
  </si>
  <si>
    <t>28978244.0</t>
  </si>
  <si>
    <t>919521.0</t>
  </si>
  <si>
    <t>844579.0</t>
  </si>
  <si>
    <t>134993.5</t>
  </si>
  <si>
    <t>1999.63898112688</t>
  </si>
  <si>
    <t>376123021.0</t>
  </si>
  <si>
    <t>1579996.0</t>
  </si>
  <si>
    <t>5590.327</t>
  </si>
  <si>
    <t>1568842.0</t>
  </si>
  <si>
    <t>128516864.0</t>
  </si>
  <si>
    <t>51537827.0</t>
  </si>
  <si>
    <t>47102814.0</t>
  </si>
  <si>
    <t>29876223.0</t>
  </si>
  <si>
    <t>988710.0</t>
  </si>
  <si>
    <t>905424.0</t>
  </si>
  <si>
    <t>377686631.0</t>
  </si>
  <si>
    <t>1563610.0</t>
  </si>
  <si>
    <t>5613.567</t>
  </si>
  <si>
    <t>1595856.0</t>
  </si>
  <si>
    <t>23.719</t>
  </si>
  <si>
    <t>129579569.0</t>
  </si>
  <si>
    <t>51577782.0</t>
  </si>
  <si>
    <t>47156899.0</t>
  </si>
  <si>
    <t>30844888.0</t>
  </si>
  <si>
    <t>1062705.0</t>
  </si>
  <si>
    <t>953141.0</t>
  </si>
  <si>
    <t>191.94</t>
  </si>
  <si>
    <t>379420588.0</t>
  </si>
  <si>
    <t>1733957.0</t>
  </si>
  <si>
    <t>5639.339</t>
  </si>
  <si>
    <t>1600218.0</t>
  </si>
  <si>
    <t>23.784</t>
  </si>
  <si>
    <t>130512070.0</t>
  </si>
  <si>
    <t>51617091.0</t>
  </si>
  <si>
    <t>47210053.0</t>
  </si>
  <si>
    <t>31684926.0</t>
  </si>
  <si>
    <t>932501.0</t>
  </si>
  <si>
    <t>970350.0</t>
  </si>
  <si>
    <t>381164607.0</t>
  </si>
  <si>
    <t>1744019.0</t>
  </si>
  <si>
    <t>5665.26</t>
  </si>
  <si>
    <t>25.921</t>
  </si>
  <si>
    <t>1605548.0</t>
  </si>
  <si>
    <t>131194282.0</t>
  </si>
  <si>
    <t>51649696.0</t>
  </si>
  <si>
    <t>47254099.0</t>
  </si>
  <si>
    <t>32290487.0</t>
  </si>
  <si>
    <t>682212.0</t>
  </si>
  <si>
    <t>934026.0</t>
  </si>
  <si>
    <t>194.34</t>
  </si>
  <si>
    <t>382826539.0</t>
  </si>
  <si>
    <t>1661932.0</t>
  </si>
  <si>
    <t>5689.962</t>
  </si>
  <si>
    <t>24.701</t>
  </si>
  <si>
    <t>1609482.0</t>
  </si>
  <si>
    <t>131388389.0</t>
  </si>
  <si>
    <t>51660466.0</t>
  </si>
  <si>
    <t>47268067.0</t>
  </si>
  <si>
    <t>32459856.0</t>
  </si>
  <si>
    <t>194107.0</t>
  </si>
  <si>
    <t>829227.0</t>
  </si>
  <si>
    <t>384016984.0</t>
  </si>
  <si>
    <t>1190445.0</t>
  </si>
  <si>
    <t>5707.655</t>
  </si>
  <si>
    <t>1573273.0</t>
  </si>
  <si>
    <t>23.384</t>
  </si>
  <si>
    <t>131400741.0</t>
  </si>
  <si>
    <t>51661421.0</t>
  </si>
  <si>
    <t>47268984.0</t>
  </si>
  <si>
    <t>32470336.0</t>
  </si>
  <si>
    <t>684587.0</t>
  </si>
  <si>
    <t>28077.0</t>
  </si>
  <si>
    <t>385364199.0</t>
  </si>
  <si>
    <t>1347215.0</t>
  </si>
  <si>
    <t>5727.679</t>
  </si>
  <si>
    <t>1545882.0</t>
  </si>
  <si>
    <t>22.976</t>
  </si>
  <si>
    <t>131427743.0</t>
  </si>
  <si>
    <t>51663356.0</t>
  </si>
  <si>
    <t>47271068.0</t>
  </si>
  <si>
    <t>32493319.0</t>
  </si>
  <si>
    <t>557084.0</t>
  </si>
  <si>
    <t>194.68</t>
  </si>
  <si>
    <t>23617.0</t>
  </si>
  <si>
    <t>136447.2</t>
  </si>
  <si>
    <t>2021.172426714</t>
  </si>
  <si>
    <t>386752248.0</t>
  </si>
  <si>
    <t>1388049.0</t>
  </si>
  <si>
    <t>5748.31</t>
  </si>
  <si>
    <t>1518461.0</t>
  </si>
  <si>
    <t>22.569</t>
  </si>
  <si>
    <t>131743125.0</t>
  </si>
  <si>
    <t>51681547.0</t>
  </si>
  <si>
    <t>47294774.0</t>
  </si>
  <si>
    <t>32766804.0</t>
  </si>
  <si>
    <t>315382.0</t>
  </si>
  <si>
    <t>388303628.0</t>
  </si>
  <si>
    <t>1551380.0</t>
  </si>
  <si>
    <t>5771.368</t>
  </si>
  <si>
    <t>1516714.0</t>
  </si>
  <si>
    <t>22.543</t>
  </si>
  <si>
    <t>132121605.0</t>
  </si>
  <si>
    <t>51705406.0</t>
  </si>
  <si>
    <t>47324308.0</t>
  </si>
  <si>
    <t>33091891.0</t>
  </si>
  <si>
    <t>378480.0</t>
  </si>
  <si>
    <t>363148.0</t>
  </si>
  <si>
    <t>389886084.0</t>
  </si>
  <si>
    <t>1582456.0</t>
  </si>
  <si>
    <t>5794.888</t>
  </si>
  <si>
    <t>1495071.0</t>
  </si>
  <si>
    <t>132633271.0</t>
  </si>
  <si>
    <t>51738013.0</t>
  </si>
  <si>
    <t>47368074.0</t>
  </si>
  <si>
    <t>33527184.0</t>
  </si>
  <si>
    <t>511666.0</t>
  </si>
  <si>
    <t>303029.0</t>
  </si>
  <si>
    <t>391519809.0</t>
  </si>
  <si>
    <t>1633725.0</t>
  </si>
  <si>
    <t>5819.17</t>
  </si>
  <si>
    <t>24.282</t>
  </si>
  <si>
    <t>1479315.0</t>
  </si>
  <si>
    <t>21.987</t>
  </si>
  <si>
    <t>133108303.0</t>
  </si>
  <si>
    <t>51771384.0</t>
  </si>
  <si>
    <t>47412181.0</t>
  </si>
  <si>
    <t>33924738.0</t>
  </si>
  <si>
    <t>475032.0</t>
  </si>
  <si>
    <t>273432.0</t>
  </si>
  <si>
    <t>393314236.0</t>
  </si>
  <si>
    <t>1794427.0</t>
  </si>
  <si>
    <t>5845.841</t>
  </si>
  <si>
    <t>26.671</t>
  </si>
  <si>
    <t>1498242.0</t>
  </si>
  <si>
    <t>22.268</t>
  </si>
  <si>
    <t>133312817.0</t>
  </si>
  <si>
    <t>51786768.0</t>
  </si>
  <si>
    <t>47434251.0</t>
  </si>
  <si>
    <t>34091798.0</t>
  </si>
  <si>
    <t>204514.0</t>
  </si>
  <si>
    <t>274918.0</t>
  </si>
  <si>
    <t>394424749.0</t>
  </si>
  <si>
    <t>1110513.0</t>
  </si>
  <si>
    <t>5862.346</t>
  </si>
  <si>
    <t>1486824.0</t>
  </si>
  <si>
    <t>133336724.0</t>
  </si>
  <si>
    <t>51789045.0</t>
  </si>
  <si>
    <t>47437009.0</t>
  </si>
  <si>
    <t>34110670.0</t>
  </si>
  <si>
    <t>276569.0</t>
  </si>
  <si>
    <t>395822832.0</t>
  </si>
  <si>
    <t>1398083.0</t>
  </si>
  <si>
    <t>5883.126</t>
  </si>
  <si>
    <t>1494090.0</t>
  </si>
  <si>
    <t>22.207</t>
  </si>
  <si>
    <t>133477149.0</t>
  </si>
  <si>
    <t>51801494.0</t>
  </si>
  <si>
    <t>47453494.0</t>
  </si>
  <si>
    <t>34222161.0</t>
  </si>
  <si>
    <t>140425.0</t>
  </si>
  <si>
    <t>292772.0</t>
  </si>
  <si>
    <t>197.72</t>
  </si>
  <si>
    <t>136934.9</t>
  </si>
  <si>
    <t>2028.39665551832</t>
  </si>
  <si>
    <t>397615859.0</t>
  </si>
  <si>
    <t>1793027.0</t>
  </si>
  <si>
    <t>5909.776</t>
  </si>
  <si>
    <t>1551944.0</t>
  </si>
  <si>
    <t>23.067</t>
  </si>
  <si>
    <t>133667427.0</t>
  </si>
  <si>
    <t>51820652.0</t>
  </si>
  <si>
    <t>47482789.0</t>
  </si>
  <si>
    <t>34363986.0</t>
  </si>
  <si>
    <t>274900.0</t>
  </si>
  <si>
    <t>399769743.0</t>
  </si>
  <si>
    <t>2153884.0</t>
  </si>
  <si>
    <t>5941.789</t>
  </si>
  <si>
    <t>1638016.0</t>
  </si>
  <si>
    <t>24.346</t>
  </si>
  <si>
    <t>133956004.0</t>
  </si>
  <si>
    <t>51845518.0</t>
  </si>
  <si>
    <t>47523676.0</t>
  </si>
  <si>
    <t>34586810.0</t>
  </si>
  <si>
    <t>288577.0</t>
  </si>
  <si>
    <t>262057.0</t>
  </si>
  <si>
    <t>401993988.0</t>
  </si>
  <si>
    <t>2224245.0</t>
  </si>
  <si>
    <t>5974.848</t>
  </si>
  <si>
    <t>1729701.0</t>
  </si>
  <si>
    <t>134274176.0</t>
  </si>
  <si>
    <t>51874548.0</t>
  </si>
  <si>
    <t>47565340.0</t>
  </si>
  <si>
    <t>34834288.0</t>
  </si>
  <si>
    <t>318172.0</t>
  </si>
  <si>
    <t>234415.0</t>
  </si>
  <si>
    <t>404052874.0</t>
  </si>
  <si>
    <t>2058886.0</t>
  </si>
  <si>
    <t>6005.449</t>
  </si>
  <si>
    <t>1790438.0</t>
  </si>
  <si>
    <t>26.611</t>
  </si>
  <si>
    <t>134563461.0</t>
  </si>
  <si>
    <t>51897289.0</t>
  </si>
  <si>
    <t>47600028.0</t>
  </si>
  <si>
    <t>35066144.0</t>
  </si>
  <si>
    <t>289285.0</t>
  </si>
  <si>
    <t>207880.0</t>
  </si>
  <si>
    <t>405810780.0</t>
  </si>
  <si>
    <t>1757906.0</t>
  </si>
  <si>
    <t>6031.577</t>
  </si>
  <si>
    <t>26.128</t>
  </si>
  <si>
    <t>1785221.0</t>
  </si>
  <si>
    <t>26.534</t>
  </si>
  <si>
    <t>134844030.0</t>
  </si>
  <si>
    <t>51920711.0</t>
  </si>
  <si>
    <t>47635655.0</t>
  </si>
  <si>
    <t>35287664.0</t>
  </si>
  <si>
    <t>280569.0</t>
  </si>
  <si>
    <t>218745.0</t>
  </si>
  <si>
    <t>407183740.0</t>
  </si>
  <si>
    <t>1372960.0</t>
  </si>
  <si>
    <t>6051.983</t>
  </si>
  <si>
    <t>20.406</t>
  </si>
  <si>
    <t>1822713.0</t>
  </si>
  <si>
    <t>27.091</t>
  </si>
  <si>
    <t>135162439.0</t>
  </si>
  <si>
    <t>51952400.0</t>
  </si>
  <si>
    <t>47687370.0</t>
  </si>
  <si>
    <t>35522669.0</t>
  </si>
  <si>
    <t>260816.0</t>
  </si>
  <si>
    <t>408858992.0</t>
  </si>
  <si>
    <t>1675252.0</t>
  </si>
  <si>
    <t>6076.883</t>
  </si>
  <si>
    <t>1862309.0</t>
  </si>
  <si>
    <t>135357499.0</t>
  </si>
  <si>
    <t>51974605.0</t>
  </si>
  <si>
    <t>47718730.0</t>
  </si>
  <si>
    <t>35664164.0</t>
  </si>
  <si>
    <t>195060.0</t>
  </si>
  <si>
    <t>268621.0</t>
  </si>
  <si>
    <t>137104.9</t>
  </si>
  <si>
    <t>2030.91484066643</t>
  </si>
  <si>
    <t>410605214.0</t>
  </si>
  <si>
    <t>1746222.0</t>
  </si>
  <si>
    <t>6102.837</t>
  </si>
  <si>
    <t>25.954</t>
  </si>
  <si>
    <t>1855622.0</t>
  </si>
  <si>
    <t>135551676.0</t>
  </si>
  <si>
    <t>51992559.0</t>
  </si>
  <si>
    <t>47745458.0</t>
  </si>
  <si>
    <t>35813659.0</t>
  </si>
  <si>
    <t>194177.0</t>
  </si>
  <si>
    <t>269178.0</t>
  </si>
  <si>
    <t>412110454.0</t>
  </si>
  <si>
    <t>1505240.0</t>
  </si>
  <si>
    <t>6125.209</t>
  </si>
  <si>
    <t>1762959.0</t>
  </si>
  <si>
    <t>135739326.0</t>
  </si>
  <si>
    <t>52011835.0</t>
  </si>
  <si>
    <t>47774248.0</t>
  </si>
  <si>
    <t>35953243.0</t>
  </si>
  <si>
    <t>187650.0</t>
  </si>
  <si>
    <t>254760.0</t>
  </si>
  <si>
    <t>413748669.0</t>
  </si>
  <si>
    <t>1638215.0</t>
  </si>
  <si>
    <t>6149.558</t>
  </si>
  <si>
    <t>1679240.0</t>
  </si>
  <si>
    <t>135915818.0</t>
  </si>
  <si>
    <t>52031355.0</t>
  </si>
  <si>
    <t>47804588.0</t>
  </si>
  <si>
    <t>36079875.0</t>
  </si>
  <si>
    <t>176492.0</t>
  </si>
  <si>
    <t>201.33</t>
  </si>
  <si>
    <t>415264785.0</t>
  </si>
  <si>
    <t>1516116.0</t>
  </si>
  <si>
    <t>6172.092</t>
  </si>
  <si>
    <t>22.534</t>
  </si>
  <si>
    <t>1601702.0</t>
  </si>
  <si>
    <t>136080385.0</t>
  </si>
  <si>
    <t>52051876.0</t>
  </si>
  <si>
    <t>47836785.0</t>
  </si>
  <si>
    <t>36191724.0</t>
  </si>
  <si>
    <t>164567.0</t>
  </si>
  <si>
    <t>416569882.0</t>
  </si>
  <si>
    <t>1305097.0</t>
  </si>
  <si>
    <t>6191.49</t>
  </si>
  <si>
    <t>19.398</t>
  </si>
  <si>
    <t>1537015.0</t>
  </si>
  <si>
    <t>136244149.0</t>
  </si>
  <si>
    <t>52072754.0</t>
  </si>
  <si>
    <t>47867967.0</t>
  </si>
  <si>
    <t>36303428.0</t>
  </si>
  <si>
    <t>200017.0</t>
  </si>
  <si>
    <t>417672229.0</t>
  </si>
  <si>
    <t>1102347.0</t>
  </si>
  <si>
    <t>6207.874</t>
  </si>
  <si>
    <t>16.384</t>
  </si>
  <si>
    <t>1498356.0</t>
  </si>
  <si>
    <t>136438400.0</t>
  </si>
  <si>
    <t>52100163.0</t>
  </si>
  <si>
    <t>47926017.0</t>
  </si>
  <si>
    <t>36412220.0</t>
  </si>
  <si>
    <t>194251.0</t>
  </si>
  <si>
    <t>182280.0</t>
  </si>
  <si>
    <t>419002272.0</t>
  </si>
  <si>
    <t>1330043.0</t>
  </si>
  <si>
    <t>6227.643</t>
  </si>
  <si>
    <t>1449040.0</t>
  </si>
  <si>
    <t>136554312.0</t>
  </si>
  <si>
    <t>52117863.0</t>
  </si>
  <si>
    <t>47963133.0</t>
  </si>
  <si>
    <t>36473316.0</t>
  </si>
  <si>
    <t>115912.0</t>
  </si>
  <si>
    <t>170973.0</t>
  </si>
  <si>
    <t>136487.3</t>
  </si>
  <si>
    <t>2021.76642215188</t>
  </si>
  <si>
    <t>420487696.0</t>
  </si>
  <si>
    <t>1485424.0</t>
  </si>
  <si>
    <t>6249.721</t>
  </si>
  <si>
    <t>1411783.0</t>
  </si>
  <si>
    <t>20.983</t>
  </si>
  <si>
    <t>136669829.0</t>
  </si>
  <si>
    <t>52133611.0</t>
  </si>
  <si>
    <t>47989635.0</t>
  </si>
  <si>
    <t>36546583.0</t>
  </si>
  <si>
    <t>115517.0</t>
  </si>
  <si>
    <t>159736.0</t>
  </si>
  <si>
    <t>421876718.0</t>
  </si>
  <si>
    <t>1389022.0</t>
  </si>
  <si>
    <t>6270.366</t>
  </si>
  <si>
    <t>1395181.0</t>
  </si>
  <si>
    <t>136792383.0</t>
  </si>
  <si>
    <t>52151643.0</t>
  </si>
  <si>
    <t>48019069.0</t>
  </si>
  <si>
    <t>36621671.0</t>
  </si>
  <si>
    <t>122554.0</t>
  </si>
  <si>
    <t>423465340.0</t>
  </si>
  <si>
    <t>1588622.0</t>
  </si>
  <si>
    <t>6293.977</t>
  </si>
  <si>
    <t>23.612</t>
  </si>
  <si>
    <t>1388096.0</t>
  </si>
  <si>
    <t>136905995.0</t>
  </si>
  <si>
    <t>52168592.0</t>
  </si>
  <si>
    <t>48048962.0</t>
  </si>
  <si>
    <t>36688441.0</t>
  </si>
  <si>
    <t>141454.0</t>
  </si>
  <si>
    <t>424930130.0</t>
  </si>
  <si>
    <t>1464790.0</t>
  </si>
  <si>
    <t>6315.749</t>
  </si>
  <si>
    <t>1380764.0</t>
  </si>
  <si>
    <t>20.522</t>
  </si>
  <si>
    <t>137022678.0</t>
  </si>
  <si>
    <t>52186398.0</t>
  </si>
  <si>
    <t>48082636.0</t>
  </si>
  <si>
    <t>36753644.0</t>
  </si>
  <si>
    <t>116683.0</t>
  </si>
  <si>
    <t>426210375.0</t>
  </si>
  <si>
    <t>1280245.0</t>
  </si>
  <si>
    <t>6334.777</t>
  </si>
  <si>
    <t>1377213.0</t>
  </si>
  <si>
    <t>137145712.0</t>
  </si>
  <si>
    <t>52203930.0</t>
  </si>
  <si>
    <t>48116670.0</t>
  </si>
  <si>
    <t>36825112.0</t>
  </si>
  <si>
    <t>123034.0</t>
  </si>
  <si>
    <t>128795.0</t>
  </si>
  <si>
    <t>427281979.0</t>
  </si>
  <si>
    <t>1071604.0</t>
  </si>
  <si>
    <t>6350.704</t>
  </si>
  <si>
    <t>1372821.0</t>
  </si>
  <si>
    <t>137287078.0</t>
  </si>
  <si>
    <t>52224308.0</t>
  </si>
  <si>
    <t>48164435.0</t>
  </si>
  <si>
    <t>36898335.0</t>
  </si>
  <si>
    <t>141366.0</t>
  </si>
  <si>
    <t>428559938.0</t>
  </si>
  <si>
    <t>1277959.0</t>
  </si>
  <si>
    <t>6369.698</t>
  </si>
  <si>
    <t>18.994</t>
  </si>
  <si>
    <t>1365381.0</t>
  </si>
  <si>
    <t>137372778.0</t>
  </si>
  <si>
    <t>52236574.0</t>
  </si>
  <si>
    <t>48195145.0</t>
  </si>
  <si>
    <t>36941059.0</t>
  </si>
  <si>
    <t>85700.0</t>
  </si>
  <si>
    <t>203.49</t>
  </si>
  <si>
    <t>135834.7</t>
  </si>
  <si>
    <t>2012.09955375389</t>
  </si>
  <si>
    <t>430015347.0</t>
  </si>
  <si>
    <t>1455409.0</t>
  </si>
  <si>
    <t>6391.33</t>
  </si>
  <si>
    <t>1361093.0</t>
  </si>
  <si>
    <t>137474493.0</t>
  </si>
  <si>
    <t>52252579.0</t>
  </si>
  <si>
    <t>48224978.0</t>
  </si>
  <si>
    <t>36996936.0</t>
  </si>
  <si>
    <t>101715.0</t>
  </si>
  <si>
    <t>114952.0</t>
  </si>
  <si>
    <t>203.64</t>
  </si>
  <si>
    <t>431358950.0</t>
  </si>
  <si>
    <t>6411.3</t>
  </si>
  <si>
    <t>1354605.0</t>
  </si>
  <si>
    <t>137570759.0</t>
  </si>
  <si>
    <t>52266515.0</t>
  </si>
  <si>
    <t>48253766.0</t>
  </si>
  <si>
    <t>37050478.0</t>
  </si>
  <si>
    <t>96266.0</t>
  </si>
  <si>
    <t>432859276.0</t>
  </si>
  <si>
    <t>1500326.0</t>
  </si>
  <si>
    <t>6433.6</t>
  </si>
  <si>
    <t>1341991.0</t>
  </si>
  <si>
    <t>137671500.0</t>
  </si>
  <si>
    <t>52281873.0</t>
  </si>
  <si>
    <t>48284685.0</t>
  </si>
  <si>
    <t>37104942.0</t>
  </si>
  <si>
    <t>100741.0</t>
  </si>
  <si>
    <t>434236226.0</t>
  </si>
  <si>
    <t>1376950.0</t>
  </si>
  <si>
    <t>6454.065</t>
  </si>
  <si>
    <t>1329442.0</t>
  </si>
  <si>
    <t>137770110.0</t>
  </si>
  <si>
    <t>52297579.0</t>
  </si>
  <si>
    <t>48314633.0</t>
  </si>
  <si>
    <t>37157898.0</t>
  </si>
  <si>
    <t>98610.0</t>
  </si>
  <si>
    <t>106776.0</t>
  </si>
  <si>
    <t>435454844.0</t>
  </si>
  <si>
    <t>1218618.0</t>
  </si>
  <si>
    <t>6472.178</t>
  </si>
  <si>
    <t>1320638.0</t>
  </si>
  <si>
    <t>137878417.0</t>
  </si>
  <si>
    <t>52314528.0</t>
  </si>
  <si>
    <t>48348568.0</t>
  </si>
  <si>
    <t>37215321.0</t>
  </si>
  <si>
    <t>108307.0</t>
  </si>
  <si>
    <t>436421595.0</t>
  </si>
  <si>
    <t>966751.0</t>
  </si>
  <si>
    <t>6486.547</t>
  </si>
  <si>
    <t>14.369</t>
  </si>
  <si>
    <t>1305659.0</t>
  </si>
  <si>
    <t>137991693.0</t>
  </si>
  <si>
    <t>52333474.0</t>
  </si>
  <si>
    <t>48388897.0</t>
  </si>
  <si>
    <t>37269322.0</t>
  </si>
  <si>
    <t>100659.0</t>
  </si>
  <si>
    <t>437644768.0</t>
  </si>
  <si>
    <t>1223173.0</t>
  </si>
  <si>
    <t>6504.727</t>
  </si>
  <si>
    <t>1297833.0</t>
  </si>
  <si>
    <t>138064677.0</t>
  </si>
  <si>
    <t>52345158.0</t>
  </si>
  <si>
    <t>48416498.0</t>
  </si>
  <si>
    <t>37303021.0</t>
  </si>
  <si>
    <t>98843.0</t>
  </si>
  <si>
    <t>135267.9</t>
  </si>
  <si>
    <t>2003.70362821301</t>
  </si>
  <si>
    <t>439003179.0</t>
  </si>
  <si>
    <t>1358411.0</t>
  </si>
  <si>
    <t>6524.917</t>
  </si>
  <si>
    <t>1283976.0</t>
  </si>
  <si>
    <t>138143343.0</t>
  </si>
  <si>
    <t>52360487.0</t>
  </si>
  <si>
    <t>48440773.0</t>
  </si>
  <si>
    <t>37342083.0</t>
  </si>
  <si>
    <t>440254587.0</t>
  </si>
  <si>
    <t>1251408.0</t>
  </si>
  <si>
    <t>6543.516</t>
  </si>
  <si>
    <t>1270805.0</t>
  </si>
  <si>
    <t>138220429.0</t>
  </si>
  <si>
    <t>52373222.0</t>
  </si>
  <si>
    <t>48467140.0</t>
  </si>
  <si>
    <t>37380067.0</t>
  </si>
  <si>
    <t>77086.0</t>
  </si>
  <si>
    <t>92810.0</t>
  </si>
  <si>
    <t>441640400.0</t>
  </si>
  <si>
    <t>1385813.0</t>
  </si>
  <si>
    <t>6564.114</t>
  </si>
  <si>
    <t>1254446.0</t>
  </si>
  <si>
    <t>138299206.0</t>
  </si>
  <si>
    <t>52385688.0</t>
  </si>
  <si>
    <t>48494414.0</t>
  </si>
  <si>
    <t>37419104.0</t>
  </si>
  <si>
    <t>442964889.0</t>
  </si>
  <si>
    <t>1324489.0</t>
  </si>
  <si>
    <t>6583.8</t>
  </si>
  <si>
    <t>1246952.0</t>
  </si>
  <si>
    <t>18.533</t>
  </si>
  <si>
    <t>138377561.0</t>
  </si>
  <si>
    <t>52399031.0</t>
  </si>
  <si>
    <t>48520513.0</t>
  </si>
  <si>
    <t>37458017.0</t>
  </si>
  <si>
    <t>444078967.0</t>
  </si>
  <si>
    <t>1114078.0</t>
  </si>
  <si>
    <t>6600.358</t>
  </si>
  <si>
    <t>1232018.0</t>
  </si>
  <si>
    <t>138459789.0</t>
  </si>
  <si>
    <t>52414182.0</t>
  </si>
  <si>
    <t>48549694.0</t>
  </si>
  <si>
    <t>37495913.0</t>
  </si>
  <si>
    <t>83053.0</t>
  </si>
  <si>
    <t>444957537.0</t>
  </si>
  <si>
    <t>878570.0</t>
  </si>
  <si>
    <t>6613.416</t>
  </si>
  <si>
    <t>1219420.0</t>
  </si>
  <si>
    <t>138540476.0</t>
  </si>
  <si>
    <t>52428976.0</t>
  </si>
  <si>
    <t>48577889.0</t>
  </si>
  <si>
    <t>37533611.0</t>
  </si>
  <si>
    <t>80687.0</t>
  </si>
  <si>
    <t>446004747.0</t>
  </si>
  <si>
    <t>1047210.0</t>
  </si>
  <si>
    <t>6628.981</t>
  </si>
  <si>
    <t>1194283.0</t>
  </si>
  <si>
    <t>138585207.0</t>
  </si>
  <si>
    <t>52437297.0</t>
  </si>
  <si>
    <t>48594494.0</t>
  </si>
  <si>
    <t>37553416.0</t>
  </si>
  <si>
    <t>44731.0</t>
  </si>
  <si>
    <t>74361.0</t>
  </si>
  <si>
    <t>205.28</t>
  </si>
  <si>
    <t>134807.1</t>
  </si>
  <si>
    <t>1996.87786517625</t>
  </si>
  <si>
    <t>447228232.0</t>
  </si>
  <si>
    <t>1223485.0</t>
  </si>
  <si>
    <t>6647.166</t>
  </si>
  <si>
    <t>18.185</t>
  </si>
  <si>
    <t>1175008.0</t>
  </si>
  <si>
    <t>138650801.0</t>
  </si>
  <si>
    <t>52447403.0</t>
  </si>
  <si>
    <t>48617355.0</t>
  </si>
  <si>
    <t>37586043.0</t>
  </si>
  <si>
    <t>65594.0</t>
  </si>
  <si>
    <t>448360064.0</t>
  </si>
  <si>
    <t>1131832.0</t>
  </si>
  <si>
    <t>6663.988</t>
  </si>
  <si>
    <t>1157925.0</t>
  </si>
  <si>
    <t>138718046.0</t>
  </si>
  <si>
    <t>52458207.0</t>
  </si>
  <si>
    <t>48642076.0</t>
  </si>
  <si>
    <t>37617763.0</t>
  </si>
  <si>
    <t>71088.0</t>
  </si>
  <si>
    <t>449570571.0</t>
  </si>
  <si>
    <t>1210507.0</t>
  </si>
  <si>
    <t>6681.98</t>
  </si>
  <si>
    <t>1132882.0</t>
  </si>
  <si>
    <t>138785770.0</t>
  </si>
  <si>
    <t>52468730.0</t>
  </si>
  <si>
    <t>48666801.0</t>
  </si>
  <si>
    <t>37650239.0</t>
  </si>
  <si>
    <t>67724.0</t>
  </si>
  <si>
    <t>69509.0</t>
  </si>
  <si>
    <t>450680012.0</t>
  </si>
  <si>
    <t>1109441.0</t>
  </si>
  <si>
    <t>6698.47</t>
  </si>
  <si>
    <t>1102160.0</t>
  </si>
  <si>
    <t>16.381</t>
  </si>
  <si>
    <t>138857877.0</t>
  </si>
  <si>
    <t>52480344.0</t>
  </si>
  <si>
    <t>48693091.0</t>
  </si>
  <si>
    <t>37684442.0</t>
  </si>
  <si>
    <t>72107.0</t>
  </si>
  <si>
    <t>451636313.0</t>
  </si>
  <si>
    <t>956301.0</t>
  </si>
  <si>
    <t>6712.683</t>
  </si>
  <si>
    <t>1079621.0</t>
  </si>
  <si>
    <t>16.046</t>
  </si>
  <si>
    <t>138937527.0</t>
  </si>
  <si>
    <t>52491419.0</t>
  </si>
  <si>
    <t>48718975.0</t>
  </si>
  <si>
    <t>37727133.0</t>
  </si>
  <si>
    <t>79650.0</t>
  </si>
  <si>
    <t>68248.0</t>
  </si>
  <si>
    <t>452375783.0</t>
  </si>
  <si>
    <t>739470.0</t>
  </si>
  <si>
    <t>6723.674</t>
  </si>
  <si>
    <t>1059749.0</t>
  </si>
  <si>
    <t>139019119.0</t>
  </si>
  <si>
    <t>52506600.0</t>
  </si>
  <si>
    <t>48745284.0</t>
  </si>
  <si>
    <t>37767235.0</t>
  </si>
  <si>
    <t>81592.0</t>
  </si>
  <si>
    <t>68378.0</t>
  </si>
  <si>
    <t>453184461.0</t>
  </si>
  <si>
    <t>808678.0</t>
  </si>
  <si>
    <t>6735.693</t>
  </si>
  <si>
    <t>1025673.0</t>
  </si>
  <si>
    <t>15.245</t>
  </si>
  <si>
    <t>139059236.0</t>
  </si>
  <si>
    <t>52514094.0</t>
  </si>
  <si>
    <t>48758907.0</t>
  </si>
  <si>
    <t>37786235.0</t>
  </si>
  <si>
    <t>134363.3</t>
  </si>
  <si>
    <t>1990.3039206543</t>
  </si>
  <si>
    <t>454143857.0</t>
  </si>
  <si>
    <t>959396.0</t>
  </si>
  <si>
    <t>6749.953</t>
  </si>
  <si>
    <t>987946.0</t>
  </si>
  <si>
    <t>139117565.0</t>
  </si>
  <si>
    <t>52522201.0</t>
  </si>
  <si>
    <t>48777079.0</t>
  </si>
  <si>
    <t>37818285.0</t>
  </si>
  <si>
    <t>455076517.0</t>
  </si>
  <si>
    <t>932660.0</t>
  </si>
  <si>
    <t>6763.815</t>
  </si>
  <si>
    <t>959493.0</t>
  </si>
  <si>
    <t>139203940.0</t>
  </si>
  <si>
    <t>52531292.0</t>
  </si>
  <si>
    <t>48796561.0</t>
  </si>
  <si>
    <t>37876087.0</t>
  </si>
  <si>
    <t>86375.0</t>
  </si>
  <si>
    <t>456070776.0</t>
  </si>
  <si>
    <t>994259.0</t>
  </si>
  <si>
    <t>6778.593</t>
  </si>
  <si>
    <t>14.778</t>
  </si>
  <si>
    <t>139271748.0</t>
  </si>
  <si>
    <t>52542206.0</t>
  </si>
  <si>
    <t>48818475.0</t>
  </si>
  <si>
    <t>37911067.0</t>
  </si>
  <si>
    <t>457021358.0</t>
  </si>
  <si>
    <t>950582.0</t>
  </si>
  <si>
    <t>6792.721</t>
  </si>
  <si>
    <t>905907.0</t>
  </si>
  <si>
    <t>139336958.0</t>
  </si>
  <si>
    <t>52551460.0</t>
  </si>
  <si>
    <t>48839853.0</t>
  </si>
  <si>
    <t>37945645.0</t>
  </si>
  <si>
    <t>68440.0</t>
  </si>
  <si>
    <t>457743899.0</t>
  </si>
  <si>
    <t>722541.0</t>
  </si>
  <si>
    <t>6803.461</t>
  </si>
  <si>
    <t>872512.0</t>
  </si>
  <si>
    <t>139383222.0</t>
  </si>
  <si>
    <t>52557346.0</t>
  </si>
  <si>
    <t>48854553.0</t>
  </si>
  <si>
    <t>37971323.0</t>
  </si>
  <si>
    <t>458335516.0</t>
  </si>
  <si>
    <t>591617.0</t>
  </si>
  <si>
    <t>6812.254</t>
  </si>
  <si>
    <t>851390.0</t>
  </si>
  <si>
    <t>139447647.0</t>
  </si>
  <si>
    <t>52568119.0</t>
  </si>
  <si>
    <t>48875329.0</t>
  </si>
  <si>
    <t>38004199.0</t>
  </si>
  <si>
    <t>64425.0</t>
  </si>
  <si>
    <t>61218.0</t>
  </si>
  <si>
    <t>459062832.0</t>
  </si>
  <si>
    <t>727316.0</t>
  </si>
  <si>
    <t>6823.064</t>
  </si>
  <si>
    <t>839767.0</t>
  </si>
  <si>
    <t>12.481</t>
  </si>
  <si>
    <t>139482283.0</t>
  </si>
  <si>
    <t>52573589.0</t>
  </si>
  <si>
    <t>48885893.0</t>
  </si>
  <si>
    <t>38022801.0</t>
  </si>
  <si>
    <t>60435.0</t>
  </si>
  <si>
    <t>133800.9</t>
  </si>
  <si>
    <t>1981.97317167019</t>
  </si>
  <si>
    <t>459941941.0</t>
  </si>
  <si>
    <t>879109.0</t>
  </si>
  <si>
    <t>6836.13</t>
  </si>
  <si>
    <t>828298.0</t>
  </si>
  <si>
    <t>139534856.0</t>
  </si>
  <si>
    <t>52581000.0</t>
  </si>
  <si>
    <t>48901901.0</t>
  </si>
  <si>
    <t>38051955.0</t>
  </si>
  <si>
    <t>52573.0</t>
  </si>
  <si>
    <t>460702169.0</t>
  </si>
  <si>
    <t>760228.0</t>
  </si>
  <si>
    <t>6847.429</t>
  </si>
  <si>
    <t>803665.0</t>
  </si>
  <si>
    <t>139591656.0</t>
  </si>
  <si>
    <t>52589291.0</t>
  </si>
  <si>
    <t>48919805.0</t>
  </si>
  <si>
    <t>38082560.0</t>
  </si>
  <si>
    <t>461471403.0</t>
  </si>
  <si>
    <t>769234.0</t>
  </si>
  <si>
    <t>6858.863</t>
  </si>
  <si>
    <t>771518.0</t>
  </si>
  <si>
    <t>139648374.0</t>
  </si>
  <si>
    <t>52598276.0</t>
  </si>
  <si>
    <t>48937756.0</t>
  </si>
  <si>
    <t>38112342.0</t>
  </si>
  <si>
    <t>53804.0</t>
  </si>
  <si>
    <t>462236168.0</t>
  </si>
  <si>
    <t>764765.0</t>
  </si>
  <si>
    <t>6870.229</t>
  </si>
  <si>
    <t>744973.0</t>
  </si>
  <si>
    <t>139698351.0</t>
  </si>
  <si>
    <t>52606239.0</t>
  </si>
  <si>
    <t>48953594.0</t>
  </si>
  <si>
    <t>38138518.0</t>
  </si>
  <si>
    <t>51628.0</t>
  </si>
  <si>
    <t>462866440.0</t>
  </si>
  <si>
    <t>630272.0</t>
  </si>
  <si>
    <t>6879.597</t>
  </si>
  <si>
    <t>731792.0</t>
  </si>
  <si>
    <t>139752045.0</t>
  </si>
  <si>
    <t>52614348.0</t>
  </si>
  <si>
    <t>48969964.0</t>
  </si>
  <si>
    <t>38167733.0</t>
  </si>
  <si>
    <t>53694.0</t>
  </si>
  <si>
    <t>463338999.0</t>
  </si>
  <si>
    <t>472559.0</t>
  </si>
  <si>
    <t>6886.621</t>
  </si>
  <si>
    <t>139809636.0</t>
  </si>
  <si>
    <t>52623819.0</t>
  </si>
  <si>
    <t>48989616.0</t>
  </si>
  <si>
    <t>38196201.0</t>
  </si>
  <si>
    <t>51713.0</t>
  </si>
  <si>
    <t>463859148.0</t>
  </si>
  <si>
    <t>520149.0</t>
  </si>
  <si>
    <t>6894.352</t>
  </si>
  <si>
    <t>685188.0</t>
  </si>
  <si>
    <t>139840793.0</t>
  </si>
  <si>
    <t>52628660.0</t>
  </si>
  <si>
    <t>49000222.0</t>
  </si>
  <si>
    <t>38211911.0</t>
  </si>
  <si>
    <t>133210.1</t>
  </si>
  <si>
    <t>1973.22173763781</t>
  </si>
  <si>
    <t>464604151.0</t>
  </si>
  <si>
    <t>745003.0</t>
  </si>
  <si>
    <t>6905.425</t>
  </si>
  <si>
    <t>666030.0</t>
  </si>
  <si>
    <t>139884311.0</t>
  </si>
  <si>
    <t>52634448.0</t>
  </si>
  <si>
    <t>49014524.0</t>
  </si>
  <si>
    <t>38235339.0</t>
  </si>
  <si>
    <t>43518.0</t>
  </si>
  <si>
    <t>465278555.0</t>
  </si>
  <si>
    <t>6915.448</t>
  </si>
  <si>
    <t>653769.0</t>
  </si>
  <si>
    <t>139927804.0</t>
  </si>
  <si>
    <t>52640258.0</t>
  </si>
  <si>
    <t>49029528.0</t>
  </si>
  <si>
    <t>38258018.0</t>
  </si>
  <si>
    <t>465994267.0</t>
  </si>
  <si>
    <t>715712.0</t>
  </si>
  <si>
    <t>6926.086</t>
  </si>
  <si>
    <t>646123.0</t>
  </si>
  <si>
    <t>139973288.0</t>
  </si>
  <si>
    <t>52647706.0</t>
  </si>
  <si>
    <t>49043938.0</t>
  </si>
  <si>
    <t>38281644.0</t>
  </si>
  <si>
    <t>46416.0</t>
  </si>
  <si>
    <t>466767920.0</t>
  </si>
  <si>
    <t>773653.0</t>
  </si>
  <si>
    <t>6937.585</t>
  </si>
  <si>
    <t>647393.0</t>
  </si>
  <si>
    <t>140027447.0</t>
  </si>
  <si>
    <t>52654053.0</t>
  </si>
  <si>
    <t>49061567.0</t>
  </si>
  <si>
    <t>38311827.0</t>
  </si>
  <si>
    <t>54159.0</t>
  </si>
  <si>
    <t>467423848.0</t>
  </si>
  <si>
    <t>655928.0</t>
  </si>
  <si>
    <t>6947.334</t>
  </si>
  <si>
    <t>651058.0</t>
  </si>
  <si>
    <t>140075947.0</t>
  </si>
  <si>
    <t>52660741.0</t>
  </si>
  <si>
    <t>49078128.0</t>
  </si>
  <si>
    <t>38337078.0</t>
  </si>
  <si>
    <t>48500.0</t>
  </si>
  <si>
    <t>467914855.0</t>
  </si>
  <si>
    <t>491007.0</t>
  </si>
  <si>
    <t>6954.632</t>
  </si>
  <si>
    <t>653694.0</t>
  </si>
  <si>
    <t>140128595.0</t>
  </si>
  <si>
    <t>52668909.0</t>
  </si>
  <si>
    <t>49096936.0</t>
  </si>
  <si>
    <t>38362750.0</t>
  </si>
  <si>
    <t>52648.0</t>
  </si>
  <si>
    <t>468430580.0</t>
  </si>
  <si>
    <t>515725.0</t>
  </si>
  <si>
    <t>6962.297</t>
  </si>
  <si>
    <t>653062.0</t>
  </si>
  <si>
    <t>140156950.0</t>
  </si>
  <si>
    <t>52672968.0</t>
  </si>
  <si>
    <t>49106830.0</t>
  </si>
  <si>
    <t>38377152.0</t>
  </si>
  <si>
    <t>28355.0</t>
  </si>
  <si>
    <t>133177.9</t>
  </si>
  <si>
    <t>1972.74476374505</t>
  </si>
  <si>
    <t>469192858.0</t>
  </si>
  <si>
    <t>762278.0</t>
  </si>
  <si>
    <t>6973.627</t>
  </si>
  <si>
    <t>655530.0</t>
  </si>
  <si>
    <t>140194389.0</t>
  </si>
  <si>
    <t>52677564.0</t>
  </si>
  <si>
    <t>49120352.0</t>
  </si>
  <si>
    <t>38396473.0</t>
  </si>
  <si>
    <t>37439.0</t>
  </si>
  <si>
    <t>44297.0</t>
  </si>
  <si>
    <t>469931884.0</t>
  </si>
  <si>
    <t>739026.0</t>
  </si>
  <si>
    <t>6984.611</t>
  </si>
  <si>
    <t>140233703.0</t>
  </si>
  <si>
    <t>52682128.0</t>
  </si>
  <si>
    <t>49135007.0</t>
  </si>
  <si>
    <t>38416568.0</t>
  </si>
  <si>
    <t>39314.0</t>
  </si>
  <si>
    <t>470697258.0</t>
  </si>
  <si>
    <t>765374.0</t>
  </si>
  <si>
    <t>6995.987</t>
  </si>
  <si>
    <t>671856.0</t>
  </si>
  <si>
    <t>140505942.0</t>
  </si>
  <si>
    <t>52687324.0</t>
  </si>
  <si>
    <t>49150338.0</t>
  </si>
  <si>
    <t>38437814.0</t>
  </si>
  <si>
    <t>272239.0</t>
  </si>
  <si>
    <t>76093.0</t>
  </si>
  <si>
    <t>208.13</t>
  </si>
  <si>
    <t>471469408.0</t>
  </si>
  <si>
    <t>772150.0</t>
  </si>
  <si>
    <t>7007.463</t>
  </si>
  <si>
    <t>671641.0</t>
  </si>
  <si>
    <t>140547747.0</t>
  </si>
  <si>
    <t>52692089.0</t>
  </si>
  <si>
    <t>49164620.0</t>
  </si>
  <si>
    <t>38458430.0</t>
  </si>
  <si>
    <t>74329.0</t>
  </si>
  <si>
    <t>472193664.0</t>
  </si>
  <si>
    <t>724256.0</t>
  </si>
  <si>
    <t>7018.228</t>
  </si>
  <si>
    <t>681402.0</t>
  </si>
  <si>
    <t>140589008.0</t>
  </si>
  <si>
    <t>52696527.0</t>
  </si>
  <si>
    <t>49178986.0</t>
  </si>
  <si>
    <t>38478760.0</t>
  </si>
  <si>
    <t>472745430.0</t>
  </si>
  <si>
    <t>551766.0</t>
  </si>
  <si>
    <t>7026.429</t>
  </si>
  <si>
    <t>690082.0</t>
  </si>
  <si>
    <t>10.257</t>
  </si>
  <si>
    <t>140641497.0</t>
  </si>
  <si>
    <t>52704574.0</t>
  </si>
  <si>
    <t>49198721.0</t>
  </si>
  <si>
    <t>38501365.0</t>
  </si>
  <si>
    <t>473325713.0</t>
  </si>
  <si>
    <t>580283.0</t>
  </si>
  <si>
    <t>7035.053</t>
  </si>
  <si>
    <t>699305.0</t>
  </si>
  <si>
    <t>10.394</t>
  </si>
  <si>
    <t>140668555.0</t>
  </si>
  <si>
    <t>52708425.0</t>
  </si>
  <si>
    <t>49209241.0</t>
  </si>
  <si>
    <t>38513136.0</t>
  </si>
  <si>
    <t>132791.7</t>
  </si>
  <si>
    <t>1967.0240396027</t>
  </si>
  <si>
    <t>474149986.0</t>
  </si>
  <si>
    <t>824273.0</t>
  </si>
  <si>
    <t>7047.305</t>
  </si>
  <si>
    <t>708161.0</t>
  </si>
  <si>
    <t>140716282.0</t>
  </si>
  <si>
    <t>52713188.0</t>
  </si>
  <si>
    <t>49226170.0</t>
  </si>
  <si>
    <t>38537731.0</t>
  </si>
  <si>
    <t>74556.0</t>
  </si>
  <si>
    <t>474981973.0</t>
  </si>
  <si>
    <t>831987.0</t>
  </si>
  <si>
    <t>7059.67</t>
  </si>
  <si>
    <t>721441.0</t>
  </si>
  <si>
    <t>140757171.0</t>
  </si>
  <si>
    <t>52717450.0</t>
  </si>
  <si>
    <t>49240749.0</t>
  </si>
  <si>
    <t>38558064.0</t>
  </si>
  <si>
    <t>475827392.0</t>
  </si>
  <si>
    <t>845419.0</t>
  </si>
  <si>
    <t>7072.236</t>
  </si>
  <si>
    <t>12.565</t>
  </si>
  <si>
    <t>732876.0</t>
  </si>
  <si>
    <t>140795859.0</t>
  </si>
  <si>
    <t>52721459.0</t>
  </si>
  <si>
    <t>49254795.0</t>
  </si>
  <si>
    <t>38576876.0</t>
  </si>
  <si>
    <t>38688.0</t>
  </si>
  <si>
    <t>476660234.0</t>
  </si>
  <si>
    <t>832842.0</t>
  </si>
  <si>
    <t>7084.615</t>
  </si>
  <si>
    <t>12.379</t>
  </si>
  <si>
    <t>140836312.0</t>
  </si>
  <si>
    <t>52725660.0</t>
  </si>
  <si>
    <t>49269524.0</t>
  </si>
  <si>
    <t>38596693.0</t>
  </si>
  <si>
    <t>41224.0</t>
  </si>
  <si>
    <t>477426917.0</t>
  </si>
  <si>
    <t>766683.0</t>
  </si>
  <si>
    <t>7096.01</t>
  </si>
  <si>
    <t>747608.0</t>
  </si>
  <si>
    <t>140877124.0</t>
  </si>
  <si>
    <t>52730003.0</t>
  </si>
  <si>
    <t>49284165.0</t>
  </si>
  <si>
    <t>38616845.0</t>
  </si>
  <si>
    <t>478011394.0</t>
  </si>
  <si>
    <t>584477.0</t>
  </si>
  <si>
    <t>7104.697</t>
  </si>
  <si>
    <t>752281.0</t>
  </si>
  <si>
    <t>11.181</t>
  </si>
  <si>
    <t>140928603.0</t>
  </si>
  <si>
    <t>52740240.0</t>
  </si>
  <si>
    <t>49303269.0</t>
  </si>
  <si>
    <t>38637338.0</t>
  </si>
  <si>
    <t>478598465.0</t>
  </si>
  <si>
    <t>587071.0</t>
  </si>
  <si>
    <t>7113.423</t>
  </si>
  <si>
    <t>753250.0</t>
  </si>
  <si>
    <t>140956797.0</t>
  </si>
  <si>
    <t>52747246.0</t>
  </si>
  <si>
    <t>49312977.0</t>
  </si>
  <si>
    <t>38648211.0</t>
  </si>
  <si>
    <t>132492.5</t>
  </si>
  <si>
    <t>1962.59203374202</t>
  </si>
  <si>
    <t>479452907.0</t>
  </si>
  <si>
    <t>854442.0</t>
  </si>
  <si>
    <t>7126.122</t>
  </si>
  <si>
    <t>141195753.0</t>
  </si>
  <si>
    <t>52751751.0</t>
  </si>
  <si>
    <t>49325037.0</t>
  </si>
  <si>
    <t>38665626.0</t>
  </si>
  <si>
    <t>238956.0</t>
  </si>
  <si>
    <t>480284763.0</t>
  </si>
  <si>
    <t>7138.486</t>
  </si>
  <si>
    <t>12.364</t>
  </si>
  <si>
    <t>141268773.0</t>
  </si>
  <si>
    <t>49336877.0</t>
  </si>
  <si>
    <t>38683737.0</t>
  </si>
  <si>
    <t>481114159.0</t>
  </si>
  <si>
    <t>829396.0</t>
  </si>
  <si>
    <t>7150.813</t>
  </si>
  <si>
    <t>755252.0</t>
  </si>
  <si>
    <t>141401078.0</t>
  </si>
  <si>
    <t>52754119.0</t>
  </si>
  <si>
    <t>49341160.0</t>
  </si>
  <si>
    <t>38701747.0</t>
  </si>
  <si>
    <t>132305.0</t>
  </si>
  <si>
    <t>481922810.0</t>
  </si>
  <si>
    <t>808651.0</t>
  </si>
  <si>
    <t>7162.832</t>
  </si>
  <si>
    <t>751797.0</t>
  </si>
  <si>
    <t>141497169.0</t>
  </si>
  <si>
    <t>52759213.0</t>
  </si>
  <si>
    <t>49352885.0</t>
  </si>
  <si>
    <t>38718546.0</t>
  </si>
  <si>
    <t>96091.0</t>
  </si>
  <si>
    <t>94408.0</t>
  </si>
  <si>
    <t>482654622.0</t>
  </si>
  <si>
    <t>731812.0</t>
  </si>
  <si>
    <t>7173.709</t>
  </si>
  <si>
    <t>746815.0</t>
  </si>
  <si>
    <t>141602615.0</t>
  </si>
  <si>
    <t>52764899.0</t>
  </si>
  <si>
    <t>49366211.0</t>
  </si>
  <si>
    <t>38736666.0</t>
  </si>
  <si>
    <t>105446.0</t>
  </si>
  <si>
    <t>103642.0</t>
  </si>
  <si>
    <t>483203807.0</t>
  </si>
  <si>
    <t>549185.0</t>
  </si>
  <si>
    <t>7181.872</t>
  </si>
  <si>
    <t>741773.0</t>
  </si>
  <si>
    <t>11.025</t>
  </si>
  <si>
    <t>141712994.0</t>
  </si>
  <si>
    <t>52775615.0</t>
  </si>
  <si>
    <t>49385014.0</t>
  </si>
  <si>
    <t>38754002.0</t>
  </si>
  <si>
    <t>110379.0</t>
  </si>
  <si>
    <t>483784517.0</t>
  </si>
  <si>
    <t>580710.0</t>
  </si>
  <si>
    <t>7190.503</t>
  </si>
  <si>
    <t>740865.0</t>
  </si>
  <si>
    <t>141763443.0</t>
  </si>
  <si>
    <t>52783242.0</t>
  </si>
  <si>
    <t>49393056.0</t>
  </si>
  <si>
    <t>38761519.0</t>
  </si>
  <si>
    <t>132737.1</t>
  </si>
  <si>
    <t>1966.21525778454</t>
  </si>
  <si>
    <t>484561408.0</t>
  </si>
  <si>
    <t>776891.0</t>
  </si>
  <si>
    <t>7202.05</t>
  </si>
  <si>
    <t>729786.0</t>
  </si>
  <si>
    <t>10.847</t>
  </si>
  <si>
    <t>141863396.0</t>
  </si>
  <si>
    <t>52788065.0</t>
  </si>
  <si>
    <t>49404026.0</t>
  </si>
  <si>
    <t>38776246.0</t>
  </si>
  <si>
    <t>485325723.0</t>
  </si>
  <si>
    <t>764315.0</t>
  </si>
  <si>
    <t>7213.41</t>
  </si>
  <si>
    <t>720137.0</t>
  </si>
  <si>
    <t>141973466.0</t>
  </si>
  <si>
    <t>52792930.0</t>
  </si>
  <si>
    <t>49415450.0</t>
  </si>
  <si>
    <t>38791373.0</t>
  </si>
  <si>
    <t>110070.0</t>
  </si>
  <si>
    <t>100670.0</t>
  </si>
  <si>
    <t>486065817.0</t>
  </si>
  <si>
    <t>740094.0</t>
  </si>
  <si>
    <t>7224.41</t>
  </si>
  <si>
    <t>707380.0</t>
  </si>
  <si>
    <t>142097072.0</t>
  </si>
  <si>
    <t>52798443.0</t>
  </si>
  <si>
    <t>49428034.0</t>
  </si>
  <si>
    <t>38808096.0</t>
  </si>
  <si>
    <t>123606.0</t>
  </si>
  <si>
    <t>99428.0</t>
  </si>
  <si>
    <t>486757968.0</t>
  </si>
  <si>
    <t>692151.0</t>
  </si>
  <si>
    <t>7234.697</t>
  </si>
  <si>
    <t>690737.0</t>
  </si>
  <si>
    <t>142226665.0</t>
  </si>
  <si>
    <t>52803478.0</t>
  </si>
  <si>
    <t>49440582.0</t>
  </si>
  <si>
    <t>38824622.0</t>
  </si>
  <si>
    <t>129593.0</t>
  </si>
  <si>
    <t>104214.0</t>
  </si>
  <si>
    <t>487382148.0</t>
  </si>
  <si>
    <t>624180.0</t>
  </si>
  <si>
    <t>7243.975</t>
  </si>
  <si>
    <t>675361.0</t>
  </si>
  <si>
    <t>142353556.0</t>
  </si>
  <si>
    <t>52808470.0</t>
  </si>
  <si>
    <t>49452290.0</t>
  </si>
  <si>
    <t>38840345.0</t>
  </si>
  <si>
    <t>107277.0</t>
  </si>
  <si>
    <t>487806721.0</t>
  </si>
  <si>
    <t>424573.0</t>
  </si>
  <si>
    <t>7250.285</t>
  </si>
  <si>
    <t>657559.0</t>
  </si>
  <si>
    <t>142501681.0</t>
  </si>
  <si>
    <t>52819360.0</t>
  </si>
  <si>
    <t>49469208.0</t>
  </si>
  <si>
    <t>38857493.0</t>
  </si>
  <si>
    <t>148125.0</t>
  </si>
  <si>
    <t>248.56</t>
  </si>
  <si>
    <t>488249393.0</t>
  </si>
  <si>
    <t>442672.0</t>
  </si>
  <si>
    <t>7256.865</t>
  </si>
  <si>
    <t>637839.0</t>
  </si>
  <si>
    <t>142569737.0</t>
  </si>
  <si>
    <t>52826860.0</t>
  </si>
  <si>
    <t>49478287.0</t>
  </si>
  <si>
    <t>38866665.0</t>
  </si>
  <si>
    <t>68056.0</t>
  </si>
  <si>
    <t>115185.0</t>
  </si>
  <si>
    <t>132529.9</t>
  </si>
  <si>
    <t>1963.14603447461</t>
  </si>
  <si>
    <t>488855835.0</t>
  </si>
  <si>
    <t>606442.0</t>
  </si>
  <si>
    <t>7265.878</t>
  </si>
  <si>
    <t>613490.0</t>
  </si>
  <si>
    <t>9.118</t>
  </si>
  <si>
    <t>142682439.0</t>
  </si>
  <si>
    <t>52837997.0</t>
  </si>
  <si>
    <t>49488642.0</t>
  </si>
  <si>
    <t>38881391.0</t>
  </si>
  <si>
    <t>112702.0</t>
  </si>
  <si>
    <t>117006.0</t>
  </si>
  <si>
    <t>489420671.0</t>
  </si>
  <si>
    <t>564836.0</t>
  </si>
  <si>
    <t>7274.273</t>
  </si>
  <si>
    <t>584993.0</t>
  </si>
  <si>
    <t>142807297.0</t>
  </si>
  <si>
    <t>52849370.0</t>
  </si>
  <si>
    <t>49498519.0</t>
  </si>
  <si>
    <t>38895821.0</t>
  </si>
  <si>
    <t>124858.0</t>
  </si>
  <si>
    <t>119119.0</t>
  </si>
  <si>
    <t>489989487.0</t>
  </si>
  <si>
    <t>568816.0</t>
  </si>
  <si>
    <t>7282.728</t>
  </si>
  <si>
    <t>560524.0</t>
  </si>
  <si>
    <t>142955467.0</t>
  </si>
  <si>
    <t>52861739.0</t>
  </si>
  <si>
    <t>49509109.0</t>
  </si>
  <si>
    <t>38912031.0</t>
  </si>
  <si>
    <t>148170.0</t>
  </si>
  <si>
    <t>490504369.0</t>
  </si>
  <si>
    <t>514882.0</t>
  </si>
  <si>
    <t>7290.38</t>
  </si>
  <si>
    <t>535200.0</t>
  </si>
  <si>
    <t>143098332.0</t>
  </si>
  <si>
    <t>52873079.0</t>
  </si>
  <si>
    <t>49520206.0</t>
  </si>
  <si>
    <t>38928184.0</t>
  </si>
  <si>
    <t>142865.0</t>
  </si>
  <si>
    <t>124524.0</t>
  </si>
  <si>
    <t>490965718.0</t>
  </si>
  <si>
    <t>461349.0</t>
  </si>
  <si>
    <t>7297.237</t>
  </si>
  <si>
    <t>511939.0</t>
  </si>
  <si>
    <t>143246573.0</t>
  </si>
  <si>
    <t>52885279.0</t>
  </si>
  <si>
    <t>49531879.0</t>
  </si>
  <si>
    <t>38945572.0</t>
  </si>
  <si>
    <t>148241.0</t>
  </si>
  <si>
    <t>127574.0</t>
  </si>
  <si>
    <t>491302683.0</t>
  </si>
  <si>
    <t>336965.0</t>
  </si>
  <si>
    <t>7302.246</t>
  </si>
  <si>
    <t>499423.0</t>
  </si>
  <si>
    <t>143444480.0</t>
  </si>
  <si>
    <t>52910458.0</t>
  </si>
  <si>
    <t>49547812.0</t>
  </si>
  <si>
    <t>38963993.0</t>
  </si>
  <si>
    <t>197907.0</t>
  </si>
  <si>
    <t>134686.0</t>
  </si>
  <si>
    <t>491617001.0</t>
  </si>
  <si>
    <t>7306.917</t>
  </si>
  <si>
    <t>481087.0</t>
  </si>
  <si>
    <t>143529693.0</t>
  </si>
  <si>
    <t>52925734.0</t>
  </si>
  <si>
    <t>49556712.0</t>
  </si>
  <si>
    <t>38974239.0</t>
  </si>
  <si>
    <t>85213.0</t>
  </si>
  <si>
    <t>137137.0</t>
  </si>
  <si>
    <t>133019.3</t>
  </si>
  <si>
    <t>1970.3954451304</t>
  </si>
  <si>
    <t>492109987.0</t>
  </si>
  <si>
    <t>7314.245</t>
  </si>
  <si>
    <t>143662759.0</t>
  </si>
  <si>
    <t>52941680.0</t>
  </si>
  <si>
    <t>49568681.0</t>
  </si>
  <si>
    <t>38991568.0</t>
  </si>
  <si>
    <t>133066.0</t>
  </si>
  <si>
    <t>140046.0</t>
  </si>
  <si>
    <t>492543871.0</t>
  </si>
  <si>
    <t>433884.0</t>
  </si>
  <si>
    <t>7320.693</t>
  </si>
  <si>
    <t>446171.0</t>
  </si>
  <si>
    <t>143817666.0</t>
  </si>
  <si>
    <t>52959181.0</t>
  </si>
  <si>
    <t>49580222.0</t>
  </si>
  <si>
    <t>39009357.0</t>
  </si>
  <si>
    <t>144338.0</t>
  </si>
  <si>
    <t>492966529.0</t>
  </si>
  <si>
    <t>422658.0</t>
  </si>
  <si>
    <t>7326.975</t>
  </si>
  <si>
    <t>143982907.0</t>
  </si>
  <si>
    <t>52978585.0</t>
  </si>
  <si>
    <t>49592843.0</t>
  </si>
  <si>
    <t>39028451.0</t>
  </si>
  <si>
    <t>165241.0</t>
  </si>
  <si>
    <t>146777.0</t>
  </si>
  <si>
    <t>213.28</t>
  </si>
  <si>
    <t>493366614.0</t>
  </si>
  <si>
    <t>400085.0</t>
  </si>
  <si>
    <t>7332.922</t>
  </si>
  <si>
    <t>408892.0</t>
  </si>
  <si>
    <t>144143784.0</t>
  </si>
  <si>
    <t>53001426.0</t>
  </si>
  <si>
    <t>49606240.0</t>
  </si>
  <si>
    <t>39047978.0</t>
  </si>
  <si>
    <t>149350.0</t>
  </si>
  <si>
    <t>493654549.0</t>
  </si>
  <si>
    <t>287935.0</t>
  </si>
  <si>
    <t>7337.202</t>
  </si>
  <si>
    <t>384119.0</t>
  </si>
  <si>
    <t>144198218.0</t>
  </si>
  <si>
    <t>53012870.0</t>
  </si>
  <si>
    <t>49611756.0</t>
  </si>
  <si>
    <t>39054194.0</t>
  </si>
  <si>
    <t>135949.0</t>
  </si>
  <si>
    <t>493900251.0</t>
  </si>
  <si>
    <t>245702.0</t>
  </si>
  <si>
    <t>7340.853</t>
  </si>
  <si>
    <t>371081.0</t>
  </si>
  <si>
    <t>144293592.0</t>
  </si>
  <si>
    <t>53031035.0</t>
  </si>
  <si>
    <t>49623057.0</t>
  </si>
  <si>
    <t>39066082.0</t>
  </si>
  <si>
    <t>95374.0</t>
  </si>
  <si>
    <t>121302.0</t>
  </si>
  <si>
    <t>213.74</t>
  </si>
  <si>
    <t>494150030.0</t>
  </si>
  <si>
    <t>249779.0</t>
  </si>
  <si>
    <t>7344.566</t>
  </si>
  <si>
    <t>361861.0</t>
  </si>
  <si>
    <t>144320958.0</t>
  </si>
  <si>
    <t>53035858.0</t>
  </si>
  <si>
    <t>49625700.0</t>
  </si>
  <si>
    <t>39069045.0</t>
  </si>
  <si>
    <t>113038.0</t>
  </si>
  <si>
    <t>132298.1</t>
  </si>
  <si>
    <t>1959.71241496089</t>
  </si>
  <si>
    <t>494513327.0</t>
  </si>
  <si>
    <t>7349.966</t>
  </si>
  <si>
    <t>343334.0</t>
  </si>
  <si>
    <t>144348969.0</t>
  </si>
  <si>
    <t>53041898.0</t>
  </si>
  <si>
    <t>49629241.0</t>
  </si>
  <si>
    <t>39073635.0</t>
  </si>
  <si>
    <t>28011.0</t>
  </si>
  <si>
    <t>494927558.0</t>
  </si>
  <si>
    <t>414231.0</t>
  </si>
  <si>
    <t>7356.122</t>
  </si>
  <si>
    <t>6.157</t>
  </si>
  <si>
    <t>144475450.0</t>
  </si>
  <si>
    <t>53057035.0</t>
  </si>
  <si>
    <t>49640346.0</t>
  </si>
  <si>
    <t>39090198.0</t>
  </si>
  <si>
    <t>126481.0</t>
  </si>
  <si>
    <t>495296583.0</t>
  </si>
  <si>
    <t>369025.0</t>
  </si>
  <si>
    <t>7361.607</t>
  </si>
  <si>
    <t>332865.0</t>
  </si>
  <si>
    <t>144619744.0</t>
  </si>
  <si>
    <t>53071451.0</t>
  </si>
  <si>
    <t>49651320.0</t>
  </si>
  <si>
    <t>39108473.0</t>
  </si>
  <si>
    <t>144294.0</t>
  </si>
  <si>
    <t>495682319.0</t>
  </si>
  <si>
    <t>385736.0</t>
  </si>
  <si>
    <t>7367.34</t>
  </si>
  <si>
    <t>330815.0</t>
  </si>
  <si>
    <t>144889928.0</t>
  </si>
  <si>
    <t>53088681.0</t>
  </si>
  <si>
    <t>49662026.0</t>
  </si>
  <si>
    <t>39126537.0</t>
  </si>
  <si>
    <t>270184.0</t>
  </si>
  <si>
    <t>496015116.0</t>
  </si>
  <si>
    <t>332797.0</t>
  </si>
  <si>
    <t>7372.287</t>
  </si>
  <si>
    <t>337224.0</t>
  </si>
  <si>
    <t>145034679.0</t>
  </si>
  <si>
    <t>53104502.0</t>
  </si>
  <si>
    <t>49672342.0</t>
  </si>
  <si>
    <t>39142952.0</t>
  </si>
  <si>
    <t>144751.0</t>
  </si>
  <si>
    <t>119494.0</t>
  </si>
  <si>
    <t>496252003.0</t>
  </si>
  <si>
    <t>7375.808</t>
  </si>
  <si>
    <t>335965.0</t>
  </si>
  <si>
    <t>145260814.0</t>
  </si>
  <si>
    <t>53136420.0</t>
  </si>
  <si>
    <t>49689203.0</t>
  </si>
  <si>
    <t>39162996.0</t>
  </si>
  <si>
    <t>226135.0</t>
  </si>
  <si>
    <t>215.17</t>
  </si>
  <si>
    <t>496483395.0</t>
  </si>
  <si>
    <t>231392.0</t>
  </si>
  <si>
    <t>7379.247</t>
  </si>
  <si>
    <t>333338.0</t>
  </si>
  <si>
    <t>145345291.0</t>
  </si>
  <si>
    <t>53152044.0</t>
  </si>
  <si>
    <t>49697444.0</t>
  </si>
  <si>
    <t>39173584.0</t>
  </si>
  <si>
    <t>146333.0</t>
  </si>
  <si>
    <t>132536.5</t>
  </si>
  <si>
    <t>1963.24379930977</t>
  </si>
  <si>
    <t>496878649.0</t>
  </si>
  <si>
    <t>395254.0</t>
  </si>
  <si>
    <t>7385.121</t>
  </si>
  <si>
    <t>337903.0</t>
  </si>
  <si>
    <t>145462848.0</t>
  </si>
  <si>
    <t>53161003.0</t>
  </si>
  <si>
    <t>49705420.0</t>
  </si>
  <si>
    <t>39189748.0</t>
  </si>
  <si>
    <t>159126.0</t>
  </si>
  <si>
    <t>497218605.0</t>
  </si>
  <si>
    <t>7390.174</t>
  </si>
  <si>
    <t>327292.0</t>
  </si>
  <si>
    <t>145601079.0</t>
  </si>
  <si>
    <t>53170544.0</t>
  </si>
  <si>
    <t>49713844.0</t>
  </si>
  <si>
    <t>39209658.0</t>
  </si>
  <si>
    <t>138231.0</t>
  </si>
  <si>
    <t>160804.0</t>
  </si>
  <si>
    <t>215.68</t>
  </si>
  <si>
    <t>497533340.0</t>
  </si>
  <si>
    <t>314735.0</t>
  </si>
  <si>
    <t>7394.852</t>
  </si>
  <si>
    <t>319537.0</t>
  </si>
  <si>
    <t>145749054.0</t>
  </si>
  <si>
    <t>53180153.0</t>
  </si>
  <si>
    <t>49722168.0</t>
  </si>
  <si>
    <t>39232863.0</t>
  </si>
  <si>
    <t>497875472.0</t>
  </si>
  <si>
    <t>7399.937</t>
  </si>
  <si>
    <t>313308.0</t>
  </si>
  <si>
    <t>145891737.0</t>
  </si>
  <si>
    <t>53191232.0</t>
  </si>
  <si>
    <t>49731792.0</t>
  </si>
  <si>
    <t>39255576.0</t>
  </si>
  <si>
    <t>142683.0</t>
  </si>
  <si>
    <t>143116.0</t>
  </si>
  <si>
    <t>498159706.0</t>
  </si>
  <si>
    <t>7404.162</t>
  </si>
  <si>
    <t>306370.0</t>
  </si>
  <si>
    <t>146026060.0</t>
  </si>
  <si>
    <t>53202723.0</t>
  </si>
  <si>
    <t>49741325.0</t>
  </si>
  <si>
    <t>39274955.0</t>
  </si>
  <si>
    <t>498352915.0</t>
  </si>
  <si>
    <t>193209.0</t>
  </si>
  <si>
    <t>7407.033</t>
  </si>
  <si>
    <t>300130.0</t>
  </si>
  <si>
    <t>146177909.0</t>
  </si>
  <si>
    <t>53230188.0</t>
  </si>
  <si>
    <t>49756334.0</t>
  </si>
  <si>
    <t>39293425.0</t>
  </si>
  <si>
    <t>131014.0</t>
  </si>
  <si>
    <t>216.53</t>
  </si>
  <si>
    <t>498540052.0</t>
  </si>
  <si>
    <t>187137.0</t>
  </si>
  <si>
    <t>7409.815</t>
  </si>
  <si>
    <t>293808.0</t>
  </si>
  <si>
    <t>146229228.0</t>
  </si>
  <si>
    <t>53242209.0</t>
  </si>
  <si>
    <t>49762476.0</t>
  </si>
  <si>
    <t>39300955.0</t>
  </si>
  <si>
    <t>216.61</t>
  </si>
  <si>
    <t>134658.3</t>
  </si>
  <si>
    <t>1994.67371252896</t>
  </si>
  <si>
    <t>498784205.0</t>
  </si>
  <si>
    <t>244153.0</t>
  </si>
  <si>
    <t>7413.444</t>
  </si>
  <si>
    <t>272222.0</t>
  </si>
  <si>
    <t>146253183.0</t>
  </si>
  <si>
    <t>53247845.0</t>
  </si>
  <si>
    <t>49765169.0</t>
  </si>
  <si>
    <t>39305382.0</t>
  </si>
  <si>
    <t>112905.0</t>
  </si>
  <si>
    <t>499110851.0</t>
  </si>
  <si>
    <t>7418.299</t>
  </si>
  <si>
    <t>270321.0</t>
  </si>
  <si>
    <t>146351118.0</t>
  </si>
  <si>
    <t>53255432.0</t>
  </si>
  <si>
    <t>49771705.0</t>
  </si>
  <si>
    <t>39321910.0</t>
  </si>
  <si>
    <t>107148.0</t>
  </si>
  <si>
    <t>499399387.0</t>
  </si>
  <si>
    <t>288536.0</t>
  </si>
  <si>
    <t>7422.587</t>
  </si>
  <si>
    <t>266578.0</t>
  </si>
  <si>
    <t>146473803.0</t>
  </si>
  <si>
    <t>53264512.0</t>
  </si>
  <si>
    <t>49780389.0</t>
  </si>
  <si>
    <t>39345313.0</t>
  </si>
  <si>
    <t>499697412.0</t>
  </si>
  <si>
    <t>298025.0</t>
  </si>
  <si>
    <t>7427.017</t>
  </si>
  <si>
    <t>260277.0</t>
  </si>
  <si>
    <t>146584606.0</t>
  </si>
  <si>
    <t>53272750.0</t>
  </si>
  <si>
    <t>49788386.0</t>
  </si>
  <si>
    <t>39365969.0</t>
  </si>
  <si>
    <t>98981.0</t>
  </si>
  <si>
    <t>499962289.0</t>
  </si>
  <si>
    <t>264877.0</t>
  </si>
  <si>
    <t>7430.954</t>
  </si>
  <si>
    <t>257512.0</t>
  </si>
  <si>
    <t>146693875.0</t>
  </si>
  <si>
    <t>53282338.0</t>
  </si>
  <si>
    <t>49797820.0</t>
  </si>
  <si>
    <t>39385569.0</t>
  </si>
  <si>
    <t>109269.0</t>
  </si>
  <si>
    <t>500140337.0</t>
  </si>
  <si>
    <t>178048.0</t>
  </si>
  <si>
    <t>255346.0</t>
  </si>
  <si>
    <t>146832916.0</t>
  </si>
  <si>
    <t>53306798.0</t>
  </si>
  <si>
    <t>49813561.0</t>
  </si>
  <si>
    <t>39406244.0</t>
  </si>
  <si>
    <t>93572.0</t>
  </si>
  <si>
    <t>500318222.0</t>
  </si>
  <si>
    <t>7436.244</t>
  </si>
  <si>
    <t>146883684.0</t>
  </si>
  <si>
    <t>53317460.0</t>
  </si>
  <si>
    <t>49821051.0</t>
  </si>
  <si>
    <t>39415043.0</t>
  </si>
  <si>
    <t>93494.0</t>
  </si>
  <si>
    <t>134552.9</t>
  </si>
  <si>
    <t>1993.11243773713</t>
  </si>
  <si>
    <t>500638667.0</t>
  </si>
  <si>
    <t>320445.0</t>
  </si>
  <si>
    <t>7441.007</t>
  </si>
  <si>
    <t>264923.0</t>
  </si>
  <si>
    <t>146971578.0</t>
  </si>
  <si>
    <t>53323370.0</t>
  </si>
  <si>
    <t>49828652.0</t>
  </si>
  <si>
    <t>39433303.0</t>
  </si>
  <si>
    <t>87894.0</t>
  </si>
  <si>
    <t>102628.0</t>
  </si>
  <si>
    <t>500946703.0</t>
  </si>
  <si>
    <t>7445.585</t>
  </si>
  <si>
    <t>4.578</t>
  </si>
  <si>
    <t>262265.0</t>
  </si>
  <si>
    <t>147074574.0</t>
  </si>
  <si>
    <t>53330594.0</t>
  </si>
  <si>
    <t>49836561.0</t>
  </si>
  <si>
    <t>39453442.0</t>
  </si>
  <si>
    <t>102996.0</t>
  </si>
  <si>
    <t>501187978.0</t>
  </si>
  <si>
    <t>7449.171</t>
  </si>
  <si>
    <t>147178551.0</t>
  </si>
  <si>
    <t>53337395.0</t>
  </si>
  <si>
    <t>49844562.0</t>
  </si>
  <si>
    <t>39474656.0</t>
  </si>
  <si>
    <t>103977.0</t>
  </si>
  <si>
    <t>501455045.0</t>
  </si>
  <si>
    <t>7453.141</t>
  </si>
  <si>
    <t>251090.0</t>
  </si>
  <si>
    <t>147279179.0</t>
  </si>
  <si>
    <t>53344883.0</t>
  </si>
  <si>
    <t>49852093.0</t>
  </si>
  <si>
    <t>39494671.0</t>
  </si>
  <si>
    <t>100628.0</t>
  </si>
  <si>
    <t>99225.0</t>
  </si>
  <si>
    <t>501743040.0</t>
  </si>
  <si>
    <t>287995.0</t>
  </si>
  <si>
    <t>7457.421</t>
  </si>
  <si>
    <t>254393.0</t>
  </si>
  <si>
    <t>147365638.0</t>
  </si>
  <si>
    <t>53352396.0</t>
  </si>
  <si>
    <t>49859243.0</t>
  </si>
  <si>
    <t>39511695.0</t>
  </si>
  <si>
    <t>86459.0</t>
  </si>
  <si>
    <t>95966.0</t>
  </si>
  <si>
    <t>501898010.0</t>
  </si>
  <si>
    <t>7459.724</t>
  </si>
  <si>
    <t>251096.0</t>
  </si>
  <si>
    <t>147466205.0</t>
  </si>
  <si>
    <t>53372858.0</t>
  </si>
  <si>
    <t>49872067.0</t>
  </si>
  <si>
    <t>39527593.0</t>
  </si>
  <si>
    <t>100567.0</t>
  </si>
  <si>
    <t>502057183.0</t>
  </si>
  <si>
    <t>7462.09</t>
  </si>
  <si>
    <t>248423.0</t>
  </si>
  <si>
    <t>147509967.0</t>
  </si>
  <si>
    <t>53382948.0</t>
  </si>
  <si>
    <t>49877776.0</t>
  </si>
  <si>
    <t>39535712.0</t>
  </si>
  <si>
    <t>137172.7</t>
  </si>
  <si>
    <t>2031.91915215491</t>
  </si>
  <si>
    <t>502356584.0</t>
  </si>
  <si>
    <t>299401.0</t>
  </si>
  <si>
    <t>7466.54</t>
  </si>
  <si>
    <t>245417.0</t>
  </si>
  <si>
    <t>147577271.0</t>
  </si>
  <si>
    <t>53387722.0</t>
  </si>
  <si>
    <t>49883377.0</t>
  </si>
  <si>
    <t>39551325.0</t>
  </si>
  <si>
    <t>67304.0</t>
  </si>
  <si>
    <t>502803664.0</t>
  </si>
  <si>
    <t>447080.0</t>
  </si>
  <si>
    <t>7473.185</t>
  </si>
  <si>
    <t>265280.0</t>
  </si>
  <si>
    <t>147655047.0</t>
  </si>
  <si>
    <t>53393153.0</t>
  </si>
  <si>
    <t>49889298.0</t>
  </si>
  <si>
    <t>39568655.0</t>
  </si>
  <si>
    <t>77776.0</t>
  </si>
  <si>
    <t>82925.0</t>
  </si>
  <si>
    <t>503024387.0</t>
  </si>
  <si>
    <t>7476.466</t>
  </si>
  <si>
    <t>262344.0</t>
  </si>
  <si>
    <t>147734156.0</t>
  </si>
  <si>
    <t>53398518.0</t>
  </si>
  <si>
    <t>49895254.0</t>
  </si>
  <si>
    <t>39585631.0</t>
  </si>
  <si>
    <t>79109.0</t>
  </si>
  <si>
    <t>79372.0</t>
  </si>
  <si>
    <t>503270347.0</t>
  </si>
  <si>
    <t>245960.0</t>
  </si>
  <si>
    <t>7480.121</t>
  </si>
  <si>
    <t>259329.0</t>
  </si>
  <si>
    <t>147818312.0</t>
  </si>
  <si>
    <t>53407449.0</t>
  </si>
  <si>
    <t>49903328.0</t>
  </si>
  <si>
    <t>39604509.0</t>
  </si>
  <si>
    <t>84156.0</t>
  </si>
  <si>
    <t>77019.0</t>
  </si>
  <si>
    <t>147891495.0</t>
  </si>
  <si>
    <t>53413952.0</t>
  </si>
  <si>
    <t>49909842.0</t>
  </si>
  <si>
    <t>39620481.0</t>
  </si>
  <si>
    <t>147982669.0</t>
  </si>
  <si>
    <t>53430128.0</t>
  </si>
  <si>
    <t>49920896.0</t>
  </si>
  <si>
    <t>39635971.0</t>
  </si>
  <si>
    <t>91174.0</t>
  </si>
  <si>
    <t>73781.0</t>
  </si>
  <si>
    <t>148014472.0</t>
  </si>
  <si>
    <t>53436647.0</t>
  </si>
  <si>
    <t>49925517.0</t>
  </si>
  <si>
    <t>39642789.0</t>
  </si>
  <si>
    <t>138562.7</t>
  </si>
  <si>
    <t>2052.50901895417</t>
  </si>
  <si>
    <t>148071051.0</t>
  </si>
  <si>
    <t>53439970.0</t>
  </si>
  <si>
    <t>49930146.0</t>
  </si>
  <si>
    <t>39655515.0</t>
  </si>
  <si>
    <t>56579.0</t>
  </si>
  <si>
    <t>148136503.0</t>
  </si>
  <si>
    <t>53444716.0</t>
  </si>
  <si>
    <t>49935013.0</t>
  </si>
  <si>
    <t>39668406.0</t>
  </si>
  <si>
    <t>65452.0</t>
  </si>
  <si>
    <t>148193463.0</t>
  </si>
  <si>
    <t>53445102.0</t>
  </si>
  <si>
    <t>49938085.0</t>
  </si>
  <si>
    <t>39679182.0</t>
  </si>
  <si>
    <t>65615.0</t>
  </si>
  <si>
    <t>148279251.0</t>
  </si>
  <si>
    <t>53448710.0</t>
  </si>
  <si>
    <t>49963477.0</t>
  </si>
  <si>
    <t>39692400.0</t>
  </si>
  <si>
    <t>85788.0</t>
  </si>
  <si>
    <t>148339935.0</t>
  </si>
  <si>
    <t>53453902.0</t>
  </si>
  <si>
    <t>49969833.0</t>
  </si>
  <si>
    <t>39704802.0</t>
  </si>
  <si>
    <t>64063.0</t>
  </si>
  <si>
    <t>148406012.0</t>
  </si>
  <si>
    <t>53466470.0</t>
  </si>
  <si>
    <t>49981337.0</t>
  </si>
  <si>
    <t>39717748.0</t>
  </si>
  <si>
    <t>60478.0</t>
  </si>
  <si>
    <t>148435348.0</t>
  </si>
  <si>
    <t>53472488.0</t>
  </si>
  <si>
    <t>49986833.0</t>
  </si>
  <si>
    <t>39724316.0</t>
  </si>
  <si>
    <t>139465.7</t>
  </si>
  <si>
    <t>2065.88502594679</t>
  </si>
  <si>
    <t>148489319.0</t>
  </si>
  <si>
    <t>53479257.0</t>
  </si>
  <si>
    <t>49994884.0</t>
  </si>
  <si>
    <t>39737176.0</t>
  </si>
  <si>
    <t>53971.0</t>
  </si>
  <si>
    <t>59753.0</t>
  </si>
  <si>
    <t>148549749.0</t>
  </si>
  <si>
    <t>53486907.0</t>
  </si>
  <si>
    <t>50003659.0</t>
  </si>
  <si>
    <t>39750799.0</t>
  </si>
  <si>
    <t>60430.0</t>
  </si>
  <si>
    <t>148602903.0</t>
  </si>
  <si>
    <t>53493877.0</t>
  </si>
  <si>
    <t>50012287.0</t>
  </si>
  <si>
    <t>39763948.0</t>
  </si>
  <si>
    <t>53154.0</t>
  </si>
  <si>
    <t>58491.0</t>
  </si>
  <si>
    <t>148619153.0</t>
  </si>
  <si>
    <t>53496143.0</t>
  </si>
  <si>
    <t>50014677.0</t>
  </si>
  <si>
    <t>39768538.0</t>
  </si>
  <si>
    <t>148624868.0</t>
  </si>
  <si>
    <t>53497176.0</t>
  </si>
  <si>
    <t>50015854.0</t>
  </si>
  <si>
    <t>39770162.0</t>
  </si>
  <si>
    <t>220.16</t>
  </si>
  <si>
    <t>148652500.0</t>
  </si>
  <si>
    <t>53502797.0</t>
  </si>
  <si>
    <t>50022326.0</t>
  </si>
  <si>
    <t>39777744.0</t>
  </si>
  <si>
    <t>148687238.0</t>
  </si>
  <si>
    <t>53505425.0</t>
  </si>
  <si>
    <t>50025632.0</t>
  </si>
  <si>
    <t>39782009.0</t>
  </si>
  <si>
    <t>137803.3</t>
  </si>
  <si>
    <t>2041.26013776902</t>
  </si>
  <si>
    <t>148722699.0</t>
  </si>
  <si>
    <t>53508253.0</t>
  </si>
  <si>
    <t>50030476.0</t>
  </si>
  <si>
    <t>39792106.0</t>
  </si>
  <si>
    <t>148765227.0</t>
  </si>
  <si>
    <t>53511588.0</t>
  </si>
  <si>
    <t>50035307.0</t>
  </si>
  <si>
    <t>39801945.0</t>
  </si>
  <si>
    <t>148813872.0</t>
  </si>
  <si>
    <t>53516479.0</t>
  </si>
  <si>
    <t>50041267.0</t>
  </si>
  <si>
    <t>39812138.0</t>
  </si>
  <si>
    <t>148857231.0</t>
  </si>
  <si>
    <t>53520040.0</t>
  </si>
  <si>
    <t>50046479.0</t>
  </si>
  <si>
    <t>39822258.0</t>
  </si>
  <si>
    <t>43359.0</t>
  </si>
  <si>
    <t>148899102.0</t>
  </si>
  <si>
    <t>53523611.0</t>
  </si>
  <si>
    <t>50052124.0</t>
  </si>
  <si>
    <t>39832396.0</t>
  </si>
  <si>
    <t>148955243.0</t>
  </si>
  <si>
    <t>53534960.0</t>
  </si>
  <si>
    <t>50064052.0</t>
  </si>
  <si>
    <t>39844694.0</t>
  </si>
  <si>
    <t>148981299.0</t>
  </si>
  <si>
    <t>53539970.0</t>
  </si>
  <si>
    <t>50069860.0</t>
  </si>
  <si>
    <t>39850810.0</t>
  </si>
  <si>
    <t>139662.9</t>
  </si>
  <si>
    <t>2068.8061207186</t>
  </si>
  <si>
    <t>149011553.0</t>
  </si>
  <si>
    <t>53542440.0</t>
  </si>
  <si>
    <t>50074143.0</t>
  </si>
  <si>
    <t>39859534.0</t>
  </si>
  <si>
    <t>30254.0</t>
  </si>
  <si>
    <t>149043966.0</t>
  </si>
  <si>
    <t>53544617.0</t>
  </si>
  <si>
    <t>50077673.0</t>
  </si>
  <si>
    <t>39867967.0</t>
  </si>
  <si>
    <t>32413.0</t>
  </si>
  <si>
    <t>149080378.0</t>
  </si>
  <si>
    <t>53547750.0</t>
  </si>
  <si>
    <t>50082651.0</t>
  </si>
  <si>
    <t>39876648.0</t>
  </si>
  <si>
    <t>38072.0</t>
  </si>
  <si>
    <t>149119037.0</t>
  </si>
  <si>
    <t>53550779.0</t>
  </si>
  <si>
    <t>50087828.0</t>
  </si>
  <si>
    <t>39885565.0</t>
  </si>
  <si>
    <t>149153226.0</t>
  </si>
  <si>
    <t>53554133.0</t>
  </si>
  <si>
    <t>50092904.0</t>
  </si>
  <si>
    <t>39893286.0</t>
  </si>
  <si>
    <t>149201470.0</t>
  </si>
  <si>
    <t>53563682.0</t>
  </si>
  <si>
    <t>50104669.0</t>
  </si>
  <si>
    <t>39902770.0</t>
  </si>
  <si>
    <t>149223290.0</t>
  </si>
  <si>
    <t>53568338.0</t>
  </si>
  <si>
    <t>50111302.0</t>
  </si>
  <si>
    <t>39907229.0</t>
  </si>
  <si>
    <t>141181.1</t>
  </si>
  <si>
    <t>2091.29499537661</t>
  </si>
  <si>
    <t>149323461.0</t>
  </si>
  <si>
    <t>53570743.0</t>
  </si>
  <si>
    <t>50116299.0</t>
  </si>
  <si>
    <t>39914918.0</t>
  </si>
  <si>
    <t>149359041.0</t>
  </si>
  <si>
    <t>53574096.0</t>
  </si>
  <si>
    <t>50121410.0</t>
  </si>
  <si>
    <t>39922882.0</t>
  </si>
  <si>
    <t>149397250.0</t>
  </si>
  <si>
    <t>53577314.0</t>
  </si>
  <si>
    <t>50126662.0</t>
  </si>
  <si>
    <t>39931494.0</t>
  </si>
  <si>
    <t>149433668.0</t>
  </si>
  <si>
    <t>53580414.0</t>
  </si>
  <si>
    <t>50131750.0</t>
  </si>
  <si>
    <t>39939745.0</t>
  </si>
  <si>
    <t>149470315.0</t>
  </si>
  <si>
    <t>53584443.0</t>
  </si>
  <si>
    <t>50137571.0</t>
  </si>
  <si>
    <t>39948443.0</t>
  </si>
  <si>
    <t>45298.0</t>
  </si>
  <si>
    <t>149528186.0</t>
  </si>
  <si>
    <t>53595992.0</t>
  </si>
  <si>
    <t>50152182.0</t>
  </si>
  <si>
    <t>39959878.0</t>
  </si>
  <si>
    <t>57871.0</t>
  </si>
  <si>
    <t>149554065.0</t>
  </si>
  <si>
    <t>53601172.0</t>
  </si>
  <si>
    <t>50160206.0</t>
  </si>
  <si>
    <t>39965236.0</t>
  </si>
  <si>
    <t>142669.3</t>
  </si>
  <si>
    <t>2113.33948442025</t>
  </si>
  <si>
    <t>149588027.0</t>
  </si>
  <si>
    <t>53604096.0</t>
  </si>
  <si>
    <t>50167076.0</t>
  </si>
  <si>
    <t>39974219.0</t>
  </si>
  <si>
    <t>33962.0</t>
  </si>
  <si>
    <t>37795.0</t>
  </si>
  <si>
    <t>149625788.0</t>
  </si>
  <si>
    <t>53607713.0</t>
  </si>
  <si>
    <t>50174280.0</t>
  </si>
  <si>
    <t>39982703.0</t>
  </si>
  <si>
    <t>37761.0</t>
  </si>
  <si>
    <t>149664930.0</t>
  </si>
  <si>
    <t>53610838.0</t>
  </si>
  <si>
    <t>50181319.0</t>
  </si>
  <si>
    <t>39991722.0</t>
  </si>
  <si>
    <t>149760288.0</t>
  </si>
  <si>
    <t>53614409.0</t>
  </si>
  <si>
    <t>50189173.0</t>
  </si>
  <si>
    <t>40000552.0</t>
  </si>
  <si>
    <t>95358.0</t>
  </si>
  <si>
    <t>46660.0</t>
  </si>
  <si>
    <t>149794315.0</t>
  </si>
  <si>
    <t>53617742.0</t>
  </si>
  <si>
    <t>50197191.0</t>
  </si>
  <si>
    <t>40009120.0</t>
  </si>
  <si>
    <t>149844630.0</t>
  </si>
  <si>
    <t>53625770.0</t>
  </si>
  <si>
    <t>50217145.0</t>
  </si>
  <si>
    <t>40018536.0</t>
  </si>
  <si>
    <t>149868716.0</t>
  </si>
  <si>
    <t>53629719.0</t>
  </si>
  <si>
    <t>50227780.0</t>
  </si>
  <si>
    <t>40023211.0</t>
  </si>
  <si>
    <t>143799.1</t>
  </si>
  <si>
    <t>2130.07504665753</t>
  </si>
  <si>
    <t>149901038.0</t>
  </si>
  <si>
    <t>53633264.0</t>
  </si>
  <si>
    <t>50236358.0</t>
  </si>
  <si>
    <t>40031422.0</t>
  </si>
  <si>
    <t>149934557.0</t>
  </si>
  <si>
    <t>53636360.0</t>
  </si>
  <si>
    <t>50244811.0</t>
  </si>
  <si>
    <t>40039537.0</t>
  </si>
  <si>
    <t>149968871.0</t>
  </si>
  <si>
    <t>53639145.0</t>
  </si>
  <si>
    <t>50253743.0</t>
  </si>
  <si>
    <t>40047875.0</t>
  </si>
  <si>
    <t>150004504.0</t>
  </si>
  <si>
    <t>53642266.0</t>
  </si>
  <si>
    <t>50263580.0</t>
  </si>
  <si>
    <t>40056658.0</t>
  </si>
  <si>
    <t>150039542.0</t>
  </si>
  <si>
    <t>53645571.0</t>
  </si>
  <si>
    <t>50273702.0</t>
  </si>
  <si>
    <t>40065223.0</t>
  </si>
  <si>
    <t>150090560.0</t>
  </si>
  <si>
    <t>53652981.0</t>
  </si>
  <si>
    <t>50297363.0</t>
  </si>
  <si>
    <t>40074149.0</t>
  </si>
  <si>
    <t>51018.0</t>
  </si>
  <si>
    <t>222.33</t>
  </si>
  <si>
    <t>150111688.0</t>
  </si>
  <si>
    <t>53656588.0</t>
  </si>
  <si>
    <t>50307273.0</t>
  </si>
  <si>
    <t>40078099.0</t>
  </si>
  <si>
    <t>144858.1</t>
  </si>
  <si>
    <t>2145.76185884488</t>
  </si>
  <si>
    <t>150137381.0</t>
  </si>
  <si>
    <t>53658772.0</t>
  </si>
  <si>
    <t>50314407.0</t>
  </si>
  <si>
    <t>40085421.0</t>
  </si>
  <si>
    <t>33763.0</t>
  </si>
  <si>
    <t>150165388.0</t>
  </si>
  <si>
    <t>53661307.0</t>
  </si>
  <si>
    <t>50322245.0</t>
  </si>
  <si>
    <t>40093177.0</t>
  </si>
  <si>
    <t>150195878.0</t>
  </si>
  <si>
    <t>53664109.0</t>
  </si>
  <si>
    <t>50330907.0</t>
  </si>
  <si>
    <t>40101336.0</t>
  </si>
  <si>
    <t>30490.0</t>
  </si>
  <si>
    <t>150226878.0</t>
  </si>
  <si>
    <t>53667074.0</t>
  </si>
  <si>
    <t>50340119.0</t>
  </si>
  <si>
    <t>40109619.0</t>
  </si>
  <si>
    <t>150257498.0</t>
  </si>
  <si>
    <t>53669827.0</t>
  </si>
  <si>
    <t>50349310.0</t>
  </si>
  <si>
    <t>40117402.0</t>
  </si>
  <si>
    <t>150307641.0</t>
  </si>
  <si>
    <t>53676598.0</t>
  </si>
  <si>
    <t>50374082.0</t>
  </si>
  <si>
    <t>40126319.0</t>
  </si>
  <si>
    <t>150327814.0</t>
  </si>
  <si>
    <t>53679207.0</t>
  </si>
  <si>
    <t>50383625.0</t>
  </si>
  <si>
    <t>40130299.0</t>
  </si>
  <si>
    <t>146188.1</t>
  </si>
  <si>
    <t>2165.4629544154</t>
  </si>
  <si>
    <t>150347683.0</t>
  </si>
  <si>
    <t>53680826.0</t>
  </si>
  <si>
    <t>50389620.0</t>
  </si>
  <si>
    <t>40136305.0</t>
  </si>
  <si>
    <t>150366313.0</t>
  </si>
  <si>
    <t>53682329.0</t>
  </si>
  <si>
    <t>50395333.0</t>
  </si>
  <si>
    <t>40141657.0</t>
  </si>
  <si>
    <t>28704.0</t>
  </si>
  <si>
    <t>150393033.0</t>
  </si>
  <si>
    <t>53684877.0</t>
  </si>
  <si>
    <t>50403747.0</t>
  </si>
  <si>
    <t>40149094.0</t>
  </si>
  <si>
    <t>26720.0</t>
  </si>
  <si>
    <t>150419214.0</t>
  </si>
  <si>
    <t>53687795.0</t>
  </si>
  <si>
    <t>50412478.0</t>
  </si>
  <si>
    <t>40154930.0</t>
  </si>
  <si>
    <t>150449254.0</t>
  </si>
  <si>
    <t>53691345.0</t>
  </si>
  <si>
    <t>50424064.0</t>
  </si>
  <si>
    <t>40161919.0</t>
  </si>
  <si>
    <t>30040.0</t>
  </si>
  <si>
    <t>150491264.0</t>
  </si>
  <si>
    <t>53697199.0</t>
  </si>
  <si>
    <t>50445247.0</t>
  </si>
  <si>
    <t>40169728.0</t>
  </si>
  <si>
    <t>150510870.0</t>
  </si>
  <si>
    <t>53700196.0</t>
  </si>
  <si>
    <t>50454742.0</t>
  </si>
  <si>
    <t>40174494.0</t>
  </si>
  <si>
    <t>148178.1</t>
  </si>
  <si>
    <t>2194.94053350211</t>
  </si>
  <si>
    <t>150538103.0</t>
  </si>
  <si>
    <t>53703513.0</t>
  </si>
  <si>
    <t>50465104.0</t>
  </si>
  <si>
    <t>40181629.0</t>
  </si>
  <si>
    <t>150563993.0</t>
  </si>
  <si>
    <t>53706796.0</t>
  </si>
  <si>
    <t>50474343.0</t>
  </si>
  <si>
    <t>40188637.0</t>
  </si>
  <si>
    <t>150590197.0</t>
  </si>
  <si>
    <t>53710109.0</t>
  </si>
  <si>
    <t>50483527.0</t>
  </si>
  <si>
    <t>40196024.0</t>
  </si>
  <si>
    <t>150620996.0</t>
  </si>
  <si>
    <t>53713469.0</t>
  </si>
  <si>
    <t>50493242.0</t>
  </si>
  <si>
    <t>40203179.0</t>
  </si>
  <si>
    <t>150645477.0</t>
  </si>
  <si>
    <t>53716914.0</t>
  </si>
  <si>
    <t>50502932.0</t>
  </si>
  <si>
    <t>40209363.0</t>
  </si>
  <si>
    <t>150678502.0</t>
  </si>
  <si>
    <t>53721640.0</t>
  </si>
  <si>
    <t>50519176.0</t>
  </si>
  <si>
    <t>40216465.0</t>
  </si>
  <si>
    <t>150693815.0</t>
  </si>
  <si>
    <t>53723887.0</t>
  </si>
  <si>
    <t>50526813.0</t>
  </si>
  <si>
    <t>40219929.0</t>
  </si>
  <si>
    <t>150306.1</t>
  </si>
  <si>
    <t>2226.46228641494</t>
  </si>
  <si>
    <t>150713304.0</t>
  </si>
  <si>
    <t>53726268.0</t>
  </si>
  <si>
    <t>50534574.0</t>
  </si>
  <si>
    <t>40225639.0</t>
  </si>
  <si>
    <t>150732196.0</t>
  </si>
  <si>
    <t>53728983.0</t>
  </si>
  <si>
    <t>50541617.0</t>
  </si>
  <si>
    <t>40230999.0</t>
  </si>
  <si>
    <t>150752976.0</t>
  </si>
  <si>
    <t>53731979.0</t>
  </si>
  <si>
    <t>50549087.0</t>
  </si>
  <si>
    <t>40237050.0</t>
  </si>
  <si>
    <t>150787483.0</t>
  </si>
  <si>
    <t>53734111.0</t>
  </si>
  <si>
    <t>50556101.0</t>
  </si>
  <si>
    <t>40242609.0</t>
  </si>
  <si>
    <t>150806994.0</t>
  </si>
  <si>
    <t>53736707.0</t>
  </si>
  <si>
    <t>50563629.0</t>
  </si>
  <si>
    <t>40247919.0</t>
  </si>
  <si>
    <t>150833041.0</t>
  </si>
  <si>
    <t>53740635.0</t>
  </si>
  <si>
    <t>50576269.0</t>
  </si>
  <si>
    <t>40253883.0</t>
  </si>
  <si>
    <t>150845549.0</t>
  </si>
  <si>
    <t>53742609.0</t>
  </si>
  <si>
    <t>50582531.0</t>
  </si>
  <si>
    <t>40256647.0</t>
  </si>
  <si>
    <t>152050.5</t>
  </si>
  <si>
    <t>2252.30182860533</t>
  </si>
  <si>
    <t>150862329.0</t>
  </si>
  <si>
    <t>53744613.0</t>
  </si>
  <si>
    <t>50589100.0</t>
  </si>
  <si>
    <t>40261614.0</t>
  </si>
  <si>
    <t>150877864.0</t>
  </si>
  <si>
    <t>53746565.0</t>
  </si>
  <si>
    <t>50594973.0</t>
  </si>
  <si>
    <t>40266231.0</t>
  </si>
  <si>
    <t>150893884.0</t>
  </si>
  <si>
    <t>53748627.0</t>
  </si>
  <si>
    <t>50600643.0</t>
  </si>
  <si>
    <t>40271287.0</t>
  </si>
  <si>
    <t>150910475.0</t>
  </si>
  <si>
    <t>53750794.0</t>
  </si>
  <si>
    <t>50606847.0</t>
  </si>
  <si>
    <t>40276659.0</t>
  </si>
  <si>
    <t>150925526.0</t>
  </si>
  <si>
    <t>53752910.0</t>
  </si>
  <si>
    <t>50612418.0</t>
  </si>
  <si>
    <t>40281172.0</t>
  </si>
  <si>
    <t>150947230.0</t>
  </si>
  <si>
    <t>53756272.0</t>
  </si>
  <si>
    <t>50622612.0</t>
  </si>
  <si>
    <t>40286328.0</t>
  </si>
  <si>
    <t>150956970.0</t>
  </si>
  <si>
    <t>53757748.0</t>
  </si>
  <si>
    <t>50627204.0</t>
  </si>
  <si>
    <t>40288940.0</t>
  </si>
  <si>
    <t>153375.1</t>
  </si>
  <si>
    <t>2271.92293476526</t>
  </si>
  <si>
    <t>150981465.0</t>
  </si>
  <si>
    <t>53764735.0</t>
  </si>
  <si>
    <t>50636324.0</t>
  </si>
  <si>
    <t>40295033.0</t>
  </si>
  <si>
    <t>150996250.0</t>
  </si>
  <si>
    <t>53766874.0</t>
  </si>
  <si>
    <t>50641720.0</t>
  </si>
  <si>
    <t>40299682.0</t>
  </si>
  <si>
    <t>151011469.0</t>
  </si>
  <si>
    <t>53769032.0</t>
  </si>
  <si>
    <t>50646995.0</t>
  </si>
  <si>
    <t>40304702.0</t>
  </si>
  <si>
    <t>151026215.0</t>
  </si>
  <si>
    <t>53771034.0</t>
  </si>
  <si>
    <t>50652349.0</t>
  </si>
  <si>
    <t>40309372.0</t>
  </si>
  <si>
    <t>151040310.0</t>
  </si>
  <si>
    <t>53773332.0</t>
  </si>
  <si>
    <t>50657436.0</t>
  </si>
  <si>
    <t>40313699.0</t>
  </si>
  <si>
    <t>151061845.0</t>
  </si>
  <si>
    <t>53776910.0</t>
  </si>
  <si>
    <t>50667539.0</t>
  </si>
  <si>
    <t>40319134.0</t>
  </si>
  <si>
    <t>151070146.0</t>
  </si>
  <si>
    <t>53778336.0</t>
  </si>
  <si>
    <t>50671638.0</t>
  </si>
  <si>
    <t>40321218.0</t>
  </si>
  <si>
    <t>155399.3</t>
  </si>
  <si>
    <t>2301.90711345236</t>
  </si>
  <si>
    <t>151084016.0</t>
  </si>
  <si>
    <t>53780324.0</t>
  </si>
  <si>
    <t>50677172.0</t>
  </si>
  <si>
    <t>40325628.0</t>
  </si>
  <si>
    <t>151098759.0</t>
  </si>
  <si>
    <t>53782471.0</t>
  </si>
  <si>
    <t>50682855.0</t>
  </si>
  <si>
    <t>40330095.0</t>
  </si>
  <si>
    <t>151115565.0</t>
  </si>
  <si>
    <t>53785024.0</t>
  </si>
  <si>
    <t>50689351.0</t>
  </si>
  <si>
    <t>40335120.0</t>
  </si>
  <si>
    <t>151133558.0</t>
  </si>
  <si>
    <t>53787749.0</t>
  </si>
  <si>
    <t>50696712.0</t>
  </si>
  <si>
    <t>40340858.0</t>
  </si>
  <si>
    <t>151147578.0</t>
  </si>
  <si>
    <t>53790320.0</t>
  </si>
  <si>
    <t>50702139.0</t>
  </si>
  <si>
    <t>40345035.0</t>
  </si>
  <si>
    <t>151165625.0</t>
  </si>
  <si>
    <t>53793461.0</t>
  </si>
  <si>
    <t>50710899.0</t>
  </si>
  <si>
    <t>40349488.0</t>
  </si>
  <si>
    <t>151172487.0</t>
  </si>
  <si>
    <t>53794738.0</t>
  </si>
  <si>
    <t>50714263.0</t>
  </si>
  <si>
    <t>40351159.0</t>
  </si>
  <si>
    <t>157201.5</t>
  </si>
  <si>
    <t>2328.6028385931</t>
  </si>
  <si>
    <t>151175590.0</t>
  </si>
  <si>
    <t>53795354.0</t>
  </si>
  <si>
    <t>50715585.0</t>
  </si>
  <si>
    <t>40352119.0</t>
  </si>
  <si>
    <t>151190603.0</t>
  </si>
  <si>
    <t>53797820.0</t>
  </si>
  <si>
    <t>50721773.0</t>
  </si>
  <si>
    <t>40356662.0</t>
  </si>
  <si>
    <t>151206358.0</t>
  </si>
  <si>
    <t>53800393.0</t>
  </si>
  <si>
    <t>50727968.0</t>
  </si>
  <si>
    <t>40361776.0</t>
  </si>
  <si>
    <t>151217368.0</t>
  </si>
  <si>
    <t>53802125.0</t>
  </si>
  <si>
    <t>50731629.0</t>
  </si>
  <si>
    <t>40365559.0</t>
  </si>
  <si>
    <t>151227151.0</t>
  </si>
  <si>
    <t>53803521.0</t>
  </si>
  <si>
    <t>50734844.0</t>
  </si>
  <si>
    <t>40368953.0</t>
  </si>
  <si>
    <t>151242828.0</t>
  </si>
  <si>
    <t>53806055.0</t>
  </si>
  <si>
    <t>50742774.0</t>
  </si>
  <si>
    <t>40372516.0</t>
  </si>
  <si>
    <t>151248820.0</t>
  </si>
  <si>
    <t>53806963.0</t>
  </si>
  <si>
    <t>50745901.0</t>
  </si>
  <si>
    <t>40373987.0</t>
  </si>
  <si>
    <t>157824.1</t>
  </si>
  <si>
    <t>2337.82532137671</t>
  </si>
  <si>
    <t>53807630.0</t>
  </si>
  <si>
    <t>50747621.0</t>
  </si>
  <si>
    <t>53808189.0</t>
  </si>
  <si>
    <t>50749294.0</t>
  </si>
  <si>
    <t>53808854.0</t>
  </si>
  <si>
    <t>50750722.0</t>
  </si>
  <si>
    <t>53809727.0</t>
  </si>
  <si>
    <t>50752513.0</t>
  </si>
  <si>
    <t>90.669</t>
  </si>
  <si>
    <t>53810757.0</t>
  </si>
  <si>
    <t>50754555.0</t>
  </si>
  <si>
    <t>53812756.0</t>
  </si>
  <si>
    <t>50760564.0</t>
  </si>
  <si>
    <t>53813491.0</t>
  </si>
  <si>
    <t>50762968.0</t>
  </si>
  <si>
    <t>159481.9</t>
  </si>
  <si>
    <t>2362.38207042694</t>
  </si>
  <si>
    <t>160904.9</t>
  </si>
  <si>
    <t>2383.46076140202</t>
  </si>
  <si>
    <t>160278.3</t>
  </si>
  <si>
    <t>2374.17902720315</t>
  </si>
  <si>
    <t>161971.3</t>
  </si>
  <si>
    <t>2399.25718870758</t>
  </si>
  <si>
    <t>163787.9</t>
  </si>
  <si>
    <t>2426.16621894322</t>
  </si>
  <si>
    <t>165764.9</t>
  </si>
  <si>
    <t>2455.45123093038</t>
  </si>
  <si>
    <t>167945.7</t>
  </si>
  <si>
    <t>2487.7551025245</t>
  </si>
  <si>
    <t>169617.9</t>
  </si>
  <si>
    <t>2512.52515666963</t>
  </si>
  <si>
    <t>171703.9</t>
  </si>
  <si>
    <t>2543.42476972234</t>
  </si>
  <si>
    <t>173009.9</t>
  </si>
  <si>
    <t>2562.77035680136</t>
  </si>
  <si>
    <t>174355.5</t>
  </si>
  <si>
    <t>2582.70253289135</t>
  </si>
  <si>
    <t>175542.9</t>
  </si>
  <si>
    <t>2600.29131550822</t>
  </si>
  <si>
    <t>176517.9</t>
  </si>
  <si>
    <t>2614.73384797533</t>
  </si>
  <si>
    <t>108.03</t>
  </si>
  <si>
    <t>USA</t>
  </si>
  <si>
    <t>United States</t>
  </si>
  <si>
    <t>-8913.0</t>
  </si>
  <si>
    <t>-26.3472281001533</t>
  </si>
  <si>
    <t>-10504.0</t>
  </si>
  <si>
    <t>-31.0502955193549</t>
  </si>
  <si>
    <t>-11595.8</t>
  </si>
  <si>
    <t>-34.2777053297158</t>
  </si>
  <si>
    <t>-13018.4</t>
  </si>
  <si>
    <t>-38.4829747895249</t>
  </si>
  <si>
    <t>-13641.0</t>
  </si>
  <si>
    <t>-40.3234083377304</t>
  </si>
  <si>
    <t>-13580.6</t>
  </si>
  <si>
    <t>-40.1448632264043</t>
  </si>
  <si>
    <t>-13310.2</t>
  </si>
  <si>
    <t>-39.3455486882823</t>
  </si>
  <si>
    <t>67322.0</t>
  </si>
  <si>
    <t>-13033.4</t>
  </si>
  <si>
    <t>-38.5273154628674</t>
  </si>
  <si>
    <t>94650.0</t>
  </si>
  <si>
    <t>134499.0</t>
  </si>
  <si>
    <t>184895.0</t>
  </si>
  <si>
    <t>321885.0</t>
  </si>
  <si>
    <t>397690.0</t>
  </si>
  <si>
    <t>75805.0</t>
  </si>
  <si>
    <t>49259.0</t>
  </si>
  <si>
    <t>471628.0</t>
  </si>
  <si>
    <t>-11855.2</t>
  </si>
  <si>
    <t>-35.0445033740533</t>
  </si>
  <si>
    <t>551491.0</t>
  </si>
  <si>
    <t>79863.0</t>
  </si>
  <si>
    <t>656096.0</t>
  </si>
  <si>
    <t>770807.0</t>
  </si>
  <si>
    <t>83702.0</t>
  </si>
  <si>
    <t>900092.0</t>
  </si>
  <si>
    <t>129285.0</t>
  </si>
  <si>
    <t>93504.0</t>
  </si>
  <si>
    <t>1035942.0</t>
  </si>
  <si>
    <t>135850.0</t>
  </si>
  <si>
    <t>102008.0</t>
  </si>
  <si>
    <t>1157698.0</t>
  </si>
  <si>
    <t>1267961.0</t>
  </si>
  <si>
    <t>110263.0</t>
  </si>
  <si>
    <t>-6125.8</t>
  </si>
  <si>
    <t>-18.1081397841264</t>
  </si>
  <si>
    <t>1391454.0</t>
  </si>
  <si>
    <t>123493.0</t>
  </si>
  <si>
    <t>119995.0</t>
  </si>
  <si>
    <t>1533740.0</t>
  </si>
  <si>
    <t>1686877.0</t>
  </si>
  <si>
    <t>153137.0</t>
  </si>
  <si>
    <t>130867.0</t>
  </si>
  <si>
    <t>1848672.0</t>
  </si>
  <si>
    <t>135511.0</t>
  </si>
  <si>
    <t>2017976.0</t>
  </si>
  <si>
    <t>140291.0</t>
  </si>
  <si>
    <t>2165734.0</t>
  </si>
  <si>
    <t>144005.0</t>
  </si>
  <si>
    <t>2304390.0</t>
  </si>
  <si>
    <t>138656.0</t>
  </si>
  <si>
    <t>148061.0</t>
  </si>
  <si>
    <t>8972.6</t>
  </si>
  <si>
    <t>26.5234083755677</t>
  </si>
  <si>
    <t>2447497.0</t>
  </si>
  <si>
    <t>143107.0</t>
  </si>
  <si>
    <t>150863.0</t>
  </si>
  <si>
    <t>2627490.0</t>
  </si>
  <si>
    <t>179993.0</t>
  </si>
  <si>
    <t>2795824.0</t>
  </si>
  <si>
    <t>168334.0</t>
  </si>
  <si>
    <t>158421.0</t>
  </si>
  <si>
    <t>2969900.0</t>
  </si>
  <si>
    <t>174076.0</t>
  </si>
  <si>
    <t>160175.0</t>
  </si>
  <si>
    <t>3142018.0</t>
  </si>
  <si>
    <t>172118.0</t>
  </si>
  <si>
    <t>3352511.0</t>
  </si>
  <si>
    <t>210493.0</t>
  </si>
  <si>
    <t>169540.0</t>
  </si>
  <si>
    <t>3464086.0</t>
  </si>
  <si>
    <t>111575.0</t>
  </si>
  <si>
    <t>31265.4</t>
  </si>
  <si>
    <t>92.4219258883128</t>
  </si>
  <si>
    <t>114211.0</t>
  </si>
  <si>
    <t>161543.0</t>
  </si>
  <si>
    <t>3740883.0</t>
  </si>
  <si>
    <t>159056.0</t>
  </si>
  <si>
    <t>3913295.0</t>
  </si>
  <si>
    <t>11.612</t>
  </si>
  <si>
    <t>159639.0</t>
  </si>
  <si>
    <t>4097588.0</t>
  </si>
  <si>
    <t>184293.0</t>
  </si>
  <si>
    <t>161098.0</t>
  </si>
  <si>
    <t>4296205.0</t>
  </si>
  <si>
    <t>198617.0</t>
  </si>
  <si>
    <t>164884.0</t>
  </si>
  <si>
    <t>4463573.0</t>
  </si>
  <si>
    <t>167368.0</t>
  </si>
  <si>
    <t>4597996.0</t>
  </si>
  <si>
    <t>134423.0</t>
  </si>
  <si>
    <t>161987.0</t>
  </si>
  <si>
    <t>154.902664299813</t>
  </si>
  <si>
    <t>4758541.0</t>
  </si>
  <si>
    <t>160545.0</t>
  </si>
  <si>
    <t>168606.0</t>
  </si>
  <si>
    <t>4979861.0</t>
  </si>
  <si>
    <t>221320.0</t>
  </si>
  <si>
    <t>176997.0</t>
  </si>
  <si>
    <t>5215797.0</t>
  </si>
  <si>
    <t>235936.0</t>
  </si>
  <si>
    <t>186072.0</t>
  </si>
  <si>
    <t>5449169.0</t>
  </si>
  <si>
    <t>233372.0</t>
  </si>
  <si>
    <t>5708841.0</t>
  </si>
  <si>
    <t>259672.0</t>
  </si>
  <si>
    <t>201805.0</t>
  </si>
  <si>
    <t>5928518.0</t>
  </si>
  <si>
    <t>6100208.0</t>
  </si>
  <si>
    <t>214602.0</t>
  </si>
  <si>
    <t>71262.4</t>
  </si>
  <si>
    <t>210.654853333823</t>
  </si>
  <si>
    <t>6326139.0</t>
  </si>
  <si>
    <t>225931.0</t>
  </si>
  <si>
    <t>223943.0</t>
  </si>
  <si>
    <t>6595978.0</t>
  </si>
  <si>
    <t>269839.0</t>
  </si>
  <si>
    <t>230874.0</t>
  </si>
  <si>
    <t>6890877.0</t>
  </si>
  <si>
    <t>294899.0</t>
  </si>
  <si>
    <t>239297.0</t>
  </si>
  <si>
    <t>7213558.0</t>
  </si>
  <si>
    <t>322681.0</t>
  </si>
  <si>
    <t>252056.0</t>
  </si>
  <si>
    <t>7550390.0</t>
  </si>
  <si>
    <t>263078.0</t>
  </si>
  <si>
    <t>7818844.0</t>
  </si>
  <si>
    <t>268454.0</t>
  </si>
  <si>
    <t>23.201</t>
  </si>
  <si>
    <t>270047.0</t>
  </si>
  <si>
    <t>8026548.0</t>
  </si>
  <si>
    <t>207704.0</t>
  </si>
  <si>
    <t>23.818</t>
  </si>
  <si>
    <t>275191.0</t>
  </si>
  <si>
    <t>85488.2</t>
  </si>
  <si>
    <t>252.706956722935</t>
  </si>
  <si>
    <t>8277321.0</t>
  </si>
  <si>
    <t>278740.0</t>
  </si>
  <si>
    <t>8596779.0</t>
  </si>
  <si>
    <t>319458.0</t>
  </si>
  <si>
    <t>285829.0</t>
  </si>
  <si>
    <t>8956540.0</t>
  </si>
  <si>
    <t>359761.0</t>
  </si>
  <si>
    <t>295095.0</t>
  </si>
  <si>
    <t>9319275.0</t>
  </si>
  <si>
    <t>362735.0</t>
  </si>
  <si>
    <t>300817.0</t>
  </si>
  <si>
    <t>9723038.0</t>
  </si>
  <si>
    <t>403763.0</t>
  </si>
  <si>
    <t>28.852</t>
  </si>
  <si>
    <t>310378.0</t>
  </si>
  <si>
    <t>10058825.0</t>
  </si>
  <si>
    <t>335787.0</t>
  </si>
  <si>
    <t>29.848</t>
  </si>
  <si>
    <t>319997.0</t>
  </si>
  <si>
    <t>10307904.0</t>
  </si>
  <si>
    <t>249079.0</t>
  </si>
  <si>
    <t>325908.0</t>
  </si>
  <si>
    <t>98047.4</t>
  </si>
  <si>
    <t>289.8325156992</t>
  </si>
  <si>
    <t>10627842.0</t>
  </si>
  <si>
    <t>319938.0</t>
  </si>
  <si>
    <t>31.537</t>
  </si>
  <si>
    <t>335789.0</t>
  </si>
  <si>
    <t>11049907.0</t>
  </si>
  <si>
    <t>422065.0</t>
  </si>
  <si>
    <t>32.789</t>
  </si>
  <si>
    <t>350447.0</t>
  </si>
  <si>
    <t>11500351.0</t>
  </si>
  <si>
    <t>450444.0</t>
  </si>
  <si>
    <t>363402.0</t>
  </si>
  <si>
    <t>11950750.0</t>
  </si>
  <si>
    <t>450399.0</t>
  </si>
  <si>
    <t>375925.0</t>
  </si>
  <si>
    <t>12396428.0</t>
  </si>
  <si>
    <t>36.785</t>
  </si>
  <si>
    <t>381913.0</t>
  </si>
  <si>
    <t>12762569.0</t>
  </si>
  <si>
    <t>37.871</t>
  </si>
  <si>
    <t>386249.0</t>
  </si>
  <si>
    <t>13067038.0</t>
  </si>
  <si>
    <t>304469.0</t>
  </si>
  <si>
    <t>38.775</t>
  </si>
  <si>
    <t>394162.0</t>
  </si>
  <si>
    <t>108827.2</t>
  </si>
  <si>
    <t>321.69808839908</t>
  </si>
  <si>
    <t>13420178.0</t>
  </si>
  <si>
    <t>353140.0</t>
  </si>
  <si>
    <t>398905.0</t>
  </si>
  <si>
    <t>13854260.0</t>
  </si>
  <si>
    <t>434082.0</t>
  </si>
  <si>
    <t>41.111</t>
  </si>
  <si>
    <t>14317266.0</t>
  </si>
  <si>
    <t>463006.0</t>
  </si>
  <si>
    <t>42.485</t>
  </si>
  <si>
    <t>402416.0</t>
  </si>
  <si>
    <t>14777089.0</t>
  </si>
  <si>
    <t>459823.0</t>
  </si>
  <si>
    <t>43.849</t>
  </si>
  <si>
    <t>492610.0</t>
  </si>
  <si>
    <t>410467.0</t>
  </si>
  <si>
    <t>15660091.0</t>
  </si>
  <si>
    <t>390392.0</t>
  </si>
  <si>
    <t>413932.0</t>
  </si>
  <si>
    <t>16007015.0</t>
  </si>
  <si>
    <t>346924.0</t>
  </si>
  <si>
    <t>47.499</t>
  </si>
  <si>
    <t>116858.8</t>
  </si>
  <si>
    <t>345.439858533624</t>
  </si>
  <si>
    <t>16336135.0</t>
  </si>
  <si>
    <t>329120.0</t>
  </si>
  <si>
    <t>416565.0</t>
  </si>
  <si>
    <t>16797638.0</t>
  </si>
  <si>
    <t>461503.0</t>
  </si>
  <si>
    <t>49.845</t>
  </si>
  <si>
    <t>420483.0</t>
  </si>
  <si>
    <t>17351427.0</t>
  </si>
  <si>
    <t>553789.0</t>
  </si>
  <si>
    <t>51.488</t>
  </si>
  <si>
    <t>433452.0</t>
  </si>
  <si>
    <t>17888192.0</t>
  </si>
  <si>
    <t>536765.0</t>
  </si>
  <si>
    <t>53.081</t>
  </si>
  <si>
    <t>444443.0</t>
  </si>
  <si>
    <t>18435513.0</t>
  </si>
  <si>
    <t>547321.0</t>
  </si>
  <si>
    <t>54.705</t>
  </si>
  <si>
    <t>452259.0</t>
  </si>
  <si>
    <t>18889687.0</t>
  </si>
  <si>
    <t>454174.0</t>
  </si>
  <si>
    <t>56.053</t>
  </si>
  <si>
    <t>461371.0</t>
  </si>
  <si>
    <t>19263248.0</t>
  </si>
  <si>
    <t>373561.0</t>
  </si>
  <si>
    <t>465176.0</t>
  </si>
  <si>
    <t>123338.2</t>
  </si>
  <si>
    <t>364.593255790679</t>
  </si>
  <si>
    <t>19702700.0</t>
  </si>
  <si>
    <t>439452.0</t>
  </si>
  <si>
    <t>480938.0</t>
  </si>
  <si>
    <t>20224997.0</t>
  </si>
  <si>
    <t>522297.0</t>
  </si>
  <si>
    <t>489623.0</t>
  </si>
  <si>
    <t>20807626.0</t>
  </si>
  <si>
    <t>582629.0</t>
  </si>
  <si>
    <t>61.744</t>
  </si>
  <si>
    <t>493743.0</t>
  </si>
  <si>
    <t>21426434.0</t>
  </si>
  <si>
    <t>618808.0</t>
  </si>
  <si>
    <t>505463.0</t>
  </si>
  <si>
    <t>21999862.0</t>
  </si>
  <si>
    <t>573428.0</t>
  </si>
  <si>
    <t>65.282</t>
  </si>
  <si>
    <t>509193.0</t>
  </si>
  <si>
    <t>22464445.0</t>
  </si>
  <si>
    <t>510680.0</t>
  </si>
  <si>
    <t>22870161.0</t>
  </si>
  <si>
    <t>405716.0</t>
  </si>
  <si>
    <t>67.864</t>
  </si>
  <si>
    <t>128581.0</t>
  </si>
  <si>
    <t>380.091207937373</t>
  </si>
  <si>
    <t>23319580.0</t>
  </si>
  <si>
    <t>449419.0</t>
  </si>
  <si>
    <t>69.198</t>
  </si>
  <si>
    <t>516697.0</t>
  </si>
  <si>
    <t>23880166.0</t>
  </si>
  <si>
    <t>560586.0</t>
  </si>
  <si>
    <t>70.862</t>
  </si>
  <si>
    <t>522167.0</t>
  </si>
  <si>
    <t>24509206.0</t>
  </si>
  <si>
    <t>629040.0</t>
  </si>
  <si>
    <t>528797.0</t>
  </si>
  <si>
    <t>25124266.0</t>
  </si>
  <si>
    <t>615060.0</t>
  </si>
  <si>
    <t>74.553</t>
  </si>
  <si>
    <t>528262.0</t>
  </si>
  <si>
    <t>25741024.0</t>
  </si>
  <si>
    <t>616758.0</t>
  </si>
  <si>
    <t>76.383</t>
  </si>
  <si>
    <t>534452.0</t>
  </si>
  <si>
    <t>26272873.0</t>
  </si>
  <si>
    <t>531849.0</t>
  </si>
  <si>
    <t>544061.0</t>
  </si>
  <si>
    <t>26686077.0</t>
  </si>
  <si>
    <t>413204.0</t>
  </si>
  <si>
    <t>545131.0</t>
  </si>
  <si>
    <t>133422.4</t>
  </si>
  <si>
    <t>394.40260366542</t>
  </si>
  <si>
    <t>27192712.0</t>
  </si>
  <si>
    <t>506635.0</t>
  </si>
  <si>
    <t>80.691</t>
  </si>
  <si>
    <t>553305.0</t>
  </si>
  <si>
    <t>27865885.0</t>
  </si>
  <si>
    <t>673173.0</t>
  </si>
  <si>
    <t>82.689</t>
  </si>
  <si>
    <t>569388.0</t>
  </si>
  <si>
    <t>28572066.0</t>
  </si>
  <si>
    <t>706181.0</t>
  </si>
  <si>
    <t>84.784</t>
  </si>
  <si>
    <t>580409.0</t>
  </si>
  <si>
    <t>29274269.0</t>
  </si>
  <si>
    <t>702203.0</t>
  </si>
  <si>
    <t>86.868</t>
  </si>
  <si>
    <t>592858.0</t>
  </si>
  <si>
    <t>29978796.0</t>
  </si>
  <si>
    <t>704527.0</t>
  </si>
  <si>
    <t>88.958</t>
  </si>
  <si>
    <t>30563132.0</t>
  </si>
  <si>
    <t>90.692</t>
  </si>
  <si>
    <t>612894.0</t>
  </si>
  <si>
    <t>30984606.0</t>
  </si>
  <si>
    <t>421474.0</t>
  </si>
  <si>
    <t>91.943</t>
  </si>
  <si>
    <t>614076.0</t>
  </si>
  <si>
    <t>138355.6</t>
  </si>
  <si>
    <t>408.985364314323</t>
  </si>
  <si>
    <t>31532732.0</t>
  </si>
  <si>
    <t>548126.0</t>
  </si>
  <si>
    <t>620003.0</t>
  </si>
  <si>
    <t>32233546.0</t>
  </si>
  <si>
    <t>700814.0</t>
  </si>
  <si>
    <t>95.649</t>
  </si>
  <si>
    <t>623952.0</t>
  </si>
  <si>
    <t>33000820.0</t>
  </si>
  <si>
    <t>767274.0</t>
  </si>
  <si>
    <t>97.926</t>
  </si>
  <si>
    <t>632679.0</t>
  </si>
  <si>
    <t>33772562.0</t>
  </si>
  <si>
    <t>771742.0</t>
  </si>
  <si>
    <t>100.216</t>
  </si>
  <si>
    <t>642613.0</t>
  </si>
  <si>
    <t>34582858.0</t>
  </si>
  <si>
    <t>810296.0</t>
  </si>
  <si>
    <t>657723.0</t>
  </si>
  <si>
    <t>35276698.0</t>
  </si>
  <si>
    <t>104.679</t>
  </si>
  <si>
    <t>673367.0</t>
  </si>
  <si>
    <t>35843099.0</t>
  </si>
  <si>
    <t>694070.0</t>
  </si>
  <si>
    <t>143917.8</t>
  </si>
  <si>
    <t>425.427477198725</t>
  </si>
  <si>
    <t>36508253.0</t>
  </si>
  <si>
    <t>665154.0</t>
  </si>
  <si>
    <t>108.334</t>
  </si>
  <si>
    <t>710789.0</t>
  </si>
  <si>
    <t>37364667.0</t>
  </si>
  <si>
    <t>856414.0</t>
  </si>
  <si>
    <t>110.875</t>
  </si>
  <si>
    <t>733017.0</t>
  </si>
  <si>
    <t>38249704.0</t>
  </si>
  <si>
    <t>885037.0</t>
  </si>
  <si>
    <t>749841.0</t>
  </si>
  <si>
    <t>39108708.0</t>
  </si>
  <si>
    <t>859004.0</t>
  </si>
  <si>
    <t>762307.0</t>
  </si>
  <si>
    <t>39910121.0</t>
  </si>
  <si>
    <t>801413.0</t>
  </si>
  <si>
    <t>118.428</t>
  </si>
  <si>
    <t>761038.0</t>
  </si>
  <si>
    <t>40530960.0</t>
  </si>
  <si>
    <t>620839.0</t>
  </si>
  <si>
    <t>120.271</t>
  </si>
  <si>
    <t>750609.0</t>
  </si>
  <si>
    <t>41058075.0</t>
  </si>
  <si>
    <t>527115.0</t>
  </si>
  <si>
    <t>744997.0</t>
  </si>
  <si>
    <t>150594.4</t>
  </si>
  <si>
    <t>445.163806507991</t>
  </si>
  <si>
    <t>41784009.0</t>
  </si>
  <si>
    <t>725934.0</t>
  </si>
  <si>
    <t>123.989</t>
  </si>
  <si>
    <t>753679.0</t>
  </si>
  <si>
    <t>42687872.0</t>
  </si>
  <si>
    <t>903863.0</t>
  </si>
  <si>
    <t>126.671</t>
  </si>
  <si>
    <t>760458.0</t>
  </si>
  <si>
    <t>43669151.0</t>
  </si>
  <si>
    <t>981279.0</t>
  </si>
  <si>
    <t>129.583</t>
  </si>
  <si>
    <t>774207.0</t>
  </si>
  <si>
    <t>44681497.0</t>
  </si>
  <si>
    <t>1012346.0</t>
  </si>
  <si>
    <t>132.587</t>
  </si>
  <si>
    <t>796113.0</t>
  </si>
  <si>
    <t>45697903.0</t>
  </si>
  <si>
    <t>1016406.0</t>
  </si>
  <si>
    <t>826826.0</t>
  </si>
  <si>
    <t>46538398.0</t>
  </si>
  <si>
    <t>840495.0</t>
  </si>
  <si>
    <t>138.097</t>
  </si>
  <si>
    <t>858205.0</t>
  </si>
  <si>
    <t>47236508.0</t>
  </si>
  <si>
    <t>698110.0</t>
  </si>
  <si>
    <t>140.169</t>
  </si>
  <si>
    <t>882633.0</t>
  </si>
  <si>
    <t>159717.2</t>
  </si>
  <si>
    <t>472.131212825962</t>
  </si>
  <si>
    <t>48104806.0</t>
  </si>
  <si>
    <t>142.745</t>
  </si>
  <si>
    <t>902971.0</t>
  </si>
  <si>
    <t>49109041.0</t>
  </si>
  <si>
    <t>1004235.0</t>
  </si>
  <si>
    <t>145.725</t>
  </si>
  <si>
    <t>917310.0</t>
  </si>
  <si>
    <t>50144736.0</t>
  </si>
  <si>
    <t>1035695.0</t>
  </si>
  <si>
    <t>148.798</t>
  </si>
  <si>
    <t>925084.0</t>
  </si>
  <si>
    <t>51174133.0</t>
  </si>
  <si>
    <t>1029397.0</t>
  </si>
  <si>
    <t>151.853</t>
  </si>
  <si>
    <t>927519.0</t>
  </si>
  <si>
    <t>52221904.0</t>
  </si>
  <si>
    <t>1047771.0</t>
  </si>
  <si>
    <t>154.962</t>
  </si>
  <si>
    <t>932000.0</t>
  </si>
  <si>
    <t>53134643.0</t>
  </si>
  <si>
    <t>912739.0</t>
  </si>
  <si>
    <t>157.671</t>
  </si>
  <si>
    <t>942321.0</t>
  </si>
  <si>
    <t>53853153.0</t>
  </si>
  <si>
    <t>718510.0</t>
  </si>
  <si>
    <t>159.803</t>
  </si>
  <si>
    <t>945235.0</t>
  </si>
  <si>
    <t>170421.8</t>
  </si>
  <si>
    <t>503.774490950151</t>
  </si>
  <si>
    <t>54761005.0</t>
  </si>
  <si>
    <t>907852.0</t>
  </si>
  <si>
    <t>162.497</t>
  </si>
  <si>
    <t>950886.0</t>
  </si>
  <si>
    <t>55797737.0</t>
  </si>
  <si>
    <t>1036732.0</t>
  </si>
  <si>
    <t>165.573</t>
  </si>
  <si>
    <t>955528.0</t>
  </si>
  <si>
    <t>56907894.0</t>
  </si>
  <si>
    <t>1110157.0</t>
  </si>
  <si>
    <t>168.867</t>
  </si>
  <si>
    <t>57992334.0</t>
  </si>
  <si>
    <t>1084440.0</t>
  </si>
  <si>
    <t>172.085</t>
  </si>
  <si>
    <t>974029.0</t>
  </si>
  <si>
    <t>59067408.0</t>
  </si>
  <si>
    <t>1075074.0</t>
  </si>
  <si>
    <t>175.275</t>
  </si>
  <si>
    <t>977929.0</t>
  </si>
  <si>
    <t>59949657.0</t>
  </si>
  <si>
    <t>882249.0</t>
  </si>
  <si>
    <t>177.893</t>
  </si>
  <si>
    <t>973573.0</t>
  </si>
  <si>
    <t>60627606.0</t>
  </si>
  <si>
    <t>677949.0</t>
  </si>
  <si>
    <t>179.905</t>
  </si>
  <si>
    <t>967779.0</t>
  </si>
  <si>
    <t>182305.6</t>
  </si>
  <si>
    <t>538.903537208044</t>
  </si>
  <si>
    <t>61425685.0</t>
  </si>
  <si>
    <t>798079.0</t>
  </si>
  <si>
    <t>182.273</t>
  </si>
  <si>
    <t>952097.0</t>
  </si>
  <si>
    <t>62394274.0</t>
  </si>
  <si>
    <t>968589.0</t>
  </si>
  <si>
    <t>185.148</t>
  </si>
  <si>
    <t>942362.0</t>
  </si>
  <si>
    <t>63435253.0</t>
  </si>
  <si>
    <t>1040979.0</t>
  </si>
  <si>
    <t>188.236</t>
  </si>
  <si>
    <t>932480.0</t>
  </si>
  <si>
    <t>64473913.0</t>
  </si>
  <si>
    <t>1038660.0</t>
  </si>
  <si>
    <t>925940.0</t>
  </si>
  <si>
    <t>65464901.0</t>
  </si>
  <si>
    <t>990988.0</t>
  </si>
  <si>
    <t>194.259</t>
  </si>
  <si>
    <t>913928.0</t>
  </si>
  <si>
    <t>66257905.0</t>
  </si>
  <si>
    <t>793004.0</t>
  </si>
  <si>
    <t>196.612</t>
  </si>
  <si>
    <t>901178.0</t>
  </si>
  <si>
    <t>66882462.0</t>
  </si>
  <si>
    <t>624557.0</t>
  </si>
  <si>
    <t>198.466</t>
  </si>
  <si>
    <t>893551.0</t>
  </si>
  <si>
    <t>194119.6</t>
  </si>
  <si>
    <t>573.82625153265</t>
  </si>
  <si>
    <t>67659829.0</t>
  </si>
  <si>
    <t>777367.0</t>
  </si>
  <si>
    <t>200.772</t>
  </si>
  <si>
    <t>890592.0</t>
  </si>
  <si>
    <t>68544087.0</t>
  </si>
  <si>
    <t>884258.0</t>
  </si>
  <si>
    <t>203.396</t>
  </si>
  <si>
    <t>878545.0</t>
  </si>
  <si>
    <t>44663.0</t>
  </si>
  <si>
    <t>69510054.0</t>
  </si>
  <si>
    <t>965967.0</t>
  </si>
  <si>
    <t>206.263</t>
  </si>
  <si>
    <t>867829.0</t>
  </si>
  <si>
    <t>70501120.0</t>
  </si>
  <si>
    <t>991066.0</t>
  </si>
  <si>
    <t>209.204</t>
  </si>
  <si>
    <t>861030.0</t>
  </si>
  <si>
    <t>71517263.0</t>
  </si>
  <si>
    <t>1016143.0</t>
  </si>
  <si>
    <t>212.219</t>
  </si>
  <si>
    <t>864623.0</t>
  </si>
  <si>
    <t>72333228.0</t>
  </si>
  <si>
    <t>815965.0</t>
  </si>
  <si>
    <t>867903.0</t>
  </si>
  <si>
    <t>72959998.0</t>
  </si>
  <si>
    <t>626770.0</t>
  </si>
  <si>
    <t>868219.0</t>
  </si>
  <si>
    <t>205249.2</t>
  </si>
  <si>
    <t>606.725848734879</t>
  </si>
  <si>
    <t>73745438.0</t>
  </si>
  <si>
    <t>218.831</t>
  </si>
  <si>
    <t>869373.0</t>
  </si>
  <si>
    <t>74655066.0</t>
  </si>
  <si>
    <t>909628.0</t>
  </si>
  <si>
    <t>872997.0</t>
  </si>
  <si>
    <t>75683714.0</t>
  </si>
  <si>
    <t>1028648.0</t>
  </si>
  <si>
    <t>224.582</t>
  </si>
  <si>
    <t>881951.0</t>
  </si>
  <si>
    <t>76664393.0</t>
  </si>
  <si>
    <t>227.492</t>
  </si>
  <si>
    <t>880468.0</t>
  </si>
  <si>
    <t>77626301.0</t>
  </si>
  <si>
    <t>961908.0</t>
  </si>
  <si>
    <t>230.347</t>
  </si>
  <si>
    <t>872720.0</t>
  </si>
  <si>
    <t>78394254.0</t>
  </si>
  <si>
    <t>767953.0</t>
  </si>
  <si>
    <t>865861.0</t>
  </si>
  <si>
    <t>78967257.0</t>
  </si>
  <si>
    <t>573003.0</t>
  </si>
  <si>
    <t>234.326</t>
  </si>
  <si>
    <t>858180.0</t>
  </si>
  <si>
    <t>216531.6</t>
  </si>
  <si>
    <t>640.077129596224</t>
  </si>
  <si>
    <t>79644369.0</t>
  </si>
  <si>
    <t>677112.0</t>
  </si>
  <si>
    <t>842704.0</t>
  </si>
  <si>
    <t>80540237.0</t>
  </si>
  <si>
    <t>895868.0</t>
  </si>
  <si>
    <t>238.993</t>
  </si>
  <si>
    <t>81545629.0</t>
  </si>
  <si>
    <t>1005392.0</t>
  </si>
  <si>
    <t>241.977</t>
  </si>
  <si>
    <t>837416.0</t>
  </si>
  <si>
    <t>82542720.0</t>
  </si>
  <si>
    <t>997091.0</t>
  </si>
  <si>
    <t>839761.0</t>
  </si>
  <si>
    <t>83508569.0</t>
  </si>
  <si>
    <t>965849.0</t>
  </si>
  <si>
    <t>247.802</t>
  </si>
  <si>
    <t>840324.0</t>
  </si>
  <si>
    <t>84303144.0</t>
  </si>
  <si>
    <t>794575.0</t>
  </si>
  <si>
    <t>844127.0</t>
  </si>
  <si>
    <t>84865265.0</t>
  </si>
  <si>
    <t>562121.0</t>
  </si>
  <si>
    <t>251.827</t>
  </si>
  <si>
    <t>842573.0</t>
  </si>
  <si>
    <t>226875.8</t>
  </si>
  <si>
    <t>670.655049142236</t>
  </si>
  <si>
    <t>85532343.0</t>
  </si>
  <si>
    <t>667078.0</t>
  </si>
  <si>
    <t>253.807</t>
  </si>
  <si>
    <t>841139.0</t>
  </si>
  <si>
    <t>86438719.0</t>
  </si>
  <si>
    <t>906376.0</t>
  </si>
  <si>
    <t>256.497</t>
  </si>
  <si>
    <t>842640.0</t>
  </si>
  <si>
    <t>87457021.0</t>
  </si>
  <si>
    <t>1018302.0</t>
  </si>
  <si>
    <t>259.518</t>
  </si>
  <si>
    <t>844485.0</t>
  </si>
  <si>
    <t>88478121.0</t>
  </si>
  <si>
    <t>262.548</t>
  </si>
  <si>
    <t>847914.0</t>
  </si>
  <si>
    <t>89465751.0</t>
  </si>
  <si>
    <t>987630.0</t>
  </si>
  <si>
    <t>265.479</t>
  </si>
  <si>
    <t>851026.0</t>
  </si>
  <si>
    <t>90264446.0</t>
  </si>
  <si>
    <t>798695.0</t>
  </si>
  <si>
    <t>267.849</t>
  </si>
  <si>
    <t>851615.0</t>
  </si>
  <si>
    <t>90879362.0</t>
  </si>
  <si>
    <t>614916.0</t>
  </si>
  <si>
    <t>269.674</t>
  </si>
  <si>
    <t>859157.0</t>
  </si>
  <si>
    <t>235380.8</t>
  </si>
  <si>
    <t>695.796210927472</t>
  </si>
  <si>
    <t>91541345.0</t>
  </si>
  <si>
    <t>661983.0</t>
  </si>
  <si>
    <t>271.638</t>
  </si>
  <si>
    <t>858429.0</t>
  </si>
  <si>
    <t>92449482.0</t>
  </si>
  <si>
    <t>908137.0</t>
  </si>
  <si>
    <t>274.333</t>
  </si>
  <si>
    <t>858680.0</t>
  </si>
  <si>
    <t>93477339.0</t>
  </si>
  <si>
    <t>1027857.0</t>
  </si>
  <si>
    <t>277.383</t>
  </si>
  <si>
    <t>860045.0</t>
  </si>
  <si>
    <t>94510661.0</t>
  </si>
  <si>
    <t>1033322.0</t>
  </si>
  <si>
    <t>280.449</t>
  </si>
  <si>
    <t>95510759.0</t>
  </si>
  <si>
    <t>1000098.0</t>
  </si>
  <si>
    <t>283.417</t>
  </si>
  <si>
    <t>863573.0</t>
  </si>
  <si>
    <t>96327782.0</t>
  </si>
  <si>
    <t>817023.0</t>
  </si>
  <si>
    <t>285.841</t>
  </si>
  <si>
    <t>866191.0</t>
  </si>
  <si>
    <t>96893869.0</t>
  </si>
  <si>
    <t>859215.0</t>
  </si>
  <si>
    <t>242811.0</t>
  </si>
  <si>
    <t>717.760215665468</t>
  </si>
  <si>
    <t>97309127.0</t>
  </si>
  <si>
    <t>415258.0</t>
  </si>
  <si>
    <t>288.753</t>
  </si>
  <si>
    <t>823969.0</t>
  </si>
  <si>
    <t>28951.0</t>
  </si>
  <si>
    <t>97973605.0</t>
  </si>
  <si>
    <t>664478.0</t>
  </si>
  <si>
    <t>290.725</t>
  </si>
  <si>
    <t>789160.0</t>
  </si>
  <si>
    <t>98933342.0</t>
  </si>
  <si>
    <t>959737.0</t>
  </si>
  <si>
    <t>293.573</t>
  </si>
  <si>
    <t>779429.0</t>
  </si>
  <si>
    <t>100022025.0</t>
  </si>
  <si>
    <t>1088683.0</t>
  </si>
  <si>
    <t>296.803</t>
  </si>
  <si>
    <t>787338.0</t>
  </si>
  <si>
    <t>101123043.0</t>
  </si>
  <si>
    <t>1101018.0</t>
  </si>
  <si>
    <t>300.07</t>
  </si>
  <si>
    <t>801755.0</t>
  </si>
  <si>
    <t>101989357.0</t>
  </si>
  <si>
    <t>866314.0</t>
  </si>
  <si>
    <t>302.641</t>
  </si>
  <si>
    <t>808796.0</t>
  </si>
  <si>
    <t>102617699.0</t>
  </si>
  <si>
    <t>628342.0</t>
  </si>
  <si>
    <t>304.506</t>
  </si>
  <si>
    <t>817690.0</t>
  </si>
  <si>
    <t>249409.2</t>
  </si>
  <si>
    <t>737.264791055396</t>
  </si>
  <si>
    <t>103326930.0</t>
  </si>
  <si>
    <t>709231.0</t>
  </si>
  <si>
    <t>306.61</t>
  </si>
  <si>
    <t>859686.0</t>
  </si>
  <si>
    <t>104295010.0</t>
  </si>
  <si>
    <t>968080.0</t>
  </si>
  <si>
    <t>309.483</t>
  </si>
  <si>
    <t>903058.0</t>
  </si>
  <si>
    <t>27188.0</t>
  </si>
  <si>
    <t>105435366.0</t>
  </si>
  <si>
    <t>1140356.0</t>
  </si>
  <si>
    <t>312.867</t>
  </si>
  <si>
    <t>928861.0</t>
  </si>
  <si>
    <t>106593984.0</t>
  </si>
  <si>
    <t>1158618.0</t>
  </si>
  <si>
    <t>316.305</t>
  </si>
  <si>
    <t>938851.0</t>
  </si>
  <si>
    <t>107824213.0</t>
  </si>
  <si>
    <t>1230229.0</t>
  </si>
  <si>
    <t>319.955</t>
  </si>
  <si>
    <t>957310.0</t>
  </si>
  <si>
    <t>108763392.0</t>
  </si>
  <si>
    <t>939179.0</t>
  </si>
  <si>
    <t>322.742</t>
  </si>
  <si>
    <t>967719.0</t>
  </si>
  <si>
    <t>109387997.0</t>
  </si>
  <si>
    <t>624605.0</t>
  </si>
  <si>
    <t>324.596</t>
  </si>
  <si>
    <t>967185.0</t>
  </si>
  <si>
    <t>255983.4</t>
  </si>
  <si>
    <t>756.698421367976</t>
  </si>
  <si>
    <t>110139058.0</t>
  </si>
  <si>
    <t>751061.0</t>
  </si>
  <si>
    <t>326.824</t>
  </si>
  <si>
    <t>973161.0</t>
  </si>
  <si>
    <t>111169463.0</t>
  </si>
  <si>
    <t>1030405.0</t>
  </si>
  <si>
    <t>329.882</t>
  </si>
  <si>
    <t>112375293.0</t>
  </si>
  <si>
    <t>1205830.0</t>
  </si>
  <si>
    <t>333.46</t>
  </si>
  <si>
    <t>991418.0</t>
  </si>
  <si>
    <t>113578605.0</t>
  </si>
  <si>
    <t>1203312.0</t>
  </si>
  <si>
    <t>337.031</t>
  </si>
  <si>
    <t>997803.0</t>
  </si>
  <si>
    <t>114709318.0</t>
  </si>
  <si>
    <t>1130713.0</t>
  </si>
  <si>
    <t>340.386</t>
  </si>
  <si>
    <t>983586.0</t>
  </si>
  <si>
    <t>115648976.0</t>
  </si>
  <si>
    <t>939658.0</t>
  </si>
  <si>
    <t>343.174</t>
  </si>
  <si>
    <t>983655.0</t>
  </si>
  <si>
    <t>116246681.0</t>
  </si>
  <si>
    <t>597705.0</t>
  </si>
  <si>
    <t>344.948</t>
  </si>
  <si>
    <t>979812.0</t>
  </si>
  <si>
    <t>263345.4</t>
  </si>
  <si>
    <t>778.460823844508</t>
  </si>
  <si>
    <t>116915108.0</t>
  </si>
  <si>
    <t>668427.0</t>
  </si>
  <si>
    <t>346.932</t>
  </si>
  <si>
    <t>968007.0</t>
  </si>
  <si>
    <t>117900333.0</t>
  </si>
  <si>
    <t>985225.0</t>
  </si>
  <si>
    <t>349.855</t>
  </si>
  <si>
    <t>961553.0</t>
  </si>
  <si>
    <t>119102012.0</t>
  </si>
  <si>
    <t>1201679.0</t>
  </si>
  <si>
    <t>353.421</t>
  </si>
  <si>
    <t>960960.0</t>
  </si>
  <si>
    <t>120327456.0</t>
  </si>
  <si>
    <t>1225444.0</t>
  </si>
  <si>
    <t>357.057</t>
  </si>
  <si>
    <t>964122.0</t>
  </si>
  <si>
    <t>121520344.0</t>
  </si>
  <si>
    <t>1192888.0</t>
  </si>
  <si>
    <t>360.597</t>
  </si>
  <si>
    <t>973004.0</t>
  </si>
  <si>
    <t>122496961.0</t>
  </si>
  <si>
    <t>363.495</t>
  </si>
  <si>
    <t>978284.0</t>
  </si>
  <si>
    <t>123138477.0</t>
  </si>
  <si>
    <t>641516.0</t>
  </si>
  <si>
    <t>365.399</t>
  </si>
  <si>
    <t>984542.0</t>
  </si>
  <si>
    <t>268834.6</t>
  </si>
  <si>
    <t>794.687145451976</t>
  </si>
  <si>
    <t>123946447.0</t>
  </si>
  <si>
    <t>807970.0</t>
  </si>
  <si>
    <t>1004477.0</t>
  </si>
  <si>
    <t>125174661.0</t>
  </si>
  <si>
    <t>1228214.0</t>
  </si>
  <si>
    <t>371.441</t>
  </si>
  <si>
    <t>1039190.0</t>
  </si>
  <si>
    <t>126588959.0</t>
  </si>
  <si>
    <t>1414298.0</t>
  </si>
  <si>
    <t>375.638</t>
  </si>
  <si>
    <t>1069564.0</t>
  </si>
  <si>
    <t>128024046.0</t>
  </si>
  <si>
    <t>1435087.0</t>
  </si>
  <si>
    <t>379.896</t>
  </si>
  <si>
    <t>1099513.0</t>
  </si>
  <si>
    <t>129426598.0</t>
  </si>
  <si>
    <t>1402552.0</t>
  </si>
  <si>
    <t>384.058</t>
  </si>
  <si>
    <t>1129465.0</t>
  </si>
  <si>
    <t>130533269.0</t>
  </si>
  <si>
    <t>1106671.0</t>
  </si>
  <si>
    <t>387.342</t>
  </si>
  <si>
    <t>1148044.0</t>
  </si>
  <si>
    <t>131281413.0</t>
  </si>
  <si>
    <t>748144.0</t>
  </si>
  <si>
    <t>389.562</t>
  </si>
  <si>
    <t>1163277.0</t>
  </si>
  <si>
    <t>276463.0</t>
  </si>
  <si>
    <t>817.237038287072</t>
  </si>
  <si>
    <t>132092522.0</t>
  </si>
  <si>
    <t>811109.0</t>
  </si>
  <si>
    <t>391.969</t>
  </si>
  <si>
    <t>1163725.0</t>
  </si>
  <si>
    <t>133158440.0</t>
  </si>
  <si>
    <t>1065918.0</t>
  </si>
  <si>
    <t>395.132</t>
  </si>
  <si>
    <t>1140540.0</t>
  </si>
  <si>
    <t>134391289.0</t>
  </si>
  <si>
    <t>1232849.0</t>
  </si>
  <si>
    <t>398.79</t>
  </si>
  <si>
    <t>1114619.0</t>
  </si>
  <si>
    <t>135698057.0</t>
  </si>
  <si>
    <t>1306768.0</t>
  </si>
  <si>
    <t>402.668</t>
  </si>
  <si>
    <t>1096287.0</t>
  </si>
  <si>
    <t>137030071.0</t>
  </si>
  <si>
    <t>1332014.0</t>
  </si>
  <si>
    <t>406.62</t>
  </si>
  <si>
    <t>1086210.0</t>
  </si>
  <si>
    <t>138151009.0</t>
  </si>
  <si>
    <t>1120938.0</t>
  </si>
  <si>
    <t>409.947</t>
  </si>
  <si>
    <t>1088249.0</t>
  </si>
  <si>
    <t>138922174.0</t>
  </si>
  <si>
    <t>412.235</t>
  </si>
  <si>
    <t>1091537.0</t>
  </si>
  <si>
    <t>282311.2</t>
  </si>
  <si>
    <t>834.524580009872</t>
  </si>
  <si>
    <t>139798503.0</t>
  </si>
  <si>
    <t>876329.0</t>
  </si>
  <si>
    <t>414.835</t>
  </si>
  <si>
    <t>1100854.0</t>
  </si>
  <si>
    <t>141076726.0</t>
  </si>
  <si>
    <t>1278223.0</t>
  </si>
  <si>
    <t>418.628</t>
  </si>
  <si>
    <t>1131184.0</t>
  </si>
  <si>
    <t>142557663.0</t>
  </si>
  <si>
    <t>1480937.0</t>
  </si>
  <si>
    <t>423.023</t>
  </si>
  <si>
    <t>1166625.0</t>
  </si>
  <si>
    <t>144091477.0</t>
  </si>
  <si>
    <t>1533814.0</t>
  </si>
  <si>
    <t>427.574</t>
  </si>
  <si>
    <t>145558274.0</t>
  </si>
  <si>
    <t>1466797.0</t>
  </si>
  <si>
    <t>431.927</t>
  </si>
  <si>
    <t>1218315.0</t>
  </si>
  <si>
    <t>146738672.0</t>
  </si>
  <si>
    <t>1180398.0</t>
  </si>
  <si>
    <t>435.429</t>
  </si>
  <si>
    <t>1226809.0</t>
  </si>
  <si>
    <t>147532944.0</t>
  </si>
  <si>
    <t>794272.0</t>
  </si>
  <si>
    <t>437.786</t>
  </si>
  <si>
    <t>1230110.0</t>
  </si>
  <si>
    <t>289555.4</t>
  </si>
  <si>
    <t>855.93876039842</t>
  </si>
  <si>
    <t>148488181.0</t>
  </si>
  <si>
    <t>955237.0</t>
  </si>
  <si>
    <t>440.621</t>
  </si>
  <si>
    <t>1241383.0</t>
  </si>
  <si>
    <t>149829190.0</t>
  </si>
  <si>
    <t>1341009.0</t>
  </si>
  <si>
    <t>1250352.0</t>
  </si>
  <si>
    <t>151334105.0</t>
  </si>
  <si>
    <t>1504915.0</t>
  </si>
  <si>
    <t>449.066</t>
  </si>
  <si>
    <t>1253777.0</t>
  </si>
  <si>
    <t>152820925.0</t>
  </si>
  <si>
    <t>1486820.0</t>
  </si>
  <si>
    <t>453.478</t>
  </si>
  <si>
    <t>1247064.0</t>
  </si>
  <si>
    <t>154323343.0</t>
  </si>
  <si>
    <t>1502418.0</t>
  </si>
  <si>
    <t>457.936</t>
  </si>
  <si>
    <t>1252153.0</t>
  </si>
  <si>
    <t>155544168.0</t>
  </si>
  <si>
    <t>1220825.0</t>
  </si>
  <si>
    <t>461.559</t>
  </si>
  <si>
    <t>1257928.0</t>
  </si>
  <si>
    <t>156444102.0</t>
  </si>
  <si>
    <t>899934.0</t>
  </si>
  <si>
    <t>464.229</t>
  </si>
  <si>
    <t>1273023.0</t>
  </si>
  <si>
    <t>297694.8</t>
  </si>
  <si>
    <t>879.999192172053</t>
  </si>
  <si>
    <t>157461384.0</t>
  </si>
  <si>
    <t>1017282.0</t>
  </si>
  <si>
    <t>1281886.0</t>
  </si>
  <si>
    <t>158826714.0</t>
  </si>
  <si>
    <t>1365330.0</t>
  </si>
  <si>
    <t>471.299</t>
  </si>
  <si>
    <t>1285361.0</t>
  </si>
  <si>
    <t>160460048.0</t>
  </si>
  <si>
    <t>476.146</t>
  </si>
  <si>
    <t>1303706.0</t>
  </si>
  <si>
    <t>162156934.0</t>
  </si>
  <si>
    <t>1696886.0</t>
  </si>
  <si>
    <t>481.181</t>
  </si>
  <si>
    <t>1333716.0</t>
  </si>
  <si>
    <t>53370.0</t>
  </si>
  <si>
    <t>163835167.0</t>
  </si>
  <si>
    <t>1678233.0</t>
  </si>
  <si>
    <t>486.161</t>
  </si>
  <si>
    <t>1358832.0</t>
  </si>
  <si>
    <t>165291740.0</t>
  </si>
  <si>
    <t>1456573.0</t>
  </si>
  <si>
    <t>490.483</t>
  </si>
  <si>
    <t>1392510.0</t>
  </si>
  <si>
    <t>166303301.0</t>
  </si>
  <si>
    <t>1011561.0</t>
  </si>
  <si>
    <t>493.485</t>
  </si>
  <si>
    <t>1408457.0</t>
  </si>
  <si>
    <t>309715.2</t>
  </si>
  <si>
    <t>915.532034161852</t>
  </si>
  <si>
    <t>167527880.0</t>
  </si>
  <si>
    <t>1224579.0</t>
  </si>
  <si>
    <t>497.119</t>
  </si>
  <si>
    <t>1438071.0</t>
  </si>
  <si>
    <t>169067534.0</t>
  </si>
  <si>
    <t>1539654.0</t>
  </si>
  <si>
    <t>1462974.0</t>
  </si>
  <si>
    <t>170859534.0</t>
  </si>
  <si>
    <t>1792000.0</t>
  </si>
  <si>
    <t>507.005</t>
  </si>
  <si>
    <t>1485641.0</t>
  </si>
  <si>
    <t>172713952.0</t>
  </si>
  <si>
    <t>1854418.0</t>
  </si>
  <si>
    <t>512.508</t>
  </si>
  <si>
    <t>1508145.0</t>
  </si>
  <si>
    <t>46.904</t>
  </si>
  <si>
    <t>174619398.0</t>
  </si>
  <si>
    <t>1905446.0</t>
  </si>
  <si>
    <t>518.162</t>
  </si>
  <si>
    <t>1540604.0</t>
  </si>
  <si>
    <t>176218375.0</t>
  </si>
  <si>
    <t>1598977.0</t>
  </si>
  <si>
    <t>522.907</t>
  </si>
  <si>
    <t>1560948.0</t>
  </si>
  <si>
    <t>177416218.0</t>
  </si>
  <si>
    <t>1197843.0</t>
  </si>
  <si>
    <t>526.461</t>
  </si>
  <si>
    <t>1587560.0</t>
  </si>
  <si>
    <t>322194.4</t>
  </si>
  <si>
    <t>952.421109546957</t>
  </si>
  <si>
    <t>178908952.0</t>
  </si>
  <si>
    <t>1492734.0</t>
  </si>
  <si>
    <t>530.891</t>
  </si>
  <si>
    <t>1625867.0</t>
  </si>
  <si>
    <t>180814985.0</t>
  </si>
  <si>
    <t>1906033.0</t>
  </si>
  <si>
    <t>536.547</t>
  </si>
  <si>
    <t>1678207.0</t>
  </si>
  <si>
    <t>182914905.0</t>
  </si>
  <si>
    <t>2099920.0</t>
  </si>
  <si>
    <t>542.778</t>
  </si>
  <si>
    <t>1722196.0</t>
  </si>
  <si>
    <t>184992189.0</t>
  </si>
  <si>
    <t>2077284.0</t>
  </si>
  <si>
    <t>548.942</t>
  </si>
  <si>
    <t>1754034.0</t>
  </si>
  <si>
    <t>187143756.0</t>
  </si>
  <si>
    <t>2151567.0</t>
  </si>
  <si>
    <t>555.327</t>
  </si>
  <si>
    <t>1789194.0</t>
  </si>
  <si>
    <t>189001513.0</t>
  </si>
  <si>
    <t>1857757.0</t>
  </si>
  <si>
    <t>560.839</t>
  </si>
  <si>
    <t>1826163.0</t>
  </si>
  <si>
    <t>190424346.0</t>
  </si>
  <si>
    <t>1422833.0</t>
  </si>
  <si>
    <t>565.061</t>
  </si>
  <si>
    <t>1858304.0</t>
  </si>
  <si>
    <t>337499.0</t>
  </si>
  <si>
    <t>997.662194162866</t>
  </si>
  <si>
    <t>192098561.0</t>
  </si>
  <si>
    <t>1674215.0</t>
  </si>
  <si>
    <t>570.029</t>
  </si>
  <si>
    <t>1884230.0</t>
  </si>
  <si>
    <t>194071543.0</t>
  </si>
  <si>
    <t>1972982.0</t>
  </si>
  <si>
    <t>575.884</t>
  </si>
  <si>
    <t>1893794.0</t>
  </si>
  <si>
    <t>196297714.0</t>
  </si>
  <si>
    <t>2226171.0</t>
  </si>
  <si>
    <t>582.49</t>
  </si>
  <si>
    <t>1911830.0</t>
  </si>
  <si>
    <t>197804335.0</t>
  </si>
  <si>
    <t>1506621.0</t>
  </si>
  <si>
    <t>586.961</t>
  </si>
  <si>
    <t>1830307.0</t>
  </si>
  <si>
    <t>199317099.0</t>
  </si>
  <si>
    <t>1512764.0</t>
  </si>
  <si>
    <t>591.45</t>
  </si>
  <si>
    <t>1739049.0</t>
  </si>
  <si>
    <t>200665842.0</t>
  </si>
  <si>
    <t>1348743.0</t>
  </si>
  <si>
    <t>595.452</t>
  </si>
  <si>
    <t>1666333.0</t>
  </si>
  <si>
    <t>201817867.0</t>
  </si>
  <si>
    <t>1152025.0</t>
  </si>
  <si>
    <t>598.87</t>
  </si>
  <si>
    <t>1627646.0</t>
  </si>
  <si>
    <t>353988.6</t>
  </si>
  <si>
    <t>1046.40619197284</t>
  </si>
  <si>
    <t>203283589.0</t>
  </si>
  <si>
    <t>1465722.0</t>
  </si>
  <si>
    <t>603.22</t>
  </si>
  <si>
    <t>1597861.0</t>
  </si>
  <si>
    <t>96674.0</t>
  </si>
  <si>
    <t>205127934.0</t>
  </si>
  <si>
    <t>1844345.0</t>
  </si>
  <si>
    <t>608.693</t>
  </si>
  <si>
    <t>1579484.0</t>
  </si>
  <si>
    <t>207227673.0</t>
  </si>
  <si>
    <t>2099739.0</t>
  </si>
  <si>
    <t>614.923</t>
  </si>
  <si>
    <t>1561423.0</t>
  </si>
  <si>
    <t>209376383.0</t>
  </si>
  <si>
    <t>2148710.0</t>
  </si>
  <si>
    <t>621.299</t>
  </si>
  <si>
    <t>1653150.0</t>
  </si>
  <si>
    <t>211495476.0</t>
  </si>
  <si>
    <t>2119093.0</t>
  </si>
  <si>
    <t>627.587</t>
  </si>
  <si>
    <t>1739768.0</t>
  </si>
  <si>
    <t>213187805.0</t>
  </si>
  <si>
    <t>1692329.0</t>
  </si>
  <si>
    <t>632.609</t>
  </si>
  <si>
    <t>1788852.0</t>
  </si>
  <si>
    <t>214481020.0</t>
  </si>
  <si>
    <t>1293215.0</t>
  </si>
  <si>
    <t>636.447</t>
  </si>
  <si>
    <t>1809022.0</t>
  </si>
  <si>
    <t>373445.8</t>
  </si>
  <si>
    <t>1103.92254859691</t>
  </si>
  <si>
    <t>216022135.0</t>
  </si>
  <si>
    <t>1541115.0</t>
  </si>
  <si>
    <t>641.02</t>
  </si>
  <si>
    <t>1819792.0</t>
  </si>
  <si>
    <t>217938260.0</t>
  </si>
  <si>
    <t>1916125.0</t>
  </si>
  <si>
    <t>646.706</t>
  </si>
  <si>
    <t>1830047.0</t>
  </si>
  <si>
    <t>220063761.0</t>
  </si>
  <si>
    <t>2125501.0</t>
  </si>
  <si>
    <t>653.013</t>
  </si>
  <si>
    <t>1833727.0</t>
  </si>
  <si>
    <t>222246604.0</t>
  </si>
  <si>
    <t>2182843.0</t>
  </si>
  <si>
    <t>659.49</t>
  </si>
  <si>
    <t>1838603.0</t>
  </si>
  <si>
    <t>224304185.0</t>
  </si>
  <si>
    <t>2057581.0</t>
  </si>
  <si>
    <t>665.596</t>
  </si>
  <si>
    <t>1829816.0</t>
  </si>
  <si>
    <t>226027378.0</t>
  </si>
  <si>
    <t>1723193.0</t>
  </si>
  <si>
    <t>670.709</t>
  </si>
  <si>
    <t>1834225.0</t>
  </si>
  <si>
    <t>227276972.0</t>
  </si>
  <si>
    <t>674.417</t>
  </si>
  <si>
    <t>1827993.0</t>
  </si>
  <si>
    <t>397088.8</t>
  </si>
  <si>
    <t>1173.81231791946</t>
  </si>
  <si>
    <t>25560.0</t>
  </si>
  <si>
    <t>102441.0</t>
  </si>
  <si>
    <t>228772064.0</t>
  </si>
  <si>
    <t>1495092.0</t>
  </si>
  <si>
    <t>678.854</t>
  </si>
  <si>
    <t>1821418.0</t>
  </si>
  <si>
    <t>230718765.0</t>
  </si>
  <si>
    <t>1946701.0</t>
  </si>
  <si>
    <t>684.63</t>
  </si>
  <si>
    <t>1825786.0</t>
  </si>
  <si>
    <t>232796943.0</t>
  </si>
  <si>
    <t>2078178.0</t>
  </si>
  <si>
    <t>690.797</t>
  </si>
  <si>
    <t>1819026.0</t>
  </si>
  <si>
    <t>254555.0</t>
  </si>
  <si>
    <t>240456.0</t>
  </si>
  <si>
    <t>159885.0</t>
  </si>
  <si>
    <t>70819.0</t>
  </si>
  <si>
    <t>234850418.0</t>
  </si>
  <si>
    <t>2053475.0</t>
  </si>
  <si>
    <t>696.89</t>
  </si>
  <si>
    <t>1800545.0</t>
  </si>
  <si>
    <t>529269.0</t>
  </si>
  <si>
    <t>274714.0</t>
  </si>
  <si>
    <t>121793.0</t>
  </si>
  <si>
    <t>236873355.0</t>
  </si>
  <si>
    <t>2022937.0</t>
  </si>
  <si>
    <t>702.893</t>
  </si>
  <si>
    <t>1795596.0</t>
  </si>
  <si>
    <t>949445.0</t>
  </si>
  <si>
    <t>919615.0</t>
  </si>
  <si>
    <t>420176.0</t>
  </si>
  <si>
    <t>181469.0</t>
  </si>
  <si>
    <t>238585641.0</t>
  </si>
  <si>
    <t>1712286.0</t>
  </si>
  <si>
    <t>707.974</t>
  </si>
  <si>
    <t>1794038.0</t>
  </si>
  <si>
    <t>1133199.0</t>
  </si>
  <si>
    <t>1099163.0</t>
  </si>
  <si>
    <t>183754.0</t>
  </si>
  <si>
    <t>181850.0</t>
  </si>
  <si>
    <t>177500.0</t>
  </si>
  <si>
    <t>239863016.0</t>
  </si>
  <si>
    <t>1277375.0</t>
  </si>
  <si>
    <t>711.765</t>
  </si>
  <si>
    <t>1798006.0</t>
  </si>
  <si>
    <t>1240087.0</t>
  </si>
  <si>
    <t>1203831.0</t>
  </si>
  <si>
    <t>106888.0</t>
  </si>
  <si>
    <t>171141.0</t>
  </si>
  <si>
    <t>167096.0</t>
  </si>
  <si>
    <t>420910.8</t>
  </si>
  <si>
    <t>1244.23121927723</t>
  </si>
  <si>
    <t>241392595.0</t>
  </si>
  <si>
    <t>1529579.0</t>
  </si>
  <si>
    <t>716.304</t>
  </si>
  <si>
    <t>1802933.0</t>
  </si>
  <si>
    <t>1626347.0</t>
  </si>
  <si>
    <t>1582643.0</t>
  </si>
  <si>
    <t>386260.0</t>
  </si>
  <si>
    <t>220553.0</t>
  </si>
  <si>
    <t>243381459.0</t>
  </si>
  <si>
    <t>1988864.0</t>
  </si>
  <si>
    <t>722.205</t>
  </si>
  <si>
    <t>2076919.0</t>
  </si>
  <si>
    <t>2023931.0</t>
  </si>
  <si>
    <t>450572.0</t>
  </si>
  <si>
    <t>283178.0</t>
  </si>
  <si>
    <t>276976.0</t>
  </si>
  <si>
    <t>245662711.0</t>
  </si>
  <si>
    <t>2281252.0</t>
  </si>
  <si>
    <t>728.975</t>
  </si>
  <si>
    <t>1837967.0</t>
  </si>
  <si>
    <t>2654131.0</t>
  </si>
  <si>
    <t>2589301.0</t>
  </si>
  <si>
    <t>577212.0</t>
  </si>
  <si>
    <t>342797.0</t>
  </si>
  <si>
    <t>335549.0</t>
  </si>
  <si>
    <t>247555007.0</t>
  </si>
  <si>
    <t>1892296.0</t>
  </si>
  <si>
    <t>734.59</t>
  </si>
  <si>
    <t>1814941.0</t>
  </si>
  <si>
    <t>2851770.0</t>
  </si>
  <si>
    <t>2781951.0</t>
  </si>
  <si>
    <t>331786.0</t>
  </si>
  <si>
    <t>324778.0</t>
  </si>
  <si>
    <t>248633270.0</t>
  </si>
  <si>
    <t>1078263.0</t>
  </si>
  <si>
    <t>737.789</t>
  </si>
  <si>
    <t>1679988.0</t>
  </si>
  <si>
    <t>2864540.0</t>
  </si>
  <si>
    <t>2794540.0</t>
  </si>
  <si>
    <t>12770.0</t>
  </si>
  <si>
    <t>273585.0</t>
  </si>
  <si>
    <t>267846.0</t>
  </si>
  <si>
    <t>249627940.0</t>
  </si>
  <si>
    <t>994670.0</t>
  </si>
  <si>
    <t>740.741</t>
  </si>
  <si>
    <t>1577471.0</t>
  </si>
  <si>
    <t>3007888.0</t>
  </si>
  <si>
    <t>2934311.0</t>
  </si>
  <si>
    <t>143348.0</t>
  </si>
  <si>
    <t>267813.0</t>
  </si>
  <si>
    <t>250578203.0</t>
  </si>
  <si>
    <t>950263.0</t>
  </si>
  <si>
    <t>743.561</t>
  </si>
  <si>
    <t>1530741.0</t>
  </si>
  <si>
    <t>3104599.0</t>
  </si>
  <si>
    <t>3028114.0</t>
  </si>
  <si>
    <t>266359.0</t>
  </si>
  <si>
    <t>445676.2</t>
  </si>
  <si>
    <t>1317.43885338377</t>
  </si>
  <si>
    <t>251888434.0</t>
  </si>
  <si>
    <t>1310231.0</t>
  </si>
  <si>
    <t>747.449</t>
  </si>
  <si>
    <t>1499406.0</t>
  </si>
  <si>
    <t>3700984.0</t>
  </si>
  <si>
    <t>3609605.0</t>
  </si>
  <si>
    <t>596385.0</t>
  </si>
  <si>
    <t>296377.0</t>
  </si>
  <si>
    <t>289566.0</t>
  </si>
  <si>
    <t>253776388.0</t>
  </si>
  <si>
    <t>1887954.0</t>
  </si>
  <si>
    <t>753.051</t>
  </si>
  <si>
    <t>1484990.0</t>
  </si>
  <si>
    <t>4.407</t>
  </si>
  <si>
    <t>4429071.0</t>
  </si>
  <si>
    <t>4318058.0</t>
  </si>
  <si>
    <t>728087.0</t>
  </si>
  <si>
    <t>336022.0</t>
  </si>
  <si>
    <t>327732.0</t>
  </si>
  <si>
    <t>255969427.0</t>
  </si>
  <si>
    <t>2193039.0</t>
  </si>
  <si>
    <t>759.559</t>
  </si>
  <si>
    <t>1472388.0</t>
  </si>
  <si>
    <t>5276706.0</t>
  </si>
  <si>
    <t>5145413.0</t>
  </si>
  <si>
    <t>847635.0</t>
  </si>
  <si>
    <t>374654.0</t>
  </si>
  <si>
    <t>365159.0</t>
  </si>
  <si>
    <t>257894445.0</t>
  </si>
  <si>
    <t>1925018.0</t>
  </si>
  <si>
    <t>765.271</t>
  </si>
  <si>
    <t>1477063.0</t>
  </si>
  <si>
    <t>5702265.0</t>
  </si>
  <si>
    <t>5560344.0</t>
  </si>
  <si>
    <t>425559.0</t>
  </si>
  <si>
    <t>407214.0</t>
  </si>
  <si>
    <t>396913.0</t>
  </si>
  <si>
    <t>259150908.0</t>
  </si>
  <si>
    <t>1256463.0</t>
  </si>
  <si>
    <t>768.999</t>
  </si>
  <si>
    <t>1502520.0</t>
  </si>
  <si>
    <t>5832002.0</t>
  </si>
  <si>
    <t>5677374.0</t>
  </si>
  <si>
    <t>129737.0</t>
  </si>
  <si>
    <t>423923.0</t>
  </si>
  <si>
    <t>260269978.0</t>
  </si>
  <si>
    <t>1119070.0</t>
  </si>
  <si>
    <t>772.32</t>
  </si>
  <si>
    <t>1520291.0</t>
  </si>
  <si>
    <t>6099953.0</t>
  </si>
  <si>
    <t>5936394.0</t>
  </si>
  <si>
    <t>267951.0</t>
  </si>
  <si>
    <t>441724.0</t>
  </si>
  <si>
    <t>428869.0</t>
  </si>
  <si>
    <t>261322304.0</t>
  </si>
  <si>
    <t>1052326.0</t>
  </si>
  <si>
    <t>775.443</t>
  </si>
  <si>
    <t>1534872.0</t>
  </si>
  <si>
    <t>6240828.0</t>
  </si>
  <si>
    <t>6069965.0</t>
  </si>
  <si>
    <t>60342.0</t>
  </si>
  <si>
    <t>140875.0</t>
  </si>
  <si>
    <t>448033.0</t>
  </si>
  <si>
    <t>473103.6</t>
  </si>
  <si>
    <t>1398.51547898616</t>
  </si>
  <si>
    <t>262732131.0</t>
  </si>
  <si>
    <t>1409827.0</t>
  </si>
  <si>
    <t>779.626</t>
  </si>
  <si>
    <t>1549100.0</t>
  </si>
  <si>
    <t>6905153.0</t>
  </si>
  <si>
    <t>6674589.0</t>
  </si>
  <si>
    <t>105985.0</t>
  </si>
  <si>
    <t>457738.0</t>
  </si>
  <si>
    <t>437855.0</t>
  </si>
  <si>
    <t>264706824.0</t>
  </si>
  <si>
    <t>1974693.0</t>
  </si>
  <si>
    <t>785.486</t>
  </si>
  <si>
    <t>1561491.0</t>
  </si>
  <si>
    <t>7744286.0</t>
  </si>
  <si>
    <t>7411964.0</t>
  </si>
  <si>
    <t>839133.0</t>
  </si>
  <si>
    <t>473602.0</t>
  </si>
  <si>
    <t>441987.0</t>
  </si>
  <si>
    <t>267046969.0</t>
  </si>
  <si>
    <t>2340145.0</t>
  </si>
  <si>
    <t>792.43</t>
  </si>
  <si>
    <t>1582506.0</t>
  </si>
  <si>
    <t>8772597.0</t>
  </si>
  <si>
    <t>8246979.0</t>
  </si>
  <si>
    <t>369094.0</t>
  </si>
  <si>
    <t>1028311.0</t>
  </si>
  <si>
    <t>499413.0</t>
  </si>
  <si>
    <t>443081.0</t>
  </si>
  <si>
    <t>269309925.0</t>
  </si>
  <si>
    <t>2262956.0</t>
  </si>
  <si>
    <t>799.145</t>
  </si>
  <si>
    <t>1630783.0</t>
  </si>
  <si>
    <t>9948643.0</t>
  </si>
  <si>
    <t>9116538.0</t>
  </si>
  <si>
    <t>652932.0</t>
  </si>
  <si>
    <t>1176046.0</t>
  </si>
  <si>
    <t>606625.0</t>
  </si>
  <si>
    <t>508028.0</t>
  </si>
  <si>
    <t>271463204.0</t>
  </si>
  <si>
    <t>2153279.0</t>
  </si>
  <si>
    <t>805.534</t>
  </si>
  <si>
    <t>1758899.0</t>
  </si>
  <si>
    <t>11191642.0</t>
  </si>
  <si>
    <t>9966304.0</t>
  </si>
  <si>
    <t>1020392.0</t>
  </si>
  <si>
    <t>765663.0</t>
  </si>
  <si>
    <t>612704.0</t>
  </si>
  <si>
    <t>273183782.0</t>
  </si>
  <si>
    <t>1720578.0</t>
  </si>
  <si>
    <t>810.64</t>
  </si>
  <si>
    <t>1844829.0</t>
  </si>
  <si>
    <t>11703024.0</t>
  </si>
  <si>
    <t>10337983.0</t>
  </si>
  <si>
    <t>1150215.0</t>
  </si>
  <si>
    <t>511382.0</t>
  </si>
  <si>
    <t>800439.0</t>
  </si>
  <si>
    <t>628798.0</t>
  </si>
  <si>
    <t>274354417.0</t>
  </si>
  <si>
    <t>1170635.0</t>
  </si>
  <si>
    <t>814.114</t>
  </si>
  <si>
    <t>1861730.0</t>
  </si>
  <si>
    <t>11955306.0</t>
  </si>
  <si>
    <t>10515149.0</t>
  </si>
  <si>
    <t>1219979.0</t>
  </si>
  <si>
    <t>816354.0</t>
  </si>
  <si>
    <t>635026.0</t>
  </si>
  <si>
    <t>496608.0</t>
  </si>
  <si>
    <t>1467.99554048703</t>
  </si>
  <si>
    <t>275886439.0</t>
  </si>
  <si>
    <t>1532022.0</t>
  </si>
  <si>
    <t>818.66</t>
  </si>
  <si>
    <t>1879187.0</t>
  </si>
  <si>
    <t>13032337.0</t>
  </si>
  <si>
    <t>11240738.0</t>
  </si>
  <si>
    <t>1546481.0</t>
  </si>
  <si>
    <t>1077031.0</t>
  </si>
  <si>
    <t>875312.0</t>
  </si>
  <si>
    <t>652307.0</t>
  </si>
  <si>
    <t>277924904.0</t>
  </si>
  <si>
    <t>2038465.0</t>
  </si>
  <si>
    <t>824.709</t>
  </si>
  <si>
    <t>1888297.0</t>
  </si>
  <si>
    <t>14296048.0</t>
  </si>
  <si>
    <t>12161663.0</t>
  </si>
  <si>
    <t>1863418.0</t>
  </si>
  <si>
    <t>1263711.0</t>
  </si>
  <si>
    <t>935966.0</t>
  </si>
  <si>
    <t>678528.0</t>
  </si>
  <si>
    <t>280044352.0</t>
  </si>
  <si>
    <t>2119448.0</t>
  </si>
  <si>
    <t>830.998</t>
  </si>
  <si>
    <t>1856769.0</t>
  </si>
  <si>
    <t>15628965.0</t>
  </si>
  <si>
    <t>13196750.0</t>
  </si>
  <si>
    <t>2136291.0</t>
  </si>
  <si>
    <t>1332917.0</t>
  </si>
  <si>
    <t>979481.0</t>
  </si>
  <si>
    <t>707110.0</t>
  </si>
  <si>
    <t>282135989.0</t>
  </si>
  <si>
    <t>2091637.0</t>
  </si>
  <si>
    <t>837.205</t>
  </si>
  <si>
    <t>1832295.0</t>
  </si>
  <si>
    <t>16952805.0</t>
  </si>
  <si>
    <t>14357944.0</t>
  </si>
  <si>
    <t>2273709.0</t>
  </si>
  <si>
    <t>1323840.0</t>
  </si>
  <si>
    <t>1000595.0</t>
  </si>
  <si>
    <t>748772.0</t>
  </si>
  <si>
    <t>284187174.0</t>
  </si>
  <si>
    <t>2051185.0</t>
  </si>
  <si>
    <t>843.291</t>
  </si>
  <si>
    <t>1817710.0</t>
  </si>
  <si>
    <t>18219056.0</t>
  </si>
  <si>
    <t>15480609.0</t>
  </si>
  <si>
    <t>2395992.0</t>
  </si>
  <si>
    <t>1266251.0</t>
  </si>
  <si>
    <t>1003916.0</t>
  </si>
  <si>
    <t>787758.0</t>
  </si>
  <si>
    <t>285785798.0</t>
  </si>
  <si>
    <t>1598624.0</t>
  </si>
  <si>
    <t>848.035</t>
  </si>
  <si>
    <t>1800288.0</t>
  </si>
  <si>
    <t>18869356.0</t>
  </si>
  <si>
    <t>16048131.0</t>
  </si>
  <si>
    <t>2469020.0</t>
  </si>
  <si>
    <t>650300.0</t>
  </si>
  <si>
    <t>1023762.0</t>
  </si>
  <si>
    <t>815735.0</t>
  </si>
  <si>
    <t>286863735.0</t>
  </si>
  <si>
    <t>1077937.0</t>
  </si>
  <si>
    <t>851.234</t>
  </si>
  <si>
    <t>1787045.0</t>
  </si>
  <si>
    <t>19171202.0</t>
  </si>
  <si>
    <t>16304095.0</t>
  </si>
  <si>
    <t>2511203.0</t>
  </si>
  <si>
    <t>301846.0</t>
  </si>
  <si>
    <t>1030842.0</t>
  </si>
  <si>
    <t>826992.0</t>
  </si>
  <si>
    <t>520112.8</t>
  </si>
  <si>
    <t>1537.47678440586</t>
  </si>
  <si>
    <t>288160178.0</t>
  </si>
  <si>
    <t>1296443.0</t>
  </si>
  <si>
    <t>855.081</t>
  </si>
  <si>
    <t>1753391.0</t>
  </si>
  <si>
    <t>20061397.0</t>
  </si>
  <si>
    <t>16948275.0</t>
  </si>
  <si>
    <t>2740351.0</t>
  </si>
  <si>
    <t>890195.0</t>
  </si>
  <si>
    <t>1004151.0</t>
  </si>
  <si>
    <t>289978990.0</t>
  </si>
  <si>
    <t>1818812.0</t>
  </si>
  <si>
    <t>860.478</t>
  </si>
  <si>
    <t>1722012.0</t>
  </si>
  <si>
    <t>21412786.0</t>
  </si>
  <si>
    <t>17916232.0</t>
  </si>
  <si>
    <t>3100604.0</t>
  </si>
  <si>
    <t>1351389.0</t>
  </si>
  <si>
    <t>822081.0</t>
  </si>
  <si>
    <t>292123956.0</t>
  </si>
  <si>
    <t>2144966.0</t>
  </si>
  <si>
    <t>866.843</t>
  </si>
  <si>
    <t>1725658.0</t>
  </si>
  <si>
    <t>23025332.0</t>
  </si>
  <si>
    <t>19076945.0</t>
  </si>
  <si>
    <t>3524772.0</t>
  </si>
  <si>
    <t>1612546.0</t>
  </si>
  <si>
    <t>1056624.0</t>
  </si>
  <si>
    <t>840028.0</t>
  </si>
  <si>
    <t>294193057.0</t>
  </si>
  <si>
    <t>2069101.0</t>
  </si>
  <si>
    <t>872.983</t>
  </si>
  <si>
    <t>1722438.0</t>
  </si>
  <si>
    <t>24669526.0</t>
  </si>
  <si>
    <t>20414785.0</t>
  </si>
  <si>
    <t>3803030.0</t>
  </si>
  <si>
    <t>1644194.0</t>
  </si>
  <si>
    <t>1102389.0</t>
  </si>
  <si>
    <t>296132424.0</t>
  </si>
  <si>
    <t>1939367.0</t>
  </si>
  <si>
    <t>878.737</t>
  </si>
  <si>
    <t>1706464.0</t>
  </si>
  <si>
    <t>26314204.0</t>
  </si>
  <si>
    <t>21819916.0</t>
  </si>
  <si>
    <t>4015600.0</t>
  </si>
  <si>
    <t>1644678.0</t>
  </si>
  <si>
    <t>1156450.0</t>
  </si>
  <si>
    <t>905615.0</t>
  </si>
  <si>
    <t>297688262.0</t>
  </si>
  <si>
    <t>1555838.0</t>
  </si>
  <si>
    <t>883.354</t>
  </si>
  <si>
    <t>1700352.0</t>
  </si>
  <si>
    <t>27225845.0</t>
  </si>
  <si>
    <t>22564005.0</t>
  </si>
  <si>
    <t>4168597.0</t>
  </si>
  <si>
    <t>911641.0</t>
  </si>
  <si>
    <t>1193784.0</t>
  </si>
  <si>
    <t>930839.0</t>
  </si>
  <si>
    <t>298697429.0</t>
  </si>
  <si>
    <t>1009167.0</t>
  </si>
  <si>
    <t>886.349</t>
  </si>
  <si>
    <t>1690528.0</t>
  </si>
  <si>
    <t>27628965.0</t>
  </si>
  <si>
    <t>22871244.0</t>
  </si>
  <si>
    <t>4257934.0</t>
  </si>
  <si>
    <t>403120.0</t>
  </si>
  <si>
    <t>1208252.0</t>
  </si>
  <si>
    <t>938164.0</t>
  </si>
  <si>
    <t>541397.4</t>
  </si>
  <si>
    <t>1600.395017461</t>
  </si>
  <si>
    <t>299941038.0</t>
  </si>
  <si>
    <t>1243609.0</t>
  </si>
  <si>
    <t>890.039</t>
  </si>
  <si>
    <t>1682980.0</t>
  </si>
  <si>
    <t>29011572.0</t>
  </si>
  <si>
    <t>23736132.0</t>
  </si>
  <si>
    <t>4751282.0</t>
  </si>
  <si>
    <t>1382607.0</t>
  </si>
  <si>
    <t>1278596.0</t>
  </si>
  <si>
    <t>969694.0</t>
  </si>
  <si>
    <t>301736090.0</t>
  </si>
  <si>
    <t>1795052.0</t>
  </si>
  <si>
    <t>895.366</t>
  </si>
  <si>
    <t>1679586.0</t>
  </si>
  <si>
    <t>30680150.0</t>
  </si>
  <si>
    <t>24791058.0</t>
  </si>
  <si>
    <t>5336768.0</t>
  </si>
  <si>
    <t>1668578.0</t>
  </si>
  <si>
    <t>1323909.0</t>
  </si>
  <si>
    <t>982118.0</t>
  </si>
  <si>
    <t>303815045.0</t>
  </si>
  <si>
    <t>2078955.0</t>
  </si>
  <si>
    <t>901.535</t>
  </si>
  <si>
    <t>1670156.0</t>
  </si>
  <si>
    <t>32615695.0</t>
  </si>
  <si>
    <t>26040803.0</t>
  </si>
  <si>
    <t>5988581.0</t>
  </si>
  <si>
    <t>1935545.0</t>
  </si>
  <si>
    <t>1370052.0</t>
  </si>
  <si>
    <t>994837.0</t>
  </si>
  <si>
    <t>305735201.0</t>
  </si>
  <si>
    <t>1920156.0</t>
  </si>
  <si>
    <t>907.233</t>
  </si>
  <si>
    <t>1648878.0</t>
  </si>
  <si>
    <t>34583145.0</t>
  </si>
  <si>
    <t>27410626.0</t>
  </si>
  <si>
    <t>6550754.0</t>
  </si>
  <si>
    <t>1967450.0</t>
  </si>
  <si>
    <t>1416231.0</t>
  </si>
  <si>
    <t>999406.0</t>
  </si>
  <si>
    <t>307592930.0</t>
  </si>
  <si>
    <t>1857729.0</t>
  </si>
  <si>
    <t>912.745</t>
  </si>
  <si>
    <t>1637215.0</t>
  </si>
  <si>
    <t>36505552.0</t>
  </si>
  <si>
    <t>28786583.0</t>
  </si>
  <si>
    <t>7050080.0</t>
  </si>
  <si>
    <t>1922407.0</t>
  </si>
  <si>
    <t>995238.0</t>
  </si>
  <si>
    <t>309041677.0</t>
  </si>
  <si>
    <t>1448747.0</t>
  </si>
  <si>
    <t>917.044</t>
  </si>
  <si>
    <t>37525707.0</t>
  </si>
  <si>
    <t>29543067.0</t>
  </si>
  <si>
    <t>7295123.0</t>
  </si>
  <si>
    <t>1020155.0</t>
  </si>
  <si>
    <t>1471409.0</t>
  </si>
  <si>
    <t>309993808.0</t>
  </si>
  <si>
    <t>952131.0</t>
  </si>
  <si>
    <t>919.869</t>
  </si>
  <si>
    <t>1613768.0</t>
  </si>
  <si>
    <t>37988546.0</t>
  </si>
  <si>
    <t>29865617.0</t>
  </si>
  <si>
    <t>7424456.0</t>
  </si>
  <si>
    <t>1479940.0</t>
  </si>
  <si>
    <t>559080.2</t>
  </si>
  <si>
    <t>1652.66616803313</t>
  </si>
  <si>
    <t>311032781.0</t>
  </si>
  <si>
    <t>1038973.0</t>
  </si>
  <si>
    <t>922.952</t>
  </si>
  <si>
    <t>1584535.0</t>
  </si>
  <si>
    <t>39399531.0</t>
  </si>
  <si>
    <t>30646803.0</t>
  </si>
  <si>
    <t>8008536.0</t>
  </si>
  <si>
    <t>1410985.0</t>
  </si>
  <si>
    <t>1483994.0</t>
  </si>
  <si>
    <t>987239.0</t>
  </si>
  <si>
    <t>312674628.0</t>
  </si>
  <si>
    <t>1641847.0</t>
  </si>
  <si>
    <t>927.824</t>
  </si>
  <si>
    <t>1562648.0</t>
  </si>
  <si>
    <t>41109090.0</t>
  </si>
  <si>
    <t>31614797.0</t>
  </si>
  <si>
    <t>8713743.0</t>
  </si>
  <si>
    <t>1709559.0</t>
  </si>
  <si>
    <t>1489849.0</t>
  </si>
  <si>
    <t>974820.0</t>
  </si>
  <si>
    <t>314554755.0</t>
  </si>
  <si>
    <t>1880127.0</t>
  </si>
  <si>
    <t>933.403</t>
  </si>
  <si>
    <t>1534244.0</t>
  </si>
  <si>
    <t>43259278.0</t>
  </si>
  <si>
    <t>32877890.0</t>
  </si>
  <si>
    <t>9554340.0</t>
  </si>
  <si>
    <t>2150188.0</t>
  </si>
  <si>
    <t>1520512.0</t>
  </si>
  <si>
    <t>976727.0</t>
  </si>
  <si>
    <t>316495216.0</t>
  </si>
  <si>
    <t>1940461.0</t>
  </si>
  <si>
    <t>939.162</t>
  </si>
  <si>
    <t>1537145.0</t>
  </si>
  <si>
    <t>45612515.0</t>
  </si>
  <si>
    <t>34265104.0</t>
  </si>
  <si>
    <t>10473652.0</t>
  </si>
  <si>
    <t>1575624.0</t>
  </si>
  <si>
    <t>979211.0</t>
  </si>
  <si>
    <t>318335252.0</t>
  </si>
  <si>
    <t>1840036.0</t>
  </si>
  <si>
    <t>944.622</t>
  </si>
  <si>
    <t>1534617.0</t>
  </si>
  <si>
    <t>47977199.0</t>
  </si>
  <si>
    <t>35621614.0</t>
  </si>
  <si>
    <t>11440664.0</t>
  </si>
  <si>
    <t>2364684.0</t>
  </si>
  <si>
    <t>1638807.0</t>
  </si>
  <si>
    <t>976433.0</t>
  </si>
  <si>
    <t>319674531.0</t>
  </si>
  <si>
    <t>1339279.0</t>
  </si>
  <si>
    <t>948.596</t>
  </si>
  <si>
    <t>1518979.0</t>
  </si>
  <si>
    <t>49282041.0</t>
  </si>
  <si>
    <t>36474799.0</t>
  </si>
  <si>
    <t>11865311.0</t>
  </si>
  <si>
    <t>1304842.0</t>
  </si>
  <si>
    <t>1679476.0</t>
  </si>
  <si>
    <t>990247.0</t>
  </si>
  <si>
    <t>320506546.0</t>
  </si>
  <si>
    <t>832015.0</t>
  </si>
  <si>
    <t>951.065</t>
  </si>
  <si>
    <t>1501820.0</t>
  </si>
  <si>
    <t>49724572.0</t>
  </si>
  <si>
    <t>36749758.0</t>
  </si>
  <si>
    <t>12023175.0</t>
  </si>
  <si>
    <t>442531.0</t>
  </si>
  <si>
    <t>1676575.0</t>
  </si>
  <si>
    <t>983449.0</t>
  </si>
  <si>
    <t>574409.6</t>
  </si>
  <si>
    <t>1697.9805625623</t>
  </si>
  <si>
    <t>321557379.0</t>
  </si>
  <si>
    <t>1050833.0</t>
  </si>
  <si>
    <t>954.183</t>
  </si>
  <si>
    <t>1503514.0</t>
  </si>
  <si>
    <t>51309005.0</t>
  </si>
  <si>
    <t>37587933.0</t>
  </si>
  <si>
    <t>12732939.0</t>
  </si>
  <si>
    <t>1584433.0</t>
  </si>
  <si>
    <t>1701353.0</t>
  </si>
  <si>
    <t>991590.0</t>
  </si>
  <si>
    <t>323259651.0</t>
  </si>
  <si>
    <t>1702272.0</t>
  </si>
  <si>
    <t>959.234</t>
  </si>
  <si>
    <t>1512146.0</t>
  </si>
  <si>
    <t>53288265.0</t>
  </si>
  <si>
    <t>38623493.0</t>
  </si>
  <si>
    <t>13635473.0</t>
  </si>
  <si>
    <t>1979260.0</t>
  </si>
  <si>
    <t>1739882.0</t>
  </si>
  <si>
    <t>324909746.0</t>
  </si>
  <si>
    <t>1650095.0</t>
  </si>
  <si>
    <t>964.131</t>
  </si>
  <si>
    <t>1479284.0</t>
  </si>
  <si>
    <t>55603253.0</t>
  </si>
  <si>
    <t>39853644.0</t>
  </si>
  <si>
    <t>14679707.0</t>
  </si>
  <si>
    <t>2314988.0</t>
  </si>
  <si>
    <t>1763425.0</t>
  </si>
  <si>
    <t>996536.0</t>
  </si>
  <si>
    <t>326335198.0</t>
  </si>
  <si>
    <t>1425452.0</t>
  </si>
  <si>
    <t>968.361</t>
  </si>
  <si>
    <t>58021522.0</t>
  </si>
  <si>
    <t>41130038.0</t>
  </si>
  <si>
    <t>15779240.0</t>
  </si>
  <si>
    <t>2418269.0</t>
  </si>
  <si>
    <t>1772715.0</t>
  </si>
  <si>
    <t>327755376.0</t>
  </si>
  <si>
    <t>1420178.0</t>
  </si>
  <si>
    <t>972.575</t>
  </si>
  <si>
    <t>1345732.0</t>
  </si>
  <si>
    <t>60623126.0</t>
  </si>
  <si>
    <t>42516541.0</t>
  </si>
  <si>
    <t>16944447.0</t>
  </si>
  <si>
    <t>2601604.0</t>
  </si>
  <si>
    <t>1806561.0</t>
  </si>
  <si>
    <t>984990.0</t>
  </si>
  <si>
    <t>328861169.0</t>
  </si>
  <si>
    <t>1105793.0</t>
  </si>
  <si>
    <t>975.856</t>
  </si>
  <si>
    <t>1312377.0</t>
  </si>
  <si>
    <t>62099616.0</t>
  </si>
  <si>
    <t>43389224.0</t>
  </si>
  <si>
    <t>17518022.0</t>
  </si>
  <si>
    <t>1476490.0</t>
  </si>
  <si>
    <t>1831082.0</t>
  </si>
  <si>
    <t>987775.0</t>
  </si>
  <si>
    <t>329527446.0</t>
  </si>
  <si>
    <t>666277.0</t>
  </si>
  <si>
    <t>1288700.0</t>
  </si>
  <si>
    <t>62689945.0</t>
  </si>
  <si>
    <t>43732844.0</t>
  </si>
  <si>
    <t>17749395.0</t>
  </si>
  <si>
    <t>590329.0</t>
  </si>
  <si>
    <t>1852196.0</t>
  </si>
  <si>
    <t>997584.0</t>
  </si>
  <si>
    <t>584592.2</t>
  </si>
  <si>
    <t>1728.08078525417</t>
  </si>
  <si>
    <t>330331852.0</t>
  </si>
  <si>
    <t>804406.0</t>
  </si>
  <si>
    <t>980.22</t>
  </si>
  <si>
    <t>1253496.0</t>
  </si>
  <si>
    <t>63886303.0</t>
  </si>
  <si>
    <t>44349677.0</t>
  </si>
  <si>
    <t>18294167.0</t>
  </si>
  <si>
    <t>1196358.0</t>
  </si>
  <si>
    <t>1796757.0</t>
  </si>
  <si>
    <t>965963.0</t>
  </si>
  <si>
    <t>331589694.0</t>
  </si>
  <si>
    <t>1257842.0</t>
  </si>
  <si>
    <t>983.953</t>
  </si>
  <si>
    <t>1190006.0</t>
  </si>
  <si>
    <t>65509920.0</t>
  </si>
  <si>
    <t>45146359.0</t>
  </si>
  <si>
    <t>19086045.0</t>
  </si>
  <si>
    <t>1623617.0</t>
  </si>
  <si>
    <t>1745951.0</t>
  </si>
  <si>
    <t>931838.0</t>
  </si>
  <si>
    <t>333068282.0</t>
  </si>
  <si>
    <t>1478588.0</t>
  </si>
  <si>
    <t>988.34</t>
  </si>
  <si>
    <t>1165505.0</t>
  </si>
  <si>
    <t>67481086.0</t>
  </si>
  <si>
    <t>46081932.0</t>
  </si>
  <si>
    <t>20081307.0</t>
  </si>
  <si>
    <t>1971166.0</t>
  </si>
  <si>
    <t>1696833.0</t>
  </si>
  <si>
    <t>889755.0</t>
  </si>
  <si>
    <t>334489495.0</t>
  </si>
  <si>
    <t>1421213.0</t>
  </si>
  <si>
    <t>992.557</t>
  </si>
  <si>
    <t>1164900.0</t>
  </si>
  <si>
    <t>69341841.0</t>
  </si>
  <si>
    <t>46915084.0</t>
  </si>
  <si>
    <t>21061149.0</t>
  </si>
  <si>
    <t>1860755.0</t>
  </si>
  <si>
    <t>1617188.0</t>
  </si>
  <si>
    <t>826435.0</t>
  </si>
  <si>
    <t>335850054.0</t>
  </si>
  <si>
    <t>1360559.0</t>
  </si>
  <si>
    <t>996.595</t>
  </si>
  <si>
    <t>1156383.0</t>
  </si>
  <si>
    <t>71310707.0</t>
  </si>
  <si>
    <t>47733924.0</t>
  </si>
  <si>
    <t>22163371.0</t>
  </si>
  <si>
    <t>1968866.0</t>
  </si>
  <si>
    <t>1526797.0</t>
  </si>
  <si>
    <t>745340.0</t>
  </si>
  <si>
    <t>336912142.0</t>
  </si>
  <si>
    <t>1062088.0</t>
  </si>
  <si>
    <t>999.746</t>
  </si>
  <si>
    <t>1150139.0</t>
  </si>
  <si>
    <t>72619793.0</t>
  </si>
  <si>
    <t>48329618.0</t>
  </si>
  <si>
    <t>22848010.0</t>
  </si>
  <si>
    <t>1309086.0</t>
  </si>
  <si>
    <t>1502882.0</t>
  </si>
  <si>
    <t>705771.0</t>
  </si>
  <si>
    <t>337598081.0</t>
  </si>
  <si>
    <t>685939.0</t>
  </si>
  <si>
    <t>1001.782</t>
  </si>
  <si>
    <t>1152948.0</t>
  </si>
  <si>
    <t>73219894.0</t>
  </si>
  <si>
    <t>48584268.0</t>
  </si>
  <si>
    <t>23174700.0</t>
  </si>
  <si>
    <t>600101.0</t>
  </si>
  <si>
    <t>1504278.0</t>
  </si>
  <si>
    <t>693061.0</t>
  </si>
  <si>
    <t>593110.0</t>
  </si>
  <si>
    <t>1753.25978441399</t>
  </si>
  <si>
    <t>338644377.0</t>
  </si>
  <si>
    <t>1046296.0</t>
  </si>
  <si>
    <t>1004.887</t>
  </si>
  <si>
    <t>1187504.0</t>
  </si>
  <si>
    <t>74687334.0</t>
  </si>
  <si>
    <t>49199254.0</t>
  </si>
  <si>
    <t>23983311.0</t>
  </si>
  <si>
    <t>1467440.0</t>
  </si>
  <si>
    <t>1543004.0</t>
  </si>
  <si>
    <t>692797.0</t>
  </si>
  <si>
    <t>51984.0</t>
  </si>
  <si>
    <t>340296482.0</t>
  </si>
  <si>
    <t>1652105.0</t>
  </si>
  <si>
    <t>1009.789</t>
  </si>
  <si>
    <t>1243827.0</t>
  </si>
  <si>
    <t>76631525.0</t>
  </si>
  <si>
    <t>50062943.0</t>
  </si>
  <si>
    <t>25017216.0</t>
  </si>
  <si>
    <t>1944191.0</t>
  </si>
  <si>
    <t>1588801.0</t>
  </si>
  <si>
    <t>702369.0</t>
  </si>
  <si>
    <t>341994565.0</t>
  </si>
  <si>
    <t>1698083.0</t>
  </si>
  <si>
    <t>1014.828</t>
  </si>
  <si>
    <t>1275183.0</t>
  </si>
  <si>
    <t>79164489.0</t>
  </si>
  <si>
    <t>51306059.0</t>
  </si>
  <si>
    <t>26259049.0</t>
  </si>
  <si>
    <t>2532964.0</t>
  </si>
  <si>
    <t>1669058.0</t>
  </si>
  <si>
    <t>746304.0</t>
  </si>
  <si>
    <t>343614071.0</t>
  </si>
  <si>
    <t>1619506.0</t>
  </si>
  <si>
    <t>1019.634</t>
  </si>
  <si>
    <t>1303511.0</t>
  </si>
  <si>
    <t>82108018.0</t>
  </si>
  <si>
    <t>52840859.0</t>
  </si>
  <si>
    <t>27609699.0</t>
  </si>
  <si>
    <t>1823740.0</t>
  </si>
  <si>
    <t>846539.0</t>
  </si>
  <si>
    <t>345098603.0</t>
  </si>
  <si>
    <t>1484532.0</t>
  </si>
  <si>
    <t>1024.039</t>
  </si>
  <si>
    <t>1321221.0</t>
  </si>
  <si>
    <t>85226737.0</t>
  </si>
  <si>
    <t>54509130.0</t>
  </si>
  <si>
    <t>29003406.0</t>
  </si>
  <si>
    <t>3118719.0</t>
  </si>
  <si>
    <t>1988004.0</t>
  </si>
  <si>
    <t>967887.0</t>
  </si>
  <si>
    <t>346177659.0</t>
  </si>
  <si>
    <t>1079056.0</t>
  </si>
  <si>
    <t>1027.241</t>
  </si>
  <si>
    <t>1323645.0</t>
  </si>
  <si>
    <t>87220748.0</t>
  </si>
  <si>
    <t>55645600.0</t>
  </si>
  <si>
    <t>29826409.0</t>
  </si>
  <si>
    <t>1994011.0</t>
  </si>
  <si>
    <t>2085851.0</t>
  </si>
  <si>
    <t>1045140.0</t>
  </si>
  <si>
    <t>346814036.0</t>
  </si>
  <si>
    <t>636377.0</t>
  </si>
  <si>
    <t>1029.129</t>
  </si>
  <si>
    <t>1316565.0</t>
  </si>
  <si>
    <t>88076121.0</t>
  </si>
  <si>
    <t>56176534.0</t>
  </si>
  <si>
    <t>30125732.0</t>
  </si>
  <si>
    <t>855373.0</t>
  </si>
  <si>
    <t>1084609.0</t>
  </si>
  <si>
    <t>599556.8</t>
  </si>
  <si>
    <t>1772.31681460765</t>
  </si>
  <si>
    <t>347815226.0</t>
  </si>
  <si>
    <t>1001190.0</t>
  </si>
  <si>
    <t>1032.1</t>
  </si>
  <si>
    <t>1310121.0</t>
  </si>
  <si>
    <t>90163297.0</t>
  </si>
  <si>
    <t>57391463.0</t>
  </si>
  <si>
    <t>30935991.0</t>
  </si>
  <si>
    <t>2087176.0</t>
  </si>
  <si>
    <t>2210852.0</t>
  </si>
  <si>
    <t>1170316.0</t>
  </si>
  <si>
    <t>349434999.0</t>
  </si>
  <si>
    <t>1619773.0</t>
  </si>
  <si>
    <t>1036.906</t>
  </si>
  <si>
    <t>1305502.0</t>
  </si>
  <si>
    <t>92634934.0</t>
  </si>
  <si>
    <t>58854362.0</t>
  </si>
  <si>
    <t>31905660.0</t>
  </si>
  <si>
    <t>2471637.0</t>
  </si>
  <si>
    <t>2286201.0</t>
  </si>
  <si>
    <t>1255917.0</t>
  </si>
  <si>
    <t>351182118.0</t>
  </si>
  <si>
    <t>1747119.0</t>
  </si>
  <si>
    <t>1042.091</t>
  </si>
  <si>
    <t>1312508.0</t>
  </si>
  <si>
    <t>95547819.0</t>
  </si>
  <si>
    <t>60595179.0</t>
  </si>
  <si>
    <t>33041165.0</t>
  </si>
  <si>
    <t>2912885.0</t>
  </si>
  <si>
    <t>2340476.0</t>
  </si>
  <si>
    <t>1327017.0</t>
  </si>
  <si>
    <t>352743854.0</t>
  </si>
  <si>
    <t>1561736.0</t>
  </si>
  <si>
    <t>1046.725</t>
  </si>
  <si>
    <t>1304255.0</t>
  </si>
  <si>
    <t>98754672.0</t>
  </si>
  <si>
    <t>62549497.0</t>
  </si>
  <si>
    <t>34294195.0</t>
  </si>
  <si>
    <t>3206853.0</t>
  </si>
  <si>
    <t>2378093.0</t>
  </si>
  <si>
    <t>1386948.0</t>
  </si>
  <si>
    <t>354182916.0</t>
  </si>
  <si>
    <t>1439062.0</t>
  </si>
  <si>
    <t>1050.995</t>
  </si>
  <si>
    <t>1297759.0</t>
  </si>
  <si>
    <t>101993318.0</t>
  </si>
  <si>
    <t>64554239.0</t>
  </si>
  <si>
    <t>35614327.0</t>
  </si>
  <si>
    <t>3238646.0</t>
  </si>
  <si>
    <t>2395226.0</t>
  </si>
  <si>
    <t>1435016.0</t>
  </si>
  <si>
    <t>355252800.0</t>
  </si>
  <si>
    <t>1069884.0</t>
  </si>
  <si>
    <t>1054.17</t>
  </si>
  <si>
    <t>1296449.0</t>
  </si>
  <si>
    <t>104059636.0</t>
  </si>
  <si>
    <t>65904265.0</t>
  </si>
  <si>
    <t>36486668.0</t>
  </si>
  <si>
    <t>2066318.0</t>
  </si>
  <si>
    <t>2405555.0</t>
  </si>
  <si>
    <t>1465524.0</t>
  </si>
  <si>
    <t>111.647</t>
  </si>
  <si>
    <t>355865197.0</t>
  </si>
  <si>
    <t>612397.0</t>
  </si>
  <si>
    <t>1055.987</t>
  </si>
  <si>
    <t>1293023.0</t>
  </si>
  <si>
    <t>104992145.0</t>
  </si>
  <si>
    <t>66581377.0</t>
  </si>
  <si>
    <t>36838229.0</t>
  </si>
  <si>
    <t>932509.0</t>
  </si>
  <si>
    <t>2416575.0</t>
  </si>
  <si>
    <t>1486406.0</t>
  </si>
  <si>
    <t>603220.6</t>
  </si>
  <si>
    <t>1783.14717187382</t>
  </si>
  <si>
    <t>356848709.0</t>
  </si>
  <si>
    <t>983512.0</t>
  </si>
  <si>
    <t>1058.906</t>
  </si>
  <si>
    <t>1290498.0</t>
  </si>
  <si>
    <t>107163821.0</t>
  </si>
  <si>
    <t>68062188.0</t>
  </si>
  <si>
    <t>37701464.0</t>
  </si>
  <si>
    <t>2171676.0</t>
  </si>
  <si>
    <t>2428646.0</t>
  </si>
  <si>
    <t>1524389.0</t>
  </si>
  <si>
    <t>358396907.0</t>
  </si>
  <si>
    <t>1548198.0</t>
  </si>
  <si>
    <t>1063.5</t>
  </si>
  <si>
    <t>1280273.0</t>
  </si>
  <si>
    <t>109884360.0</t>
  </si>
  <si>
    <t>69873294.0</t>
  </si>
  <si>
    <t>38796912.0</t>
  </si>
  <si>
    <t>2720539.0</t>
  </si>
  <si>
    <t>2464204.0</t>
  </si>
  <si>
    <t>1574133.0</t>
  </si>
  <si>
    <t>34737.0</t>
  </si>
  <si>
    <t>360020854.0</t>
  </si>
  <si>
    <t>1623947.0</t>
  </si>
  <si>
    <t>1068.319</t>
  </si>
  <si>
    <t>1262677.0</t>
  </si>
  <si>
    <t>113025692.0</t>
  </si>
  <si>
    <t>71943839.0</t>
  </si>
  <si>
    <t>40079134.0</t>
  </si>
  <si>
    <t>3141332.0</t>
  </si>
  <si>
    <t>2496839.0</t>
  </si>
  <si>
    <t>1621237.0</t>
  </si>
  <si>
    <t>361528294.0</t>
  </si>
  <si>
    <t>1507440.0</t>
  </si>
  <si>
    <t>1072.792</t>
  </si>
  <si>
    <t>1254920.0</t>
  </si>
  <si>
    <t>116490856.0</t>
  </si>
  <si>
    <t>74237462.0</t>
  </si>
  <si>
    <t>41491705.0</t>
  </si>
  <si>
    <t>3465164.0</t>
  </si>
  <si>
    <t>2533741.0</t>
  </si>
  <si>
    <t>1669709.0</t>
  </si>
  <si>
    <t>362933386.0</t>
  </si>
  <si>
    <t>1405092.0</t>
  </si>
  <si>
    <t>1076.961</t>
  </si>
  <si>
    <t>1250067.0</t>
  </si>
  <si>
    <t>119940506.0</t>
  </si>
  <si>
    <t>76370967.0</t>
  </si>
  <si>
    <t>43033291.0</t>
  </si>
  <si>
    <t>3449650.0</t>
  </si>
  <si>
    <t>2563884.0</t>
  </si>
  <si>
    <t>1688104.0</t>
  </si>
  <si>
    <t>363961791.0</t>
  </si>
  <si>
    <t>1028405.0</t>
  </si>
  <si>
    <t>1080.013</t>
  </si>
  <si>
    <t>1244142.0</t>
  </si>
  <si>
    <t>122140442.0</t>
  </si>
  <si>
    <t>77757332.0</t>
  </si>
  <si>
    <t>44064490.0</t>
  </si>
  <si>
    <t>2199936.0</t>
  </si>
  <si>
    <t>2582972.0</t>
  </si>
  <si>
    <t>1693295.0</t>
  </si>
  <si>
    <t>364542682.0</t>
  </si>
  <si>
    <t>580891.0</t>
  </si>
  <si>
    <t>1081.737</t>
  </si>
  <si>
    <t>1239641.0</t>
  </si>
  <si>
    <t>123125403.0</t>
  </si>
  <si>
    <t>78403638.0</t>
  </si>
  <si>
    <t>44496621.0</t>
  </si>
  <si>
    <t>984961.0</t>
  </si>
  <si>
    <t>2590465.0</t>
  </si>
  <si>
    <t>1688894.0</t>
  </si>
  <si>
    <t>604895.4</t>
  </si>
  <si>
    <t>1788.09795585476</t>
  </si>
  <si>
    <t>365497130.0</t>
  </si>
  <si>
    <t>1084.569</t>
  </si>
  <si>
    <t>1235489.0</t>
  </si>
  <si>
    <t>125404945.0</t>
  </si>
  <si>
    <t>79898893.0</t>
  </si>
  <si>
    <t>45375845.0</t>
  </si>
  <si>
    <t>2279542.0</t>
  </si>
  <si>
    <t>2605875.0</t>
  </si>
  <si>
    <t>1690958.0</t>
  </si>
  <si>
    <t>367002248.0</t>
  </si>
  <si>
    <t>1505118.0</t>
  </si>
  <si>
    <t>1089.035</t>
  </si>
  <si>
    <t>1229334.0</t>
  </si>
  <si>
    <t>128295419.0</t>
  </si>
  <si>
    <t>81831421.0</t>
  </si>
  <si>
    <t>46438137.0</t>
  </si>
  <si>
    <t>2890474.0</t>
  </si>
  <si>
    <t>2630151.0</t>
  </si>
  <si>
    <t>1708304.0</t>
  </si>
  <si>
    <t>368625890.0</t>
  </si>
  <si>
    <t>1623642.0</t>
  </si>
  <si>
    <t>1093.853</t>
  </si>
  <si>
    <t>1229291.0</t>
  </si>
  <si>
    <t>131468448.0</t>
  </si>
  <si>
    <t>83960802.0</t>
  </si>
  <si>
    <t>47582780.0</t>
  </si>
  <si>
    <t>3173029.0</t>
  </si>
  <si>
    <t>2634679.0</t>
  </si>
  <si>
    <t>1716709.0</t>
  </si>
  <si>
    <t>370106134.0</t>
  </si>
  <si>
    <t>1480244.0</t>
  </si>
  <si>
    <t>1098.246</t>
  </si>
  <si>
    <t>1225406.0</t>
  </si>
  <si>
    <t>134867082.0</t>
  </si>
  <si>
    <t>86251560.0</t>
  </si>
  <si>
    <t>48799705.0</t>
  </si>
  <si>
    <t>3398634.0</t>
  </si>
  <si>
    <t>2625175.0</t>
  </si>
  <si>
    <t>1716300.0</t>
  </si>
  <si>
    <t>371455389.0</t>
  </si>
  <si>
    <t>1349255.0</t>
  </si>
  <si>
    <t>1102.249</t>
  </si>
  <si>
    <t>1217429.0</t>
  </si>
  <si>
    <t>138183733.0</t>
  </si>
  <si>
    <t>88454378.0</t>
  </si>
  <si>
    <t>50031838.0</t>
  </si>
  <si>
    <t>3316651.0</t>
  </si>
  <si>
    <t>2606175.0</t>
  </si>
  <si>
    <t>1726202.0</t>
  </si>
  <si>
    <t>372447118.0</t>
  </si>
  <si>
    <t>991729.0</t>
  </si>
  <si>
    <t>1212190.0</t>
  </si>
  <si>
    <t>140345573.0</t>
  </si>
  <si>
    <t>89870481.0</t>
  </si>
  <si>
    <t>50897295.0</t>
  </si>
  <si>
    <t>2161840.0</t>
  </si>
  <si>
    <t>2600733.0</t>
  </si>
  <si>
    <t>1730450.0</t>
  </si>
  <si>
    <t>373062615.0</t>
  </si>
  <si>
    <t>615497.0</t>
  </si>
  <si>
    <t>1107.019</t>
  </si>
  <si>
    <t>1217133.0</t>
  </si>
  <si>
    <t>141371808.0</t>
  </si>
  <si>
    <t>90553206.0</t>
  </si>
  <si>
    <t>51277456.0</t>
  </si>
  <si>
    <t>1026235.0</t>
  </si>
  <si>
    <t>2606629.0</t>
  </si>
  <si>
    <t>1735653.0</t>
  </si>
  <si>
    <t>606113.6</t>
  </si>
  <si>
    <t>1791.69900973915</t>
  </si>
  <si>
    <t>33051.0</t>
  </si>
  <si>
    <t>374042100.0</t>
  </si>
  <si>
    <t>979485.0</t>
  </si>
  <si>
    <t>1109.925</t>
  </si>
  <si>
    <t>1220710.0</t>
  </si>
  <si>
    <t>143726158.0</t>
  </si>
  <si>
    <t>92151919.0</t>
  </si>
  <si>
    <t>52091821.0</t>
  </si>
  <si>
    <t>2354350.0</t>
  </si>
  <si>
    <t>2617316.0</t>
  </si>
  <si>
    <t>1750432.0</t>
  </si>
  <si>
    <t>375578047.0</t>
  </si>
  <si>
    <t>1535947.0</t>
  </si>
  <si>
    <t>1114.483</t>
  </si>
  <si>
    <t>1225114.0</t>
  </si>
  <si>
    <t>146782185.0</t>
  </si>
  <si>
    <t>94127681.0</t>
  </si>
  <si>
    <t>53252411.0</t>
  </si>
  <si>
    <t>3056027.0</t>
  </si>
  <si>
    <t>2640967.0</t>
  </si>
  <si>
    <t>1756609.0</t>
  </si>
  <si>
    <t>377241528.0</t>
  </si>
  <si>
    <t>1119.419</t>
  </si>
  <si>
    <t>1230805.0</t>
  </si>
  <si>
    <t>150331355.0</t>
  </si>
  <si>
    <t>96329632.0</t>
  </si>
  <si>
    <t>54685405.0</t>
  </si>
  <si>
    <t>3549170.0</t>
  </si>
  <si>
    <t>2694701.0</t>
  </si>
  <si>
    <t>1766976.0</t>
  </si>
  <si>
    <t>378694274.0</t>
  </si>
  <si>
    <t>1452746.0</t>
  </si>
  <si>
    <t>1123.73</t>
  </si>
  <si>
    <t>1226877.0</t>
  </si>
  <si>
    <t>154151316.0</t>
  </si>
  <si>
    <t>98583276.0</t>
  </si>
  <si>
    <t>56344181.0</t>
  </si>
  <si>
    <t>3819961.0</t>
  </si>
  <si>
    <t>2754891.0</t>
  </si>
  <si>
    <t>1761674.0</t>
  </si>
  <si>
    <t>380073110.0</t>
  </si>
  <si>
    <t>1378836.0</t>
  </si>
  <si>
    <t>1127.821</t>
  </si>
  <si>
    <t>1231103.0</t>
  </si>
  <si>
    <t>157958904.0</t>
  </si>
  <si>
    <t>100669396.0</t>
  </si>
  <si>
    <t>58156172.0</t>
  </si>
  <si>
    <t>3807588.0</t>
  </si>
  <si>
    <t>2825024.0</t>
  </si>
  <si>
    <t>1745003.0</t>
  </si>
  <si>
    <t>381074151.0</t>
  </si>
  <si>
    <t>1001041.0</t>
  </si>
  <si>
    <t>1130.792</t>
  </si>
  <si>
    <t>1232433.0</t>
  </si>
  <si>
    <t>160431677.0</t>
  </si>
  <si>
    <t>102038381.0</t>
  </si>
  <si>
    <t>59325989.0</t>
  </si>
  <si>
    <t>2472773.0</t>
  </si>
  <si>
    <t>2869443.0</t>
  </si>
  <si>
    <t>1738271.0</t>
  </si>
  <si>
    <t>381698770.0</t>
  </si>
  <si>
    <t>624619.0</t>
  </si>
  <si>
    <t>1132.645</t>
  </si>
  <si>
    <t>1233736.0</t>
  </si>
  <si>
    <t>161642233.0</t>
  </si>
  <si>
    <t>102708493.0</t>
  </si>
  <si>
    <t>59878827.0</t>
  </si>
  <si>
    <t>1210556.0</t>
  </si>
  <si>
    <t>2895775.0</t>
  </si>
  <si>
    <t>1736470.0</t>
  </si>
  <si>
    <t>608128.2</t>
  </si>
  <si>
    <t>1797.65425777355</t>
  </si>
  <si>
    <t>382711068.0</t>
  </si>
  <si>
    <t>1012298.0</t>
  </si>
  <si>
    <t>1135.649</t>
  </si>
  <si>
    <t>1238424.0</t>
  </si>
  <si>
    <t>164473259.0</t>
  </si>
  <si>
    <t>104311801.0</t>
  </si>
  <si>
    <t>61162115.0</t>
  </si>
  <si>
    <t>2831026.0</t>
  </si>
  <si>
    <t>2963872.0</t>
  </si>
  <si>
    <t>1737126.0</t>
  </si>
  <si>
    <t>35409.0</t>
  </si>
  <si>
    <t>384247812.0</t>
  </si>
  <si>
    <t>1536744.0</t>
  </si>
  <si>
    <t>1140.209</t>
  </si>
  <si>
    <t>1238538.0</t>
  </si>
  <si>
    <t>168059649.0</t>
  </si>
  <si>
    <t>106319764.0</t>
  </si>
  <si>
    <t>62832123.0</t>
  </si>
  <si>
    <t>3586390.0</t>
  </si>
  <si>
    <t>3039638.0</t>
  </si>
  <si>
    <t>1741726.0</t>
  </si>
  <si>
    <t>385833592.0</t>
  </si>
  <si>
    <t>1585780.0</t>
  </si>
  <si>
    <t>1144.915</t>
  </si>
  <si>
    <t>1227438.0</t>
  </si>
  <si>
    <t>172227470.0</t>
  </si>
  <si>
    <t>108725495.0</t>
  </si>
  <si>
    <t>64783302.0</t>
  </si>
  <si>
    <t>4167821.0</t>
  </si>
  <si>
    <t>3128016.0</t>
  </si>
  <si>
    <t>1770838.0</t>
  </si>
  <si>
    <t>387280880.0</t>
  </si>
  <si>
    <t>1447288.0</t>
  </si>
  <si>
    <t>1149.21</t>
  </si>
  <si>
    <t>176795905.0</t>
  </si>
  <si>
    <t>111249724.0</t>
  </si>
  <si>
    <t>67049090.0</t>
  </si>
  <si>
    <t>4568435.0</t>
  </si>
  <si>
    <t>3234941.0</t>
  </si>
  <si>
    <t>1809493.0</t>
  </si>
  <si>
    <t>388628779.0</t>
  </si>
  <si>
    <t>1347899.0</t>
  </si>
  <si>
    <t>1153.209</t>
  </si>
  <si>
    <t>1222238.0</t>
  </si>
  <si>
    <t>180436354.0</t>
  </si>
  <si>
    <t>113290715.0</t>
  </si>
  <si>
    <t>68877660.0</t>
  </si>
  <si>
    <t>3640449.0</t>
  </si>
  <si>
    <t>3211064.0</t>
  </si>
  <si>
    <t>1803046.0</t>
  </si>
  <si>
    <t>389601307.0</t>
  </si>
  <si>
    <t>972528.0</t>
  </si>
  <si>
    <t>1156.095</t>
  </si>
  <si>
    <t>1218165.0</t>
  </si>
  <si>
    <t>182740295.0</t>
  </si>
  <si>
    <t>114613281.0</t>
  </si>
  <si>
    <t>70041271.0</t>
  </si>
  <si>
    <t>2303941.0</t>
  </si>
  <si>
    <t>3186945.0</t>
  </si>
  <si>
    <t>1796414.0</t>
  </si>
  <si>
    <t>390166528.0</t>
  </si>
  <si>
    <t>565221.0</t>
  </si>
  <si>
    <t>1209680.0</t>
  </si>
  <si>
    <t>183504761.0</t>
  </si>
  <si>
    <t>115050837.0</t>
  </si>
  <si>
    <t>70413935.0</t>
  </si>
  <si>
    <t>764466.0</t>
  </si>
  <si>
    <t>3123218.0</t>
  </si>
  <si>
    <t>1763192.0</t>
  </si>
  <si>
    <t>608774.0</t>
  </si>
  <si>
    <t>1799.56327156319</t>
  </si>
  <si>
    <t>391118264.0</t>
  </si>
  <si>
    <t>951736.0</t>
  </si>
  <si>
    <t>1160.597</t>
  </si>
  <si>
    <t>1201028.0</t>
  </si>
  <si>
    <t>186604098.0</t>
  </si>
  <si>
    <t>116782450.0</t>
  </si>
  <si>
    <t>72020883.0</t>
  </si>
  <si>
    <t>3099337.0</t>
  </si>
  <si>
    <t>3161548.0</t>
  </si>
  <si>
    <t>1781521.0</t>
  </si>
  <si>
    <t>392674127.0</t>
  </si>
  <si>
    <t>1555863.0</t>
  </si>
  <si>
    <t>1165.213</t>
  </si>
  <si>
    <t>1203759.0</t>
  </si>
  <si>
    <t>190573540.0</t>
  </si>
  <si>
    <t>119062881.0</t>
  </si>
  <si>
    <t>74109643.0</t>
  </si>
  <si>
    <t>3969442.0</t>
  </si>
  <si>
    <t>3216270.0</t>
  </si>
  <si>
    <t>1820445.0</t>
  </si>
  <si>
    <t>394344525.0</t>
  </si>
  <si>
    <t>1670398.0</t>
  </si>
  <si>
    <t>1170.17</t>
  </si>
  <si>
    <t>1215848.0</t>
  </si>
  <si>
    <t>194928389.0</t>
  </si>
  <si>
    <t>121618711.0</t>
  </si>
  <si>
    <t>76424274.0</t>
  </si>
  <si>
    <t>4354849.0</t>
  </si>
  <si>
    <t>3242988.0</t>
  </si>
  <si>
    <t>1841888.0</t>
  </si>
  <si>
    <t>395863909.0</t>
  </si>
  <si>
    <t>1519384.0</t>
  </si>
  <si>
    <t>1174.679</t>
  </si>
  <si>
    <t>1226147.0</t>
  </si>
  <si>
    <t>199427218.0</t>
  </si>
  <si>
    <t>124176012.0</t>
  </si>
  <si>
    <t>78957439.0</t>
  </si>
  <si>
    <t>4498829.0</t>
  </si>
  <si>
    <t>3233045.0</t>
  </si>
  <si>
    <t>1846613.0</t>
  </si>
  <si>
    <t>397317733.0</t>
  </si>
  <si>
    <t>1453824.0</t>
  </si>
  <si>
    <t>1178.993</t>
  </si>
  <si>
    <t>1241279.0</t>
  </si>
  <si>
    <t>203738877.0</t>
  </si>
  <si>
    <t>126605356.0</t>
  </si>
  <si>
    <t>81409656.0</t>
  </si>
  <si>
    <t>4311659.0</t>
  </si>
  <si>
    <t>3328932.0</t>
  </si>
  <si>
    <t>398330367.0</t>
  </si>
  <si>
    <t>1012634.0</t>
  </si>
  <si>
    <t>1181.998</t>
  </si>
  <si>
    <t>1247009.0</t>
  </si>
  <si>
    <t>206628456.0</t>
  </si>
  <si>
    <t>128326542.0</t>
  </si>
  <si>
    <t>83074374.0</t>
  </si>
  <si>
    <t>2889579.0</t>
  </si>
  <si>
    <t>3412594.0</t>
  </si>
  <si>
    <t>1959037.0</t>
  </si>
  <si>
    <t>398976042.0</t>
  </si>
  <si>
    <t>645675.0</t>
  </si>
  <si>
    <t>1183.914</t>
  </si>
  <si>
    <t>1258502.0</t>
  </si>
  <si>
    <t>208029171.0</t>
  </si>
  <si>
    <t>129158668.0</t>
  </si>
  <si>
    <t>83879170.0</t>
  </si>
  <si>
    <t>1400715.0</t>
  </si>
  <si>
    <t>3503487.0</t>
  </si>
  <si>
    <t>2015404.0</t>
  </si>
  <si>
    <t>611816.8</t>
  </si>
  <si>
    <t>1808.55792495297</t>
  </si>
  <si>
    <t>400033232.0</t>
  </si>
  <si>
    <t>1057190.0</t>
  </si>
  <si>
    <t>1187.051</t>
  </si>
  <si>
    <t>1273567.0</t>
  </si>
  <si>
    <t>211053146.0</t>
  </si>
  <si>
    <t>130800352.0</t>
  </si>
  <si>
    <t>85608006.0</t>
  </si>
  <si>
    <t>3023975.0</t>
  </si>
  <si>
    <t>3492721.0</t>
  </si>
  <si>
    <t>2002557.0</t>
  </si>
  <si>
    <t>401647674.0</t>
  </si>
  <si>
    <t>1614442.0</t>
  </si>
  <si>
    <t>1191.841</t>
  </si>
  <si>
    <t>1281935.0</t>
  </si>
  <si>
    <t>214534555.0</t>
  </si>
  <si>
    <t>132544993.0</t>
  </si>
  <si>
    <t>87329208.0</t>
  </si>
  <si>
    <t>3481409.0</t>
  </si>
  <si>
    <t>3423002.0</t>
  </si>
  <si>
    <t>1926016.0</t>
  </si>
  <si>
    <t>39469.0</t>
  </si>
  <si>
    <t>403324959.0</t>
  </si>
  <si>
    <t>1677285.0</t>
  </si>
  <si>
    <t>1196.818</t>
  </si>
  <si>
    <t>1282919.0</t>
  </si>
  <si>
    <t>218239050.0</t>
  </si>
  <si>
    <t>134281956.0</t>
  </si>
  <si>
    <t>89258672.0</t>
  </si>
  <si>
    <t>3704495.0</t>
  </si>
  <si>
    <t>3330094.0</t>
  </si>
  <si>
    <t>1809035.0</t>
  </si>
  <si>
    <t>404810976.0</t>
  </si>
  <si>
    <t>1486017.0</t>
  </si>
  <si>
    <t>1201.228</t>
  </si>
  <si>
    <t>1278152.0</t>
  </si>
  <si>
    <t>221994999.0</t>
  </si>
  <si>
    <t>136043383.0</t>
  </si>
  <si>
    <t>91210611.0</t>
  </si>
  <si>
    <t>3755949.0</t>
  </si>
  <si>
    <t>3223969.0</t>
  </si>
  <si>
    <t>1695339.0</t>
  </si>
  <si>
    <t>406268294.0</t>
  </si>
  <si>
    <t>1457318.0</t>
  </si>
  <si>
    <t>1205.552</t>
  </si>
  <si>
    <t>1278652.0</t>
  </si>
  <si>
    <t>225606473.0</t>
  </si>
  <si>
    <t>137693691.0</t>
  </si>
  <si>
    <t>93133600.0</t>
  </si>
  <si>
    <t>3611474.0</t>
  </si>
  <si>
    <t>3123942.0</t>
  </si>
  <si>
    <t>1584048.0</t>
  </si>
  <si>
    <t>407277303.0</t>
  </si>
  <si>
    <t>1009009.0</t>
  </si>
  <si>
    <t>1208.547</t>
  </si>
  <si>
    <t>1278134.0</t>
  </si>
  <si>
    <t>227974062.0</t>
  </si>
  <si>
    <t>138855221.0</t>
  </si>
  <si>
    <t>94318265.0</t>
  </si>
  <si>
    <t>2367589.0</t>
  </si>
  <si>
    <t>3049372.0</t>
  </si>
  <si>
    <t>1504097.0</t>
  </si>
  <si>
    <t>407890536.0</t>
  </si>
  <si>
    <t>613233.0</t>
  </si>
  <si>
    <t>1210.366</t>
  </si>
  <si>
    <t>1273499.0</t>
  </si>
  <si>
    <t>229109400.0</t>
  </si>
  <si>
    <t>139394286.0</t>
  </si>
  <si>
    <t>94902299.0</t>
  </si>
  <si>
    <t>1135338.0</t>
  </si>
  <si>
    <t>3011461.0</t>
  </si>
  <si>
    <t>1462231.0</t>
  </si>
  <si>
    <t>613404.0</t>
  </si>
  <si>
    <t>1813.2497594016</t>
  </si>
  <si>
    <t>408911233.0</t>
  </si>
  <si>
    <t>1020697.0</t>
  </si>
  <si>
    <t>1213.395</t>
  </si>
  <si>
    <t>1268286.0</t>
  </si>
  <si>
    <t>231698589.0</t>
  </si>
  <si>
    <t>140485660.0</t>
  </si>
  <si>
    <t>96368636.0</t>
  </si>
  <si>
    <t>2589189.0</t>
  </si>
  <si>
    <t>2949349.0</t>
  </si>
  <si>
    <t>1383615.0</t>
  </si>
  <si>
    <t>410482808.0</t>
  </si>
  <si>
    <t>1571575.0</t>
  </si>
  <si>
    <t>1218.058</t>
  </si>
  <si>
    <t>234934985.0</t>
  </si>
  <si>
    <t>141850985.0</t>
  </si>
  <si>
    <t>98205657.0</t>
  </si>
  <si>
    <t>3236396.0</t>
  </si>
  <si>
    <t>2914347.0</t>
  </si>
  <si>
    <t>1329427.0</t>
  </si>
  <si>
    <t>412138819.0</t>
  </si>
  <si>
    <t>1656011.0</t>
  </si>
  <si>
    <t>1222.972</t>
  </si>
  <si>
    <t>1259123.0</t>
  </si>
  <si>
    <t>238421498.0</t>
  </si>
  <si>
    <t>143241943.0</t>
  </si>
  <si>
    <t>100260976.0</t>
  </si>
  <si>
    <t>3486513.0</t>
  </si>
  <si>
    <t>2883207.0</t>
  </si>
  <si>
    <t>1279998.0</t>
  </si>
  <si>
    <t>413637377.0</t>
  </si>
  <si>
    <t>1498558.0</t>
  </si>
  <si>
    <t>1227.419</t>
  </si>
  <si>
    <t>1260914.0</t>
  </si>
  <si>
    <t>241927585.0</t>
  </si>
  <si>
    <t>144655946.0</t>
  </si>
  <si>
    <t>102316485.0</t>
  </si>
  <si>
    <t>3506087.0</t>
  </si>
  <si>
    <t>2847512.0</t>
  </si>
  <si>
    <t>1230366.0</t>
  </si>
  <si>
    <t>415049563.0</t>
  </si>
  <si>
    <t>1412186.0</t>
  </si>
  <si>
    <t>1231.61</t>
  </si>
  <si>
    <t>1254467.0</t>
  </si>
  <si>
    <t>245236115.0</t>
  </si>
  <si>
    <t>146024053.0</t>
  </si>
  <si>
    <t>104223924.0</t>
  </si>
  <si>
    <t>3308530.0</t>
  </si>
  <si>
    <t>2804235.0</t>
  </si>
  <si>
    <t>1190052.0</t>
  </si>
  <si>
    <t>416045235.0</t>
  </si>
  <si>
    <t>995672.0</t>
  </si>
  <si>
    <t>1234.564</t>
  </si>
  <si>
    <t>1252562.0</t>
  </si>
  <si>
    <t>247448944.0</t>
  </si>
  <si>
    <t>147026180.0</t>
  </si>
  <si>
    <t>105418029.0</t>
  </si>
  <si>
    <t>2212829.0</t>
  </si>
  <si>
    <t>2782126.0</t>
  </si>
  <si>
    <t>1167280.0</t>
  </si>
  <si>
    <t>416636004.0</t>
  </si>
  <si>
    <t>590769.0</t>
  </si>
  <si>
    <t>1236.317</t>
  </si>
  <si>
    <t>1249353.0</t>
  </si>
  <si>
    <t>248444094.0</t>
  </si>
  <si>
    <t>147516220.0</t>
  </si>
  <si>
    <t>105915925.0</t>
  </si>
  <si>
    <t>995150.0</t>
  </si>
  <si>
    <t>2762099.0</t>
  </si>
  <si>
    <t>1160276.0</t>
  </si>
  <si>
    <t>617231.0</t>
  </si>
  <si>
    <t>1824.56254319373</t>
  </si>
  <si>
    <t>417635615.0</t>
  </si>
  <si>
    <t>999611.0</t>
  </si>
  <si>
    <t>1239.284</t>
  </si>
  <si>
    <t>1246340.0</t>
  </si>
  <si>
    <t>250842488.0</t>
  </si>
  <si>
    <t>148458437.0</t>
  </si>
  <si>
    <t>107352513.0</t>
  </si>
  <si>
    <t>2398394.0</t>
  </si>
  <si>
    <t>2734843.0</t>
  </si>
  <si>
    <t>1138968.0</t>
  </si>
  <si>
    <t>419210931.0</t>
  </si>
  <si>
    <t>1575316.0</t>
  </si>
  <si>
    <t>1243.958</t>
  </si>
  <si>
    <t>1246875.0</t>
  </si>
  <si>
    <t>253747128.0</t>
  </si>
  <si>
    <t>149573836.0</t>
  </si>
  <si>
    <t>109146553.0</t>
  </si>
  <si>
    <t>2904640.0</t>
  </si>
  <si>
    <t>2687449.0</t>
  </si>
  <si>
    <t>1103264.0</t>
  </si>
  <si>
    <t>420792537.0</t>
  </si>
  <si>
    <t>1581606.0</t>
  </si>
  <si>
    <t>1248.651</t>
  </si>
  <si>
    <t>1236245.0</t>
  </si>
  <si>
    <t>256845079.0</t>
  </si>
  <si>
    <t>150725363.0</t>
  </si>
  <si>
    <t>111117338.0</t>
  </si>
  <si>
    <t>3097951.0</t>
  </si>
  <si>
    <t>2631940.0</t>
  </si>
  <si>
    <t>1069060.0</t>
  </si>
  <si>
    <t>422214867.0</t>
  </si>
  <si>
    <t>1422330.0</t>
  </si>
  <si>
    <t>1252.872</t>
  </si>
  <si>
    <t>1225356.0</t>
  </si>
  <si>
    <t>259904671.0</t>
  </si>
  <si>
    <t>151848491.0</t>
  </si>
  <si>
    <t>113101222.0</t>
  </si>
  <si>
    <t>3059592.0</t>
  </si>
  <si>
    <t>2568155.0</t>
  </si>
  <si>
    <t>1027506.0</t>
  </si>
  <si>
    <t>423531287.0</t>
  </si>
  <si>
    <t>1316420.0</t>
  </si>
  <si>
    <t>1256.778</t>
  </si>
  <si>
    <t>1211675.0</t>
  </si>
  <si>
    <t>262826065.0</t>
  </si>
  <si>
    <t>152972351.0</t>
  </si>
  <si>
    <t>114951739.0</t>
  </si>
  <si>
    <t>2921394.0</t>
  </si>
  <si>
    <t>2512850.0</t>
  </si>
  <si>
    <t>992614.0</t>
  </si>
  <si>
    <t>100.52</t>
  </si>
  <si>
    <t>424436560.0</t>
  </si>
  <si>
    <t>905273.0</t>
  </si>
  <si>
    <t>1259.465</t>
  </si>
  <si>
    <t>1198761.0</t>
  </si>
  <si>
    <t>264692781.0</t>
  </si>
  <si>
    <t>153685601.0</t>
  </si>
  <si>
    <t>116126117.0</t>
  </si>
  <si>
    <t>1866716.0</t>
  </si>
  <si>
    <t>2463405.0</t>
  </si>
  <si>
    <t>951346.0</t>
  </si>
  <si>
    <t>424959580.0</t>
  </si>
  <si>
    <t>523020.0</t>
  </si>
  <si>
    <t>1261.017</t>
  </si>
  <si>
    <t>1189082.0</t>
  </si>
  <si>
    <t>265574419.0</t>
  </si>
  <si>
    <t>154012059.0</t>
  </si>
  <si>
    <t>116713090.0</t>
  </si>
  <si>
    <t>881638.0</t>
  </si>
  <si>
    <t>2447189.0</t>
  </si>
  <si>
    <t>927977.0</t>
  </si>
  <si>
    <t>621252.8</t>
  </si>
  <si>
    <t>1836.45116453034</t>
  </si>
  <si>
    <t>425857470.0</t>
  </si>
  <si>
    <t>897890.0</t>
  </si>
  <si>
    <t>1263.681</t>
  </si>
  <si>
    <t>1174551.0</t>
  </si>
  <si>
    <t>267544541.0</t>
  </si>
  <si>
    <t>154655717.0</t>
  </si>
  <si>
    <t>118115544.0</t>
  </si>
  <si>
    <t>1970122.0</t>
  </si>
  <si>
    <t>2386008.0</t>
  </si>
  <si>
    <t>885326.0</t>
  </si>
  <si>
    <t>427281297.0</t>
  </si>
  <si>
    <t>1423827.0</t>
  </si>
  <si>
    <t>1267.906</t>
  </si>
  <si>
    <t>1152909.0</t>
  </si>
  <si>
    <t>270052727.0</t>
  </si>
  <si>
    <t>155476097.0</t>
  </si>
  <si>
    <t>119876045.0</t>
  </si>
  <si>
    <t>2508186.0</t>
  </si>
  <si>
    <t>2329371.0</t>
  </si>
  <si>
    <t>843180.0</t>
  </si>
  <si>
    <t>428813494.0</t>
  </si>
  <si>
    <t>1532197.0</t>
  </si>
  <si>
    <t>1272.453</t>
  </si>
  <si>
    <t>1145851.0</t>
  </si>
  <si>
    <t>272614558.0</t>
  </si>
  <si>
    <t>156296791.0</t>
  </si>
  <si>
    <t>121690448.0</t>
  </si>
  <si>
    <t>2561831.0</t>
  </si>
  <si>
    <t>2252783.0</t>
  </si>
  <si>
    <t>795918.0</t>
  </si>
  <si>
    <t>430124989.0</t>
  </si>
  <si>
    <t>1311495.0</t>
  </si>
  <si>
    <t>1276.344</t>
  </si>
  <si>
    <t>1130017.0</t>
  </si>
  <si>
    <t>275148066.0</t>
  </si>
  <si>
    <t>157080309.0</t>
  </si>
  <si>
    <t>123515181.0</t>
  </si>
  <si>
    <t>2533508.0</t>
  </si>
  <si>
    <t>2177628.0</t>
  </si>
  <si>
    <t>747403.0</t>
  </si>
  <si>
    <t>431304249.0</t>
  </si>
  <si>
    <t>1179260.0</t>
  </si>
  <si>
    <t>1279.844</t>
  </si>
  <si>
    <t>277668970.0</t>
  </si>
  <si>
    <t>157880388.0</t>
  </si>
  <si>
    <t>125309667.0</t>
  </si>
  <si>
    <t>2520904.0</t>
  </si>
  <si>
    <t>2120415.0</t>
  </si>
  <si>
    <t>701148.0</t>
  </si>
  <si>
    <t>432157712.0</t>
  </si>
  <si>
    <t>853463.0</t>
  </si>
  <si>
    <t>1282.376</t>
  </si>
  <si>
    <t>1103022.0</t>
  </si>
  <si>
    <t>279211088.0</t>
  </si>
  <si>
    <t>158387126.0</t>
  </si>
  <si>
    <t>126403732.0</t>
  </si>
  <si>
    <t>1542118.0</t>
  </si>
  <si>
    <t>2074044.0</t>
  </si>
  <si>
    <t>671646.0</t>
  </si>
  <si>
    <t>432642983.0</t>
  </si>
  <si>
    <t>485271.0</t>
  </si>
  <si>
    <t>1283.816</t>
  </si>
  <si>
    <t>1097629.0</t>
  </si>
  <si>
    <t>279827904.0</t>
  </si>
  <si>
    <t>158591653.0</t>
  </si>
  <si>
    <t>126843258.0</t>
  </si>
  <si>
    <t>616816.0</t>
  </si>
  <si>
    <t>2036212.0</t>
  </si>
  <si>
    <t>654228.0</t>
  </si>
  <si>
    <t>624432.0</t>
  </si>
  <si>
    <t>1845.84902244305</t>
  </si>
  <si>
    <t>88.643</t>
  </si>
  <si>
    <t>433503786.0</t>
  </si>
  <si>
    <t>860803.0</t>
  </si>
  <si>
    <t>1286.37</t>
  </si>
  <si>
    <t>1092331.0</t>
  </si>
  <si>
    <t>281439520.0</t>
  </si>
  <si>
    <t>159076343.0</t>
  </si>
  <si>
    <t>128022585.0</t>
  </si>
  <si>
    <t>1611616.0</t>
  </si>
  <si>
    <t>1984997.0</t>
  </si>
  <si>
    <t>631518.0</t>
  </si>
  <si>
    <t>434840876.0</t>
  </si>
  <si>
    <t>1337090.0</t>
  </si>
  <si>
    <t>1290.338</t>
  </si>
  <si>
    <t>1079940.0</t>
  </si>
  <si>
    <t>283496046.0</t>
  </si>
  <si>
    <t>159735818.0</t>
  </si>
  <si>
    <t>129480605.0</t>
  </si>
  <si>
    <t>2056526.0</t>
  </si>
  <si>
    <t>1920474.0</t>
  </si>
  <si>
    <t>608532.0</t>
  </si>
  <si>
    <t>436186659.0</t>
  </si>
  <si>
    <t>1345783.0</t>
  </si>
  <si>
    <t>1294.332</t>
  </si>
  <si>
    <t>285521772.0</t>
  </si>
  <si>
    <t>160382199.0</t>
  </si>
  <si>
    <t>130926642.0</t>
  </si>
  <si>
    <t>2025726.0</t>
  </si>
  <si>
    <t>1843888.0</t>
  </si>
  <si>
    <t>583630.0</t>
  </si>
  <si>
    <t>437383019.0</t>
  </si>
  <si>
    <t>1196360.0</t>
  </si>
  <si>
    <t>1297.882</t>
  </si>
  <si>
    <t>1036861.0</t>
  </si>
  <si>
    <t>287808661.0</t>
  </si>
  <si>
    <t>161311548.0</t>
  </si>
  <si>
    <t>132341977.0</t>
  </si>
  <si>
    <t>2286889.0</t>
  </si>
  <si>
    <t>1808656.0</t>
  </si>
  <si>
    <t>604463.0</t>
  </si>
  <si>
    <t>438470356.0</t>
  </si>
  <si>
    <t>1301.108</t>
  </si>
  <si>
    <t>1023730.0</t>
  </si>
  <si>
    <t>290270669.0</t>
  </si>
  <si>
    <t>162407356.0</t>
  </si>
  <si>
    <t>133785828.0</t>
  </si>
  <si>
    <t>2462008.0</t>
  </si>
  <si>
    <t>1800243.0</t>
  </si>
  <si>
    <t>646710.0</t>
  </si>
  <si>
    <t>439259062.0</t>
  </si>
  <si>
    <t>788706.0</t>
  </si>
  <si>
    <t>1303.449</t>
  </si>
  <si>
    <t>1014479.0</t>
  </si>
  <si>
    <t>292124735.0</t>
  </si>
  <si>
    <t>163317510.0</t>
  </si>
  <si>
    <t>134782393.0</t>
  </si>
  <si>
    <t>1854066.0</t>
  </si>
  <si>
    <t>1844807.0</t>
  </si>
  <si>
    <t>704341.0</t>
  </si>
  <si>
    <t>439713638.0</t>
  </si>
  <si>
    <t>454576.0</t>
  </si>
  <si>
    <t>1304.797</t>
  </si>
  <si>
    <t>1010094.0</t>
  </si>
  <si>
    <t>293060559.0</t>
  </si>
  <si>
    <t>163795670.0</t>
  </si>
  <si>
    <t>135270666.0</t>
  </si>
  <si>
    <t>935824.0</t>
  </si>
  <si>
    <t>1890379.0</t>
  </si>
  <si>
    <t>743431.0</t>
  </si>
  <si>
    <t>627883.6</t>
  </si>
  <si>
    <t>1856.05210698366</t>
  </si>
  <si>
    <t>440512557.0</t>
  </si>
  <si>
    <t>798919.0</t>
  </si>
  <si>
    <t>1307.168</t>
  </si>
  <si>
    <t>1001253.0</t>
  </si>
  <si>
    <t>294891510.0</t>
  </si>
  <si>
    <t>164685314.0</t>
  </si>
  <si>
    <t>136287373.0</t>
  </si>
  <si>
    <t>1830951.0</t>
  </si>
  <si>
    <t>1921713.0</t>
  </si>
  <si>
    <t>801282.0</t>
  </si>
  <si>
    <t>441727952.0</t>
  </si>
  <si>
    <t>1215395.0</t>
  </si>
  <si>
    <t>1310.775</t>
  </si>
  <si>
    <t>983868.0</t>
  </si>
  <si>
    <t>296973659.0</t>
  </si>
  <si>
    <t>165680117.0</t>
  </si>
  <si>
    <t>137458488.0</t>
  </si>
  <si>
    <t>2082149.0</t>
  </si>
  <si>
    <t>1925373.0</t>
  </si>
  <si>
    <t>849186.0</t>
  </si>
  <si>
    <t>442909268.0</t>
  </si>
  <si>
    <t>1181316.0</t>
  </si>
  <si>
    <t>1314.28</t>
  </si>
  <si>
    <t>960373.0</t>
  </si>
  <si>
    <t>299070273.0</t>
  </si>
  <si>
    <t>166670396.0</t>
  </si>
  <si>
    <t>138644178.0</t>
  </si>
  <si>
    <t>2096614.0</t>
  </si>
  <si>
    <t>898314.0</t>
  </si>
  <si>
    <t>443918689.0</t>
  </si>
  <si>
    <t>1009421.0</t>
  </si>
  <si>
    <t>1317.275</t>
  </si>
  <si>
    <t>933667.0</t>
  </si>
  <si>
    <t>301098255.0</t>
  </si>
  <si>
    <t>167594033.0</t>
  </si>
  <si>
    <t>139828354.0</t>
  </si>
  <si>
    <t>2027982.0</t>
  </si>
  <si>
    <t>1898513.0</t>
  </si>
  <si>
    <t>897498.0</t>
  </si>
  <si>
    <t>444905422.0</t>
  </si>
  <si>
    <t>986733.0</t>
  </si>
  <si>
    <t>1320.203</t>
  </si>
  <si>
    <t>919295.0</t>
  </si>
  <si>
    <t>303169293.0</t>
  </si>
  <si>
    <t>168529612.0</t>
  </si>
  <si>
    <t>141042637.0</t>
  </si>
  <si>
    <t>2071038.0</t>
  </si>
  <si>
    <t>874608.0</t>
  </si>
  <si>
    <t>445615592.0</t>
  </si>
  <si>
    <t>710170.0</t>
  </si>
  <si>
    <t>1322.311</t>
  </si>
  <si>
    <t>304623750.0</t>
  </si>
  <si>
    <t>169261083.0</t>
  </si>
  <si>
    <t>141818820.0</t>
  </si>
  <si>
    <t>1454457.0</t>
  </si>
  <si>
    <t>1785574.0</t>
  </si>
  <si>
    <t>446024742.0</t>
  </si>
  <si>
    <t>409150.0</t>
  </si>
  <si>
    <t>1323.525</t>
  </si>
  <si>
    <t>901586.0</t>
  </si>
  <si>
    <t>305283374.0</t>
  </si>
  <si>
    <t>169600120.0</t>
  </si>
  <si>
    <t>142166788.0</t>
  </si>
  <si>
    <t>659624.0</t>
  </si>
  <si>
    <t>1746116.0</t>
  </si>
  <si>
    <t>829207.0</t>
  </si>
  <si>
    <t>632176.8</t>
  </si>
  <si>
    <t>1868.74299890328</t>
  </si>
  <si>
    <t>446737903.0</t>
  </si>
  <si>
    <t>713161.0</t>
  </si>
  <si>
    <t>1325.641</t>
  </si>
  <si>
    <t>889335.0</t>
  </si>
  <si>
    <t>306610979.0</t>
  </si>
  <si>
    <t>170237567.0</t>
  </si>
  <si>
    <t>142923600.0</t>
  </si>
  <si>
    <t>1327605.0</t>
  </si>
  <si>
    <t>1674210.0</t>
  </si>
  <si>
    <t>793179.0</t>
  </si>
  <si>
    <t>447812655.0</t>
  </si>
  <si>
    <t>1074752.0</t>
  </si>
  <si>
    <t>1328.83</t>
  </si>
  <si>
    <t>869243.0</t>
  </si>
  <si>
    <t>308056431.0</t>
  </si>
  <si>
    <t>170907948.0</t>
  </si>
  <si>
    <t>143768827.0</t>
  </si>
  <si>
    <t>1445452.0</t>
  </si>
  <si>
    <t>1583253.0</t>
  </si>
  <si>
    <t>746833.0</t>
  </si>
  <si>
    <t>448864420.0</t>
  </si>
  <si>
    <t>1051765.0</t>
  </si>
  <si>
    <t>1331.951</t>
  </si>
  <si>
    <t>850736.0</t>
  </si>
  <si>
    <t>309500890.0</t>
  </si>
  <si>
    <t>171571931.0</t>
  </si>
  <si>
    <t>144614275.0</t>
  </si>
  <si>
    <t>1444459.0</t>
  </si>
  <si>
    <t>1490088.0</t>
  </si>
  <si>
    <t>700219.0</t>
  </si>
  <si>
    <t>449792963.0</t>
  </si>
  <si>
    <t>928543.0</t>
  </si>
  <si>
    <t>1334.707</t>
  </si>
  <si>
    <t>839182.0</t>
  </si>
  <si>
    <t>310857395.0</t>
  </si>
  <si>
    <t>172189248.0</t>
  </si>
  <si>
    <t>145419324.0</t>
  </si>
  <si>
    <t>1356505.0</t>
  </si>
  <si>
    <t>1394163.0</t>
  </si>
  <si>
    <t>656459.0</t>
  </si>
  <si>
    <t>450632498.0</t>
  </si>
  <si>
    <t>839535.0</t>
  </si>
  <si>
    <t>1337.198</t>
  </si>
  <si>
    <t>818154.0</t>
  </si>
  <si>
    <t>312198614.0</t>
  </si>
  <si>
    <t>172799334.0</t>
  </si>
  <si>
    <t>146212311.0</t>
  </si>
  <si>
    <t>1341219.0</t>
  </si>
  <si>
    <t>1289903.0</t>
  </si>
  <si>
    <t>94.03</t>
  </si>
  <si>
    <t>609960.0</t>
  </si>
  <si>
    <t>451212520.0</t>
  </si>
  <si>
    <t>580022.0</t>
  </si>
  <si>
    <t>1338.919</t>
  </si>
  <si>
    <t>799561.0</t>
  </si>
  <si>
    <t>312969037.0</t>
  </si>
  <si>
    <t>173183509.0</t>
  </si>
  <si>
    <t>146635883.0</t>
  </si>
  <si>
    <t>770423.0</t>
  </si>
  <si>
    <t>1192184.0</t>
  </si>
  <si>
    <t>560347.0</t>
  </si>
  <si>
    <t>451572853.0</t>
  </si>
  <si>
    <t>360333.0</t>
  </si>
  <si>
    <t>1339.988</t>
  </si>
  <si>
    <t>792587.0</t>
  </si>
  <si>
    <t>313355738.0</t>
  </si>
  <si>
    <t>173385150.0</t>
  </si>
  <si>
    <t>146841878.0</t>
  </si>
  <si>
    <t>386701.0</t>
  </si>
  <si>
    <t>1153195.0</t>
  </si>
  <si>
    <t>540719.0</t>
  </si>
  <si>
    <t>635158.8</t>
  </si>
  <si>
    <t>1877.55792476379</t>
  </si>
  <si>
    <t>451889304.0</t>
  </si>
  <si>
    <t>316451.0</t>
  </si>
  <si>
    <t>1340.927</t>
  </si>
  <si>
    <t>735914.0</t>
  </si>
  <si>
    <t>313559746.0</t>
  </si>
  <si>
    <t>173474831.0</t>
  </si>
  <si>
    <t>146964794.0</t>
  </si>
  <si>
    <t>204008.0</t>
  </si>
  <si>
    <t>992681.0</t>
  </si>
  <si>
    <t>462466.0</t>
  </si>
  <si>
    <t>452599084.0</t>
  </si>
  <si>
    <t>709780.0</t>
  </si>
  <si>
    <t>1343.033</t>
  </si>
  <si>
    <t>314844572.0</t>
  </si>
  <si>
    <t>174006331.0</t>
  </si>
  <si>
    <t>147758359.0</t>
  </si>
  <si>
    <t>1284826.0</t>
  </si>
  <si>
    <t>969734.0</t>
  </si>
  <si>
    <t>442626.0</t>
  </si>
  <si>
    <t>453709602.0</t>
  </si>
  <si>
    <t>1110518.0</t>
  </si>
  <si>
    <t>1346.329</t>
  </si>
  <si>
    <t>692169.0</t>
  </si>
  <si>
    <t>315970046.0</t>
  </si>
  <si>
    <t>174502616.0</t>
  </si>
  <si>
    <t>148446140.0</t>
  </si>
  <si>
    <t>1125474.0</t>
  </si>
  <si>
    <t>924165.0</t>
  </si>
  <si>
    <t>418669.0</t>
  </si>
  <si>
    <t>454699160.0</t>
  </si>
  <si>
    <t>989558.0</t>
  </si>
  <si>
    <t>1349.265</t>
  </si>
  <si>
    <t>700885.0</t>
  </si>
  <si>
    <t>317225866.0</t>
  </si>
  <si>
    <t>174967489.0</t>
  </si>
  <si>
    <t>149292670.0</t>
  </si>
  <si>
    <t>1255820.0</t>
  </si>
  <si>
    <t>909782.0</t>
  </si>
  <si>
    <t>396892.0</t>
  </si>
  <si>
    <t>455569323.0</t>
  </si>
  <si>
    <t>870163.0</t>
  </si>
  <si>
    <t>1351.847</t>
  </si>
  <si>
    <t>705261.0</t>
  </si>
  <si>
    <t>318640938.0</t>
  </si>
  <si>
    <t>175469609.0</t>
  </si>
  <si>
    <t>150263048.0</t>
  </si>
  <si>
    <t>1415072.0</t>
  </si>
  <si>
    <t>920332.0</t>
  </si>
  <si>
    <t>456186392.0</t>
  </si>
  <si>
    <t>617069.0</t>
  </si>
  <si>
    <t>1353.678</t>
  </si>
  <si>
    <t>710553.0</t>
  </si>
  <si>
    <t>319719672.0</t>
  </si>
  <si>
    <t>175824927.0</t>
  </si>
  <si>
    <t>151021243.0</t>
  </si>
  <si>
    <t>1078734.0</t>
  </si>
  <si>
    <t>964376.0</t>
  </si>
  <si>
    <t>377345.0</t>
  </si>
  <si>
    <t>456555294.0</t>
  </si>
  <si>
    <t>368902.0</t>
  </si>
  <si>
    <t>1354.773</t>
  </si>
  <si>
    <t>711777.0</t>
  </si>
  <si>
    <t>320239877.0</t>
  </si>
  <si>
    <t>175996799.0</t>
  </si>
  <si>
    <t>151387711.0</t>
  </si>
  <si>
    <t>983448.0</t>
  </si>
  <si>
    <t>373093.0</t>
  </si>
  <si>
    <t>638652.6</t>
  </si>
  <si>
    <t>1887.88575439874</t>
  </si>
  <si>
    <t>457200153.0</t>
  </si>
  <si>
    <t>644859.0</t>
  </si>
  <si>
    <t>1356.687</t>
  </si>
  <si>
    <t>758693.0</t>
  </si>
  <si>
    <t>321320172.0</t>
  </si>
  <si>
    <t>176370876.0</t>
  </si>
  <si>
    <t>152136051.0</t>
  </si>
  <si>
    <t>1080295.0</t>
  </si>
  <si>
    <t>1108632.0</t>
  </si>
  <si>
    <t>413721.0</t>
  </si>
  <si>
    <t>458086307.0</t>
  </si>
  <si>
    <t>886154.0</t>
  </si>
  <si>
    <t>1359.316</t>
  </si>
  <si>
    <t>783889.0</t>
  </si>
  <si>
    <t>322502074.0</t>
  </si>
  <si>
    <t>176775220.0</t>
  </si>
  <si>
    <t>152960522.0</t>
  </si>
  <si>
    <t>1181902.0</t>
  </si>
  <si>
    <t>1093929.0</t>
  </si>
  <si>
    <t>395556.0</t>
  </si>
  <si>
    <t>458954154.0</t>
  </si>
  <si>
    <t>867847.0</t>
  </si>
  <si>
    <t>1361.891</t>
  </si>
  <si>
    <t>749222.0</t>
  </si>
  <si>
    <t>323675269.0</t>
  </si>
  <si>
    <t>177167654.0</t>
  </si>
  <si>
    <t>153788275.0</t>
  </si>
  <si>
    <t>1173195.0</t>
  </si>
  <si>
    <t>1100746.0</t>
  </si>
  <si>
    <t>380720.0</t>
  </si>
  <si>
    <t>459739199.0</t>
  </si>
  <si>
    <t>785045.0</t>
  </si>
  <si>
    <t>1364.221</t>
  </si>
  <si>
    <t>720006.0</t>
  </si>
  <si>
    <t>324851138.0</t>
  </si>
  <si>
    <t>177573021.0</t>
  </si>
  <si>
    <t>154609074.0</t>
  </si>
  <si>
    <t>1175869.0</t>
  </si>
  <si>
    <t>1089325.0</t>
  </si>
  <si>
    <t>372219.0</t>
  </si>
  <si>
    <t>460503784.0</t>
  </si>
  <si>
    <t>764585.0</t>
  </si>
  <si>
    <t>1366.49</t>
  </si>
  <si>
    <t>704923.0</t>
  </si>
  <si>
    <t>326090646.0</t>
  </si>
  <si>
    <t>178002124.0</t>
  </si>
  <si>
    <t>155470073.0</t>
  </si>
  <si>
    <t>1239508.0</t>
  </si>
  <si>
    <t>1064244.0</t>
  </si>
  <si>
    <t>461061377.0</t>
  </si>
  <si>
    <t>557593.0</t>
  </si>
  <si>
    <t>1368.144</t>
  </si>
  <si>
    <t>696426.0</t>
  </si>
  <si>
    <t>326988474.0</t>
  </si>
  <si>
    <t>178283976.0</t>
  </si>
  <si>
    <t>156116467.0</t>
  </si>
  <si>
    <t>897828.0</t>
  </si>
  <si>
    <t>1038400.0</t>
  </si>
  <si>
    <t>351293.0</t>
  </si>
  <si>
    <t>461407012.0</t>
  </si>
  <si>
    <t>345635.0</t>
  </si>
  <si>
    <t>1369.17</t>
  </si>
  <si>
    <t>693103.0</t>
  </si>
  <si>
    <t>327383864.0</t>
  </si>
  <si>
    <t>178397708.0</t>
  </si>
  <si>
    <t>156414793.0</t>
  </si>
  <si>
    <t>395390.0</t>
  </si>
  <si>
    <t>1020570.0</t>
  </si>
  <si>
    <t>342987.0</t>
  </si>
  <si>
    <t>641380.8</t>
  </si>
  <si>
    <t>1895.95043606628</t>
  </si>
  <si>
    <t>462005017.0</t>
  </si>
  <si>
    <t>598005.0</t>
  </si>
  <si>
    <t>1370.944</t>
  </si>
  <si>
    <t>686409.0</t>
  </si>
  <si>
    <t>328302968.0</t>
  </si>
  <si>
    <t>178730313.0</t>
  </si>
  <si>
    <t>157039969.0</t>
  </si>
  <si>
    <t>919104.0</t>
  </si>
  <si>
    <t>997542.0</t>
  </si>
  <si>
    <t>337062.0</t>
  </si>
  <si>
    <t>462837195.0</t>
  </si>
  <si>
    <t>832178.0</t>
  </si>
  <si>
    <t>1373.414</t>
  </si>
  <si>
    <t>678698.0</t>
  </si>
  <si>
    <t>329287022.0</t>
  </si>
  <si>
    <t>179091319.0</t>
  </si>
  <si>
    <t>157706217.0</t>
  </si>
  <si>
    <t>984054.0</t>
  </si>
  <si>
    <t>969278.0</t>
  </si>
  <si>
    <t>330871.0</t>
  </si>
  <si>
    <t>463630486.0</t>
  </si>
  <si>
    <t>793291.0</t>
  </si>
  <si>
    <t>1375.768</t>
  </si>
  <si>
    <t>668047.0</t>
  </si>
  <si>
    <t>330237087.0</t>
  </si>
  <si>
    <t>179449417.0</t>
  </si>
  <si>
    <t>158342549.0</t>
  </si>
  <si>
    <t>950065.0</t>
  </si>
  <si>
    <t>937403.0</t>
  </si>
  <si>
    <t>464355874.0</t>
  </si>
  <si>
    <t>1377.92</t>
  </si>
  <si>
    <t>659525.0</t>
  </si>
  <si>
    <t>331135927.0</t>
  </si>
  <si>
    <t>179800711.0</t>
  </si>
  <si>
    <t>158938048.0</t>
  </si>
  <si>
    <t>898840.0</t>
  </si>
  <si>
    <t>897827.0</t>
  </si>
  <si>
    <t>465049873.0</t>
  </si>
  <si>
    <t>693999.0</t>
  </si>
  <si>
    <t>1379.98</t>
  </si>
  <si>
    <t>649441.0</t>
  </si>
  <si>
    <t>332063167.0</t>
  </si>
  <si>
    <t>180169218.0</t>
  </si>
  <si>
    <t>159540135.0</t>
  </si>
  <si>
    <t>927240.0</t>
  </si>
  <si>
    <t>853217.0</t>
  </si>
  <si>
    <t>309585.0</t>
  </si>
  <si>
    <t>465546860.0</t>
  </si>
  <si>
    <t>496987.0</t>
  </si>
  <si>
    <t>1381.454</t>
  </si>
  <si>
    <t>640783.0</t>
  </si>
  <si>
    <t>332640032.0</t>
  </si>
  <si>
    <t>180400316.0</t>
  </si>
  <si>
    <t>159911403.0</t>
  </si>
  <si>
    <t>576865.0</t>
  </si>
  <si>
    <t>807365.0</t>
  </si>
  <si>
    <t>302334.0</t>
  </si>
  <si>
    <t>465880302.0</t>
  </si>
  <si>
    <t>333442.0</t>
  </si>
  <si>
    <t>1382.444</t>
  </si>
  <si>
    <t>639041.0</t>
  </si>
  <si>
    <t>332918026.0</t>
  </si>
  <si>
    <t>180512531.0</t>
  </si>
  <si>
    <t>160088248.0</t>
  </si>
  <si>
    <t>790595.0</t>
  </si>
  <si>
    <t>100.27</t>
  </si>
  <si>
    <t>302118.0</t>
  </si>
  <si>
    <t>644674.6</t>
  </si>
  <si>
    <t>1905.68705672333</t>
  </si>
  <si>
    <t>466451348.0</t>
  </si>
  <si>
    <t>571046.0</t>
  </si>
  <si>
    <t>1384.138</t>
  </si>
  <si>
    <t>635190.0</t>
  </si>
  <si>
    <t>333482739.0</t>
  </si>
  <si>
    <t>180814687.0</t>
  </si>
  <si>
    <t>160384300.0</t>
  </si>
  <si>
    <t>564713.0</t>
  </si>
  <si>
    <t>739967.0</t>
  </si>
  <si>
    <t>297768.0</t>
  </si>
  <si>
    <t>467234054.0</t>
  </si>
  <si>
    <t>782706.0</t>
  </si>
  <si>
    <t>1386.461</t>
  </si>
  <si>
    <t>628123.0</t>
  </si>
  <si>
    <t>334241880.0</t>
  </si>
  <si>
    <t>181138469.0</t>
  </si>
  <si>
    <t>160856415.0</t>
  </si>
  <si>
    <t>759141.0</t>
  </si>
  <si>
    <t>707837.0</t>
  </si>
  <si>
    <t>292450.0</t>
  </si>
  <si>
    <t>467998695.0</t>
  </si>
  <si>
    <t>764641.0</t>
  </si>
  <si>
    <t>1388.73</t>
  </si>
  <si>
    <t>624030.0</t>
  </si>
  <si>
    <t>334981662.0</t>
  </si>
  <si>
    <t>181468882.0</t>
  </si>
  <si>
    <t>161302032.0</t>
  </si>
  <si>
    <t>739782.0</t>
  </si>
  <si>
    <t>677796.0</t>
  </si>
  <si>
    <t>288495.0</t>
  </si>
  <si>
    <t>468693550.0</t>
  </si>
  <si>
    <t>694855.0</t>
  </si>
  <si>
    <t>1390.792</t>
  </si>
  <si>
    <t>619668.0</t>
  </si>
  <si>
    <t>335684390.0</t>
  </si>
  <si>
    <t>181786981.0</t>
  </si>
  <si>
    <t>161723132.0</t>
  </si>
  <si>
    <t>702728.0</t>
  </si>
  <si>
    <t>469367126.0</t>
  </si>
  <si>
    <t>673576.0</t>
  </si>
  <si>
    <t>1392.791</t>
  </si>
  <si>
    <t>616750.0</t>
  </si>
  <si>
    <t>336454883.0</t>
  </si>
  <si>
    <t>182137401.0</t>
  </si>
  <si>
    <t>162179671.0</t>
  </si>
  <si>
    <t>627388.0</t>
  </si>
  <si>
    <t>469859893.0</t>
  </si>
  <si>
    <t>492767.0</t>
  </si>
  <si>
    <t>1394.253</t>
  </si>
  <si>
    <t>616148.0</t>
  </si>
  <si>
    <t>336956035.0</t>
  </si>
  <si>
    <t>182362886.0</t>
  </si>
  <si>
    <t>162476569.0</t>
  </si>
  <si>
    <t>501152.0</t>
  </si>
  <si>
    <t>616572.0</t>
  </si>
  <si>
    <t>280367.0</t>
  </si>
  <si>
    <t>470198920.0</t>
  </si>
  <si>
    <t>339027.0</t>
  </si>
  <si>
    <t>1395.259</t>
  </si>
  <si>
    <t>616945.0</t>
  </si>
  <si>
    <t>337224524.0</t>
  </si>
  <si>
    <t>182489921.0</t>
  </si>
  <si>
    <t>162628057.0</t>
  </si>
  <si>
    <t>268489.0</t>
  </si>
  <si>
    <t>615214.0</t>
  </si>
  <si>
    <t>282484.0</t>
  </si>
  <si>
    <t>647775.2</t>
  </si>
  <si>
    <t>1914.85256950773</t>
  </si>
  <si>
    <t>470751725.0</t>
  </si>
  <si>
    <t>552805.0</t>
  </si>
  <si>
    <t>1396.899</t>
  </si>
  <si>
    <t>614340.0</t>
  </si>
  <si>
    <t>337781551.0</t>
  </si>
  <si>
    <t>182765656.0</t>
  </si>
  <si>
    <t>162935881.0</t>
  </si>
  <si>
    <t>557027.0</t>
  </si>
  <si>
    <t>614116.0</t>
  </si>
  <si>
    <t>278710.0</t>
  </si>
  <si>
    <t>471449516.0</t>
  </si>
  <si>
    <t>697791.0</t>
  </si>
  <si>
    <t>1398.97</t>
  </si>
  <si>
    <t>602209.0</t>
  </si>
  <si>
    <t>338412777.0</t>
  </si>
  <si>
    <t>183063614.0</t>
  </si>
  <si>
    <t>163296627.0</t>
  </si>
  <si>
    <t>631226.0</t>
  </si>
  <si>
    <t>595842.0</t>
  </si>
  <si>
    <t>472127797.0</t>
  </si>
  <si>
    <t>678281.0</t>
  </si>
  <si>
    <t>1400.983</t>
  </si>
  <si>
    <t>589872.0</t>
  </si>
  <si>
    <t>339048064.0</t>
  </si>
  <si>
    <t>183371362.0</t>
  </si>
  <si>
    <t>163650429.0</t>
  </si>
  <si>
    <t>635287.0</t>
  </si>
  <si>
    <t>580915.0</t>
  </si>
  <si>
    <t>271783.0</t>
  </si>
  <si>
    <t>472770434.0</t>
  </si>
  <si>
    <t>642637.0</t>
  </si>
  <si>
    <t>1402.89</t>
  </si>
  <si>
    <t>582412.0</t>
  </si>
  <si>
    <t>339663524.0</t>
  </si>
  <si>
    <t>183666257.0</t>
  </si>
  <si>
    <t>163989278.0</t>
  </si>
  <si>
    <t>615460.0</t>
  </si>
  <si>
    <t>568448.0</t>
  </si>
  <si>
    <t>268468.0</t>
  </si>
  <si>
    <t>473370500.0</t>
  </si>
  <si>
    <t>600066.0</t>
  </si>
  <si>
    <t>1404.67</t>
  </si>
  <si>
    <t>571911.0</t>
  </si>
  <si>
    <t>340286587.0</t>
  </si>
  <si>
    <t>183972510.0</t>
  </si>
  <si>
    <t>164333472.0</t>
  </si>
  <si>
    <t>547386.0</t>
  </si>
  <si>
    <t>262158.0</t>
  </si>
  <si>
    <t>473817385.0</t>
  </si>
  <si>
    <t>446885.0</t>
  </si>
  <si>
    <t>1405.996</t>
  </si>
  <si>
    <t>565356.0</t>
  </si>
  <si>
    <t>340644931.0</t>
  </si>
  <si>
    <t>184154430.0</t>
  </si>
  <si>
    <t>164523069.0</t>
  </si>
  <si>
    <t>526985.0</t>
  </si>
  <si>
    <t>255935.0</t>
  </si>
  <si>
    <t>474077775.0</t>
  </si>
  <si>
    <t>260390.0</t>
  </si>
  <si>
    <t>1406.769</t>
  </si>
  <si>
    <t>554122.0</t>
  </si>
  <si>
    <t>340695783.0</t>
  </si>
  <si>
    <t>184182377.0</t>
  </si>
  <si>
    <t>164550666.0</t>
  </si>
  <si>
    <t>495894.0</t>
  </si>
  <si>
    <t>651594.8</t>
  </si>
  <si>
    <t>1926.14347856768</t>
  </si>
  <si>
    <t>474384919.0</t>
  </si>
  <si>
    <t>307144.0</t>
  </si>
  <si>
    <t>1407.68</t>
  </si>
  <si>
    <t>519028.0</t>
  </si>
  <si>
    <t>341094339.0</t>
  </si>
  <si>
    <t>184384172.0</t>
  </si>
  <si>
    <t>164760506.0</t>
  </si>
  <si>
    <t>398556.0</t>
  </si>
  <si>
    <t>231217.0</t>
  </si>
  <si>
    <t>474976758.0</t>
  </si>
  <si>
    <t>591839.0</t>
  </si>
  <si>
    <t>1409.437</t>
  </si>
  <si>
    <t>503892.0</t>
  </si>
  <si>
    <t>341680670.0</t>
  </si>
  <si>
    <t>184657807.0</t>
  </si>
  <si>
    <t>165100487.0</t>
  </si>
  <si>
    <t>586331.0</t>
  </si>
  <si>
    <t>466842.0</t>
  </si>
  <si>
    <t>227742.0</t>
  </si>
  <si>
    <t>475755164.0</t>
  </si>
  <si>
    <t>778406.0</t>
  </si>
  <si>
    <t>1411.746</t>
  </si>
  <si>
    <t>518195.0</t>
  </si>
  <si>
    <t>342253842.0</t>
  </si>
  <si>
    <t>184940350.0</t>
  </si>
  <si>
    <t>165422171.0</t>
  </si>
  <si>
    <t>573172.0</t>
  </si>
  <si>
    <t>457968.0</t>
  </si>
  <si>
    <t>224141.0</t>
  </si>
  <si>
    <t>476480662.0</t>
  </si>
  <si>
    <t>725498.0</t>
  </si>
  <si>
    <t>1413.899</t>
  </si>
  <si>
    <t>530033.0</t>
  </si>
  <si>
    <t>342822279.0</t>
  </si>
  <si>
    <t>185229577.0</t>
  </si>
  <si>
    <t>165735319.0</t>
  </si>
  <si>
    <t>568437.0</t>
  </si>
  <si>
    <t>451251.0</t>
  </si>
  <si>
    <t>477146370.0</t>
  </si>
  <si>
    <t>665708.0</t>
  </si>
  <si>
    <t>1415.875</t>
  </si>
  <si>
    <t>539410.0</t>
  </si>
  <si>
    <t>343456156.0</t>
  </si>
  <si>
    <t>185551500.0</t>
  </si>
  <si>
    <t>166081697.0</t>
  </si>
  <si>
    <t>452796.0</t>
  </si>
  <si>
    <t>225570.0</t>
  </si>
  <si>
    <t>477634536.0</t>
  </si>
  <si>
    <t>488166.0</t>
  </si>
  <si>
    <t>1417.323</t>
  </si>
  <si>
    <t>545307.0</t>
  </si>
  <si>
    <t>343857877.0</t>
  </si>
  <si>
    <t>185762956.0</t>
  </si>
  <si>
    <t>166289523.0</t>
  </si>
  <si>
    <t>458992.0</t>
  </si>
  <si>
    <t>229789.0</t>
  </si>
  <si>
    <t>477976699.0</t>
  </si>
  <si>
    <t>342163.0</t>
  </si>
  <si>
    <t>1418.338</t>
  </si>
  <si>
    <t>556989.0</t>
  </si>
  <si>
    <t>344075032.0</t>
  </si>
  <si>
    <t>185879728.0</t>
  </si>
  <si>
    <t>166398079.0</t>
  </si>
  <si>
    <t>217155.0</t>
  </si>
  <si>
    <t>482750.0</t>
  </si>
  <si>
    <t>242479.0</t>
  </si>
  <si>
    <t>654905.8</t>
  </si>
  <si>
    <t>1935.93094319683</t>
  </si>
  <si>
    <t>478565158.0</t>
  </si>
  <si>
    <t>588459.0</t>
  </si>
  <si>
    <t>1420.085</t>
  </si>
  <si>
    <t>597177.0</t>
  </si>
  <si>
    <t>344597649.0</t>
  </si>
  <si>
    <t>186154868.0</t>
  </si>
  <si>
    <t>166673448.0</t>
  </si>
  <si>
    <t>522617.0</t>
  </si>
  <si>
    <t>500473.0</t>
  </si>
  <si>
    <t>479304592.0</t>
  </si>
  <si>
    <t>739434.0</t>
  </si>
  <si>
    <t>1422.279</t>
  </si>
  <si>
    <t>345126610.0</t>
  </si>
  <si>
    <t>186436166.0</t>
  </si>
  <si>
    <t>166946034.0</t>
  </si>
  <si>
    <t>528961.0</t>
  </si>
  <si>
    <t>492277.0</t>
  </si>
  <si>
    <t>254051.0</t>
  </si>
  <si>
    <t>480064458.0</t>
  </si>
  <si>
    <t>759866.0</t>
  </si>
  <si>
    <t>1424.534</t>
  </si>
  <si>
    <t>615613.0</t>
  </si>
  <si>
    <t>345660761.0</t>
  </si>
  <si>
    <t>186720685.0</t>
  </si>
  <si>
    <t>167220065.0</t>
  </si>
  <si>
    <t>534151.0</t>
  </si>
  <si>
    <t>486703.0</t>
  </si>
  <si>
    <t>480833112.0</t>
  </si>
  <si>
    <t>768654.0</t>
  </si>
  <si>
    <t>1426.815</t>
  </si>
  <si>
    <t>621779.0</t>
  </si>
  <si>
    <t>346204252.0</t>
  </si>
  <si>
    <t>187019160.0</t>
  </si>
  <si>
    <t>167490256.0</t>
  </si>
  <si>
    <t>543491.0</t>
  </si>
  <si>
    <t>483139.0</t>
  </si>
  <si>
    <t>481558526.0</t>
  </si>
  <si>
    <t>725414.0</t>
  </si>
  <si>
    <t>1428.967</t>
  </si>
  <si>
    <t>630308.0</t>
  </si>
  <si>
    <t>346828776.0</t>
  </si>
  <si>
    <t>187365527.0</t>
  </si>
  <si>
    <t>167794769.0</t>
  </si>
  <si>
    <t>624524.0</t>
  </si>
  <si>
    <t>104.46</t>
  </si>
  <si>
    <t>259147.0</t>
  </si>
  <si>
    <t>482085051.0</t>
  </si>
  <si>
    <t>526525.0</t>
  </si>
  <si>
    <t>1430.53</t>
  </si>
  <si>
    <t>635788.0</t>
  </si>
  <si>
    <t>347229455.0</t>
  </si>
  <si>
    <t>187589337.0</t>
  </si>
  <si>
    <t>167984624.0</t>
  </si>
  <si>
    <t>400679.0</t>
  </si>
  <si>
    <t>260912.0</t>
  </si>
  <si>
    <t>482482064.0</t>
  </si>
  <si>
    <t>397013.0</t>
  </si>
  <si>
    <t>1431.708</t>
  </si>
  <si>
    <t>643624.0</t>
  </si>
  <si>
    <t>347463606.0</t>
  </si>
  <si>
    <t>187724537.0</t>
  </si>
  <si>
    <t>168090549.0</t>
  </si>
  <si>
    <t>234151.0</t>
  </si>
  <si>
    <t>484082.0</t>
  </si>
  <si>
    <t>263544.0</t>
  </si>
  <si>
    <t>658536.0</t>
  </si>
  <si>
    <t>1946.66197735471</t>
  </si>
  <si>
    <t>483141497.0</t>
  </si>
  <si>
    <t>659433.0</t>
  </si>
  <si>
    <t>1433.664</t>
  </si>
  <si>
    <t>653763.0</t>
  </si>
  <si>
    <t>348032315.0</t>
  </si>
  <si>
    <t>188063821.0</t>
  </si>
  <si>
    <t>168343813.0</t>
  </si>
  <si>
    <t>568709.0</t>
  </si>
  <si>
    <t>490667.0</t>
  </si>
  <si>
    <t>272708.0</t>
  </si>
  <si>
    <t>484042874.0</t>
  </si>
  <si>
    <t>901377.0</t>
  </si>
  <si>
    <t>1436.339</t>
  </si>
  <si>
    <t>676897.0</t>
  </si>
  <si>
    <t>348636400.0</t>
  </si>
  <si>
    <t>188435044.0</t>
  </si>
  <si>
    <t>168601750.0</t>
  </si>
  <si>
    <t>501399.0</t>
  </si>
  <si>
    <t>105.01</t>
  </si>
  <si>
    <t>285554.0</t>
  </si>
  <si>
    <t>484971370.0</t>
  </si>
  <si>
    <t>928496.0</t>
  </si>
  <si>
    <t>1439.094</t>
  </si>
  <si>
    <t>700987.0</t>
  </si>
  <si>
    <t>349269637.0</t>
  </si>
  <si>
    <t>188822621.0</t>
  </si>
  <si>
    <t>168871222.0</t>
  </si>
  <si>
    <t>633237.0</t>
  </si>
  <si>
    <t>515554.0</t>
  </si>
  <si>
    <t>300277.0</t>
  </si>
  <si>
    <t>485888082.0</t>
  </si>
  <si>
    <t>916712.0</t>
  </si>
  <si>
    <t>1441.815</t>
  </si>
  <si>
    <t>722139.0</t>
  </si>
  <si>
    <t>349922610.0</t>
  </si>
  <si>
    <t>189240238.0</t>
  </si>
  <si>
    <t>169132168.0</t>
  </si>
  <si>
    <t>652973.0</t>
  </si>
  <si>
    <t>317297.0</t>
  </si>
  <si>
    <t>31504.0</t>
  </si>
  <si>
    <t>486769767.0</t>
  </si>
  <si>
    <t>881685.0</t>
  </si>
  <si>
    <t>1444.431</t>
  </si>
  <si>
    <t>744463.0</t>
  </si>
  <si>
    <t>350671218.0</t>
  </si>
  <si>
    <t>189727552.0</t>
  </si>
  <si>
    <t>169421434.0</t>
  </si>
  <si>
    <t>748608.0</t>
  </si>
  <si>
    <t>548920.0</t>
  </si>
  <si>
    <t>337432.0</t>
  </si>
  <si>
    <t>487423941.0</t>
  </si>
  <si>
    <t>654174.0</t>
  </si>
  <si>
    <t>1446.372</t>
  </si>
  <si>
    <t>762699.0</t>
  </si>
  <si>
    <t>351135493.0</t>
  </si>
  <si>
    <t>190029627.0</t>
  </si>
  <si>
    <t>169596599.0</t>
  </si>
  <si>
    <t>464275.0</t>
  </si>
  <si>
    <t>558005.0</t>
  </si>
  <si>
    <t>487916020.0</t>
  </si>
  <si>
    <t>492079.0</t>
  </si>
  <si>
    <t>1447.832</t>
  </si>
  <si>
    <t>776279.0</t>
  </si>
  <si>
    <t>351396340.0</t>
  </si>
  <si>
    <t>190232222.0</t>
  </si>
  <si>
    <t>169660676.0</t>
  </si>
  <si>
    <t>260847.0</t>
  </si>
  <si>
    <t>561819.0</t>
  </si>
  <si>
    <t>358241.0</t>
  </si>
  <si>
    <t>663738.0</t>
  </si>
  <si>
    <t>1962.03932286991</t>
  </si>
  <si>
    <t>488701282.0</t>
  </si>
  <si>
    <t>785262.0</t>
  </si>
  <si>
    <t>1450.162</t>
  </si>
  <si>
    <t>794255.0</t>
  </si>
  <si>
    <t>352041513.0</t>
  </si>
  <si>
    <t>190679327.0</t>
  </si>
  <si>
    <t>169883194.0</t>
  </si>
  <si>
    <t>645173.0</t>
  </si>
  <si>
    <t>572743.0</t>
  </si>
  <si>
    <t>106.03</t>
  </si>
  <si>
    <t>373644.0</t>
  </si>
  <si>
    <t>489737037.0</t>
  </si>
  <si>
    <t>1035755.0</t>
  </si>
  <si>
    <t>1453.236</t>
  </si>
  <si>
    <t>813452.0</t>
  </si>
  <si>
    <t>352744988.0</t>
  </si>
  <si>
    <t>191160024.0</t>
  </si>
  <si>
    <t>170136339.0</t>
  </si>
  <si>
    <t>703475.0</t>
  </si>
  <si>
    <t>586941.0</t>
  </si>
  <si>
    <t>389283.0</t>
  </si>
  <si>
    <t>490844783.0</t>
  </si>
  <si>
    <t>1107746.0</t>
  </si>
  <si>
    <t>1456.523</t>
  </si>
  <si>
    <t>839059.0</t>
  </si>
  <si>
    <t>353467908.0</t>
  </si>
  <si>
    <t>191651738.0</t>
  </si>
  <si>
    <t>170397029.0</t>
  </si>
  <si>
    <t>722920.0</t>
  </si>
  <si>
    <t>599753.0</t>
  </si>
  <si>
    <t>404160.0</t>
  </si>
  <si>
    <t>491955588.0</t>
  </si>
  <si>
    <t>1110805.0</t>
  </si>
  <si>
    <t>1459.819</t>
  </si>
  <si>
    <t>866787.0</t>
  </si>
  <si>
    <t>354191358.0</t>
  </si>
  <si>
    <t>192150069.0</t>
  </si>
  <si>
    <t>170651893.0</t>
  </si>
  <si>
    <t>723450.0</t>
  </si>
  <si>
    <t>609821.0</t>
  </si>
  <si>
    <t>415690.0</t>
  </si>
  <si>
    <t>493004766.0</t>
  </si>
  <si>
    <t>1049178.0</t>
  </si>
  <si>
    <t>1462.932</t>
  </si>
  <si>
    <t>890714.0</t>
  </si>
  <si>
    <t>355031543.0</t>
  </si>
  <si>
    <t>192727650.0</t>
  </si>
  <si>
    <t>170946756.0</t>
  </si>
  <si>
    <t>840185.0</t>
  </si>
  <si>
    <t>622904.0</t>
  </si>
  <si>
    <t>428585.0</t>
  </si>
  <si>
    <t>493770899.0</t>
  </si>
  <si>
    <t>766133.0</t>
  </si>
  <si>
    <t>1465.206</t>
  </si>
  <si>
    <t>906708.0</t>
  </si>
  <si>
    <t>355550345.0</t>
  </si>
  <si>
    <t>193075131.0</t>
  </si>
  <si>
    <t>171128688.0</t>
  </si>
  <si>
    <t>518802.0</t>
  </si>
  <si>
    <t>630693.0</t>
  </si>
  <si>
    <t>435072.0</t>
  </si>
  <si>
    <t>494339348.0</t>
  </si>
  <si>
    <t>568449.0</t>
  </si>
  <si>
    <t>1466.893</t>
  </si>
  <si>
    <t>917618.0</t>
  </si>
  <si>
    <t>355888049.0</t>
  </si>
  <si>
    <t>193305500.0</t>
  </si>
  <si>
    <t>171230149.0</t>
  </si>
  <si>
    <t>641673.0</t>
  </si>
  <si>
    <t>439040.0</t>
  </si>
  <si>
    <t>670930.2</t>
  </si>
  <si>
    <t>1983.29978892421</t>
  </si>
  <si>
    <t>495306801.0</t>
  </si>
  <si>
    <t>967453.0</t>
  </si>
  <si>
    <t>1469.763</t>
  </si>
  <si>
    <t>943646.0</t>
  </si>
  <si>
    <t>356612643.0</t>
  </si>
  <si>
    <t>193813631.0</t>
  </si>
  <si>
    <t>171469740.0</t>
  </si>
  <si>
    <t>724594.0</t>
  </si>
  <si>
    <t>653019.0</t>
  </si>
  <si>
    <t>496573353.0</t>
  </si>
  <si>
    <t>1473.522</t>
  </si>
  <si>
    <t>357379554.0</t>
  </si>
  <si>
    <t>194353827.0</t>
  </si>
  <si>
    <t>171725069.0</t>
  </si>
  <si>
    <t>766911.0</t>
  </si>
  <si>
    <t>456258.0</t>
  </si>
  <si>
    <t>497896042.0</t>
  </si>
  <si>
    <t>1322689.0</t>
  </si>
  <si>
    <t>1477.447</t>
  </si>
  <si>
    <t>1007323.0</t>
  </si>
  <si>
    <t>358162166.0</t>
  </si>
  <si>
    <t>194908431.0</t>
  </si>
  <si>
    <t>171982295.0</t>
  </si>
  <si>
    <t>782612.0</t>
  </si>
  <si>
    <t>465242.0</t>
  </si>
  <si>
    <t>499278376.0</t>
  </si>
  <si>
    <t>1382334.0</t>
  </si>
  <si>
    <t>1481.549</t>
  </si>
  <si>
    <t>1046113.0</t>
  </si>
  <si>
    <t>358960485.0</t>
  </si>
  <si>
    <t>195471243.0</t>
  </si>
  <si>
    <t>172248797.0</t>
  </si>
  <si>
    <t>798319.0</t>
  </si>
  <si>
    <t>681304.0</t>
  </si>
  <si>
    <t>474453.0</t>
  </si>
  <si>
    <t>500616345.0</t>
  </si>
  <si>
    <t>1337969.0</t>
  </si>
  <si>
    <t>1485.519</t>
  </si>
  <si>
    <t>1087368.0</t>
  </si>
  <si>
    <t>359875509.0</t>
  </si>
  <si>
    <t>196101304.0</t>
  </si>
  <si>
    <t>172562352.0</t>
  </si>
  <si>
    <t>915024.0</t>
  </si>
  <si>
    <t>691995.0</t>
  </si>
  <si>
    <t>108.39</t>
  </si>
  <si>
    <t>481951.0</t>
  </si>
  <si>
    <t>501622621.0</t>
  </si>
  <si>
    <t>1006276.0</t>
  </si>
  <si>
    <t>1488.505</t>
  </si>
  <si>
    <t>1121675.0</t>
  </si>
  <si>
    <t>360438600.0</t>
  </si>
  <si>
    <t>196486048.0</t>
  </si>
  <si>
    <t>172753634.0</t>
  </si>
  <si>
    <t>563091.0</t>
  </si>
  <si>
    <t>698322.0</t>
  </si>
  <si>
    <t>487274.0</t>
  </si>
  <si>
    <t>502338707.0</t>
  </si>
  <si>
    <t>716086.0</t>
  </si>
  <si>
    <t>1490.63</t>
  </si>
  <si>
    <t>1142766.0</t>
  </si>
  <si>
    <t>360791959.0</t>
  </si>
  <si>
    <t>196725412.0</t>
  </si>
  <si>
    <t>172872145.0</t>
  </si>
  <si>
    <t>353359.0</t>
  </si>
  <si>
    <t>700559.0</t>
  </si>
  <si>
    <t>488559.0</t>
  </si>
  <si>
    <t>681544.6</t>
  </si>
  <si>
    <t>2014.67643179936</t>
  </si>
  <si>
    <t>503472730.0</t>
  </si>
  <si>
    <t>1134023.0</t>
  </si>
  <si>
    <t>1493.995</t>
  </si>
  <si>
    <t>1166561.0</t>
  </si>
  <si>
    <t>361580611.0</t>
  </si>
  <si>
    <t>197249089.0</t>
  </si>
  <si>
    <t>173160759.0</t>
  </si>
  <si>
    <t>788652.0</t>
  </si>
  <si>
    <t>709710.0</t>
  </si>
  <si>
    <t>490780.0</t>
  </si>
  <si>
    <t>504912801.0</t>
  </si>
  <si>
    <t>1440071.0</t>
  </si>
  <si>
    <t>1498.268</t>
  </si>
  <si>
    <t>1191350.0</t>
  </si>
  <si>
    <t>362386321.0</t>
  </si>
  <si>
    <t>197782418.0</t>
  </si>
  <si>
    <t>173457919.0</t>
  </si>
  <si>
    <t>805710.0</t>
  </si>
  <si>
    <t>489799.0</t>
  </si>
  <si>
    <t>506445720.0</t>
  </si>
  <si>
    <t>1532919.0</t>
  </si>
  <si>
    <t>1502.817</t>
  </si>
  <si>
    <t>1221383.0</t>
  </si>
  <si>
    <t>363161092.0</t>
  </si>
  <si>
    <t>198284261.0</t>
  </si>
  <si>
    <t>173755594.0</t>
  </si>
  <si>
    <t>774771.0</t>
  </si>
  <si>
    <t>714132.0</t>
  </si>
  <si>
    <t>482261.0</t>
  </si>
  <si>
    <t>507979147.0</t>
  </si>
  <si>
    <t>1533427.0</t>
  </si>
  <si>
    <t>1507.367</t>
  </si>
  <si>
    <t>1242967.0</t>
  </si>
  <si>
    <t>363971141.0</t>
  </si>
  <si>
    <t>198802205.0</t>
  </si>
  <si>
    <t>174071592.0</t>
  </si>
  <si>
    <t>810049.0</t>
  </si>
  <si>
    <t>715808.0</t>
  </si>
  <si>
    <t>475852.0</t>
  </si>
  <si>
    <t>509510115.0</t>
  </si>
  <si>
    <t>1530968.0</t>
  </si>
  <si>
    <t>1511.91</t>
  </si>
  <si>
    <t>1270539.0</t>
  </si>
  <si>
    <t>364925352.0</t>
  </si>
  <si>
    <t>199386571.0</t>
  </si>
  <si>
    <t>174462899.0</t>
  </si>
  <si>
    <t>954211.0</t>
  </si>
  <si>
    <t>721406.0</t>
  </si>
  <si>
    <t>469324.0</t>
  </si>
  <si>
    <t>510639377.0</t>
  </si>
  <si>
    <t>1129262.0</t>
  </si>
  <si>
    <t>1515.261</t>
  </si>
  <si>
    <t>1288108.0</t>
  </si>
  <si>
    <t>365555183.0</t>
  </si>
  <si>
    <t>199750714.0</t>
  </si>
  <si>
    <t>174707368.0</t>
  </si>
  <si>
    <t>629831.0</t>
  </si>
  <si>
    <t>730940.0</t>
  </si>
  <si>
    <t>466381.0</t>
  </si>
  <si>
    <t>511434865.0</t>
  </si>
  <si>
    <t>795488.0</t>
  </si>
  <si>
    <t>1517.622</t>
  </si>
  <si>
    <t>1299451.0</t>
  </si>
  <si>
    <t>365957842.0</t>
  </si>
  <si>
    <t>199963332.0</t>
  </si>
  <si>
    <t>174870154.0</t>
  </si>
  <si>
    <t>89125.0</t>
  </si>
  <si>
    <t>737983.0</t>
  </si>
  <si>
    <t>462560.0</t>
  </si>
  <si>
    <t>695241.6</t>
  </si>
  <si>
    <t>2055.16537865091</t>
  </si>
  <si>
    <t>512716638.0</t>
  </si>
  <si>
    <t>1281773.0</t>
  </si>
  <si>
    <t>1521.425</t>
  </si>
  <si>
    <t>1320558.0</t>
  </si>
  <si>
    <t>366834018.0</t>
  </si>
  <si>
    <t>200430270.0</t>
  </si>
  <si>
    <t>175225942.0</t>
  </si>
  <si>
    <t>172978.0</t>
  </si>
  <si>
    <t>876176.0</t>
  </si>
  <si>
    <t>750487.0</t>
  </si>
  <si>
    <t>110.49</t>
  </si>
  <si>
    <t>454454.0</t>
  </si>
  <si>
    <t>514325381.0</t>
  </si>
  <si>
    <t>1608743.0</t>
  </si>
  <si>
    <t>1526.199</t>
  </si>
  <si>
    <t>1344654.0</t>
  </si>
  <si>
    <t>367764331.0</t>
  </si>
  <si>
    <t>200923252.0</t>
  </si>
  <si>
    <t>175591373.0</t>
  </si>
  <si>
    <t>276363.0</t>
  </si>
  <si>
    <t>930313.0</t>
  </si>
  <si>
    <t>768287.0</t>
  </si>
  <si>
    <t>448691.0</t>
  </si>
  <si>
    <t>516031902.0</t>
  </si>
  <si>
    <t>1706521.0</t>
  </si>
  <si>
    <t>1531.263</t>
  </si>
  <si>
    <t>1369455.0</t>
  </si>
  <si>
    <t>368724075.0</t>
  </si>
  <si>
    <t>201412334.0</t>
  </si>
  <si>
    <t>175972406.0</t>
  </si>
  <si>
    <t>397801.0</t>
  </si>
  <si>
    <t>959744.0</t>
  </si>
  <si>
    <t>794712.0</t>
  </si>
  <si>
    <t>517685413.0</t>
  </si>
  <si>
    <t>1653511.0</t>
  </si>
  <si>
    <t>1536.169</t>
  </si>
  <si>
    <t>1386609.0</t>
  </si>
  <si>
    <t>369675856.0</t>
  </si>
  <si>
    <t>201894863.0</t>
  </si>
  <si>
    <t>176355460.0</t>
  </si>
  <si>
    <t>516842.0</t>
  </si>
  <si>
    <t>951781.0</t>
  </si>
  <si>
    <t>814959.0</t>
  </si>
  <si>
    <t>441808.0</t>
  </si>
  <si>
    <t>519231584.0</t>
  </si>
  <si>
    <t>1546171.0</t>
  </si>
  <si>
    <t>1540.757</t>
  </si>
  <si>
    <t>1388781.0</t>
  </si>
  <si>
    <t>370791025.0</t>
  </si>
  <si>
    <t>202434906.0</t>
  </si>
  <si>
    <t>176836781.0</t>
  </si>
  <si>
    <t>1115169.0</t>
  </si>
  <si>
    <t>837953.0</t>
  </si>
  <si>
    <t>435476.0</t>
  </si>
  <si>
    <t>520409028.0</t>
  </si>
  <si>
    <t>1177444.0</t>
  </si>
  <si>
    <t>1544.251</t>
  </si>
  <si>
    <t>1395664.0</t>
  </si>
  <si>
    <t>371463308.0</t>
  </si>
  <si>
    <t>202758192.0</t>
  </si>
  <si>
    <t>177137075.0</t>
  </si>
  <si>
    <t>708174.0</t>
  </si>
  <si>
    <t>672283.0</t>
  </si>
  <si>
    <t>844018.0</t>
  </si>
  <si>
    <t>521249343.0</t>
  </si>
  <si>
    <t>840315.0</t>
  </si>
  <si>
    <t>1546.745</t>
  </si>
  <si>
    <t>1402068.0</t>
  </si>
  <si>
    <t>371856983.0</t>
  </si>
  <si>
    <t>202944146.0</t>
  </si>
  <si>
    <t>177318413.0</t>
  </si>
  <si>
    <t>741268.0</t>
  </si>
  <si>
    <t>393675.0</t>
  </si>
  <si>
    <t>842734.0</t>
  </si>
  <si>
    <t>425831.0</t>
  </si>
  <si>
    <t>712076.4</t>
  </si>
  <si>
    <t>2104.92980315674</t>
  </si>
  <si>
    <t>522572368.0</t>
  </si>
  <si>
    <t>1323025.0</t>
  </si>
  <si>
    <t>1550.671</t>
  </si>
  <si>
    <t>1407961.0</t>
  </si>
  <si>
    <t>372782087.0</t>
  </si>
  <si>
    <t>203386097.0</t>
  </si>
  <si>
    <t>177726270.0</t>
  </si>
  <si>
    <t>842083.0</t>
  </si>
  <si>
    <t>925104.0</t>
  </si>
  <si>
    <t>849724.0</t>
  </si>
  <si>
    <t>422261.0</t>
  </si>
  <si>
    <t>524385329.0</t>
  </si>
  <si>
    <t>1812961.0</t>
  </si>
  <si>
    <t>1556.051</t>
  </si>
  <si>
    <t>1437135.0</t>
  </si>
  <si>
    <t>373737539.0</t>
  </si>
  <si>
    <t>203848132.0</t>
  </si>
  <si>
    <t>178143673.0</t>
  </si>
  <si>
    <t>946355.0</t>
  </si>
  <si>
    <t>955452.0</t>
  </si>
  <si>
    <t>853315.0</t>
  </si>
  <si>
    <t>112.57</t>
  </si>
  <si>
    <t>417840.0</t>
  </si>
  <si>
    <t>526342166.0</t>
  </si>
  <si>
    <t>1956837.0</t>
  </si>
  <si>
    <t>1561.857</t>
  </si>
  <si>
    <t>1472895.0</t>
  </si>
  <si>
    <t>374709682.0</t>
  </si>
  <si>
    <t>204317614.0</t>
  </si>
  <si>
    <t>178568873.0</t>
  </si>
  <si>
    <t>1053760.0</t>
  </si>
  <si>
    <t>972143.0</t>
  </si>
  <si>
    <t>855087.0</t>
  </si>
  <si>
    <t>415040.0</t>
  </si>
  <si>
    <t>528306620.0</t>
  </si>
  <si>
    <t>1964454.0</t>
  </si>
  <si>
    <t>1567.686</t>
  </si>
  <si>
    <t>1517315.0</t>
  </si>
  <si>
    <t>375705151.0</t>
  </si>
  <si>
    <t>204793650.0</t>
  </si>
  <si>
    <t>179004312.0</t>
  </si>
  <si>
    <t>1168774.0</t>
  </si>
  <si>
    <t>995469.0</t>
  </si>
  <si>
    <t>861328.0</t>
  </si>
  <si>
    <t>414112.0</t>
  </si>
  <si>
    <t>530202089.0</t>
  </si>
  <si>
    <t>1895469.0</t>
  </si>
  <si>
    <t>1573.311</t>
  </si>
  <si>
    <t>1567215.0</t>
  </si>
  <si>
    <t>376881918.0</t>
  </si>
  <si>
    <t>205327203.0</t>
  </si>
  <si>
    <t>179547623.0</t>
  </si>
  <si>
    <t>1300014.0</t>
  </si>
  <si>
    <t>1176767.0</t>
  </si>
  <si>
    <t>870128.0</t>
  </si>
  <si>
    <t>413185.0</t>
  </si>
  <si>
    <t>95071.0</t>
  </si>
  <si>
    <t>531640705.0</t>
  </si>
  <si>
    <t>1438616.0</t>
  </si>
  <si>
    <t>1577.58</t>
  </si>
  <si>
    <t>1604525.0</t>
  </si>
  <si>
    <t>377598336.0</t>
  </si>
  <si>
    <t>205646380.0</t>
  </si>
  <si>
    <t>179891877.0</t>
  </si>
  <si>
    <t>1366759.0</t>
  </si>
  <si>
    <t>716418.0</t>
  </si>
  <si>
    <t>876433.0</t>
  </si>
  <si>
    <t>412598.0</t>
  </si>
  <si>
    <t>532625774.0</t>
  </si>
  <si>
    <t>985069.0</t>
  </si>
  <si>
    <t>1580.503</t>
  </si>
  <si>
    <t>1625204.0</t>
  </si>
  <si>
    <t>378031155.0</t>
  </si>
  <si>
    <t>205840131.0</t>
  </si>
  <si>
    <t>180099384.0</t>
  </si>
  <si>
    <t>1404124.0</t>
  </si>
  <si>
    <t>432819.0</t>
  </si>
  <si>
    <t>882025.0</t>
  </si>
  <si>
    <t>413712.0</t>
  </si>
  <si>
    <t>731280.0</t>
  </si>
  <si>
    <t>2161.69650679682</t>
  </si>
  <si>
    <t>534085311.0</t>
  </si>
  <si>
    <t>1459537.0</t>
  </si>
  <si>
    <t>1584.834</t>
  </si>
  <si>
    <t>1644706.0</t>
  </si>
  <si>
    <t>378968080.0</t>
  </si>
  <si>
    <t>206259062.0</t>
  </si>
  <si>
    <t>180537175.0</t>
  </si>
  <si>
    <t>1509061.0</t>
  </si>
  <si>
    <t>936925.0</t>
  </si>
  <si>
    <t>883713.0</t>
  </si>
  <si>
    <t>410424.0</t>
  </si>
  <si>
    <t>536060187.0</t>
  </si>
  <si>
    <t>1974876.0</t>
  </si>
  <si>
    <t>1590.694</t>
  </si>
  <si>
    <t>1667837.0</t>
  </si>
  <si>
    <t>379910736.0</t>
  </si>
  <si>
    <t>206681683.0</t>
  </si>
  <si>
    <t>180966991.0</t>
  </si>
  <si>
    <t>1624712.0</t>
  </si>
  <si>
    <t>942656.0</t>
  </si>
  <si>
    <t>881885.0</t>
  </si>
  <si>
    <t>114.43</t>
  </si>
  <si>
    <t>404793.0</t>
  </si>
  <si>
    <t>538101058.0</t>
  </si>
  <si>
    <t>2040871.0</t>
  </si>
  <si>
    <t>1596.75</t>
  </si>
  <si>
    <t>1679842.0</t>
  </si>
  <si>
    <t>380862887.0</t>
  </si>
  <si>
    <t>207109228.0</t>
  </si>
  <si>
    <t>181380526.0</t>
  </si>
  <si>
    <t>1761611.0</t>
  </si>
  <si>
    <t>952151.0</t>
  </si>
  <si>
    <t>879029.0</t>
  </si>
  <si>
    <t>398802.0</t>
  </si>
  <si>
    <t>540073721.0</t>
  </si>
  <si>
    <t>1972663.0</t>
  </si>
  <si>
    <t>1602.604</t>
  </si>
  <si>
    <t>1681014.0</t>
  </si>
  <si>
    <t>381763913.0</t>
  </si>
  <si>
    <t>207512266.0</t>
  </si>
  <si>
    <t>181785243.0</t>
  </si>
  <si>
    <t>1880506.0</t>
  </si>
  <si>
    <t>901026.0</t>
  </si>
  <si>
    <t>865537.0</t>
  </si>
  <si>
    <t>388374.0</t>
  </si>
  <si>
    <t>541944254.0</t>
  </si>
  <si>
    <t>1870533.0</t>
  </si>
  <si>
    <t>1608.155</t>
  </si>
  <si>
    <t>1677452.0</t>
  </si>
  <si>
    <t>382810160.0</t>
  </si>
  <si>
    <t>207966688.0</t>
  </si>
  <si>
    <t>182278265.0</t>
  </si>
  <si>
    <t>2004348.0</t>
  </si>
  <si>
    <t>846892.0</t>
  </si>
  <si>
    <t>377069.0</t>
  </si>
  <si>
    <t>543307418.0</t>
  </si>
  <si>
    <t>1363164.0</t>
  </si>
  <si>
    <t>1612.2</t>
  </si>
  <si>
    <t>1666673.0</t>
  </si>
  <si>
    <t>383373959.0</t>
  </si>
  <si>
    <t>208213371.0</t>
  </si>
  <si>
    <t>182557844.0</t>
  </si>
  <si>
    <t>2051108.0</t>
  </si>
  <si>
    <t>563799.0</t>
  </si>
  <si>
    <t>825089.0</t>
  </si>
  <si>
    <t>366713.0</t>
  </si>
  <si>
    <t>544301592.0</t>
  </si>
  <si>
    <t>994174.0</t>
  </si>
  <si>
    <t>1615.15</t>
  </si>
  <si>
    <t>1667974.0</t>
  </si>
  <si>
    <t>383742502.0</t>
  </si>
  <si>
    <t>208381742.0</t>
  </si>
  <si>
    <t>182732631.0</t>
  </si>
  <si>
    <t>2080331.0</t>
  </si>
  <si>
    <t>368543.0</t>
  </si>
  <si>
    <t>815907.0</t>
  </si>
  <si>
    <t>363087.0</t>
  </si>
  <si>
    <t>751438.4</t>
  </si>
  <si>
    <t>2221.28564209741</t>
  </si>
  <si>
    <t>545126928.0</t>
  </si>
  <si>
    <t>825336.0</t>
  </si>
  <si>
    <t>1617.599</t>
  </si>
  <si>
    <t>1577374.0</t>
  </si>
  <si>
    <t>383921616.0</t>
  </si>
  <si>
    <t>208463875.0</t>
  </si>
  <si>
    <t>182820444.0</t>
  </si>
  <si>
    <t>2093599.0</t>
  </si>
  <si>
    <t>707648.0</t>
  </si>
  <si>
    <t>314973.0</t>
  </si>
  <si>
    <t>546534008.0</t>
  </si>
  <si>
    <t>1407080.0</t>
  </si>
  <si>
    <t>1621.774</t>
  </si>
  <si>
    <t>1496260.0</t>
  </si>
  <si>
    <t>384837028.0</t>
  </si>
  <si>
    <t>208818501.0</t>
  </si>
  <si>
    <t>183304729.0</t>
  </si>
  <si>
    <t>2190318.0</t>
  </si>
  <si>
    <t>915412.0</t>
  </si>
  <si>
    <t>703756.0</t>
  </si>
  <si>
    <t>305260.0</t>
  </si>
  <si>
    <t>548581369.0</t>
  </si>
  <si>
    <t>2047361.0</t>
  </si>
  <si>
    <t>1627.849</t>
  </si>
  <si>
    <t>1497187.0</t>
  </si>
  <si>
    <t>385688021.0</t>
  </si>
  <si>
    <t>209184874.0</t>
  </si>
  <si>
    <t>183710686.0</t>
  </si>
  <si>
    <t>2290870.0</t>
  </si>
  <si>
    <t>850993.0</t>
  </si>
  <si>
    <t>689305.0</t>
  </si>
  <si>
    <t>296521.0</t>
  </si>
  <si>
    <t>550653127.0</t>
  </si>
  <si>
    <t>2071758.0</t>
  </si>
  <si>
    <t>1633.997</t>
  </si>
  <si>
    <t>1511344.0</t>
  </si>
  <si>
    <t>386541879.0</t>
  </si>
  <si>
    <t>209557560.0</t>
  </si>
  <si>
    <t>184112521.0</t>
  </si>
  <si>
    <t>2393229.0</t>
  </si>
  <si>
    <t>853858.0</t>
  </si>
  <si>
    <t>682567.0</t>
  </si>
  <si>
    <t>292185.0</t>
  </si>
  <si>
    <t>552723357.0</t>
  </si>
  <si>
    <t>2070230.0</t>
  </si>
  <si>
    <t>1640.14</t>
  </si>
  <si>
    <t>1539872.0</t>
  </si>
  <si>
    <t>387583483.0</t>
  </si>
  <si>
    <t>210008461.0</t>
  </si>
  <si>
    <t>184616790.0</t>
  </si>
  <si>
    <t>2505573.0</t>
  </si>
  <si>
    <t>1041604.0</t>
  </si>
  <si>
    <t>681903.0</t>
  </si>
  <si>
    <t>291682.0</t>
  </si>
  <si>
    <t>554259700.0</t>
  </si>
  <si>
    <t>1536343.0</t>
  </si>
  <si>
    <t>1644.699</t>
  </si>
  <si>
    <t>1564612.0</t>
  </si>
  <si>
    <t>388187150.0</t>
  </si>
  <si>
    <t>210268481.0</t>
  </si>
  <si>
    <t>184921098.0</t>
  </si>
  <si>
    <t>2556864.0</t>
  </si>
  <si>
    <t>687599.0</t>
  </si>
  <si>
    <t>293587.0</t>
  </si>
  <si>
    <t>555247724.0</t>
  </si>
  <si>
    <t>1647.631</t>
  </si>
  <si>
    <t>1563733.0</t>
  </si>
  <si>
    <t>388541043.0</t>
  </si>
  <si>
    <t>210426448.0</t>
  </si>
  <si>
    <t>185096997.0</t>
  </si>
  <si>
    <t>2581485.0</t>
  </si>
  <si>
    <t>353893.0</t>
  </si>
  <si>
    <t>685506.0</t>
  </si>
  <si>
    <t>292101.0</t>
  </si>
  <si>
    <t>771597.0</t>
  </si>
  <si>
    <t>2280.87536860697</t>
  </si>
  <si>
    <t>556742128.0</t>
  </si>
  <si>
    <t>1494404.0</t>
  </si>
  <si>
    <t>1652.065</t>
  </si>
  <si>
    <t>1659314.0</t>
  </si>
  <si>
    <t>389327103.0</t>
  </si>
  <si>
    <t>210764715.0</t>
  </si>
  <si>
    <t>185483631.0</t>
  </si>
  <si>
    <t>2661548.0</t>
  </si>
  <si>
    <t>786060.0</t>
  </si>
  <si>
    <t>772212.0</t>
  </si>
  <si>
    <t>328691.0</t>
  </si>
  <si>
    <t>558634251.0</t>
  </si>
  <si>
    <t>1892123.0</t>
  </si>
  <si>
    <t>1657.68</t>
  </si>
  <si>
    <t>1728606.0</t>
  </si>
  <si>
    <t>390082805.0</t>
  </si>
  <si>
    <t>211082263.0</t>
  </si>
  <si>
    <t>185864825.0</t>
  </si>
  <si>
    <t>2740267.0</t>
  </si>
  <si>
    <t>755702.0</t>
  </si>
  <si>
    <t>749397.0</t>
  </si>
  <si>
    <t>323395.0</t>
  </si>
  <si>
    <t>560765907.0</t>
  </si>
  <si>
    <t>2131656.0</t>
  </si>
  <si>
    <t>1664.006</t>
  </si>
  <si>
    <t>1740648.0</t>
  </si>
  <si>
    <t>390852643.0</t>
  </si>
  <si>
    <t>211397368.0</t>
  </si>
  <si>
    <t>186257410.0</t>
  </si>
  <si>
    <t>2824236.0</t>
  </si>
  <si>
    <t>769838.0</t>
  </si>
  <si>
    <t>737803.0</t>
  </si>
  <si>
    <t>316071.0</t>
  </si>
  <si>
    <t>562784251.0</t>
  </si>
  <si>
    <t>2018344.0</t>
  </si>
  <si>
    <t>1669.995</t>
  </si>
  <si>
    <t>1733018.0</t>
  </si>
  <si>
    <t>391619431.0</t>
  </si>
  <si>
    <t>211710470.0</t>
  </si>
  <si>
    <t>186652672.0</t>
  </si>
  <si>
    <t>2905905.0</t>
  </si>
  <si>
    <t>766788.0</t>
  </si>
  <si>
    <t>725365.0</t>
  </si>
  <si>
    <t>307559.0</t>
  </si>
  <si>
    <t>564707736.0</t>
  </si>
  <si>
    <t>1923485.0</t>
  </si>
  <si>
    <t>1675.702</t>
  </si>
  <si>
    <t>1712054.0</t>
  </si>
  <si>
    <t>392529323.0</t>
  </si>
  <si>
    <t>212064448.0</t>
  </si>
  <si>
    <t>187137619.0</t>
  </si>
  <si>
    <t>3000906.0</t>
  </si>
  <si>
    <t>909892.0</t>
  </si>
  <si>
    <t>706549.0</t>
  </si>
  <si>
    <t>293712.0</t>
  </si>
  <si>
    <t>566105691.0</t>
  </si>
  <si>
    <t>1397955.0</t>
  </si>
  <si>
    <t>1679.851</t>
  </si>
  <si>
    <t>1692284.0</t>
  </si>
  <si>
    <t>393055215.0</t>
  </si>
  <si>
    <t>212270827.0</t>
  </si>
  <si>
    <t>187416175.0</t>
  </si>
  <si>
    <t>3051922.0</t>
  </si>
  <si>
    <t>525892.0</t>
  </si>
  <si>
    <t>695438.0</t>
  </si>
  <si>
    <t>567068623.0</t>
  </si>
  <si>
    <t>962932.0</t>
  </si>
  <si>
    <t>1682.708</t>
  </si>
  <si>
    <t>1688700.0</t>
  </si>
  <si>
    <t>393366799.0</t>
  </si>
  <si>
    <t>212392179.0</t>
  </si>
  <si>
    <t>187585242.0</t>
  </si>
  <si>
    <t>3077055.0</t>
  </si>
  <si>
    <t>311584.0</t>
  </si>
  <si>
    <t>689394.0</t>
  </si>
  <si>
    <t>280819.0</t>
  </si>
  <si>
    <t>791084.6</t>
  </si>
  <si>
    <t>2338.48158899568</t>
  </si>
  <si>
    <t>568460114.0</t>
  </si>
  <si>
    <t>1391491.0</t>
  </si>
  <si>
    <t>1686.837</t>
  </si>
  <si>
    <t>1673998.0</t>
  </si>
  <si>
    <t>394069760.0</t>
  </si>
  <si>
    <t>212662131.0</t>
  </si>
  <si>
    <t>187944820.0</t>
  </si>
  <si>
    <t>3169398.0</t>
  </si>
  <si>
    <t>702961.0</t>
  </si>
  <si>
    <t>677522.0</t>
  </si>
  <si>
    <t>271059.0</t>
  </si>
  <si>
    <t>570392071.0</t>
  </si>
  <si>
    <t>1931957.0</t>
  </si>
  <si>
    <t>1692.57</t>
  </si>
  <si>
    <t>1679689.0</t>
  </si>
  <si>
    <t>394752165.0</t>
  </si>
  <si>
    <t>212923356.0</t>
  </si>
  <si>
    <t>188292630.0</t>
  </si>
  <si>
    <t>3264001.0</t>
  </si>
  <si>
    <t>682405.0</t>
  </si>
  <si>
    <t>667051.0</t>
  </si>
  <si>
    <t>263013.0</t>
  </si>
  <si>
    <t>572461801.0</t>
  </si>
  <si>
    <t>2069730.0</t>
  </si>
  <si>
    <t>1698.712</t>
  </si>
  <si>
    <t>1670842.0</t>
  </si>
  <si>
    <t>395421797.0</t>
  </si>
  <si>
    <t>213178365.0</t>
  </si>
  <si>
    <t>188631306.0</t>
  </si>
  <si>
    <t>3354400.0</t>
  </si>
  <si>
    <t>669632.0</t>
  </si>
  <si>
    <t>652736.0</t>
  </si>
  <si>
    <t>254428.0</t>
  </si>
  <si>
    <t>574463983.0</t>
  </si>
  <si>
    <t>2002182.0</t>
  </si>
  <si>
    <t>1704.653</t>
  </si>
  <si>
    <t>396101861.0</t>
  </si>
  <si>
    <t>213435363.0</t>
  </si>
  <si>
    <t>188962332.0</t>
  </si>
  <si>
    <t>3462145.0</t>
  </si>
  <si>
    <t>680064.0</t>
  </si>
  <si>
    <t>640347.0</t>
  </si>
  <si>
    <t>576385572.0</t>
  </si>
  <si>
    <t>1921589.0</t>
  </si>
  <si>
    <t>1710.355</t>
  </si>
  <si>
    <t>1668262.0</t>
  </si>
  <si>
    <t>397090745.0</t>
  </si>
  <si>
    <t>213756479.0</t>
  </si>
  <si>
    <t>189377848.0</t>
  </si>
  <si>
    <t>3730199.0</t>
  </si>
  <si>
    <t>988884.0</t>
  </si>
  <si>
    <t>651632.0</t>
  </si>
  <si>
    <t>241719.0</t>
  </si>
  <si>
    <t>577743103.0</t>
  </si>
  <si>
    <t>1357531.0</t>
  </si>
  <si>
    <t>1714.383</t>
  </si>
  <si>
    <t>1662487.0</t>
  </si>
  <si>
    <t>397765342.0</t>
  </si>
  <si>
    <t>213957674.0</t>
  </si>
  <si>
    <t>189608645.0</t>
  </si>
  <si>
    <t>3979732.0</t>
  </si>
  <si>
    <t>674597.0</t>
  </si>
  <si>
    <t>672875.0</t>
  </si>
  <si>
    <t>240978.0</t>
  </si>
  <si>
    <t>578623848.0</t>
  </si>
  <si>
    <t>880745.0</t>
  </si>
  <si>
    <t>1716.997</t>
  </si>
  <si>
    <t>1650746.0</t>
  </si>
  <si>
    <t>398175964.0</t>
  </si>
  <si>
    <t>214076805.0</t>
  </si>
  <si>
    <t>189755886.0</t>
  </si>
  <si>
    <t>4127653.0</t>
  </si>
  <si>
    <t>410622.0</t>
  </si>
  <si>
    <t>687024.0</t>
  </si>
  <si>
    <t>119.93</t>
  </si>
  <si>
    <t>240661.0</t>
  </si>
  <si>
    <t>809341.2</t>
  </si>
  <si>
    <t>2392.44891812541</t>
  </si>
  <si>
    <t>579857725.0</t>
  </si>
  <si>
    <t>1233877.0</t>
  </si>
  <si>
    <t>1720.658</t>
  </si>
  <si>
    <t>1628230.0</t>
  </si>
  <si>
    <t>399208555.0</t>
  </si>
  <si>
    <t>214372807.0</t>
  </si>
  <si>
    <t>189980180.0</t>
  </si>
  <si>
    <t>4652580.0</t>
  </si>
  <si>
    <t>1032591.0</t>
  </si>
  <si>
    <t>734114.0</t>
  </si>
  <si>
    <t>581739548.0</t>
  </si>
  <si>
    <t>1881823.0</t>
  </si>
  <si>
    <t>1726.242</t>
  </si>
  <si>
    <t>1621068.0</t>
  </si>
  <si>
    <t>400346119.0</t>
  </si>
  <si>
    <t>214660980.0</t>
  </si>
  <si>
    <t>190286304.0</t>
  </si>
  <si>
    <t>5209312.0</t>
  </si>
  <si>
    <t>1137564.0</t>
  </si>
  <si>
    <t>799136.0</t>
  </si>
  <si>
    <t>120.58</t>
  </si>
  <si>
    <t>248232.0</t>
  </si>
  <si>
    <t>583759889.0</t>
  </si>
  <si>
    <t>2020341.0</t>
  </si>
  <si>
    <t>1732.237</t>
  </si>
  <si>
    <t>1614013.0</t>
  </si>
  <si>
    <t>401492073.0</t>
  </si>
  <si>
    <t>214947849.0</t>
  </si>
  <si>
    <t>190600047.0</t>
  </si>
  <si>
    <t>5769231.0</t>
  </si>
  <si>
    <t>1145954.0</t>
  </si>
  <si>
    <t>867182.0</t>
  </si>
  <si>
    <t>252783.0</t>
  </si>
  <si>
    <t>585700657.0</t>
  </si>
  <si>
    <t>1940768.0</t>
  </si>
  <si>
    <t>1737.996</t>
  </si>
  <si>
    <t>1605239.0</t>
  </si>
  <si>
    <t>402663955.0</t>
  </si>
  <si>
    <t>215236476.0</t>
  </si>
  <si>
    <t>190924360.0</t>
  </si>
  <si>
    <t>6343640.0</t>
  </si>
  <si>
    <t>1171882.0</t>
  </si>
  <si>
    <t>937442.0</t>
  </si>
  <si>
    <t>257302.0</t>
  </si>
  <si>
    <t>587533446.0</t>
  </si>
  <si>
    <t>1832789.0</t>
  </si>
  <si>
    <t>1743.435</t>
  </si>
  <si>
    <t>1592553.0</t>
  </si>
  <si>
    <t>404009394.0</t>
  </si>
  <si>
    <t>215552995.0</t>
  </si>
  <si>
    <t>191309986.0</t>
  </si>
  <si>
    <t>7001739.0</t>
  </si>
  <si>
    <t>988378.0</t>
  </si>
  <si>
    <t>256645.0</t>
  </si>
  <si>
    <t>588857395.0</t>
  </si>
  <si>
    <t>1323949.0</t>
  </si>
  <si>
    <t>1747.364</t>
  </si>
  <si>
    <t>1587756.0</t>
  </si>
  <si>
    <t>404642640.0</t>
  </si>
  <si>
    <t>215725759.0</t>
  </si>
  <si>
    <t>191519472.0</t>
  </si>
  <si>
    <t>7259972.0</t>
  </si>
  <si>
    <t>982471.0</t>
  </si>
  <si>
    <t>252584.0</t>
  </si>
  <si>
    <t>589663327.0</t>
  </si>
  <si>
    <t>805932.0</t>
  </si>
  <si>
    <t>1749.755</t>
  </si>
  <si>
    <t>1577068.0</t>
  </si>
  <si>
    <t>405010494.0</t>
  </si>
  <si>
    <t>215830555.0</t>
  </si>
  <si>
    <t>191651535.0</t>
  </si>
  <si>
    <t>7393900.0</t>
  </si>
  <si>
    <t>367854.0</t>
  </si>
  <si>
    <t>976361.0</t>
  </si>
  <si>
    <t>121.99</t>
  </si>
  <si>
    <t>250536.0</t>
  </si>
  <si>
    <t>826676.6</t>
  </si>
  <si>
    <t>2443.69313870292</t>
  </si>
  <si>
    <t>590941951.0</t>
  </si>
  <si>
    <t>1278624.0</t>
  </si>
  <si>
    <t>1753.549</t>
  </si>
  <si>
    <t>1583461.0</t>
  </si>
  <si>
    <t>406000885.0</t>
  </si>
  <si>
    <t>216076239.0</t>
  </si>
  <si>
    <t>191911133.0</t>
  </si>
  <si>
    <t>7891615.0</t>
  </si>
  <si>
    <t>990391.0</t>
  </si>
  <si>
    <t>970333.0</t>
  </si>
  <si>
    <t>243347.0</t>
  </si>
  <si>
    <t>592793690.0</t>
  </si>
  <si>
    <t>1851739.0</t>
  </si>
  <si>
    <t>1759.044</t>
  </si>
  <si>
    <t>1579163.0</t>
  </si>
  <si>
    <t>407023606.0</t>
  </si>
  <si>
    <t>216319067.0</t>
  </si>
  <si>
    <t>192170640.0</t>
  </si>
  <si>
    <t>8425429.0</t>
  </si>
  <si>
    <t>1022721.0</t>
  </si>
  <si>
    <t>953927.0</t>
  </si>
  <si>
    <t>236870.0</t>
  </si>
  <si>
    <t>594779001.0</t>
  </si>
  <si>
    <t>1985311.0</t>
  </si>
  <si>
    <t>1764.935</t>
  </si>
  <si>
    <t>1574159.0</t>
  </si>
  <si>
    <t>408063110.0</t>
  </si>
  <si>
    <t>216566418.0</t>
  </si>
  <si>
    <t>192432587.0</t>
  </si>
  <si>
    <t>8968803.0</t>
  </si>
  <si>
    <t>1039504.0</t>
  </si>
  <si>
    <t>938720.0</t>
  </si>
  <si>
    <t>596689435.0</t>
  </si>
  <si>
    <t>1910434.0</t>
  </si>
  <si>
    <t>1770.604</t>
  </si>
  <si>
    <t>1569825.0</t>
  </si>
  <si>
    <t>409103580.0</t>
  </si>
  <si>
    <t>216819218.0</t>
  </si>
  <si>
    <t>192695120.0</t>
  </si>
  <si>
    <t>9508162.0</t>
  </si>
  <si>
    <t>1040470.0</t>
  </si>
  <si>
    <t>919946.0</t>
  </si>
  <si>
    <t>226106.0</t>
  </si>
  <si>
    <t>598482563.0</t>
  </si>
  <si>
    <t>1793128.0</t>
  </si>
  <si>
    <t>1775.925</t>
  </si>
  <si>
    <t>1564160.0</t>
  </si>
  <si>
    <t>410270524.0</t>
  </si>
  <si>
    <t>217103597.0</t>
  </si>
  <si>
    <t>193012691.0</t>
  </si>
  <si>
    <t>10088391.0</t>
  </si>
  <si>
    <t>1166944.0</t>
  </si>
  <si>
    <t>894447.0</t>
  </si>
  <si>
    <t>221515.0</t>
  </si>
  <si>
    <t>599723471.0</t>
  </si>
  <si>
    <t>1240908.0</t>
  </si>
  <si>
    <t>1779.607</t>
  </si>
  <si>
    <t>1552297.0</t>
  </si>
  <si>
    <t>410808563.0</t>
  </si>
  <si>
    <t>217249504.0</t>
  </si>
  <si>
    <t>193182607.0</t>
  </si>
  <si>
    <t>10317618.0</t>
  </si>
  <si>
    <t>538039.0</t>
  </si>
  <si>
    <t>880846.0</t>
  </si>
  <si>
    <t>217678.0</t>
  </si>
  <si>
    <t>600452331.0</t>
  </si>
  <si>
    <t>728860.0</t>
  </si>
  <si>
    <t>1781.77</t>
  </si>
  <si>
    <t>1541286.0</t>
  </si>
  <si>
    <t>411124915.0</t>
  </si>
  <si>
    <t>217341105.0</t>
  </si>
  <si>
    <t>193289173.0</t>
  </si>
  <si>
    <t>10438474.0</t>
  </si>
  <si>
    <t>316352.0</t>
  </si>
  <si>
    <t>873489.0</t>
  </si>
  <si>
    <t>840734.2</t>
  </si>
  <si>
    <t>2485.24803534162</t>
  </si>
  <si>
    <t>601612264.0</t>
  </si>
  <si>
    <t>1159933.0</t>
  </si>
  <si>
    <t>1785.212</t>
  </si>
  <si>
    <t>1524330.0</t>
  </si>
  <si>
    <t>411982359.0</t>
  </si>
  <si>
    <t>217563616.0</t>
  </si>
  <si>
    <t>193512292.0</t>
  </si>
  <si>
    <t>10862425.0</t>
  </si>
  <si>
    <t>857444.0</t>
  </si>
  <si>
    <t>854496.0</t>
  </si>
  <si>
    <t>212482.0</t>
  </si>
  <si>
    <t>168.45</t>
  </si>
  <si>
    <t>603277273.0</t>
  </si>
  <si>
    <t>1665009.0</t>
  </si>
  <si>
    <t>1790.153</t>
  </si>
  <si>
    <t>1497655.0</t>
  </si>
  <si>
    <t>412917143.0</t>
  </si>
  <si>
    <t>217790994.0</t>
  </si>
  <si>
    <t>193749484.0</t>
  </si>
  <si>
    <t>11346729.0</t>
  </si>
  <si>
    <t>934784.0</t>
  </si>
  <si>
    <t>841934.0</t>
  </si>
  <si>
    <t>210275.0</t>
  </si>
  <si>
    <t>605144973.0</t>
  </si>
  <si>
    <t>1867700.0</t>
  </si>
  <si>
    <t>1795.695</t>
  </si>
  <si>
    <t>1480853.0</t>
  </si>
  <si>
    <t>413832447.0</t>
  </si>
  <si>
    <t>218017252.0</t>
  </si>
  <si>
    <t>193981623.0</t>
  </si>
  <si>
    <t>11818900.0</t>
  </si>
  <si>
    <t>915304.0</t>
  </si>
  <si>
    <t>824191.0</t>
  </si>
  <si>
    <t>207262.0</t>
  </si>
  <si>
    <t>54564.0</t>
  </si>
  <si>
    <t>607030749.0</t>
  </si>
  <si>
    <t>1885776.0</t>
  </si>
  <si>
    <t>1801.291</t>
  </si>
  <si>
    <t>1477331.0</t>
  </si>
  <si>
    <t>414750788.0</t>
  </si>
  <si>
    <t>218241963.0</t>
  </si>
  <si>
    <t>194213510.0</t>
  </si>
  <si>
    <t>12296677.0</t>
  </si>
  <si>
    <t>918341.0</t>
  </si>
  <si>
    <t>806744.0</t>
  </si>
  <si>
    <t>203249.0</t>
  </si>
  <si>
    <t>608753642.0</t>
  </si>
  <si>
    <t>1722893.0</t>
  </si>
  <si>
    <t>1806.403</t>
  </si>
  <si>
    <t>1467297.0</t>
  </si>
  <si>
    <t>415813338.0</t>
  </si>
  <si>
    <t>218501962.0</t>
  </si>
  <si>
    <t>194495288.0</t>
  </si>
  <si>
    <t>12834851.0</t>
  </si>
  <si>
    <t>1062550.0</t>
  </si>
  <si>
    <t>199766.0</t>
  </si>
  <si>
    <t>609955554.0</t>
  </si>
  <si>
    <t>1809.97</t>
  </si>
  <si>
    <t>1461726.0</t>
  </si>
  <si>
    <t>416308169.0</t>
  </si>
  <si>
    <t>218641545.0</t>
  </si>
  <si>
    <t>194642465.0</t>
  </si>
  <si>
    <t>13050613.0</t>
  </si>
  <si>
    <t>494831.0</t>
  </si>
  <si>
    <t>785658.0</t>
  </si>
  <si>
    <t>125.39</t>
  </si>
  <si>
    <t>610657424.0</t>
  </si>
  <si>
    <t>701870.0</t>
  </si>
  <si>
    <t>1812.053</t>
  </si>
  <si>
    <t>1457870.0</t>
  </si>
  <si>
    <t>416579025.0</t>
  </si>
  <si>
    <t>218724168.0</t>
  </si>
  <si>
    <t>194728047.0</t>
  </si>
  <si>
    <t>13156116.0</t>
  </si>
  <si>
    <t>270856.0</t>
  </si>
  <si>
    <t>779159.0</t>
  </si>
  <si>
    <t>197580.0</t>
  </si>
  <si>
    <t>853372.0</t>
  </si>
  <si>
    <t>2522.6059394462</t>
  </si>
  <si>
    <t>611893348.0</t>
  </si>
  <si>
    <t>1235924.0</t>
  </si>
  <si>
    <t>1815.72</t>
  </si>
  <si>
    <t>1468726.0</t>
  </si>
  <si>
    <t>417416425.0</t>
  </si>
  <si>
    <t>218945185.0</t>
  </si>
  <si>
    <t>194941874.0</t>
  </si>
  <si>
    <t>13572482.0</t>
  </si>
  <si>
    <t>776295.0</t>
  </si>
  <si>
    <t>613618584.0</t>
  </si>
  <si>
    <t>1725236.0</t>
  </si>
  <si>
    <t>1820.839</t>
  </si>
  <si>
    <t>1477330.0</t>
  </si>
  <si>
    <t>418245556.0</t>
  </si>
  <si>
    <t>219145833.0</t>
  </si>
  <si>
    <t>195136896.0</t>
  </si>
  <si>
    <t>14019755.0</t>
  </si>
  <si>
    <t>193548.0</t>
  </si>
  <si>
    <t>615509727.0</t>
  </si>
  <si>
    <t>1891143.0</t>
  </si>
  <si>
    <t>1826.451</t>
  </si>
  <si>
    <t>1480679.0</t>
  </si>
  <si>
    <t>419090005.0</t>
  </si>
  <si>
    <t>219347297.0</t>
  </si>
  <si>
    <t>195333843.0</t>
  </si>
  <si>
    <t>14479994.0</t>
  </si>
  <si>
    <t>844449.0</t>
  </si>
  <si>
    <t>751080.0</t>
  </si>
  <si>
    <t>190006.0</t>
  </si>
  <si>
    <t>617357108.0</t>
  </si>
  <si>
    <t>1847381.0</t>
  </si>
  <si>
    <t>1831.933</t>
  </si>
  <si>
    <t>1475194.0</t>
  </si>
  <si>
    <t>419957624.0</t>
  </si>
  <si>
    <t>219552507.0</t>
  </si>
  <si>
    <t>195533636.0</t>
  </si>
  <si>
    <t>14956621.0</t>
  </si>
  <si>
    <t>867619.0</t>
  </si>
  <si>
    <t>743834.0</t>
  </si>
  <si>
    <t>187221.0</t>
  </si>
  <si>
    <t>618981265.0</t>
  </si>
  <si>
    <t>1624157.0</t>
  </si>
  <si>
    <t>1836.753</t>
  </si>
  <si>
    <t>1461089.0</t>
  </si>
  <si>
    <t>421345138.0</t>
  </si>
  <si>
    <t>219841501.0</t>
  </si>
  <si>
    <t>195781392.0</t>
  </si>
  <si>
    <t>15822506.0</t>
  </si>
  <si>
    <t>1387514.0</t>
  </si>
  <si>
    <t>790257.0</t>
  </si>
  <si>
    <t>191363.0</t>
  </si>
  <si>
    <t>620089945.0</t>
  </si>
  <si>
    <t>1108680.0</t>
  </si>
  <si>
    <t>1840.042</t>
  </si>
  <si>
    <t>1447770.0</t>
  </si>
  <si>
    <t>422177258.0</t>
  </si>
  <si>
    <t>220015397.0</t>
  </si>
  <si>
    <t>195915350.0</t>
  </si>
  <si>
    <t>16353683.0</t>
  </si>
  <si>
    <t>832120.0</t>
  </si>
  <si>
    <t>838441.0</t>
  </si>
  <si>
    <t>196265.0</t>
  </si>
  <si>
    <t>620726801.0</t>
  </si>
  <si>
    <t>636856.0</t>
  </si>
  <si>
    <t>1841.932</t>
  </si>
  <si>
    <t>1438482.0</t>
  </si>
  <si>
    <t>422651881.0</t>
  </si>
  <si>
    <t>220121816.0</t>
  </si>
  <si>
    <t>195995992.0</t>
  </si>
  <si>
    <t>16644328.0</t>
  </si>
  <si>
    <t>474623.0</t>
  </si>
  <si>
    <t>867551.0</t>
  </si>
  <si>
    <t>199664.0</t>
  </si>
  <si>
    <t>864881.6</t>
  </si>
  <si>
    <t>2556.62883370644</t>
  </si>
  <si>
    <t>621887519.0</t>
  </si>
  <si>
    <t>1160718.0</t>
  </si>
  <si>
    <t>1845.377</t>
  </si>
  <si>
    <t>1427739.0</t>
  </si>
  <si>
    <t>424187007.0</t>
  </si>
  <si>
    <t>220420293.0</t>
  </si>
  <si>
    <t>196200612.0</t>
  </si>
  <si>
    <t>17688476.0</t>
  </si>
  <si>
    <t>1535126.0</t>
  </si>
  <si>
    <t>967226.0</t>
  </si>
  <si>
    <t>623575979.0</t>
  </si>
  <si>
    <t>1688460.0</t>
  </si>
  <si>
    <t>1850.387</t>
  </si>
  <si>
    <t>1422485.0</t>
  </si>
  <si>
    <t>425760657.0</t>
  </si>
  <si>
    <t>220714103.0</t>
  </si>
  <si>
    <t>196403107.0</t>
  </si>
  <si>
    <t>18781173.0</t>
  </si>
  <si>
    <t>1573650.0</t>
  </si>
  <si>
    <t>1073586.0</t>
  </si>
  <si>
    <t>128.24</t>
  </si>
  <si>
    <t>224039.0</t>
  </si>
  <si>
    <t>625385614.0</t>
  </si>
  <si>
    <t>1809635.0</t>
  </si>
  <si>
    <t>1855.757</t>
  </si>
  <si>
    <t>1410841.0</t>
  </si>
  <si>
    <t>427393563.0</t>
  </si>
  <si>
    <t>221016337.0</t>
  </si>
  <si>
    <t>196611325.0</t>
  </si>
  <si>
    <t>19918751.0</t>
  </si>
  <si>
    <t>1632906.0</t>
  </si>
  <si>
    <t>1186223.0</t>
  </si>
  <si>
    <t>627085015.0</t>
  </si>
  <si>
    <t>1699401.0</t>
  </si>
  <si>
    <t>1860.8</t>
  </si>
  <si>
    <t>1389701.0</t>
  </si>
  <si>
    <t>429014763.0</t>
  </si>
  <si>
    <t>221308369.0</t>
  </si>
  <si>
    <t>196822227.0</t>
  </si>
  <si>
    <t>21053454.0</t>
  </si>
  <si>
    <t>1621200.0</t>
  </si>
  <si>
    <t>1293877.0</t>
  </si>
  <si>
    <t>250837.0</t>
  </si>
  <si>
    <t>628647631.0</t>
  </si>
  <si>
    <t>1562616.0</t>
  </si>
  <si>
    <t>1865.436</t>
  </si>
  <si>
    <t>1380909.0</t>
  </si>
  <si>
    <t>430815779.0</t>
  </si>
  <si>
    <t>221629752.0</t>
  </si>
  <si>
    <t>197062468.0</t>
  </si>
  <si>
    <t>22309473.0</t>
  </si>
  <si>
    <t>1801016.0</t>
  </si>
  <si>
    <t>1352949.0</t>
  </si>
  <si>
    <t>255464.0</t>
  </si>
  <si>
    <t>629707879.0</t>
  </si>
  <si>
    <t>1060248.0</t>
  </si>
  <si>
    <t>1868.583</t>
  </si>
  <si>
    <t>1373991.0</t>
  </si>
  <si>
    <t>431639932.0</t>
  </si>
  <si>
    <t>221794072.0</t>
  </si>
  <si>
    <t>197181936.0</t>
  </si>
  <si>
    <t>22859267.0</t>
  </si>
  <si>
    <t>824153.0</t>
  </si>
  <si>
    <t>1351811.0</t>
  </si>
  <si>
    <t>630324949.0</t>
  </si>
  <si>
    <t>617070.0</t>
  </si>
  <si>
    <t>1870.414</t>
  </si>
  <si>
    <t>1371164.0</t>
  </si>
  <si>
    <t>432080221.0</t>
  </si>
  <si>
    <t>221893053.0</t>
  </si>
  <si>
    <t>197252561.0</t>
  </si>
  <si>
    <t>23134529.0</t>
  </si>
  <si>
    <t>440289.0</t>
  </si>
  <si>
    <t>1346906.0</t>
  </si>
  <si>
    <t>253034.0</t>
  </si>
  <si>
    <t>875656.2</t>
  </si>
  <si>
    <t>2588.4790349729</t>
  </si>
  <si>
    <t>631386671.0</t>
  </si>
  <si>
    <t>1061722.0</t>
  </si>
  <si>
    <t>1873.564</t>
  </si>
  <si>
    <t>1357022.0</t>
  </si>
  <si>
    <t>433579846.0</t>
  </si>
  <si>
    <t>222175760.0</t>
  </si>
  <si>
    <t>197450051.0</t>
  </si>
  <si>
    <t>24168279.0</t>
  </si>
  <si>
    <t>1499625.0</t>
  </si>
  <si>
    <t>1341834.0</t>
  </si>
  <si>
    <t>633035855.0</t>
  </si>
  <si>
    <t>1649184.0</t>
  </si>
  <si>
    <t>1878.458</t>
  </si>
  <si>
    <t>1351411.0</t>
  </si>
  <si>
    <t>435095006.0</t>
  </si>
  <si>
    <t>222455568.0</t>
  </si>
  <si>
    <t>197639163.0</t>
  </si>
  <si>
    <t>25231241.0</t>
  </si>
  <si>
    <t>1515160.0</t>
  </si>
  <si>
    <t>1333478.0</t>
  </si>
  <si>
    <t>248781.0</t>
  </si>
  <si>
    <t>634939123.0</t>
  </si>
  <si>
    <t>1903268.0</t>
  </si>
  <si>
    <t>1884.106</t>
  </si>
  <si>
    <t>1364787.0</t>
  </si>
  <si>
    <t>436677827.0</t>
  </si>
  <si>
    <t>222764391.0</t>
  </si>
  <si>
    <t>197833022.0</t>
  </si>
  <si>
    <t>26327767.0</t>
  </si>
  <si>
    <t>1326323.0</t>
  </si>
  <si>
    <t>249722.0</t>
  </si>
  <si>
    <t>636701895.0</t>
  </si>
  <si>
    <t>1762772.0</t>
  </si>
  <si>
    <t>1889.336</t>
  </si>
  <si>
    <t>1373840.0</t>
  </si>
  <si>
    <t>438333722.0</t>
  </si>
  <si>
    <t>223112005.0</t>
  </si>
  <si>
    <t>198029507.0</t>
  </si>
  <si>
    <t>27456340.0</t>
  </si>
  <si>
    <t>1655895.0</t>
  </si>
  <si>
    <t>1331280.0</t>
  </si>
  <si>
    <t>257662.0</t>
  </si>
  <si>
    <t>638301460.0</t>
  </si>
  <si>
    <t>1599565.0</t>
  </si>
  <si>
    <t>1894.083</t>
  </si>
  <si>
    <t>1379118.0</t>
  </si>
  <si>
    <t>440269008.0</t>
  </si>
  <si>
    <t>223564300.0</t>
  </si>
  <si>
    <t>198261173.0</t>
  </si>
  <si>
    <t>28725459.0</t>
  </si>
  <si>
    <t>1935286.0</t>
  </si>
  <si>
    <t>1350461.0</t>
  </si>
  <si>
    <t>276364.0</t>
  </si>
  <si>
    <t>639424618.0</t>
  </si>
  <si>
    <t>1123158.0</t>
  </si>
  <si>
    <t>1897.416</t>
  </si>
  <si>
    <t>1388106.0</t>
  </si>
  <si>
    <t>441318333.0</t>
  </si>
  <si>
    <t>223957442.0</t>
  </si>
  <si>
    <t>198381823.0</t>
  </si>
  <si>
    <t>29269746.0</t>
  </si>
  <si>
    <t>1049325.0</t>
  </si>
  <si>
    <t>1382629.0</t>
  </si>
  <si>
    <t>309053.0</t>
  </si>
  <si>
    <t>640262608.0</t>
  </si>
  <si>
    <t>837990.0</t>
  </si>
  <si>
    <t>1899.902</t>
  </si>
  <si>
    <t>1419666.0</t>
  </si>
  <si>
    <t>441881046.0</t>
  </si>
  <si>
    <t>224186622.0</t>
  </si>
  <si>
    <t>198454177.0</t>
  </si>
  <si>
    <t>29536584.0</t>
  </si>
  <si>
    <t>562713.0</t>
  </si>
  <si>
    <t>1400118.0</t>
  </si>
  <si>
    <t>886228.0</t>
  </si>
  <si>
    <t>2619.72975033576</t>
  </si>
  <si>
    <t>641517444.0</t>
  </si>
  <si>
    <t>1254836.0</t>
  </si>
  <si>
    <t>1903.626</t>
  </si>
  <si>
    <t>1447253.0</t>
  </si>
  <si>
    <t>443361684.0</t>
  </si>
  <si>
    <t>224657256.0</t>
  </si>
  <si>
    <t>198628808.0</t>
  </si>
  <si>
    <t>30386687.0</t>
  </si>
  <si>
    <t>1480638.0</t>
  </si>
  <si>
    <t>1397405.0</t>
  </si>
  <si>
    <t>354499.0</t>
  </si>
  <si>
    <t>643391637.0</t>
  </si>
  <si>
    <t>1874193.0</t>
  </si>
  <si>
    <t>1909.187</t>
  </si>
  <si>
    <t>1479397.0</t>
  </si>
  <si>
    <t>445017355.0</t>
  </si>
  <si>
    <t>225178061.0</t>
  </si>
  <si>
    <t>198795466.0</t>
  </si>
  <si>
    <t>31365864.0</t>
  </si>
  <si>
    <t>1655671.0</t>
  </si>
  <si>
    <t>1417478.0</t>
  </si>
  <si>
    <t>388928.0</t>
  </si>
  <si>
    <t>645226707.0</t>
  </si>
  <si>
    <t>1835070.0</t>
  </si>
  <si>
    <t>1914.633</t>
  </si>
  <si>
    <t>1469655.0</t>
  </si>
  <si>
    <t>446810400.0</t>
  </si>
  <si>
    <t>225752582.0</t>
  </si>
  <si>
    <t>198966858.0</t>
  </si>
  <si>
    <t>32424491.0</t>
  </si>
  <si>
    <t>1793045.0</t>
  </si>
  <si>
    <t>1447510.0</t>
  </si>
  <si>
    <t>426884.0</t>
  </si>
  <si>
    <t>646964180.0</t>
  </si>
  <si>
    <t>1737473.0</t>
  </si>
  <si>
    <t>1919.789</t>
  </si>
  <si>
    <t>1466041.0</t>
  </si>
  <si>
    <t>448424717.0</t>
  </si>
  <si>
    <t>226300035.0</t>
  </si>
  <si>
    <t>199119972.0</t>
  </si>
  <si>
    <t>33348603.0</t>
  </si>
  <si>
    <t>1614317.0</t>
  </si>
  <si>
    <t>1441571.0</t>
  </si>
  <si>
    <t>135.06</t>
  </si>
  <si>
    <t>455433.0</t>
  </si>
  <si>
    <t>648459331.0</t>
  </si>
  <si>
    <t>1495151.0</t>
  </si>
  <si>
    <t>1924.225</t>
  </si>
  <si>
    <t>1451124.0</t>
  </si>
  <si>
    <t>450433516.0</t>
  </si>
  <si>
    <t>226938028.0</t>
  </si>
  <si>
    <t>199319464.0</t>
  </si>
  <si>
    <t>34532526.0</t>
  </si>
  <si>
    <t>2008799.0</t>
  </si>
  <si>
    <t>1452073.0</t>
  </si>
  <si>
    <t>649578778.0</t>
  </si>
  <si>
    <t>1119447.0</t>
  </si>
  <si>
    <t>1927.547</t>
  </si>
  <si>
    <t>1450594.0</t>
  </si>
  <si>
    <t>451619879.0</t>
  </si>
  <si>
    <t>227475264.0</t>
  </si>
  <si>
    <t>199422921.0</t>
  </si>
  <si>
    <t>35083087.0</t>
  </si>
  <si>
    <t>1186363.0</t>
  </si>
  <si>
    <t>1471649.0</t>
  </si>
  <si>
    <t>650356478.0</t>
  </si>
  <si>
    <t>777700.0</t>
  </si>
  <si>
    <t>1929.855</t>
  </si>
  <si>
    <t>1441981.0</t>
  </si>
  <si>
    <t>452203822.0</t>
  </si>
  <si>
    <t>227715683.0</t>
  </si>
  <si>
    <t>199483980.0</t>
  </si>
  <si>
    <t>35369570.0</t>
  </si>
  <si>
    <t>583943.0</t>
  </si>
  <si>
    <t>1474682.0</t>
  </si>
  <si>
    <t>504152.0</t>
  </si>
  <si>
    <t>897359.8</t>
  </si>
  <si>
    <t>2652.63585083675</t>
  </si>
  <si>
    <t>651619561.0</t>
  </si>
  <si>
    <t>1263083.0</t>
  </si>
  <si>
    <t>1933.603</t>
  </si>
  <si>
    <t>1443160.0</t>
  </si>
  <si>
    <t>453772225.0</t>
  </si>
  <si>
    <t>228173391.0</t>
  </si>
  <si>
    <t>199652384.0</t>
  </si>
  <si>
    <t>36324325.0</t>
  </si>
  <si>
    <t>1568403.0</t>
  </si>
  <si>
    <t>1487220.0</t>
  </si>
  <si>
    <t>136.67</t>
  </si>
  <si>
    <t>502305.0</t>
  </si>
  <si>
    <t>653480451.0</t>
  </si>
  <si>
    <t>1860890.0</t>
  </si>
  <si>
    <t>1939.125</t>
  </si>
  <si>
    <t>1441259.0</t>
  </si>
  <si>
    <t>455471964.0</t>
  </si>
  <si>
    <t>228658948.0</t>
  </si>
  <si>
    <t>199820308.0</t>
  </si>
  <si>
    <t>37384115.0</t>
  </si>
  <si>
    <t>1699739.0</t>
  </si>
  <si>
    <t>1493516.0</t>
  </si>
  <si>
    <t>497270.0</t>
  </si>
  <si>
    <t>655449439.0</t>
  </si>
  <si>
    <t>1968988.0</t>
  </si>
  <si>
    <t>1944.968</t>
  </si>
  <si>
    <t>1460390.0</t>
  </si>
  <si>
    <t>457249879.0</t>
  </si>
  <si>
    <t>229162836.0</t>
  </si>
  <si>
    <t>199993339.0</t>
  </si>
  <si>
    <t>38497672.0</t>
  </si>
  <si>
    <t>1777915.0</t>
  </si>
  <si>
    <t>1491354.0</t>
  </si>
  <si>
    <t>487179.0</t>
  </si>
  <si>
    <t>657347669.0</t>
  </si>
  <si>
    <t>1898230.0</t>
  </si>
  <si>
    <t>1950.6</t>
  </si>
  <si>
    <t>1483356.0</t>
  </si>
  <si>
    <t>459055755.0</t>
  </si>
  <si>
    <t>229666058.0</t>
  </si>
  <si>
    <t>200165353.0</t>
  </si>
  <si>
    <t>39640493.0</t>
  </si>
  <si>
    <t>1805876.0</t>
  </si>
  <si>
    <t>1518720.0</t>
  </si>
  <si>
    <t>480860.0</t>
  </si>
  <si>
    <t>659019699.0</t>
  </si>
  <si>
    <t>1672030.0</t>
  </si>
  <si>
    <t>1955.562</t>
  </si>
  <si>
    <t>1508624.0</t>
  </si>
  <si>
    <t>461151980.0</t>
  </si>
  <si>
    <t>230245704.0</t>
  </si>
  <si>
    <t>200361526.0</t>
  </si>
  <si>
    <t>40973760.0</t>
  </si>
  <si>
    <t>2096225.0</t>
  </si>
  <si>
    <t>1531209.0</t>
  </si>
  <si>
    <t>472525.0</t>
  </si>
  <si>
    <t>660164042.0</t>
  </si>
  <si>
    <t>1144343.0</t>
  </si>
  <si>
    <t>1958.958</t>
  </si>
  <si>
    <t>1512181.0</t>
  </si>
  <si>
    <t>462396313.0</t>
  </si>
  <si>
    <t>230704261.0</t>
  </si>
  <si>
    <t>200463155.0</t>
  </si>
  <si>
    <t>41664113.0</t>
  </si>
  <si>
    <t>1244333.0</t>
  </si>
  <si>
    <t>1539491.0</t>
  </si>
  <si>
    <t>461285.0</t>
  </si>
  <si>
    <t>660927267.0</t>
  </si>
  <si>
    <t>763225.0</t>
  </si>
  <si>
    <t>1961.222</t>
  </si>
  <si>
    <t>1510113.0</t>
  </si>
  <si>
    <t>463048558.0</t>
  </si>
  <si>
    <t>230910104.0</t>
  </si>
  <si>
    <t>200524118.0</t>
  </si>
  <si>
    <t>42053387.0</t>
  </si>
  <si>
    <t>652245.0</t>
  </si>
  <si>
    <t>1549248.0</t>
  </si>
  <si>
    <t>456346.0</t>
  </si>
  <si>
    <t>907215.4</t>
  </si>
  <si>
    <t>2681.76944684975</t>
  </si>
  <si>
    <t>662081804.0</t>
  </si>
  <si>
    <t>1154537.0</t>
  </si>
  <si>
    <t>1964.648</t>
  </si>
  <si>
    <t>1494606.0</t>
  </si>
  <si>
    <t>464882616.0</t>
  </si>
  <si>
    <t>231395694.0</t>
  </si>
  <si>
    <t>200696848.0</t>
  </si>
  <si>
    <t>43240383.0</t>
  </si>
  <si>
    <t>1834058.0</t>
  </si>
  <si>
    <t>1587199.0</t>
  </si>
  <si>
    <t>460329.0</t>
  </si>
  <si>
    <t>663708162.0</t>
  </si>
  <si>
    <t>1626358.0</t>
  </si>
  <si>
    <t>1969.474</t>
  </si>
  <si>
    <t>1461102.0</t>
  </si>
  <si>
    <t>466688667.0</t>
  </si>
  <si>
    <t>231881625.0</t>
  </si>
  <si>
    <t>200862744.0</t>
  </si>
  <si>
    <t>44406420.0</t>
  </si>
  <si>
    <t>1806051.0</t>
  </si>
  <si>
    <t>1602386.0</t>
  </si>
  <si>
    <t>460382.0</t>
  </si>
  <si>
    <t>665368750.0</t>
  </si>
  <si>
    <t>1660588.0</t>
  </si>
  <si>
    <t>1974.402</t>
  </si>
  <si>
    <t>1417044.0</t>
  </si>
  <si>
    <t>468088978.0</t>
  </si>
  <si>
    <t>232280415.0</t>
  </si>
  <si>
    <t>201018451.0</t>
  </si>
  <si>
    <t>45263200.0</t>
  </si>
  <si>
    <t>1400311.0</t>
  </si>
  <si>
    <t>1548443.0</t>
  </si>
  <si>
    <t>445368.0</t>
  </si>
  <si>
    <t>666124965.0</t>
  </si>
  <si>
    <t>756215.0</t>
  </si>
  <si>
    <t>1976.646</t>
  </si>
  <si>
    <t>1253899.0</t>
  </si>
  <si>
    <t>468117983.0</t>
  </si>
  <si>
    <t>232289069.0</t>
  </si>
  <si>
    <t>201023891.0</t>
  </si>
  <si>
    <t>45278521.0</t>
  </si>
  <si>
    <t>374716.0</t>
  </si>
  <si>
    <t>666889564.0</t>
  </si>
  <si>
    <t>764599.0</t>
  </si>
  <si>
    <t>1124266.0</t>
  </si>
  <si>
    <t>469336569.0</t>
  </si>
  <si>
    <t>232598219.0</t>
  </si>
  <si>
    <t>201202695.0</t>
  </si>
  <si>
    <t>46015886.0</t>
  </si>
  <si>
    <t>1218586.0</t>
  </si>
  <si>
    <t>1169227.0</t>
  </si>
  <si>
    <t>336074.0</t>
  </si>
  <si>
    <t>145.05</t>
  </si>
  <si>
    <t>667795793.0</t>
  </si>
  <si>
    <t>906229.0</t>
  </si>
  <si>
    <t>1981.604</t>
  </si>
  <si>
    <t>1090250.0</t>
  </si>
  <si>
    <t>470238294.0</t>
  </si>
  <si>
    <t>232814479.0</t>
  </si>
  <si>
    <t>201405293.0</t>
  </si>
  <si>
    <t>46502993.0</t>
  </si>
  <si>
    <t>901725.0</t>
  </si>
  <si>
    <t>1120283.0</t>
  </si>
  <si>
    <t>301460.0</t>
  </si>
  <si>
    <t>668615319.0</t>
  </si>
  <si>
    <t>819526.0</t>
  </si>
  <si>
    <t>1984.036</t>
  </si>
  <si>
    <t>1098293.0</t>
  </si>
  <si>
    <t>470835073.0</t>
  </si>
  <si>
    <t>232953888.0</t>
  </si>
  <si>
    <t>201555966.0</t>
  </si>
  <si>
    <t>46811841.0</t>
  </si>
  <si>
    <t>596779.0</t>
  </si>
  <si>
    <t>1112359.0</t>
  </si>
  <si>
    <t>291969.0</t>
  </si>
  <si>
    <t>918054.4</t>
  </si>
  <si>
    <t>2713.81001740709</t>
  </si>
  <si>
    <t>669984103.0</t>
  </si>
  <si>
    <t>1368784.0</t>
  </si>
  <si>
    <t>1988.097</t>
  </si>
  <si>
    <t>1128900.0</t>
  </si>
  <si>
    <t>472516428.0</t>
  </si>
  <si>
    <t>233302221.0</t>
  </si>
  <si>
    <t>201922879.0</t>
  </si>
  <si>
    <t>47788374.0</t>
  </si>
  <si>
    <t>1681355.0</t>
  </si>
  <si>
    <t>1090545.0</t>
  </si>
  <si>
    <t>272361.0</t>
  </si>
  <si>
    <t>671877951.0</t>
  </si>
  <si>
    <t>1893848.0</t>
  </si>
  <si>
    <t>1993.717</t>
  </si>
  <si>
    <t>1167113.0</t>
  </si>
  <si>
    <t>474464412.0</t>
  </si>
  <si>
    <t>233702881.0</t>
  </si>
  <si>
    <t>202320277.0</t>
  </si>
  <si>
    <t>48950668.0</t>
  </si>
  <si>
    <t>1947984.0</t>
  </si>
  <si>
    <t>1110821.0</t>
  </si>
  <si>
    <t>673848613.0</t>
  </si>
  <si>
    <t>1970662.0</t>
  </si>
  <si>
    <t>1999.565</t>
  </si>
  <si>
    <t>1211409.0</t>
  </si>
  <si>
    <t>476666971.0</t>
  </si>
  <si>
    <t>234159034.0</t>
  </si>
  <si>
    <t>202739241.0</t>
  </si>
  <si>
    <t>50287704.0</t>
  </si>
  <si>
    <t>2202559.0</t>
  </si>
  <si>
    <t>268374.0</t>
  </si>
  <si>
    <t>675895951.0</t>
  </si>
  <si>
    <t>2047338.0</t>
  </si>
  <si>
    <t>2005.64</t>
  </si>
  <si>
    <t>1395855.0</t>
  </si>
  <si>
    <t>478860034.0</t>
  </si>
  <si>
    <t>234602147.0</t>
  </si>
  <si>
    <t>203138689.0</t>
  </si>
  <si>
    <t>51649011.0</t>
  </si>
  <si>
    <t>2193063.0</t>
  </si>
  <si>
    <t>1534579.0</t>
  </si>
  <si>
    <t>330440.0</t>
  </si>
  <si>
    <t>677833193.0</t>
  </si>
  <si>
    <t>1937242.0</t>
  </si>
  <si>
    <t>2011.389</t>
  </si>
  <si>
    <t>1563376.0</t>
  </si>
  <si>
    <t>481334752.0</t>
  </si>
  <si>
    <t>235084003.0</t>
  </si>
  <si>
    <t>203638187.0</t>
  </si>
  <si>
    <t>53152446.0</t>
  </si>
  <si>
    <t>2474718.0</t>
  </si>
  <si>
    <t>1714026.0</t>
  </si>
  <si>
    <t>679203444.0</t>
  </si>
  <si>
    <t>1370251.0</t>
  </si>
  <si>
    <t>2015.455</t>
  </si>
  <si>
    <t>1629664.0</t>
  </si>
  <si>
    <t>482833949.0</t>
  </si>
  <si>
    <t>235381399.0</t>
  </si>
  <si>
    <t>204099901.0</t>
  </si>
  <si>
    <t>53896692.0</t>
  </si>
  <si>
    <t>1499197.0</t>
  </si>
  <si>
    <t>1799379.0</t>
  </si>
  <si>
    <t>366703.0</t>
  </si>
  <si>
    <t>680022002.0</t>
  </si>
  <si>
    <t>818558.0</t>
  </si>
  <si>
    <t>2017.884</t>
  </si>
  <si>
    <t>1629526.0</t>
  </si>
  <si>
    <t>483572083.0</t>
  </si>
  <si>
    <t>235545192.0</t>
  </si>
  <si>
    <t>204292399.0</t>
  </si>
  <si>
    <t>54281083.0</t>
  </si>
  <si>
    <t>738134.0</t>
  </si>
  <si>
    <t>1819573.0</t>
  </si>
  <si>
    <t>145.65</t>
  </si>
  <si>
    <t>930663.4</t>
  </si>
  <si>
    <t>2751.08278741885</t>
  </si>
  <si>
    <t>681317036.0</t>
  </si>
  <si>
    <t>1295034.0</t>
  </si>
  <si>
    <t>2021.727</t>
  </si>
  <si>
    <t>1618990.0</t>
  </si>
  <si>
    <t>485423991.0</t>
  </si>
  <si>
    <t>235929583.0</t>
  </si>
  <si>
    <t>204622402.0</t>
  </si>
  <si>
    <t>55426031.0</t>
  </si>
  <si>
    <t>1851908.0</t>
  </si>
  <si>
    <t>1843938.0</t>
  </si>
  <si>
    <t>375337.0</t>
  </si>
  <si>
    <t>683265512.0</t>
  </si>
  <si>
    <t>1948476.0</t>
  </si>
  <si>
    <t>2027.508</t>
  </si>
  <si>
    <t>1626794.0</t>
  </si>
  <si>
    <t>487354357.0</t>
  </si>
  <si>
    <t>236327161.0</t>
  </si>
  <si>
    <t>204968774.0</t>
  </si>
  <si>
    <t>56620781.0</t>
  </si>
  <si>
    <t>1930366.0</t>
  </si>
  <si>
    <t>374897.0</t>
  </si>
  <si>
    <t>685318658.0</t>
  </si>
  <si>
    <t>2053146.0</t>
  </si>
  <si>
    <t>2033.601</t>
  </si>
  <si>
    <t>1638578.0</t>
  </si>
  <si>
    <t>489300543.0</t>
  </si>
  <si>
    <t>236728832.0</t>
  </si>
  <si>
    <t>205326068.0</t>
  </si>
  <si>
    <t>57816675.0</t>
  </si>
  <si>
    <t>1946186.0</t>
  </si>
  <si>
    <t>1804796.0</t>
  </si>
  <si>
    <t>367114.0</t>
  </si>
  <si>
    <t>687235183.0</t>
  </si>
  <si>
    <t>1916525.0</t>
  </si>
  <si>
    <t>2039.288</t>
  </si>
  <si>
    <t>1619890.0</t>
  </si>
  <si>
    <t>491245171.0</t>
  </si>
  <si>
    <t>237126781.0</t>
  </si>
  <si>
    <t>205669803.0</t>
  </si>
  <si>
    <t>59027436.0</t>
  </si>
  <si>
    <t>1769305.0</t>
  </si>
  <si>
    <t>360662.0</t>
  </si>
  <si>
    <t>689087758.0</t>
  </si>
  <si>
    <t>1852575.0</t>
  </si>
  <si>
    <t>2044.785</t>
  </si>
  <si>
    <t>1607795.0</t>
  </si>
  <si>
    <t>493382293.0</t>
  </si>
  <si>
    <t>237546796.0</t>
  </si>
  <si>
    <t>206073660.0</t>
  </si>
  <si>
    <t>60347933.0</t>
  </si>
  <si>
    <t>2137122.0</t>
  </si>
  <si>
    <t>1721077.0</t>
  </si>
  <si>
    <t>351828.0</t>
  </si>
  <si>
    <t>690392308.0</t>
  </si>
  <si>
    <t>1304550.0</t>
  </si>
  <si>
    <t>2048.656</t>
  </si>
  <si>
    <t>1598409.0</t>
  </si>
  <si>
    <t>494650862.0</t>
  </si>
  <si>
    <t>237810643.0</t>
  </si>
  <si>
    <t>206415235.0</t>
  </si>
  <si>
    <t>61014398.0</t>
  </si>
  <si>
    <t>1268569.0</t>
  </si>
  <si>
    <t>1688130.0</t>
  </si>
  <si>
    <t>347035.0</t>
  </si>
  <si>
    <t>691202643.0</t>
  </si>
  <si>
    <t>810335.0</t>
  </si>
  <si>
    <t>2051.061</t>
  </si>
  <si>
    <t>1597234.0</t>
  </si>
  <si>
    <t>495287624.0</t>
  </si>
  <si>
    <t>237959932.0</t>
  </si>
  <si>
    <t>206546533.0</t>
  </si>
  <si>
    <t>61373433.0</t>
  </si>
  <si>
    <t>636762.0</t>
  </si>
  <si>
    <t>1673649.0</t>
  </si>
  <si>
    <t>344963.0</t>
  </si>
  <si>
    <t>944080.0</t>
  </si>
  <si>
    <t>2790.74285928337</t>
  </si>
  <si>
    <t>692563758.0</t>
  </si>
  <si>
    <t>1361115.0</t>
  </si>
  <si>
    <t>2055.1</t>
  </si>
  <si>
    <t>1606675.0</t>
  </si>
  <si>
    <t>496919899.0</t>
  </si>
  <si>
    <t>238302001.0</t>
  </si>
  <si>
    <t>206829074.0</t>
  </si>
  <si>
    <t>62388722.0</t>
  </si>
  <si>
    <t>1632275.0</t>
  </si>
  <si>
    <t>1642273.0</t>
  </si>
  <si>
    <t>338917.0</t>
  </si>
  <si>
    <t>694536128.0</t>
  </si>
  <si>
    <t>1972370.0</t>
  </si>
  <si>
    <t>2060.953</t>
  </si>
  <si>
    <t>1610088.0</t>
  </si>
  <si>
    <t>498658319.0</t>
  </si>
  <si>
    <t>238664800.0</t>
  </si>
  <si>
    <t>207120230.0</t>
  </si>
  <si>
    <t>63481974.0</t>
  </si>
  <si>
    <t>1738420.0</t>
  </si>
  <si>
    <t>1614852.0</t>
  </si>
  <si>
    <t>150.19</t>
  </si>
  <si>
    <t>696659360.0</t>
  </si>
  <si>
    <t>2123232.0</t>
  </si>
  <si>
    <t>2067.253</t>
  </si>
  <si>
    <t>1620100.0</t>
  </si>
  <si>
    <t>500397372.0</t>
  </si>
  <si>
    <t>239038502.0</t>
  </si>
  <si>
    <t>207385158.0</t>
  </si>
  <si>
    <t>64590711.0</t>
  </si>
  <si>
    <t>1739053.0</t>
  </si>
  <si>
    <t>1585261.0</t>
  </si>
  <si>
    <t>329953.0</t>
  </si>
  <si>
    <t>698753993.0</t>
  </si>
  <si>
    <t>2094633.0</t>
  </si>
  <si>
    <t>2073.469</t>
  </si>
  <si>
    <t>1645544.0</t>
  </si>
  <si>
    <t>502104160.0</t>
  </si>
  <si>
    <t>239423514.0</t>
  </si>
  <si>
    <t>207556967.0</t>
  </si>
  <si>
    <t>65748875.0</t>
  </si>
  <si>
    <t>1706788.0</t>
  </si>
  <si>
    <t>1551284.0</t>
  </si>
  <si>
    <t>328105.0</t>
  </si>
  <si>
    <t>700749979.0</t>
  </si>
  <si>
    <t>1995986.0</t>
  </si>
  <si>
    <t>2079.391</t>
  </si>
  <si>
    <t>1666032.0</t>
  </si>
  <si>
    <t>504062092.0</t>
  </si>
  <si>
    <t>239851855.0</t>
  </si>
  <si>
    <t>207812801.0</t>
  </si>
  <si>
    <t>67026455.0</t>
  </si>
  <si>
    <t>1957932.0</t>
  </si>
  <si>
    <t>1525686.0</t>
  </si>
  <si>
    <t>329294.0</t>
  </si>
  <si>
    <t>702233211.0</t>
  </si>
  <si>
    <t>1483232.0</t>
  </si>
  <si>
    <t>2083.793</t>
  </si>
  <si>
    <t>1691558.0</t>
  </si>
  <si>
    <t>505191894.0</t>
  </si>
  <si>
    <t>240136556.0</t>
  </si>
  <si>
    <t>207977147.0</t>
  </si>
  <si>
    <t>67708737.0</t>
  </si>
  <si>
    <t>1505862.0</t>
  </si>
  <si>
    <t>332273.0</t>
  </si>
  <si>
    <t>703274121.0</t>
  </si>
  <si>
    <t>1040910.0</t>
  </si>
  <si>
    <t>2086.882</t>
  </si>
  <si>
    <t>1724497.0</t>
  </si>
  <si>
    <t>505837118.0</t>
  </si>
  <si>
    <t>240303682.0</t>
  </si>
  <si>
    <t>208059642.0</t>
  </si>
  <si>
    <t>68105150.0</t>
  </si>
  <si>
    <t>645224.0</t>
  </si>
  <si>
    <t>1507071.0</t>
  </si>
  <si>
    <t>956290.4</t>
  </si>
  <si>
    <t>2826.83734980218</t>
  </si>
  <si>
    <t>704852303.0</t>
  </si>
  <si>
    <t>1578182.0</t>
  </si>
  <si>
    <t>2091.565</t>
  </si>
  <si>
    <t>1755506.0</t>
  </si>
  <si>
    <t>507693370.0</t>
  </si>
  <si>
    <t>240740045.0</t>
  </si>
  <si>
    <t>208288353.0</t>
  </si>
  <si>
    <t>69299411.0</t>
  </si>
  <si>
    <t>1856252.0</t>
  </si>
  <si>
    <t>1539067.0</t>
  </si>
  <si>
    <t>348292.0</t>
  </si>
  <si>
    <t>707071273.0</t>
  </si>
  <si>
    <t>2218970.0</t>
  </si>
  <si>
    <t>2098.149</t>
  </si>
  <si>
    <t>1790735.0</t>
  </si>
  <si>
    <t>509681742.0</t>
  </si>
  <si>
    <t>241200744.0</t>
  </si>
  <si>
    <t>208532794.0</t>
  </si>
  <si>
    <t>70584711.0</t>
  </si>
  <si>
    <t>1988372.0</t>
  </si>
  <si>
    <t>1574775.0</t>
  </si>
  <si>
    <t>709491742.0</t>
  </si>
  <si>
    <t>2420469.0</t>
  </si>
  <si>
    <t>2105.332</t>
  </si>
  <si>
    <t>1833197.0</t>
  </si>
  <si>
    <t>511562913.0</t>
  </si>
  <si>
    <t>241643628.0</t>
  </si>
  <si>
    <t>208773851.0</t>
  </si>
  <si>
    <t>71785494.0</t>
  </si>
  <si>
    <t>1881171.0</t>
  </si>
  <si>
    <t>1595077.0</t>
  </si>
  <si>
    <t>372161.0</t>
  </si>
  <si>
    <t>711898022.0</t>
  </si>
  <si>
    <t>2406280.0</t>
  </si>
  <si>
    <t>2112.472</t>
  </si>
  <si>
    <t>1877718.0</t>
  </si>
  <si>
    <t>513037150.0</t>
  </si>
  <si>
    <t>242008646.0</t>
  </si>
  <si>
    <t>208953099.0</t>
  </si>
  <si>
    <t>72718775.0</t>
  </si>
  <si>
    <t>1474237.0</t>
  </si>
  <si>
    <t>1561856.0</t>
  </si>
  <si>
    <t>369305.0</t>
  </si>
  <si>
    <t>713685215.0</t>
  </si>
  <si>
    <t>1787193.0</t>
  </si>
  <si>
    <t>2117.775</t>
  </si>
  <si>
    <t>1847891.0</t>
  </si>
  <si>
    <t>513420511.0</t>
  </si>
  <si>
    <t>242111040.0</t>
  </si>
  <si>
    <t>209010348.0</t>
  </si>
  <si>
    <t>72944611.0</t>
  </si>
  <si>
    <t>383361.0</t>
  </si>
  <si>
    <t>1336917.0</t>
  </si>
  <si>
    <t>714632552.0</t>
  </si>
  <si>
    <t>947337.0</t>
  </si>
  <si>
    <t>2120.586</t>
  </si>
  <si>
    <t>1771334.0</t>
  </si>
  <si>
    <t>513427416.0</t>
  </si>
  <si>
    <t>242113149.0</t>
  </si>
  <si>
    <t>209011379.0</t>
  </si>
  <si>
    <t>72948387.0</t>
  </si>
  <si>
    <t>1176503.0</t>
  </si>
  <si>
    <t>715600584.0</t>
  </si>
  <si>
    <t>968032.0</t>
  </si>
  <si>
    <t>2123.459</t>
  </si>
  <si>
    <t>1760923.0</t>
  </si>
  <si>
    <t>513910335.0</t>
  </si>
  <si>
    <t>242243537.0</t>
  </si>
  <si>
    <t>209095923.0</t>
  </si>
  <si>
    <t>73217142.0</t>
  </si>
  <si>
    <t>482919.0</t>
  </si>
  <si>
    <t>1153317.0</t>
  </si>
  <si>
    <t>277122.0</t>
  </si>
  <si>
    <t>968739.8</t>
  </si>
  <si>
    <t>2863.63833504957</t>
  </si>
  <si>
    <t>717318772.0</t>
  </si>
  <si>
    <t>1718188.0</t>
  </si>
  <si>
    <t>2128.557</t>
  </si>
  <si>
    <t>1780924.0</t>
  </si>
  <si>
    <t>515449324.0</t>
  </si>
  <si>
    <t>242634941.0</t>
  </si>
  <si>
    <t>209328587.0</t>
  </si>
  <si>
    <t>74135084.0</t>
  </si>
  <si>
    <t>1538989.0</t>
  </si>
  <si>
    <t>1107993.0</t>
  </si>
  <si>
    <t>270699.0</t>
  </si>
  <si>
    <t>719633511.0</t>
  </si>
  <si>
    <t>2314739.0</t>
  </si>
  <si>
    <t>2135.426</t>
  </si>
  <si>
    <t>1794605.0</t>
  </si>
  <si>
    <t>517157126.0</t>
  </si>
  <si>
    <t>243066844.0</t>
  </si>
  <si>
    <t>209573757.0</t>
  </si>
  <si>
    <t>75169225.0</t>
  </si>
  <si>
    <t>1707802.0</t>
  </si>
  <si>
    <t>1067912.0</t>
  </si>
  <si>
    <t>266586.0</t>
  </si>
  <si>
    <t>721977670.0</t>
  </si>
  <si>
    <t>2344159.0</t>
  </si>
  <si>
    <t>2142.382</t>
  </si>
  <si>
    <t>1783704.0</t>
  </si>
  <si>
    <t>518846881.0</t>
  </si>
  <si>
    <t>243498932.0</t>
  </si>
  <si>
    <t>209813758.0</t>
  </si>
  <si>
    <t>76190308.0</t>
  </si>
  <si>
    <t>1689755.0</t>
  </si>
  <si>
    <t>1040567.0</t>
  </si>
  <si>
    <t>724341450.0</t>
  </si>
  <si>
    <t>2363780.0</t>
  </si>
  <si>
    <t>2149.396</t>
  </si>
  <si>
    <t>7.014</t>
  </si>
  <si>
    <t>1777633.0</t>
  </si>
  <si>
    <t>520394716.0</t>
  </si>
  <si>
    <t>243900223.0</t>
  </si>
  <si>
    <t>210030897.0</t>
  </si>
  <si>
    <t>77122744.0</t>
  </si>
  <si>
    <t>1547835.0</t>
  </si>
  <si>
    <t>1051081.0</t>
  </si>
  <si>
    <t>270225.0</t>
  </si>
  <si>
    <t>726359152.0</t>
  </si>
  <si>
    <t>2017702.0</t>
  </si>
  <si>
    <t>1810562.0</t>
  </si>
  <si>
    <t>521013845.0</t>
  </si>
  <si>
    <t>244062104.0</t>
  </si>
  <si>
    <t>210125969.0</t>
  </si>
  <si>
    <t>77486994.0</t>
  </si>
  <si>
    <t>619129.0</t>
  </si>
  <si>
    <t>1084762.0</t>
  </si>
  <si>
    <t>278723.0</t>
  </si>
  <si>
    <t>727619218.0</t>
  </si>
  <si>
    <t>1260066.0</t>
  </si>
  <si>
    <t>2159.123</t>
  </si>
  <si>
    <t>1855238.0</t>
  </si>
  <si>
    <t>521129848.0</t>
  </si>
  <si>
    <t>244096629.0</t>
  </si>
  <si>
    <t>210143307.0</t>
  </si>
  <si>
    <t>77549904.0</t>
  </si>
  <si>
    <t>116003.0</t>
  </si>
  <si>
    <t>1100347.0</t>
  </si>
  <si>
    <t>283354.0</t>
  </si>
  <si>
    <t>728965883.0</t>
  </si>
  <si>
    <t>1346665.0</t>
  </si>
  <si>
    <t>2163.119</t>
  </si>
  <si>
    <t>1909328.0</t>
  </si>
  <si>
    <t>521629773.0</t>
  </si>
  <si>
    <t>244231955.0</t>
  </si>
  <si>
    <t>210234859.0</t>
  </si>
  <si>
    <t>77824094.0</t>
  </si>
  <si>
    <t>499925.0</t>
  </si>
  <si>
    <t>1102777.0</t>
  </si>
  <si>
    <t>157.11</t>
  </si>
  <si>
    <t>284060.0</t>
  </si>
  <si>
    <t>982795.6</t>
  </si>
  <si>
    <t>2905.18791080747</t>
  </si>
  <si>
    <t>731226278.0</t>
  </si>
  <si>
    <t>2260395.0</t>
  </si>
  <si>
    <t>2169.826</t>
  </si>
  <si>
    <t>1986787.0</t>
  </si>
  <si>
    <t>522880199.0</t>
  </si>
  <si>
    <t>244569805.0</t>
  </si>
  <si>
    <t>210434734.0</t>
  </si>
  <si>
    <t>78541396.0</t>
  </si>
  <si>
    <t>1250426.0</t>
  </si>
  <si>
    <t>1061554.0</t>
  </si>
  <si>
    <t>276409.0</t>
  </si>
  <si>
    <t>734174731.0</t>
  </si>
  <si>
    <t>2948453.0</t>
  </si>
  <si>
    <t>2178.575</t>
  </si>
  <si>
    <t>2077317.0</t>
  </si>
  <si>
    <t>524304544.0</t>
  </si>
  <si>
    <t>244938994.0</t>
  </si>
  <si>
    <t>210651666.0</t>
  </si>
  <si>
    <t>79384341.0</t>
  </si>
  <si>
    <t>1424345.0</t>
  </si>
  <si>
    <t>1021060.0</t>
  </si>
  <si>
    <t>737376437.0</t>
  </si>
  <si>
    <t>3201706.0</t>
  </si>
  <si>
    <t>2188.076</t>
  </si>
  <si>
    <t>2199824.0</t>
  </si>
  <si>
    <t>525766637.0</t>
  </si>
  <si>
    <t>245315528.0</t>
  </si>
  <si>
    <t>210867769.0</t>
  </si>
  <si>
    <t>80258800.0</t>
  </si>
  <si>
    <t>1462093.0</t>
  </si>
  <si>
    <t>988537.0</t>
  </si>
  <si>
    <t>740557343.0</t>
  </si>
  <si>
    <t>3180906.0</t>
  </si>
  <si>
    <t>2197.515</t>
  </si>
  <si>
    <t>2316556.0</t>
  </si>
  <si>
    <t>527237208.0</t>
  </si>
  <si>
    <t>245683155.0</t>
  </si>
  <si>
    <t>211083181.0</t>
  </si>
  <si>
    <t>81150398.0</t>
  </si>
  <si>
    <t>1470571.0</t>
  </si>
  <si>
    <t>977499.0</t>
  </si>
  <si>
    <t>254705.0</t>
  </si>
  <si>
    <t>743473487.0</t>
  </si>
  <si>
    <t>2916144.0</t>
  </si>
  <si>
    <t>2206.168</t>
  </si>
  <si>
    <t>2444905.0</t>
  </si>
  <si>
    <t>528896483.0</t>
  </si>
  <si>
    <t>246080054.0</t>
  </si>
  <si>
    <t>211332766.0</t>
  </si>
  <si>
    <t>82165926.0</t>
  </si>
  <si>
    <t>1659275.0</t>
  </si>
  <si>
    <t>1126091.0</t>
  </si>
  <si>
    <t>288279.0</t>
  </si>
  <si>
    <t>745673684.0</t>
  </si>
  <si>
    <t>2200197.0</t>
  </si>
  <si>
    <t>2212.697</t>
  </si>
  <si>
    <t>2579209.0</t>
  </si>
  <si>
    <t>529950631.0</t>
  </si>
  <si>
    <t>246352837.0</t>
  </si>
  <si>
    <t>211510255.0</t>
  </si>
  <si>
    <t>82770236.0</t>
  </si>
  <si>
    <t>1054148.0</t>
  </si>
  <si>
    <t>1260112.0</t>
  </si>
  <si>
    <t>747331416.0</t>
  </si>
  <si>
    <t>1657732.0</t>
  </si>
  <si>
    <t>2217.616</t>
  </si>
  <si>
    <t>2623648.0</t>
  </si>
  <si>
    <t>530451585.0</t>
  </si>
  <si>
    <t>246493684.0</t>
  </si>
  <si>
    <t>211586644.0</t>
  </si>
  <si>
    <t>83054433.0</t>
  </si>
  <si>
    <t>500954.0</t>
  </si>
  <si>
    <t>1260259.0</t>
  </si>
  <si>
    <t>998226.3</t>
  </si>
  <si>
    <t>2950.80175268395</t>
  </si>
  <si>
    <t>749470715.0</t>
  </si>
  <si>
    <t>2139299.0</t>
  </si>
  <si>
    <t>2223.964</t>
  </si>
  <si>
    <t>2606348.0</t>
  </si>
  <si>
    <t>531718887.0</t>
  </si>
  <si>
    <t>246821768.0</t>
  </si>
  <si>
    <t>211779773.0</t>
  </si>
  <si>
    <t>83801997.0</t>
  </si>
  <si>
    <t>1267302.0</t>
  </si>
  <si>
    <t>1262670.0</t>
  </si>
  <si>
    <t>752161369.0</t>
  </si>
  <si>
    <t>2690654.0</t>
  </si>
  <si>
    <t>2231.949</t>
  </si>
  <si>
    <t>2569520.0</t>
  </si>
  <si>
    <t>533035608.0</t>
  </si>
  <si>
    <t>247158002.0</t>
  </si>
  <si>
    <t>211983928.0</t>
  </si>
  <si>
    <t>84579394.0</t>
  </si>
  <si>
    <t>1316721.0</t>
  </si>
  <si>
    <t>1247295.0</t>
  </si>
  <si>
    <t>317001.0</t>
  </si>
  <si>
    <t>755093074.0</t>
  </si>
  <si>
    <t>2931705.0</t>
  </si>
  <si>
    <t>2240.648</t>
  </si>
  <si>
    <t>2530948.0</t>
  </si>
  <si>
    <t>534358648.0</t>
  </si>
  <si>
    <t>247496036.0</t>
  </si>
  <si>
    <t>212187876.0</t>
  </si>
  <si>
    <t>85361223.0</t>
  </si>
  <si>
    <t>1323040.0</t>
  </si>
  <si>
    <t>1227430.0</t>
  </si>
  <si>
    <t>311501.0</t>
  </si>
  <si>
    <t>758116286.0</t>
  </si>
  <si>
    <t>3023212.0</t>
  </si>
  <si>
    <t>2249.619</t>
  </si>
  <si>
    <t>8.971</t>
  </si>
  <si>
    <t>2508420.0</t>
  </si>
  <si>
    <t>535660667.0</t>
  </si>
  <si>
    <t>247830299.0</t>
  </si>
  <si>
    <t>212379616.0</t>
  </si>
  <si>
    <t>86136806.0</t>
  </si>
  <si>
    <t>1302019.0</t>
  </si>
  <si>
    <t>1203351.0</t>
  </si>
  <si>
    <t>306735.0</t>
  </si>
  <si>
    <t>760943723.0</t>
  </si>
  <si>
    <t>2827437.0</t>
  </si>
  <si>
    <t>2258.009</t>
  </si>
  <si>
    <t>2495748.0</t>
  </si>
  <si>
    <t>537140003.0</t>
  </si>
  <si>
    <t>248206357.0</t>
  </si>
  <si>
    <t>212556587.0</t>
  </si>
  <si>
    <t>87058410.0</t>
  </si>
  <si>
    <t>1177646.0</t>
  </si>
  <si>
    <t>303758.0</t>
  </si>
  <si>
    <t>763008938.0</t>
  </si>
  <si>
    <t>2065215.0</t>
  </si>
  <si>
    <t>2264.137</t>
  </si>
  <si>
    <t>2476465.0</t>
  </si>
  <si>
    <t>537934835.0</t>
  </si>
  <si>
    <t>248431626.0</t>
  </si>
  <si>
    <t>212644858.0</t>
  </si>
  <si>
    <t>87535162.0</t>
  </si>
  <si>
    <t>794832.0</t>
  </si>
  <si>
    <t>1140601.0</t>
  </si>
  <si>
    <t>296970.0</t>
  </si>
  <si>
    <t>764383763.0</t>
  </si>
  <si>
    <t>1374825.0</t>
  </si>
  <si>
    <t>2268.217</t>
  </si>
  <si>
    <t>2436050.0</t>
  </si>
  <si>
    <t>538328402.0</t>
  </si>
  <si>
    <t>248537229.0</t>
  </si>
  <si>
    <t>212703347.0</t>
  </si>
  <si>
    <t>87762661.0</t>
  </si>
  <si>
    <t>393567.0</t>
  </si>
  <si>
    <t>1125260.0</t>
  </si>
  <si>
    <t>291935.0</t>
  </si>
  <si>
    <t>1018598.4</t>
  </si>
  <si>
    <t>3011.02259477742</t>
  </si>
  <si>
    <t>766120810.0</t>
  </si>
  <si>
    <t>1737047.0</t>
  </si>
  <si>
    <t>2273.372</t>
  </si>
  <si>
    <t>2378585.0</t>
  </si>
  <si>
    <t>539160050.0</t>
  </si>
  <si>
    <t>248751319.0</t>
  </si>
  <si>
    <t>212845309.0</t>
  </si>
  <si>
    <t>88234278.0</t>
  </si>
  <si>
    <t>831648.0</t>
  </si>
  <si>
    <t>1063023.0</t>
  </si>
  <si>
    <t>275650.0</t>
  </si>
  <si>
    <t>768716075.0</t>
  </si>
  <si>
    <t>2595265.0</t>
  </si>
  <si>
    <t>2281.073</t>
  </si>
  <si>
    <t>2364958.0</t>
  </si>
  <si>
    <t>540167174.0</t>
  </si>
  <si>
    <t>249003643.0</t>
  </si>
  <si>
    <t>213036488.0</t>
  </si>
  <si>
    <t>88794568.0</t>
  </si>
  <si>
    <t>1007124.0</t>
  </si>
  <si>
    <t>1018795.0</t>
  </si>
  <si>
    <t>263663.0</t>
  </si>
  <si>
    <t>771675297.0</t>
  </si>
  <si>
    <t>2959222.0</t>
  </si>
  <si>
    <t>2289.854</t>
  </si>
  <si>
    <t>2368889.0</t>
  </si>
  <si>
    <t>541155031.0</t>
  </si>
  <si>
    <t>249251869.0</t>
  </si>
  <si>
    <t>213225756.0</t>
  </si>
  <si>
    <t>89341484.0</t>
  </si>
  <si>
    <t>987857.0</t>
  </si>
  <si>
    <t>970912.0</t>
  </si>
  <si>
    <t>250833.0</t>
  </si>
  <si>
    <t>774469819.0</t>
  </si>
  <si>
    <t>2794522.0</t>
  </si>
  <si>
    <t>2298.146</t>
  </si>
  <si>
    <t>2336219.0</t>
  </si>
  <si>
    <t>542099878.0</t>
  </si>
  <si>
    <t>249490014.0</t>
  </si>
  <si>
    <t>213404966.0</t>
  </si>
  <si>
    <t>89865183.0</t>
  </si>
  <si>
    <t>944847.0</t>
  </si>
  <si>
    <t>919887.0</t>
  </si>
  <si>
    <t>237102.0</t>
  </si>
  <si>
    <t>776947828.0</t>
  </si>
  <si>
    <t>2478009.0</t>
  </si>
  <si>
    <t>2305.499</t>
  </si>
  <si>
    <t>2286301.0</t>
  </si>
  <si>
    <t>543191830.0</t>
  </si>
  <si>
    <t>249765155.0</t>
  </si>
  <si>
    <t>213569317.0</t>
  </si>
  <si>
    <t>90511331.0</t>
  </si>
  <si>
    <t>1091952.0</t>
  </si>
  <si>
    <t>864547.0</t>
  </si>
  <si>
    <t>222685.0</t>
  </si>
  <si>
    <t>778696701.0</t>
  </si>
  <si>
    <t>1748873.0</t>
  </si>
  <si>
    <t>2310.689</t>
  </si>
  <si>
    <t>2241109.0</t>
  </si>
  <si>
    <t>543817419.0</t>
  </si>
  <si>
    <t>249936344.0</t>
  </si>
  <si>
    <t>213653579.0</t>
  </si>
  <si>
    <t>90875699.0</t>
  </si>
  <si>
    <t>625589.0</t>
  </si>
  <si>
    <t>840369.0</t>
  </si>
  <si>
    <t>214960.0</t>
  </si>
  <si>
    <t>779841938.0</t>
  </si>
  <si>
    <t>2314.087</t>
  </si>
  <si>
    <t>2208311.0</t>
  </si>
  <si>
    <t>544151492.0</t>
  </si>
  <si>
    <t>250027227.0</t>
  </si>
  <si>
    <t>213718506.0</t>
  </si>
  <si>
    <t>91051618.0</t>
  </si>
  <si>
    <t>334073.0</t>
  </si>
  <si>
    <t>831870.0</t>
  </si>
  <si>
    <t>212857.0</t>
  </si>
  <si>
    <t>1041050.3</t>
  </si>
  <si>
    <t>3077.39141903209</t>
  </si>
  <si>
    <t>781403998.0</t>
  </si>
  <si>
    <t>1562060.0</t>
  </si>
  <si>
    <t>2318.723</t>
  </si>
  <si>
    <t>2183313.0</t>
  </si>
  <si>
    <t>544954864.0</t>
  </si>
  <si>
    <t>250229782.0</t>
  </si>
  <si>
    <t>213880764.0</t>
  </si>
  <si>
    <t>91486185.0</t>
  </si>
  <si>
    <t>803372.0</t>
  </si>
  <si>
    <t>827831.0</t>
  </si>
  <si>
    <t>164.14</t>
  </si>
  <si>
    <t>211209.0</t>
  </si>
  <si>
    <t>783349059.0</t>
  </si>
  <si>
    <t>1945061.0</t>
  </si>
  <si>
    <t>2324.494</t>
  </si>
  <si>
    <t>2090426.0</t>
  </si>
  <si>
    <t>545764934.0</t>
  </si>
  <si>
    <t>250432540.0</t>
  </si>
  <si>
    <t>214058408.0</t>
  </si>
  <si>
    <t>91912209.0</t>
  </si>
  <si>
    <t>810070.0</t>
  </si>
  <si>
    <t>799680.0</t>
  </si>
  <si>
    <t>204128.0</t>
  </si>
  <si>
    <t>785439617.0</t>
  </si>
  <si>
    <t>2090558.0</t>
  </si>
  <si>
    <t>2330.698</t>
  </si>
  <si>
    <t>1966331.0</t>
  </si>
  <si>
    <t>546564190.0</t>
  </si>
  <si>
    <t>250632079.0</t>
  </si>
  <si>
    <t>214239835.0</t>
  </si>
  <si>
    <t>92326932.0</t>
  </si>
  <si>
    <t>799256.0</t>
  </si>
  <si>
    <t>772737.0</t>
  </si>
  <si>
    <t>787485088.0</t>
  </si>
  <si>
    <t>2045471.0</t>
  </si>
  <si>
    <t>2336.767</t>
  </si>
  <si>
    <t>1859324.0</t>
  </si>
  <si>
    <t>547361139.0</t>
  </si>
  <si>
    <t>250829078.0</t>
  </si>
  <si>
    <t>214417425.0</t>
  </si>
  <si>
    <t>92744781.0</t>
  </si>
  <si>
    <t>796949.0</t>
  </si>
  <si>
    <t>751609.0</t>
  </si>
  <si>
    <t>164.86</t>
  </si>
  <si>
    <t>191295.0</t>
  </si>
  <si>
    <t>789372114.0</t>
  </si>
  <si>
    <t>1887026.0</t>
  </si>
  <si>
    <t>2342.367</t>
  </si>
  <si>
    <t>1774898.0</t>
  </si>
  <si>
    <t>548325029.0</t>
  </si>
  <si>
    <t>251058019.0</t>
  </si>
  <si>
    <t>214630890.0</t>
  </si>
  <si>
    <t>93258216.0</t>
  </si>
  <si>
    <t>963890.0</t>
  </si>
  <si>
    <t>733314.0</t>
  </si>
  <si>
    <t>790598136.0</t>
  </si>
  <si>
    <t>1226022.0</t>
  </si>
  <si>
    <t>2346.005</t>
  </si>
  <si>
    <t>1700205.0</t>
  </si>
  <si>
    <t>548799132.0</t>
  </si>
  <si>
    <t>251178266.0</t>
  </si>
  <si>
    <t>214744781.0</t>
  </si>
  <si>
    <t>93492215.0</t>
  </si>
  <si>
    <t>474103.0</t>
  </si>
  <si>
    <t>791361923.0</t>
  </si>
  <si>
    <t>763787.0</t>
  </si>
  <si>
    <t>2348.272</t>
  </si>
  <si>
    <t>1645712.0</t>
  </si>
  <si>
    <t>549066032.0</t>
  </si>
  <si>
    <t>251250206.0</t>
  </si>
  <si>
    <t>214812808.0</t>
  </si>
  <si>
    <t>93616138.0</t>
  </si>
  <si>
    <t>266900.0</t>
  </si>
  <si>
    <t>702077.0</t>
  </si>
  <si>
    <t>174711.0</t>
  </si>
  <si>
    <t>1063786.4</t>
  </si>
  <si>
    <t>3144.60035124435</t>
  </si>
  <si>
    <t>792609107.0</t>
  </si>
  <si>
    <t>1247184.0</t>
  </si>
  <si>
    <t>2351.972</t>
  </si>
  <si>
    <t>1600730.0</t>
  </si>
  <si>
    <t>549701769.0</t>
  </si>
  <si>
    <t>251409131.0</t>
  </si>
  <si>
    <t>214973245.0</t>
  </si>
  <si>
    <t>93928312.0</t>
  </si>
  <si>
    <t>635737.0</t>
  </si>
  <si>
    <t>678129.0</t>
  </si>
  <si>
    <t>168478.0</t>
  </si>
  <si>
    <t>794381865.0</t>
  </si>
  <si>
    <t>1772758.0</t>
  </si>
  <si>
    <t>2357.233</t>
  </si>
  <si>
    <t>1576115.0</t>
  </si>
  <si>
    <t>550323228.0</t>
  </si>
  <si>
    <t>251558068.0</t>
  </si>
  <si>
    <t>215135333.0</t>
  </si>
  <si>
    <t>94233170.0</t>
  </si>
  <si>
    <t>621459.0</t>
  </si>
  <si>
    <t>651185.0</t>
  </si>
  <si>
    <t>796274005.0</t>
  </si>
  <si>
    <t>1892140.0</t>
  </si>
  <si>
    <t>2362.848</t>
  </si>
  <si>
    <t>1547770.0</t>
  </si>
  <si>
    <t>550900975.0</t>
  </si>
  <si>
    <t>251702374.0</t>
  </si>
  <si>
    <t>215291888.0</t>
  </si>
  <si>
    <t>94506337.0</t>
  </si>
  <si>
    <t>577747.0</t>
  </si>
  <si>
    <t>619541.0</t>
  </si>
  <si>
    <t>152899.0</t>
  </si>
  <si>
    <t>797874731.0</t>
  </si>
  <si>
    <t>1600726.0</t>
  </si>
  <si>
    <t>2367.597</t>
  </si>
  <si>
    <t>1484235.0</t>
  </si>
  <si>
    <t>551426692.0</t>
  </si>
  <si>
    <t>251831435.0</t>
  </si>
  <si>
    <t>215433619.0</t>
  </si>
  <si>
    <t>94759126.0</t>
  </si>
  <si>
    <t>525717.0</t>
  </si>
  <si>
    <t>580793.0</t>
  </si>
  <si>
    <t>143194.0</t>
  </si>
  <si>
    <t>799357630.0</t>
  </si>
  <si>
    <t>1482899.0</t>
  </si>
  <si>
    <t>2371.998</t>
  </si>
  <si>
    <t>1426502.0</t>
  </si>
  <si>
    <t>552088884.0</t>
  </si>
  <si>
    <t>251984056.0</t>
  </si>
  <si>
    <t>215620065.0</t>
  </si>
  <si>
    <t>95077728.0</t>
  </si>
  <si>
    <t>662192.0</t>
  </si>
  <si>
    <t>537694.0</t>
  </si>
  <si>
    <t>132291.0</t>
  </si>
  <si>
    <t>800476134.0</t>
  </si>
  <si>
    <t>1118504.0</t>
  </si>
  <si>
    <t>2375.317</t>
  </si>
  <si>
    <t>1411143.0</t>
  </si>
  <si>
    <t>552531090.0</t>
  </si>
  <si>
    <t>252092944.0</t>
  </si>
  <si>
    <t>215754824.0</t>
  </si>
  <si>
    <t>95271292.0</t>
  </si>
  <si>
    <t>442206.0</t>
  </si>
  <si>
    <t>533137.0</t>
  </si>
  <si>
    <t>130668.0</t>
  </si>
  <si>
    <t>801109105.0</t>
  </si>
  <si>
    <t>632971.0</t>
  </si>
  <si>
    <t>2377.195</t>
  </si>
  <si>
    <t>1392455.0</t>
  </si>
  <si>
    <t>552746394.0</t>
  </si>
  <si>
    <t>252152072.0</t>
  </si>
  <si>
    <t>215816688.0</t>
  </si>
  <si>
    <t>95363141.0</t>
  </si>
  <si>
    <t>215304.0</t>
  </si>
  <si>
    <t>1082976.1</t>
  </si>
  <si>
    <t>3201.32596586047</t>
  </si>
  <si>
    <t>802360160.0</t>
  </si>
  <si>
    <t>1251055.0</t>
  </si>
  <si>
    <t>2380.907</t>
  </si>
  <si>
    <t>1393008.0</t>
  </si>
  <si>
    <t>553234680.0</t>
  </si>
  <si>
    <t>252280693.0</t>
  </si>
  <si>
    <t>215950675.0</t>
  </si>
  <si>
    <t>95584958.0</t>
  </si>
  <si>
    <t>488286.0</t>
  </si>
  <si>
    <t>504702.0</t>
  </si>
  <si>
    <t>124509.0</t>
  </si>
  <si>
    <t>804007683.0</t>
  </si>
  <si>
    <t>1647523.0</t>
  </si>
  <si>
    <t>2385.796</t>
  </si>
  <si>
    <t>1375117.0</t>
  </si>
  <si>
    <t>553741289.0</t>
  </si>
  <si>
    <t>252407185.0</t>
  </si>
  <si>
    <t>216097995.0</t>
  </si>
  <si>
    <t>95814473.0</t>
  </si>
  <si>
    <t>488294.0</t>
  </si>
  <si>
    <t>805569797.0</t>
  </si>
  <si>
    <t>1562114.0</t>
  </si>
  <si>
    <t>2390.432</t>
  </si>
  <si>
    <t>1327970.0</t>
  </si>
  <si>
    <t>554257654.0</t>
  </si>
  <si>
    <t>252537720.0</t>
  </si>
  <si>
    <t>216245259.0</t>
  </si>
  <si>
    <t>96049843.0</t>
  </si>
  <si>
    <t>166.94</t>
  </si>
  <si>
    <t>119335.0</t>
  </si>
  <si>
    <t>807040293.0</t>
  </si>
  <si>
    <t>1470496.0</t>
  </si>
  <si>
    <t>2394.795</t>
  </si>
  <si>
    <t>1309366.0</t>
  </si>
  <si>
    <t>554772108.0</t>
  </si>
  <si>
    <t>252666566.0</t>
  </si>
  <si>
    <t>216387001.0</t>
  </si>
  <si>
    <t>96290023.0</t>
  </si>
  <si>
    <t>514454.0</t>
  </si>
  <si>
    <t>477917.0</t>
  </si>
  <si>
    <t>119304.0</t>
  </si>
  <si>
    <t>808445919.0</t>
  </si>
  <si>
    <t>1405626.0</t>
  </si>
  <si>
    <t>2398.966</t>
  </si>
  <si>
    <t>1298327.0</t>
  </si>
  <si>
    <t>555401771.0</t>
  </si>
  <si>
    <t>252818387.0</t>
  </si>
  <si>
    <t>216563379.0</t>
  </si>
  <si>
    <t>96585267.0</t>
  </si>
  <si>
    <t>629663.0</t>
  </si>
  <si>
    <t>473270.0</t>
  </si>
  <si>
    <t>809333628.0</t>
  </si>
  <si>
    <t>887709.0</t>
  </si>
  <si>
    <t>2401.6</t>
  </si>
  <si>
    <t>1265356.0</t>
  </si>
  <si>
    <t>555751401.0</t>
  </si>
  <si>
    <t>252908822.0</t>
  </si>
  <si>
    <t>216667219.0</t>
  </si>
  <si>
    <t>96736296.0</t>
  </si>
  <si>
    <t>349630.0</t>
  </si>
  <si>
    <t>460044.0</t>
  </si>
  <si>
    <t>116554.0</t>
  </si>
  <si>
    <t>809833333.0</t>
  </si>
  <si>
    <t>499705.0</t>
  </si>
  <si>
    <t>2403.083</t>
  </si>
  <si>
    <t>1246318.0</t>
  </si>
  <si>
    <t>555906016.0</t>
  </si>
  <si>
    <t>252951748.0</t>
  </si>
  <si>
    <t>216714384.0</t>
  </si>
  <si>
    <t>96798508.0</t>
  </si>
  <si>
    <t>154615.0</t>
  </si>
  <si>
    <t>451375.0</t>
  </si>
  <si>
    <t>167.44</t>
  </si>
  <si>
    <t>1097933.0</t>
  </si>
  <si>
    <t>3245.5392336683</t>
  </si>
  <si>
    <t>810818134.0</t>
  </si>
  <si>
    <t>984801.0</t>
  </si>
  <si>
    <t>2406.005</t>
  </si>
  <si>
    <t>1208282.0</t>
  </si>
  <si>
    <t>556251400.0</t>
  </si>
  <si>
    <t>253040884.0</t>
  </si>
  <si>
    <t>216813372.0</t>
  </si>
  <si>
    <t>96953632.0</t>
  </si>
  <si>
    <t>345384.0</t>
  </si>
  <si>
    <t>430960.0</t>
  </si>
  <si>
    <t>108599.0</t>
  </si>
  <si>
    <t>812397574.0</t>
  </si>
  <si>
    <t>1579440.0</t>
  </si>
  <si>
    <t>2410.692</t>
  </si>
  <si>
    <t>1198556.0</t>
  </si>
  <si>
    <t>556657509.0</t>
  </si>
  <si>
    <t>253141983.0</t>
  </si>
  <si>
    <t>216930239.0</t>
  </si>
  <si>
    <t>97139263.0</t>
  </si>
  <si>
    <t>406109.0</t>
  </si>
  <si>
    <t>416603.0</t>
  </si>
  <si>
    <t>167.66</t>
  </si>
  <si>
    <t>814038641.0</t>
  </si>
  <si>
    <t>1641067.0</t>
  </si>
  <si>
    <t>2415.562</t>
  </si>
  <si>
    <t>1209835.0</t>
  </si>
  <si>
    <t>557076273.0</t>
  </si>
  <si>
    <t>253245518.0</t>
  </si>
  <si>
    <t>217048732.0</t>
  </si>
  <si>
    <t>97333584.0</t>
  </si>
  <si>
    <t>418764.0</t>
  </si>
  <si>
    <t>402660.0</t>
  </si>
  <si>
    <t>101114.0</t>
  </si>
  <si>
    <t>815558797.0</t>
  </si>
  <si>
    <t>1520156.0</t>
  </si>
  <si>
    <t>2420.073</t>
  </si>
  <si>
    <t>1216929.0</t>
  </si>
  <si>
    <t>557488237.0</t>
  </si>
  <si>
    <t>253345194.0</t>
  </si>
  <si>
    <t>217160043.0</t>
  </si>
  <si>
    <t>97530261.0</t>
  </si>
  <si>
    <t>411964.0</t>
  </si>
  <si>
    <t>96947.0</t>
  </si>
  <si>
    <t>816926605.0</t>
  </si>
  <si>
    <t>1367808.0</t>
  </si>
  <si>
    <t>2424.132</t>
  </si>
  <si>
    <t>1211527.0</t>
  </si>
  <si>
    <t>558019348.0</t>
  </si>
  <si>
    <t>253469460.0</t>
  </si>
  <si>
    <t>217304504.0</t>
  </si>
  <si>
    <t>97785958.0</t>
  </si>
  <si>
    <t>531111.0</t>
  </si>
  <si>
    <t>373940.0</t>
  </si>
  <si>
    <t>93010.0</t>
  </si>
  <si>
    <t>817825587.0</t>
  </si>
  <si>
    <t>898982.0</t>
  </si>
  <si>
    <t>2426.799</t>
  </si>
  <si>
    <t>1213137.0</t>
  </si>
  <si>
    <t>558304057.0</t>
  </si>
  <si>
    <t>253543940.0</t>
  </si>
  <si>
    <t>217383690.0</t>
  </si>
  <si>
    <t>97912455.0</t>
  </si>
  <si>
    <t>284709.0</t>
  </si>
  <si>
    <t>364665.0</t>
  </si>
  <si>
    <t>47651.0</t>
  </si>
  <si>
    <t>818285082.0</t>
  </si>
  <si>
    <t>459495.0</t>
  </si>
  <si>
    <t>2428.163</t>
  </si>
  <si>
    <t>1207393.0</t>
  </si>
  <si>
    <t>558459600.0</t>
  </si>
  <si>
    <t>253586241.0</t>
  </si>
  <si>
    <t>217426235.0</t>
  </si>
  <si>
    <t>97980165.0</t>
  </si>
  <si>
    <t>364798.0</t>
  </si>
  <si>
    <t>90642.0</t>
  </si>
  <si>
    <t>1106987.1</t>
  </si>
  <si>
    <t>3272.30355970236</t>
  </si>
  <si>
    <t>819001368.0</t>
  </si>
  <si>
    <t>716286.0</t>
  </si>
  <si>
    <t>2430.288</t>
  </si>
  <si>
    <t>1169033.0</t>
  </si>
  <si>
    <t>558779284.0</t>
  </si>
  <si>
    <t>253666218.0</t>
  </si>
  <si>
    <t>217514923.0</t>
  </si>
  <si>
    <t>98126306.0</t>
  </si>
  <si>
    <t>319684.0</t>
  </si>
  <si>
    <t>361126.0</t>
  </si>
  <si>
    <t>89333.0</t>
  </si>
  <si>
    <t>820224304.0</t>
  </si>
  <si>
    <t>1222936.0</t>
  </si>
  <si>
    <t>2433.917</t>
  </si>
  <si>
    <t>1118104.0</t>
  </si>
  <si>
    <t>559135736.0</t>
  </si>
  <si>
    <t>253757068.0</t>
  </si>
  <si>
    <t>217614745.0</t>
  </si>
  <si>
    <t>98288799.0</t>
  </si>
  <si>
    <t>354032.0</t>
  </si>
  <si>
    <t>87869.0</t>
  </si>
  <si>
    <t>821602495.0</t>
  </si>
  <si>
    <t>1378191.0</t>
  </si>
  <si>
    <t>2438.007</t>
  </si>
  <si>
    <t>1080551.0</t>
  </si>
  <si>
    <t>559482467.0</t>
  </si>
  <si>
    <t>253844701.0</t>
  </si>
  <si>
    <t>217708829.0</t>
  </si>
  <si>
    <t>98451128.0</t>
  </si>
  <si>
    <t>346731.0</t>
  </si>
  <si>
    <t>343742.0</t>
  </si>
  <si>
    <t>822839137.0</t>
  </si>
  <si>
    <t>1236642.0</t>
  </si>
  <si>
    <t>2441.676</t>
  </si>
  <si>
    <t>1040049.0</t>
  </si>
  <si>
    <t>559815115.0</t>
  </si>
  <si>
    <t>253927660.0</t>
  </si>
  <si>
    <t>217795205.0</t>
  </si>
  <si>
    <t>98611779.0</t>
  </si>
  <si>
    <t>332648.0</t>
  </si>
  <si>
    <t>332411.0</t>
  </si>
  <si>
    <t>83209.0</t>
  </si>
  <si>
    <t>823971491.0</t>
  </si>
  <si>
    <t>1132354.0</t>
  </si>
  <si>
    <t>2445.036</t>
  </si>
  <si>
    <t>1006412.0</t>
  </si>
  <si>
    <t>560212896.0</t>
  </si>
  <si>
    <t>254023674.0</t>
  </si>
  <si>
    <t>217901499.0</t>
  </si>
  <si>
    <t>98802038.0</t>
  </si>
  <si>
    <t>397781.0</t>
  </si>
  <si>
    <t>313364.0</t>
  </si>
  <si>
    <t>79173.0</t>
  </si>
  <si>
    <t>824675471.0</t>
  </si>
  <si>
    <t>703980.0</t>
  </si>
  <si>
    <t>2447.125</t>
  </si>
  <si>
    <t>978555.0</t>
  </si>
  <si>
    <t>560457902.0</t>
  </si>
  <si>
    <t>254088851.0</t>
  </si>
  <si>
    <t>217966569.0</t>
  </si>
  <si>
    <t>98912461.0</t>
  </si>
  <si>
    <t>307692.0</t>
  </si>
  <si>
    <t>77844.0</t>
  </si>
  <si>
    <t>825098976.0</t>
  </si>
  <si>
    <t>423505.0</t>
  </si>
  <si>
    <t>973413.0</t>
  </si>
  <si>
    <t>560582048.0</t>
  </si>
  <si>
    <t>254122836.0</t>
  </si>
  <si>
    <t>217998720.0</t>
  </si>
  <si>
    <t>98967910.0</t>
  </si>
  <si>
    <t>303207.0</t>
  </si>
  <si>
    <t>1111923.2</t>
  </si>
  <si>
    <t>3286.89489288145</t>
  </si>
  <si>
    <t>36982.0</t>
  </si>
  <si>
    <t>825994580.0</t>
  </si>
  <si>
    <t>895604.0</t>
  </si>
  <si>
    <t>2451.04</t>
  </si>
  <si>
    <t>999030.0</t>
  </si>
  <si>
    <t>560901076.0</t>
  </si>
  <si>
    <t>254199132.0</t>
  </si>
  <si>
    <t>218080436.0</t>
  </si>
  <si>
    <t>99124855.0</t>
  </si>
  <si>
    <t>319028.0</t>
  </si>
  <si>
    <t>303113.0</t>
  </si>
  <si>
    <t>827271976.0</t>
  </si>
  <si>
    <t>1277396.0</t>
  </si>
  <si>
    <t>2454.83</t>
  </si>
  <si>
    <t>1006810.0</t>
  </si>
  <si>
    <t>561184074.0</t>
  </si>
  <si>
    <t>254267661.0</t>
  </si>
  <si>
    <t>218154465.0</t>
  </si>
  <si>
    <t>99260479.0</t>
  </si>
  <si>
    <t>282998.0</t>
  </si>
  <si>
    <t>828517572.0</t>
  </si>
  <si>
    <t>1245596.0</t>
  </si>
  <si>
    <t>2458.526</t>
  </si>
  <si>
    <t>987868.0</t>
  </si>
  <si>
    <t>561445180.0</t>
  </si>
  <si>
    <t>254334200.0</t>
  </si>
  <si>
    <t>218226447.0</t>
  </si>
  <si>
    <t>99380202.0</t>
  </si>
  <si>
    <t>261106.0</t>
  </si>
  <si>
    <t>829726397.0</t>
  </si>
  <si>
    <t>1208825.0</t>
  </si>
  <si>
    <t>2462.113</t>
  </si>
  <si>
    <t>983894.0</t>
  </si>
  <si>
    <t>561702341.0</t>
  </si>
  <si>
    <t>254399143.0</t>
  </si>
  <si>
    <t>218296157.0</t>
  </si>
  <si>
    <t>99500160.0</t>
  </si>
  <si>
    <t>257161.0</t>
  </si>
  <si>
    <t>67355.0</t>
  </si>
  <si>
    <t>830796369.0</t>
  </si>
  <si>
    <t>1069972.0</t>
  </si>
  <si>
    <t>2465.289</t>
  </si>
  <si>
    <t>974983.0</t>
  </si>
  <si>
    <t>562024154.0</t>
  </si>
  <si>
    <t>254477516.0</t>
  </si>
  <si>
    <t>218385522.0</t>
  </si>
  <si>
    <t>99649554.0</t>
  </si>
  <si>
    <t>321813.0</t>
  </si>
  <si>
    <t>258751.0</t>
  </si>
  <si>
    <t>169.28</t>
  </si>
  <si>
    <t>831464823.0</t>
  </si>
  <si>
    <t>668454.0</t>
  </si>
  <si>
    <t>2467.272</t>
  </si>
  <si>
    <t>969907.0</t>
  </si>
  <si>
    <t>562207662.0</t>
  </si>
  <si>
    <t>254527027.0</t>
  </si>
  <si>
    <t>218437874.0</t>
  </si>
  <si>
    <t>99728028.0</t>
  </si>
  <si>
    <t>183508.0</t>
  </si>
  <si>
    <t>249966.0</t>
  </si>
  <si>
    <t>831820318.0</t>
  </si>
  <si>
    <t>355495.0</t>
  </si>
  <si>
    <t>2468.327</t>
  </si>
  <si>
    <t>960192.0</t>
  </si>
  <si>
    <t>562297452.0</t>
  </si>
  <si>
    <t>254553299.0</t>
  </si>
  <si>
    <t>218462766.0</t>
  </si>
  <si>
    <t>99764866.0</t>
  </si>
  <si>
    <t>245058.0</t>
  </si>
  <si>
    <t>61495.0</t>
  </si>
  <si>
    <t>1115539.3</t>
  </si>
  <si>
    <t>3297.58424680639</t>
  </si>
  <si>
    <t>832613626.0</t>
  </si>
  <si>
    <t>793308.0</t>
  </si>
  <si>
    <t>2470.681</t>
  </si>
  <si>
    <t>945578.0</t>
  </si>
  <si>
    <t>562511278.0</t>
  </si>
  <si>
    <t>254610297.0</t>
  </si>
  <si>
    <t>218518243.0</t>
  </si>
  <si>
    <t>99863705.0</t>
  </si>
  <si>
    <t>213826.0</t>
  </si>
  <si>
    <t>230029.0</t>
  </si>
  <si>
    <t>833822537.0</t>
  </si>
  <si>
    <t>1208911.0</t>
  </si>
  <si>
    <t>2474.268</t>
  </si>
  <si>
    <t>935794.0</t>
  </si>
  <si>
    <t>562728279.0</t>
  </si>
  <si>
    <t>254665390.0</t>
  </si>
  <si>
    <t>218577132.0</t>
  </si>
  <si>
    <t>99964283.0</t>
  </si>
  <si>
    <t>217001.0</t>
  </si>
  <si>
    <t>220601.0</t>
  </si>
  <si>
    <t>834962148.0</t>
  </si>
  <si>
    <t>1139611.0</t>
  </si>
  <si>
    <t>2477.65</t>
  </si>
  <si>
    <t>920654.0</t>
  </si>
  <si>
    <t>562944085.0</t>
  </si>
  <si>
    <t>254721321.0</t>
  </si>
  <si>
    <t>218636800.0</t>
  </si>
  <si>
    <t>100061886.0</t>
  </si>
  <si>
    <t>215806.0</t>
  </si>
  <si>
    <t>214129.0</t>
  </si>
  <si>
    <t>169.56</t>
  </si>
  <si>
    <t>835976902.0</t>
  </si>
  <si>
    <t>1014754.0</t>
  </si>
  <si>
    <t>2480.661</t>
  </si>
  <si>
    <t>892929.0</t>
  </si>
  <si>
    <t>563159832.0</t>
  </si>
  <si>
    <t>254776011.0</t>
  </si>
  <si>
    <t>218696737.0</t>
  </si>
  <si>
    <t>100160617.0</t>
  </si>
  <si>
    <t>215747.0</t>
  </si>
  <si>
    <t>836978185.0</t>
  </si>
  <si>
    <t>1001283.0</t>
  </si>
  <si>
    <t>2483.632</t>
  </si>
  <si>
    <t>563421989.0</t>
  </si>
  <si>
    <t>254840160.0</t>
  </si>
  <si>
    <t>218771054.0</t>
  </si>
  <si>
    <t>100280168.0</t>
  </si>
  <si>
    <t>262157.0</t>
  </si>
  <si>
    <t>199691.0</t>
  </si>
  <si>
    <t>51806.0</t>
  </si>
  <si>
    <t>837611294.0</t>
  </si>
  <si>
    <t>633109.0</t>
  </si>
  <si>
    <t>2485.511</t>
  </si>
  <si>
    <t>878067.0</t>
  </si>
  <si>
    <t>563565146.0</t>
  </si>
  <si>
    <t>254879434.0</t>
  </si>
  <si>
    <t>218812496.0</t>
  </si>
  <si>
    <t>100340094.0</t>
  </si>
  <si>
    <t>143157.0</t>
  </si>
  <si>
    <t>193926.0</t>
  </si>
  <si>
    <t>837963317.0</t>
  </si>
  <si>
    <t>352023.0</t>
  </si>
  <si>
    <t>2486.556</t>
  </si>
  <si>
    <t>877571.0</t>
  </si>
  <si>
    <t>563639864.0</t>
  </si>
  <si>
    <t>254901078.0</t>
  </si>
  <si>
    <t>218833517.0</t>
  </si>
  <si>
    <t>100370553.0</t>
  </si>
  <si>
    <t>191773.0</t>
  </si>
  <si>
    <t>169.77</t>
  </si>
  <si>
    <t>49683.0</t>
  </si>
  <si>
    <t>1116393.4</t>
  </si>
  <si>
    <t>3300.10900474651</t>
  </si>
  <si>
    <t>838758789.0</t>
  </si>
  <si>
    <t>795472.0</t>
  </si>
  <si>
    <t>2488.916</t>
  </si>
  <si>
    <t>877880.0</t>
  </si>
  <si>
    <t>563837469.0</t>
  </si>
  <si>
    <t>254952783.0</t>
  </si>
  <si>
    <t>218885316.0</t>
  </si>
  <si>
    <t>100461244.0</t>
  </si>
  <si>
    <t>839984557.0</t>
  </si>
  <si>
    <t>1225768.0</t>
  </si>
  <si>
    <t>2492.553</t>
  </si>
  <si>
    <t>880289.0</t>
  </si>
  <si>
    <t>564044489.0</t>
  </si>
  <si>
    <t>255005598.0</t>
  </si>
  <si>
    <t>218938376.0</t>
  </si>
  <si>
    <t>100558384.0</t>
  </si>
  <si>
    <t>188030.0</t>
  </si>
  <si>
    <t>841183223.0</t>
  </si>
  <si>
    <t>1198666.0</t>
  </si>
  <si>
    <t>2496.11</t>
  </si>
  <si>
    <t>888725.0</t>
  </si>
  <si>
    <t>564254840.0</t>
  </si>
  <si>
    <t>255060087.0</t>
  </si>
  <si>
    <t>218991258.0</t>
  </si>
  <si>
    <t>100657650.0</t>
  </si>
  <si>
    <t>187251.0</t>
  </si>
  <si>
    <t>842290190.0</t>
  </si>
  <si>
    <t>1106967.0</t>
  </si>
  <si>
    <t>2499.395</t>
  </si>
  <si>
    <t>901898.0</t>
  </si>
  <si>
    <t>564455102.0</t>
  </si>
  <si>
    <t>255110813.0</t>
  </si>
  <si>
    <t>219039913.0</t>
  </si>
  <si>
    <t>100754695.0</t>
  </si>
  <si>
    <t>200262.0</t>
  </si>
  <si>
    <t>170.01</t>
  </si>
  <si>
    <t>47829.0</t>
  </si>
  <si>
    <t>843300968.0</t>
  </si>
  <si>
    <t>1010778.0</t>
  </si>
  <si>
    <t>2502.394</t>
  </si>
  <si>
    <t>903255.0</t>
  </si>
  <si>
    <t>564710617.0</t>
  </si>
  <si>
    <t>255173718.0</t>
  </si>
  <si>
    <t>219102023.0</t>
  </si>
  <si>
    <t>100880147.0</t>
  </si>
  <si>
    <t>255515.0</t>
  </si>
  <si>
    <t>184090.0</t>
  </si>
  <si>
    <t>170.09</t>
  </si>
  <si>
    <t>843913936.0</t>
  </si>
  <si>
    <t>612968.0</t>
  </si>
  <si>
    <t>2504.213</t>
  </si>
  <si>
    <t>900377.0</t>
  </si>
  <si>
    <t>564856833.0</t>
  </si>
  <si>
    <t>255212843.0</t>
  </si>
  <si>
    <t>219139120.0</t>
  </si>
  <si>
    <t>100946594.0</t>
  </si>
  <si>
    <t>184527.0</t>
  </si>
  <si>
    <t>844268636.0</t>
  </si>
  <si>
    <t>354700.0</t>
  </si>
  <si>
    <t>2505.266</t>
  </si>
  <si>
    <t>900760.0</t>
  </si>
  <si>
    <t>564933274.0</t>
  </si>
  <si>
    <t>255235553.0</t>
  </si>
  <si>
    <t>219157030.0</t>
  </si>
  <si>
    <t>100980508.0</t>
  </si>
  <si>
    <t>76441.0</t>
  </si>
  <si>
    <t>184773.0</t>
  </si>
  <si>
    <t>170.16</t>
  </si>
  <si>
    <t>47782.0</t>
  </si>
  <si>
    <t>1116998.9</t>
  </si>
  <si>
    <t>3301.89888992711</t>
  </si>
  <si>
    <t>845046988.0</t>
  </si>
  <si>
    <t>778352.0</t>
  </si>
  <si>
    <t>2507.576</t>
  </si>
  <si>
    <t>565124038.0</t>
  </si>
  <si>
    <t>255287530.0</t>
  </si>
  <si>
    <t>219202219.0</t>
  </si>
  <si>
    <t>101070958.0</t>
  </si>
  <si>
    <t>190764.0</t>
  </si>
  <si>
    <t>183796.0</t>
  </si>
  <si>
    <t>846192404.0</t>
  </si>
  <si>
    <t>1145416.0</t>
  </si>
  <si>
    <t>2510.974</t>
  </si>
  <si>
    <t>886835.0</t>
  </si>
  <si>
    <t>565308744.0</t>
  </si>
  <si>
    <t>255335826.0</t>
  </si>
  <si>
    <t>219246363.0</t>
  </si>
  <si>
    <t>101160505.0</t>
  </si>
  <si>
    <t>184706.0</t>
  </si>
  <si>
    <t>180608.0</t>
  </si>
  <si>
    <t>847300512.0</t>
  </si>
  <si>
    <t>1108108.0</t>
  </si>
  <si>
    <t>2514.263</t>
  </si>
  <si>
    <t>873898.0</t>
  </si>
  <si>
    <t>565503561.0</t>
  </si>
  <si>
    <t>255388315.0</t>
  </si>
  <si>
    <t>219293249.0</t>
  </si>
  <si>
    <t>101253101.0</t>
  </si>
  <si>
    <t>194817.0</t>
  </si>
  <si>
    <t>178389.0</t>
  </si>
  <si>
    <t>848291349.0</t>
  </si>
  <si>
    <t>990837.0</t>
  </si>
  <si>
    <t>2517.203</t>
  </si>
  <si>
    <t>857308.0</t>
  </si>
  <si>
    <t>565694251.0</t>
  </si>
  <si>
    <t>255441332.0</t>
  </si>
  <si>
    <t>219336755.0</t>
  </si>
  <si>
    <t>101344326.0</t>
  </si>
  <si>
    <t>190690.0</t>
  </si>
  <si>
    <t>177021.0</t>
  </si>
  <si>
    <t>849262770.0</t>
  </si>
  <si>
    <t>971421.0</t>
  </si>
  <si>
    <t>2520.085</t>
  </si>
  <si>
    <t>851686.0</t>
  </si>
  <si>
    <t>565928631.0</t>
  </si>
  <si>
    <t>255503371.0</t>
  </si>
  <si>
    <t>219392415.0</t>
  </si>
  <si>
    <t>101456550.0</t>
  </si>
  <si>
    <t>849891566.0</t>
  </si>
  <si>
    <t>628796.0</t>
  </si>
  <si>
    <t>2521.951</t>
  </si>
  <si>
    <t>853947.0</t>
  </si>
  <si>
    <t>566053426.0</t>
  </si>
  <si>
    <t>255537555.0</t>
  </si>
  <si>
    <t>219422912.0</t>
  </si>
  <si>
    <t>101513523.0</t>
  </si>
  <si>
    <t>124795.0</t>
  </si>
  <si>
    <t>170942.0</t>
  </si>
  <si>
    <t>850227637.0</t>
  </si>
  <si>
    <t>336071.0</t>
  </si>
  <si>
    <t>2522.948</t>
  </si>
  <si>
    <t>851286.0</t>
  </si>
  <si>
    <t>566118047.0</t>
  </si>
  <si>
    <t>255555599.0</t>
  </si>
  <si>
    <t>219437965.0</t>
  </si>
  <si>
    <t>101543413.0</t>
  </si>
  <si>
    <t>45721.0</t>
  </si>
  <si>
    <t>1115975.8</t>
  </si>
  <si>
    <t>3298.87456040065</t>
  </si>
  <si>
    <t>850934608.0</t>
  </si>
  <si>
    <t>706971.0</t>
  </si>
  <si>
    <t>2525.046</t>
  </si>
  <si>
    <t>841089.0</t>
  </si>
  <si>
    <t>566292426.0</t>
  </si>
  <si>
    <t>255605967.0</t>
  </si>
  <si>
    <t>219476582.0</t>
  </si>
  <si>
    <t>101625889.0</t>
  </si>
  <si>
    <t>174379.0</t>
  </si>
  <si>
    <t>166913.0</t>
  </si>
  <si>
    <t>851988727.0</t>
  </si>
  <si>
    <t>1054119.0</t>
  </si>
  <si>
    <t>2528.174</t>
  </si>
  <si>
    <t>828046.0</t>
  </si>
  <si>
    <t>566491377.0</t>
  </si>
  <si>
    <t>255652601.0</t>
  </si>
  <si>
    <t>219516777.0</t>
  </si>
  <si>
    <t>101734671.0</t>
  </si>
  <si>
    <t>198951.0</t>
  </si>
  <si>
    <t>168948.0</t>
  </si>
  <si>
    <t>170.63</t>
  </si>
  <si>
    <t>45254.0</t>
  </si>
  <si>
    <t>853046155.0</t>
  </si>
  <si>
    <t>1057428.0</t>
  </si>
  <si>
    <t>2531.312</t>
  </si>
  <si>
    <t>820806.0</t>
  </si>
  <si>
    <t>566895374.0</t>
  </si>
  <si>
    <t>255712854.0</t>
  </si>
  <si>
    <t>219574951.0</t>
  </si>
  <si>
    <t>102011945.0</t>
  </si>
  <si>
    <t>403997.0</t>
  </si>
  <si>
    <t>198830.0</t>
  </si>
  <si>
    <t>853999907.0</t>
  </si>
  <si>
    <t>953752.0</t>
  </si>
  <si>
    <t>2534.142</t>
  </si>
  <si>
    <t>815508.0</t>
  </si>
  <si>
    <t>567453514.0</t>
  </si>
  <si>
    <t>255788358.0</t>
  </si>
  <si>
    <t>219641625.0</t>
  </si>
  <si>
    <t>102416163.0</t>
  </si>
  <si>
    <t>558140.0</t>
  </si>
  <si>
    <t>49575.0</t>
  </si>
  <si>
    <t>854916071.0</t>
  </si>
  <si>
    <t>916164.0</t>
  </si>
  <si>
    <t>2536.861</t>
  </si>
  <si>
    <t>807614.0</t>
  </si>
  <si>
    <t>568117480.0</t>
  </si>
  <si>
    <t>255867415.0</t>
  </si>
  <si>
    <t>219722475.0</t>
  </si>
  <si>
    <t>102903333.0</t>
  </si>
  <si>
    <t>663966.0</t>
  </si>
  <si>
    <t>312693.0</t>
  </si>
  <si>
    <t>855512914.0</t>
  </si>
  <si>
    <t>596843.0</t>
  </si>
  <si>
    <t>2538.632</t>
  </si>
  <si>
    <t>803050.0</t>
  </si>
  <si>
    <t>568464495.0</t>
  </si>
  <si>
    <t>255912795.0</t>
  </si>
  <si>
    <t>219767132.0</t>
  </si>
  <si>
    <t>103151246.0</t>
  </si>
  <si>
    <t>347015.0</t>
  </si>
  <si>
    <t>344438.0</t>
  </si>
  <si>
    <t>855828869.0</t>
  </si>
  <si>
    <t>2539.569</t>
  </si>
  <si>
    <t>800176.0</t>
  </si>
  <si>
    <t>568675106.0</t>
  </si>
  <si>
    <t>255941465.0</t>
  </si>
  <si>
    <t>219793179.0</t>
  </si>
  <si>
    <t>103301661.0</t>
  </si>
  <si>
    <t>365294.0</t>
  </si>
  <si>
    <t>55124.0</t>
  </si>
  <si>
    <t>1115156.9</t>
  </si>
  <si>
    <t>3296.45385524064</t>
  </si>
  <si>
    <t>856524470.0</t>
  </si>
  <si>
    <t>695601.0</t>
  </si>
  <si>
    <t>2541.634</t>
  </si>
  <si>
    <t>798552.0</t>
  </si>
  <si>
    <t>569237702.0</t>
  </si>
  <si>
    <t>256011313.0</t>
  </si>
  <si>
    <t>219855582.0</t>
  </si>
  <si>
    <t>103720679.0</t>
  </si>
  <si>
    <t>420754.0</t>
  </si>
  <si>
    <t>857599944.0</t>
  </si>
  <si>
    <t>1075474.0</t>
  </si>
  <si>
    <t>2544.825</t>
  </si>
  <si>
    <t>801602.0</t>
  </si>
  <si>
    <t>569795768.0</t>
  </si>
  <si>
    <t>256074621.0</t>
  </si>
  <si>
    <t>219917612.0</t>
  </si>
  <si>
    <t>104142273.0</t>
  </si>
  <si>
    <t>558066.0</t>
  </si>
  <si>
    <t>472056.0</t>
  </si>
  <si>
    <t>60289.0</t>
  </si>
  <si>
    <t>858598868.0</t>
  </si>
  <si>
    <t>998924.0</t>
  </si>
  <si>
    <t>2547.789</t>
  </si>
  <si>
    <t>793245.0</t>
  </si>
  <si>
    <t>570376173.0</t>
  </si>
  <si>
    <t>256139657.0</t>
  </si>
  <si>
    <t>219982531.0</t>
  </si>
  <si>
    <t>104581066.0</t>
  </si>
  <si>
    <t>580405.0</t>
  </si>
  <si>
    <t>859539556.0</t>
  </si>
  <si>
    <t>940688.0</t>
  </si>
  <si>
    <t>2550.58</t>
  </si>
  <si>
    <t>791378.0</t>
  </si>
  <si>
    <t>570962564.0</t>
  </si>
  <si>
    <t>256204398.0</t>
  </si>
  <si>
    <t>220045988.0</t>
  </si>
  <si>
    <t>105027035.0</t>
  </si>
  <si>
    <t>586391.0</t>
  </si>
  <si>
    <t>501293.0</t>
  </si>
  <si>
    <t>59434.0</t>
  </si>
  <si>
    <t>860455560.0</t>
  </si>
  <si>
    <t>916004.0</t>
  </si>
  <si>
    <t>2553.299</t>
  </si>
  <si>
    <t>791356.0</t>
  </si>
  <si>
    <t>571640126.0</t>
  </si>
  <si>
    <t>256276958.0</t>
  </si>
  <si>
    <t>220121585.0</t>
  </si>
  <si>
    <t>105540435.0</t>
  </si>
  <si>
    <t>677562.0</t>
  </si>
  <si>
    <t>503235.0</t>
  </si>
  <si>
    <t>861049283.0</t>
  </si>
  <si>
    <t>593723.0</t>
  </si>
  <si>
    <t>2555.06</t>
  </si>
  <si>
    <t>790910.0</t>
  </si>
  <si>
    <t>571980173.0</t>
  </si>
  <si>
    <t>256320705.0</t>
  </si>
  <si>
    <t>220164193.0</t>
  </si>
  <si>
    <t>105785305.0</t>
  </si>
  <si>
    <t>340047.0</t>
  </si>
  <si>
    <t>502240.0</t>
  </si>
  <si>
    <t>861365940.0</t>
  </si>
  <si>
    <t>316657.0</t>
  </si>
  <si>
    <t>791010.0</t>
  </si>
  <si>
    <t>572177779.0</t>
  </si>
  <si>
    <t>256348041.0</t>
  </si>
  <si>
    <t>220188951.0</t>
  </si>
  <si>
    <t>105925471.0</t>
  </si>
  <si>
    <t>500382.0</t>
  </si>
  <si>
    <t>1114177.0</t>
  </si>
  <si>
    <t>3293.55722685341</t>
  </si>
  <si>
    <t>862048879.0</t>
  </si>
  <si>
    <t>682939.0</t>
  </si>
  <si>
    <t>2558.027</t>
  </si>
  <si>
    <t>789201.0</t>
  </si>
  <si>
    <t>572761036.0</t>
  </si>
  <si>
    <t>256411945.0</t>
  </si>
  <si>
    <t>220251279.0</t>
  </si>
  <si>
    <t>106370586.0</t>
  </si>
  <si>
    <t>583257.0</t>
  </si>
  <si>
    <t>503333.0</t>
  </si>
  <si>
    <t>863013627.0</t>
  </si>
  <si>
    <t>964748.0</t>
  </si>
  <si>
    <t>2560.889</t>
  </si>
  <si>
    <t>773383.0</t>
  </si>
  <si>
    <t>573378959.0</t>
  </si>
  <si>
    <t>256477077.0</t>
  </si>
  <si>
    <t>220315211.0</t>
  </si>
  <si>
    <t>106846454.0</t>
  </si>
  <si>
    <t>617923.0</t>
  </si>
  <si>
    <t>511884.0</t>
  </si>
  <si>
    <t>57494.0</t>
  </si>
  <si>
    <t>863930194.0</t>
  </si>
  <si>
    <t>916567.0</t>
  </si>
  <si>
    <t>2563.609</t>
  </si>
  <si>
    <t>761618.0</t>
  </si>
  <si>
    <t>573964700.0</t>
  </si>
  <si>
    <t>256542864.0</t>
  </si>
  <si>
    <t>220377825.0</t>
  </si>
  <si>
    <t>107291113.0</t>
  </si>
  <si>
    <t>585741.0</t>
  </si>
  <si>
    <t>512647.0</t>
  </si>
  <si>
    <t>864753184.0</t>
  </si>
  <si>
    <t>822990.0</t>
  </si>
  <si>
    <t>2566.051</t>
  </si>
  <si>
    <t>744804.0</t>
  </si>
  <si>
    <t>574557278.0</t>
  </si>
  <si>
    <t>256609366.0</t>
  </si>
  <si>
    <t>220440529.0</t>
  </si>
  <si>
    <t>107740652.0</t>
  </si>
  <si>
    <t>592578.0</t>
  </si>
  <si>
    <t>513531.0</t>
  </si>
  <si>
    <t>57853.0</t>
  </si>
  <si>
    <t>865461393.0</t>
  </si>
  <si>
    <t>708209.0</t>
  </si>
  <si>
    <t>2568.153</t>
  </si>
  <si>
    <t>715119.0</t>
  </si>
  <si>
    <t>575128734.0</t>
  </si>
  <si>
    <t>256676387.0</t>
  </si>
  <si>
    <t>220505454.0</t>
  </si>
  <si>
    <t>108164875.0</t>
  </si>
  <si>
    <t>571456.0</t>
  </si>
  <si>
    <t>498373.0</t>
  </si>
  <si>
    <t>865920124.0</t>
  </si>
  <si>
    <t>2569.514</t>
  </si>
  <si>
    <t>575390140.0</t>
  </si>
  <si>
    <t>256713192.0</t>
  </si>
  <si>
    <t>220538778.0</t>
  </si>
  <si>
    <t>108348699.0</t>
  </si>
  <si>
    <t>261406.0</t>
  </si>
  <si>
    <t>487138.0</t>
  </si>
  <si>
    <t>173.31</t>
  </si>
  <si>
    <t>866188819.0</t>
  </si>
  <si>
    <t>268695.0</t>
  </si>
  <si>
    <t>2570.311</t>
  </si>
  <si>
    <t>688983.0</t>
  </si>
  <si>
    <t>575449919.0</t>
  </si>
  <si>
    <t>256724987.0</t>
  </si>
  <si>
    <t>220547117.0</t>
  </si>
  <si>
    <t>108386718.0</t>
  </si>
  <si>
    <t>467449.0</t>
  </si>
  <si>
    <t>1113627.5</t>
  </si>
  <si>
    <t>3291.93288018663</t>
  </si>
  <si>
    <t>866753495.0</t>
  </si>
  <si>
    <t>2571.987</t>
  </si>
  <si>
    <t>672088.0</t>
  </si>
  <si>
    <t>575966556.0</t>
  </si>
  <si>
    <t>256784329.0</t>
  </si>
  <si>
    <t>220604019.0</t>
  </si>
  <si>
    <t>108775558.0</t>
  </si>
  <si>
    <t>516637.0</t>
  </si>
  <si>
    <t>457931.0</t>
  </si>
  <si>
    <t>867560644.0</t>
  </si>
  <si>
    <t>807149.0</t>
  </si>
  <si>
    <t>2574.382</t>
  </si>
  <si>
    <t>649574.0</t>
  </si>
  <si>
    <t>576511316.0</t>
  </si>
  <si>
    <t>256845687.0</t>
  </si>
  <si>
    <t>220661322.0</t>
  </si>
  <si>
    <t>109189065.0</t>
  </si>
  <si>
    <t>544760.0</t>
  </si>
  <si>
    <t>447480.0</t>
  </si>
  <si>
    <t>868386612.0</t>
  </si>
  <si>
    <t>825968.0</t>
  </si>
  <si>
    <t>2576.833</t>
  </si>
  <si>
    <t>636631.0</t>
  </si>
  <si>
    <t>577051146.0</t>
  </si>
  <si>
    <t>256906513.0</t>
  </si>
  <si>
    <t>220719419.0</t>
  </si>
  <si>
    <t>109597323.0</t>
  </si>
  <si>
    <t>539830.0</t>
  </si>
  <si>
    <t>869162583.0</t>
  </si>
  <si>
    <t>775971.0</t>
  </si>
  <si>
    <t>2579.136</t>
  </si>
  <si>
    <t>629914.0</t>
  </si>
  <si>
    <t>577559838.0</t>
  </si>
  <si>
    <t>256965019.0</t>
  </si>
  <si>
    <t>220775278.0</t>
  </si>
  <si>
    <t>109979626.0</t>
  </si>
  <si>
    <t>508692.0</t>
  </si>
  <si>
    <t>869925154.0</t>
  </si>
  <si>
    <t>762571.0</t>
  </si>
  <si>
    <t>2581.398</t>
  </si>
  <si>
    <t>637680.0</t>
  </si>
  <si>
    <t>578059027.0</t>
  </si>
  <si>
    <t>257022042.0</t>
  </si>
  <si>
    <t>220831887.0</t>
  </si>
  <si>
    <t>110352087.0</t>
  </si>
  <si>
    <t>418613.0</t>
  </si>
  <si>
    <t>49379.0</t>
  </si>
  <si>
    <t>870428468.0</t>
  </si>
  <si>
    <t>503314.0</t>
  </si>
  <si>
    <t>2582.892</t>
  </si>
  <si>
    <t>644049.0</t>
  </si>
  <si>
    <t>578321413.0</t>
  </si>
  <si>
    <t>257059014.0</t>
  </si>
  <si>
    <t>220865424.0</t>
  </si>
  <si>
    <t>110535617.0</t>
  </si>
  <si>
    <t>262386.0</t>
  </si>
  <si>
    <t>418753.0</t>
  </si>
  <si>
    <t>174.19</t>
  </si>
  <si>
    <t>870719049.0</t>
  </si>
  <si>
    <t>2583.754</t>
  </si>
  <si>
    <t>647176.0</t>
  </si>
  <si>
    <t>578456279.0</t>
  </si>
  <si>
    <t>257079863.0</t>
  </si>
  <si>
    <t>220883434.0</t>
  </si>
  <si>
    <t>110626761.0</t>
  </si>
  <si>
    <t>134866.0</t>
  </si>
  <si>
    <t>429480.0</t>
  </si>
  <si>
    <t>174.23</t>
  </si>
  <si>
    <t>50697.0</t>
  </si>
  <si>
    <t>1113143.8</t>
  </si>
  <si>
    <t>3290.50304127358</t>
  </si>
  <si>
    <t>871461991.0</t>
  </si>
  <si>
    <t>742942.0</t>
  </si>
  <si>
    <t>2585.959</t>
  </si>
  <si>
    <t>672642.0</t>
  </si>
  <si>
    <t>578886851.0</t>
  </si>
  <si>
    <t>257130340.0</t>
  </si>
  <si>
    <t>220932736.0</t>
  </si>
  <si>
    <t>110947043.0</t>
  </si>
  <si>
    <t>430572.0</t>
  </si>
  <si>
    <t>417185.0</t>
  </si>
  <si>
    <t>872601590.0</t>
  </si>
  <si>
    <t>1139599.0</t>
  </si>
  <si>
    <t>2589.34</t>
  </si>
  <si>
    <t>720135.0</t>
  </si>
  <si>
    <t>579346153.0</t>
  </si>
  <si>
    <t>257182820.0</t>
  </si>
  <si>
    <t>220982552.0</t>
  </si>
  <si>
    <t>111292373.0</t>
  </si>
  <si>
    <t>459302.0</t>
  </si>
  <si>
    <t>404977.0</t>
  </si>
  <si>
    <t>48162.0</t>
  </si>
  <si>
    <t>873689637.0</t>
  </si>
  <si>
    <t>1088047.0</t>
  </si>
  <si>
    <t>2592.569</t>
  </si>
  <si>
    <t>757575.0</t>
  </si>
  <si>
    <t>579824301.0</t>
  </si>
  <si>
    <t>257237288.0</t>
  </si>
  <si>
    <t>221034746.0</t>
  </si>
  <si>
    <t>111650944.0</t>
  </si>
  <si>
    <t>396165.0</t>
  </si>
  <si>
    <t>874693491.0</t>
  </si>
  <si>
    <t>1003854.0</t>
  </si>
  <si>
    <t>2595.548</t>
  </si>
  <si>
    <t>790130.0</t>
  </si>
  <si>
    <t>580306980.0</t>
  </si>
  <si>
    <t>257292420.0</t>
  </si>
  <si>
    <t>221088218.0</t>
  </si>
  <si>
    <t>112009938.0</t>
  </si>
  <si>
    <t>482679.0</t>
  </si>
  <si>
    <t>392449.0</t>
  </si>
  <si>
    <t>174.79</t>
  </si>
  <si>
    <t>875679222.0</t>
  </si>
  <si>
    <t>985731.0</t>
  </si>
  <si>
    <t>2598.473</t>
  </si>
  <si>
    <t>822010.0</t>
  </si>
  <si>
    <t>580821753.0</t>
  </si>
  <si>
    <t>257351085.0</t>
  </si>
  <si>
    <t>221147556.0</t>
  </si>
  <si>
    <t>112389670.0</t>
  </si>
  <si>
    <t>514773.0</t>
  </si>
  <si>
    <t>394675.0</t>
  </si>
  <si>
    <t>876293599.0</t>
  </si>
  <si>
    <t>614377.0</t>
  </si>
  <si>
    <t>2600.296</t>
  </si>
  <si>
    <t>837876.0</t>
  </si>
  <si>
    <t>581065508.0</t>
  </si>
  <si>
    <t>257385256.0</t>
  </si>
  <si>
    <t>221179225.0</t>
  </si>
  <si>
    <t>112557141.0</t>
  </si>
  <si>
    <t>243755.0</t>
  </si>
  <si>
    <t>392014.0</t>
  </si>
  <si>
    <t>876624513.0</t>
  </si>
  <si>
    <t>330914.0</t>
  </si>
  <si>
    <t>2601.278</t>
  </si>
  <si>
    <t>843638.0</t>
  </si>
  <si>
    <t>581200129.0</t>
  </si>
  <si>
    <t>257405884.0</t>
  </si>
  <si>
    <t>221196769.0</t>
  </si>
  <si>
    <t>112645951.0</t>
  </si>
  <si>
    <t>134621.0</t>
  </si>
  <si>
    <t>391979.0</t>
  </si>
  <si>
    <t>1113872.9</t>
  </si>
  <si>
    <t>3292.65829360252</t>
  </si>
  <si>
    <t>877290973.0</t>
  </si>
  <si>
    <t>2603.256</t>
  </si>
  <si>
    <t>832712.0</t>
  </si>
  <si>
    <t>581595141.0</t>
  </si>
  <si>
    <t>257453944.0</t>
  </si>
  <si>
    <t>221241896.0</t>
  </si>
  <si>
    <t>112935658.0</t>
  </si>
  <si>
    <t>395012.0</t>
  </si>
  <si>
    <t>386899.0</t>
  </si>
  <si>
    <t>878305681.0</t>
  </si>
  <si>
    <t>1014708.0</t>
  </si>
  <si>
    <t>2606.267</t>
  </si>
  <si>
    <t>814870.0</t>
  </si>
  <si>
    <t>582018278.0</t>
  </si>
  <si>
    <t>257504224.0</t>
  </si>
  <si>
    <t>221289224.0</t>
  </si>
  <si>
    <t>113248304.0</t>
  </si>
  <si>
    <t>423137.0</t>
  </si>
  <si>
    <t>381732.0</t>
  </si>
  <si>
    <t>879306997.0</t>
  </si>
  <si>
    <t>1001316.0</t>
  </si>
  <si>
    <t>2609.238</t>
  </si>
  <si>
    <t>802480.0</t>
  </si>
  <si>
    <t>582438148.0</t>
  </si>
  <si>
    <t>257554718.0</t>
  </si>
  <si>
    <t>221336422.0</t>
  </si>
  <si>
    <t>113556992.0</t>
  </si>
  <si>
    <t>419870.0</t>
  </si>
  <si>
    <t>373407.0</t>
  </si>
  <si>
    <t>880271413.0</t>
  </si>
  <si>
    <t>964416.0</t>
  </si>
  <si>
    <t>2612.1</t>
  </si>
  <si>
    <t>582852832.0</t>
  </si>
  <si>
    <t>257604242.0</t>
  </si>
  <si>
    <t>221384016.0</t>
  </si>
  <si>
    <t>113861235.0</t>
  </si>
  <si>
    <t>414684.0</t>
  </si>
  <si>
    <t>363693.0</t>
  </si>
  <si>
    <t>881217473.0</t>
  </si>
  <si>
    <t>946060.0</t>
  </si>
  <si>
    <t>2614.907</t>
  </si>
  <si>
    <t>791179.0</t>
  </si>
  <si>
    <t>583310864.0</t>
  </si>
  <si>
    <t>257658802.0</t>
  </si>
  <si>
    <t>221438237.0</t>
  </si>
  <si>
    <t>114194056.0</t>
  </si>
  <si>
    <t>458032.0</t>
  </si>
  <si>
    <t>355587.0</t>
  </si>
  <si>
    <t>881873121.0</t>
  </si>
  <si>
    <t>655648.0</t>
  </si>
  <si>
    <t>2616.853</t>
  </si>
  <si>
    <t>797075.0</t>
  </si>
  <si>
    <t>583519127.0</t>
  </si>
  <si>
    <t>257689049.0</t>
  </si>
  <si>
    <t>221465960.0</t>
  </si>
  <si>
    <t>114334901.0</t>
  </si>
  <si>
    <t>350517.0</t>
  </si>
  <si>
    <t>882229421.0</t>
  </si>
  <si>
    <t>356300.0</t>
  </si>
  <si>
    <t>2617.91</t>
  </si>
  <si>
    <t>800701.0</t>
  </si>
  <si>
    <t>583610760.0</t>
  </si>
  <si>
    <t>257704969.0</t>
  </si>
  <si>
    <t>221477757.0</t>
  </si>
  <si>
    <t>114393995.0</t>
  </si>
  <si>
    <t>91633.0</t>
  </si>
  <si>
    <t>344376.0</t>
  </si>
  <si>
    <t>1114779.4</t>
  </si>
  <si>
    <t>3295.33794829485</t>
  </si>
  <si>
    <t>882951177.0</t>
  </si>
  <si>
    <t>721756.0</t>
  </si>
  <si>
    <t>2620.052</t>
  </si>
  <si>
    <t>808601.0</t>
  </si>
  <si>
    <t>584003208.0</t>
  </si>
  <si>
    <t>257752439.0</t>
  </si>
  <si>
    <t>221522666.0</t>
  </si>
  <si>
    <t>114680600.0</t>
  </si>
  <si>
    <t>392448.0</t>
  </si>
  <si>
    <t>344010.0</t>
  </si>
  <si>
    <t>884059619.0</t>
  </si>
  <si>
    <t>1108442.0</t>
  </si>
  <si>
    <t>2623.341</t>
  </si>
  <si>
    <t>821991.0</t>
  </si>
  <si>
    <t>584427876.0</t>
  </si>
  <si>
    <t>257803613.0</t>
  </si>
  <si>
    <t>221569187.0</t>
  </si>
  <si>
    <t>114992996.0</t>
  </si>
  <si>
    <t>424668.0</t>
  </si>
  <si>
    <t>344228.0</t>
  </si>
  <si>
    <t>885172858.0</t>
  </si>
  <si>
    <t>1113239.0</t>
  </si>
  <si>
    <t>2626.644</t>
  </si>
  <si>
    <t>837980.0</t>
  </si>
  <si>
    <t>584854331.0</t>
  </si>
  <si>
    <t>257854652.0</t>
  </si>
  <si>
    <t>221616446.0</t>
  </si>
  <si>
    <t>115305736.0</t>
  </si>
  <si>
    <t>345169.0</t>
  </si>
  <si>
    <t>51.284</t>
  </si>
  <si>
    <t>886196315.0</t>
  </si>
  <si>
    <t>1023457.0</t>
  </si>
  <si>
    <t>2629.681</t>
  </si>
  <si>
    <t>846415.0</t>
  </si>
  <si>
    <t>585290848.0</t>
  </si>
  <si>
    <t>257905602.0</t>
  </si>
  <si>
    <t>221664444.0</t>
  </si>
  <si>
    <t>115626737.0</t>
  </si>
  <si>
    <t>436517.0</t>
  </si>
  <si>
    <t>348288.0</t>
  </si>
  <si>
    <t>43051.0</t>
  </si>
  <si>
    <t>887147252.0</t>
  </si>
  <si>
    <t>950937.0</t>
  </si>
  <si>
    <t>2632.503</t>
  </si>
  <si>
    <t>847111.0</t>
  </si>
  <si>
    <t>585766630.0</t>
  </si>
  <si>
    <t>257962991.0</t>
  </si>
  <si>
    <t>221716978.0</t>
  </si>
  <si>
    <t>115972795.0</t>
  </si>
  <si>
    <t>475782.0</t>
  </si>
  <si>
    <t>350824.0</t>
  </si>
  <si>
    <t>176.43</t>
  </si>
  <si>
    <t>43456.0</t>
  </si>
  <si>
    <t>887842502.0</t>
  </si>
  <si>
    <t>695250.0</t>
  </si>
  <si>
    <t>2634.566</t>
  </si>
  <si>
    <t>852769.0</t>
  </si>
  <si>
    <t>586006968.0</t>
  </si>
  <si>
    <t>257996371.0</t>
  </si>
  <si>
    <t>221746916.0</t>
  </si>
  <si>
    <t>116137454.0</t>
  </si>
  <si>
    <t>240338.0</t>
  </si>
  <si>
    <t>355406.0</t>
  </si>
  <si>
    <t>888220872.0</t>
  </si>
  <si>
    <t>2635.689</t>
  </si>
  <si>
    <t>855922.0</t>
  </si>
  <si>
    <t>586139008.0</t>
  </si>
  <si>
    <t>258016584.0</t>
  </si>
  <si>
    <t>221763978.0</t>
  </si>
  <si>
    <t>116223640.0</t>
  </si>
  <si>
    <t>132040.0</t>
  </si>
  <si>
    <t>361178.0</t>
  </si>
  <si>
    <t>1116918.3</t>
  </si>
  <si>
    <t>3301.66063270901</t>
  </si>
  <si>
    <t>888998375.0</t>
  </si>
  <si>
    <t>777503.0</t>
  </si>
  <si>
    <t>2637.996</t>
  </si>
  <si>
    <t>863885.0</t>
  </si>
  <si>
    <t>586528590.0</t>
  </si>
  <si>
    <t>258066556.0</t>
  </si>
  <si>
    <t>221807879.0</t>
  </si>
  <si>
    <t>116503970.0</t>
  </si>
  <si>
    <t>389582.0</t>
  </si>
  <si>
    <t>360769.0</t>
  </si>
  <si>
    <t>890124308.0</t>
  </si>
  <si>
    <t>1125933.0</t>
  </si>
  <si>
    <t>2641.337</t>
  </si>
  <si>
    <t>866384.0</t>
  </si>
  <si>
    <t>586941689.0</t>
  </si>
  <si>
    <t>258118992.0</t>
  </si>
  <si>
    <t>221852985.0</t>
  </si>
  <si>
    <t>116803161.0</t>
  </si>
  <si>
    <t>413099.0</t>
  </si>
  <si>
    <t>359116.0</t>
  </si>
  <si>
    <t>891269590.0</t>
  </si>
  <si>
    <t>1145282.0</t>
  </si>
  <si>
    <t>2644.736</t>
  </si>
  <si>
    <t>870962.0</t>
  </si>
  <si>
    <t>587364535.0</t>
  </si>
  <si>
    <t>258172123.0</t>
  </si>
  <si>
    <t>221900005.0</t>
  </si>
  <si>
    <t>117108590.0</t>
  </si>
  <si>
    <t>422846.0</t>
  </si>
  <si>
    <t>358601.0</t>
  </si>
  <si>
    <t>892358780.0</t>
  </si>
  <si>
    <t>1089190.0</t>
  </si>
  <si>
    <t>2647.968</t>
  </si>
  <si>
    <t>880352.0</t>
  </si>
  <si>
    <t>587808075.0</t>
  </si>
  <si>
    <t>258225813.0</t>
  </si>
  <si>
    <t>221947937.0</t>
  </si>
  <si>
    <t>117432537.0</t>
  </si>
  <si>
    <t>893417932.0</t>
  </si>
  <si>
    <t>1059152.0</t>
  </si>
  <si>
    <t>2651.11</t>
  </si>
  <si>
    <t>895811.0</t>
  </si>
  <si>
    <t>588323473.0</t>
  </si>
  <si>
    <t>258286342.0</t>
  </si>
  <si>
    <t>222002768.0</t>
  </si>
  <si>
    <t>117809331.0</t>
  </si>
  <si>
    <t>515398.0</t>
  </si>
  <si>
    <t>365263.0</t>
  </si>
  <si>
    <t>894147186.0</t>
  </si>
  <si>
    <t>729254.0</t>
  </si>
  <si>
    <t>2653.274</t>
  </si>
  <si>
    <t>900669.0</t>
  </si>
  <si>
    <t>588594805.0</t>
  </si>
  <si>
    <t>258321071.0</t>
  </si>
  <si>
    <t>222034209.0</t>
  </si>
  <si>
    <t>118000141.0</t>
  </si>
  <si>
    <t>271332.0</t>
  </si>
  <si>
    <t>369691.0</t>
  </si>
  <si>
    <t>894562477.0</t>
  </si>
  <si>
    <t>2654.507</t>
  </si>
  <si>
    <t>905944.0</t>
  </si>
  <si>
    <t>588749618.0</t>
  </si>
  <si>
    <t>258342684.0</t>
  </si>
  <si>
    <t>222052910.0</t>
  </si>
  <si>
    <t>118105371.0</t>
  </si>
  <si>
    <t>154813.0</t>
  </si>
  <si>
    <t>1119384.8</t>
  </si>
  <si>
    <t>3308.95171742898</t>
  </si>
  <si>
    <t>895341850.0</t>
  </si>
  <si>
    <t>779373.0</t>
  </si>
  <si>
    <t>2656.819</t>
  </si>
  <si>
    <t>906211.0</t>
  </si>
  <si>
    <t>589189515.0</t>
  </si>
  <si>
    <t>258396452.0</t>
  </si>
  <si>
    <t>222100239.0</t>
  </si>
  <si>
    <t>118425577.0</t>
  </si>
  <si>
    <t>439897.0</t>
  </si>
  <si>
    <t>47128.0</t>
  </si>
  <si>
    <t>896490449.0</t>
  </si>
  <si>
    <t>2660.228</t>
  </si>
  <si>
    <t>909449.0</t>
  </si>
  <si>
    <t>589620322.0</t>
  </si>
  <si>
    <t>258448786.0</t>
  </si>
  <si>
    <t>222145555.0</t>
  </si>
  <si>
    <t>118741590.0</t>
  </si>
  <si>
    <t>430807.0</t>
  </si>
  <si>
    <t>382662.0</t>
  </si>
  <si>
    <t>177.59</t>
  </si>
  <si>
    <t>897614436.0</t>
  </si>
  <si>
    <t>1123987.0</t>
  </si>
  <si>
    <t>2663.563</t>
  </si>
  <si>
    <t>906407.0</t>
  </si>
  <si>
    <t>590038675.0</t>
  </si>
  <si>
    <t>258500697.0</t>
  </si>
  <si>
    <t>222191257.0</t>
  </si>
  <si>
    <t>119045199.0</t>
  </si>
  <si>
    <t>418353.0</t>
  </si>
  <si>
    <t>382020.0</t>
  </si>
  <si>
    <t>898625501.0</t>
  </si>
  <si>
    <t>1011065.0</t>
  </si>
  <si>
    <t>2666.563</t>
  </si>
  <si>
    <t>895246.0</t>
  </si>
  <si>
    <t>590443981.0</t>
  </si>
  <si>
    <t>258550890.0</t>
  </si>
  <si>
    <t>222234652.0</t>
  </si>
  <si>
    <t>119339797.0</t>
  </si>
  <si>
    <t>376558.0</t>
  </si>
  <si>
    <t>899459242.0</t>
  </si>
  <si>
    <t>833741.0</t>
  </si>
  <si>
    <t>2669.037</t>
  </si>
  <si>
    <t>863044.0</t>
  </si>
  <si>
    <t>590893437.0</t>
  </si>
  <si>
    <t>258606375.0</t>
  </si>
  <si>
    <t>222284237.0</t>
  </si>
  <si>
    <t>119662900.0</t>
  </si>
  <si>
    <t>449456.0</t>
  </si>
  <si>
    <t>367138.0</t>
  </si>
  <si>
    <t>900042212.0</t>
  </si>
  <si>
    <t>582970.0</t>
  </si>
  <si>
    <t>2670.767</t>
  </si>
  <si>
    <t>842147.0</t>
  </si>
  <si>
    <t>591095677.0</t>
  </si>
  <si>
    <t>258633932.0</t>
  </si>
  <si>
    <t>222308123.0</t>
  </si>
  <si>
    <t>119802711.0</t>
  </si>
  <si>
    <t>357267.0</t>
  </si>
  <si>
    <t>900389806.0</t>
  </si>
  <si>
    <t>347594.0</t>
  </si>
  <si>
    <t>2671.799</t>
  </si>
  <si>
    <t>832476.0</t>
  </si>
  <si>
    <t>591208845.0</t>
  </si>
  <si>
    <t>258651393.0</t>
  </si>
  <si>
    <t>222321777.0</t>
  </si>
  <si>
    <t>119876940.0</t>
  </si>
  <si>
    <t>351318.0</t>
  </si>
  <si>
    <t>44101.0</t>
  </si>
  <si>
    <t>1121366.1</t>
  </si>
  <si>
    <t>3314.80852916855</t>
  </si>
  <si>
    <t>900688547.0</t>
  </si>
  <si>
    <t>298741.0</t>
  </si>
  <si>
    <t>2672.685</t>
  </si>
  <si>
    <t>763814.0</t>
  </si>
  <si>
    <t>591240905.0</t>
  </si>
  <si>
    <t>258657341.0</t>
  </si>
  <si>
    <t>222326052.0</t>
  </si>
  <si>
    <t>119897116.0</t>
  </si>
  <si>
    <t>293056.0</t>
  </si>
  <si>
    <t>901411323.0</t>
  </si>
  <si>
    <t>722776.0</t>
  </si>
  <si>
    <t>2674.83</t>
  </si>
  <si>
    <t>702982.0</t>
  </si>
  <si>
    <t>591618487.0</t>
  </si>
  <si>
    <t>258707590.0</t>
  </si>
  <si>
    <t>222371703.0</t>
  </si>
  <si>
    <t>120161332.0</t>
  </si>
  <si>
    <t>377582.0</t>
  </si>
  <si>
    <t>902479787.0</t>
  </si>
  <si>
    <t>695050.0</t>
  </si>
  <si>
    <t>591991921.0</t>
  </si>
  <si>
    <t>258756565.0</t>
  </si>
  <si>
    <t>222412929.0</t>
  </si>
  <si>
    <t>120427475.0</t>
  </si>
  <si>
    <t>373434.0</t>
  </si>
  <si>
    <t>903587867.0</t>
  </si>
  <si>
    <t>1108080.0</t>
  </si>
  <si>
    <t>2681.289</t>
  </si>
  <si>
    <t>708909.0</t>
  </si>
  <si>
    <t>592354366.0</t>
  </si>
  <si>
    <t>258803578.0</t>
  </si>
  <si>
    <t>222452571.0</t>
  </si>
  <si>
    <t>120687185.0</t>
  </si>
  <si>
    <t>362445.0</t>
  </si>
  <si>
    <t>272912.0</t>
  </si>
  <si>
    <t>904536473.0</t>
  </si>
  <si>
    <t>948606.0</t>
  </si>
  <si>
    <t>2684.103</t>
  </si>
  <si>
    <t>725319.0</t>
  </si>
  <si>
    <t>592758181.0</t>
  </si>
  <si>
    <t>258855609.0</t>
  </si>
  <si>
    <t>222497381.0</t>
  </si>
  <si>
    <t>120974215.0</t>
  </si>
  <si>
    <t>403815.0</t>
  </si>
  <si>
    <t>266392.0</t>
  </si>
  <si>
    <t>905171421.0</t>
  </si>
  <si>
    <t>634948.0</t>
  </si>
  <si>
    <t>2685.988</t>
  </si>
  <si>
    <t>732744.0</t>
  </si>
  <si>
    <t>592951065.0</t>
  </si>
  <si>
    <t>258882789.0</t>
  </si>
  <si>
    <t>222520284.0</t>
  </si>
  <si>
    <t>121105791.0</t>
  </si>
  <si>
    <t>192884.0</t>
  </si>
  <si>
    <t>905556050.0</t>
  </si>
  <si>
    <t>384629.0</t>
  </si>
  <si>
    <t>2687.129</t>
  </si>
  <si>
    <t>738035.0</t>
  </si>
  <si>
    <t>593058503.0</t>
  </si>
  <si>
    <t>258899940.0</t>
  </si>
  <si>
    <t>222533678.0</t>
  </si>
  <si>
    <t>121175490.0</t>
  </si>
  <si>
    <t>107438.0</t>
  </si>
  <si>
    <t>264237.0</t>
  </si>
  <si>
    <t>1124228.2</t>
  </si>
  <si>
    <t>3323.2690252468</t>
  </si>
  <si>
    <t>906214462.0</t>
  </si>
  <si>
    <t>658412.0</t>
  </si>
  <si>
    <t>2689.083</t>
  </si>
  <si>
    <t>789416.0</t>
  </si>
  <si>
    <t>593379335.0</t>
  </si>
  <si>
    <t>258945439.0</t>
  </si>
  <si>
    <t>222571533.0</t>
  </si>
  <si>
    <t>121398296.0</t>
  </si>
  <si>
    <t>305490.0</t>
  </si>
  <si>
    <t>907157848.0</t>
  </si>
  <si>
    <t>943386.0</t>
  </si>
  <si>
    <t>2691.882</t>
  </si>
  <si>
    <t>820932.0</t>
  </si>
  <si>
    <t>593699156.0</t>
  </si>
  <si>
    <t>258989927.0</t>
  </si>
  <si>
    <t>222607767.0</t>
  </si>
  <si>
    <t>121622766.0</t>
  </si>
  <si>
    <t>297238.0</t>
  </si>
  <si>
    <t>907957598.0</t>
  </si>
  <si>
    <t>799750.0</t>
  </si>
  <si>
    <t>2694.255</t>
  </si>
  <si>
    <t>782544.0</t>
  </si>
  <si>
    <t>594022886.0</t>
  </si>
  <si>
    <t>259035073.0</t>
  </si>
  <si>
    <t>222644975.0</t>
  </si>
  <si>
    <t>121849168.0</t>
  </si>
  <si>
    <t>323730.0</t>
  </si>
  <si>
    <t>908481906.0</t>
  </si>
  <si>
    <t>524308.0</t>
  </si>
  <si>
    <t>2695.811</t>
  </si>
  <si>
    <t>699148.0</t>
  </si>
  <si>
    <t>594337299.0</t>
  </si>
  <si>
    <t>259079054.0</t>
  </si>
  <si>
    <t>222680274.0</t>
  </si>
  <si>
    <t>122069787.0</t>
  </si>
  <si>
    <t>314413.0</t>
  </si>
  <si>
    <t>283276.0</t>
  </si>
  <si>
    <t>909003851.0</t>
  </si>
  <si>
    <t>521945.0</t>
  </si>
  <si>
    <t>2697.36</t>
  </si>
  <si>
    <t>638197.0</t>
  </si>
  <si>
    <t>594685925.0</t>
  </si>
  <si>
    <t>259126741.0</t>
  </si>
  <si>
    <t>222720928.0</t>
  </si>
  <si>
    <t>122312287.0</t>
  </si>
  <si>
    <t>348626.0</t>
  </si>
  <si>
    <t>275392.0</t>
  </si>
  <si>
    <t>38733.0</t>
  </si>
  <si>
    <t>909435615.0</t>
  </si>
  <si>
    <t>431764.0</t>
  </si>
  <si>
    <t>2698.641</t>
  </si>
  <si>
    <t>609171.0</t>
  </si>
  <si>
    <t>594848886.0</t>
  </si>
  <si>
    <t>259152134.0</t>
  </si>
  <si>
    <t>222742026.0</t>
  </si>
  <si>
    <t>122418947.0</t>
  </si>
  <si>
    <t>162961.0</t>
  </si>
  <si>
    <t>271117.0</t>
  </si>
  <si>
    <t>909786560.0</t>
  </si>
  <si>
    <t>350945.0</t>
  </si>
  <si>
    <t>2699.682</t>
  </si>
  <si>
    <t>604359.0</t>
  </si>
  <si>
    <t>594936020.0</t>
  </si>
  <si>
    <t>259167661.0</t>
  </si>
  <si>
    <t>222754356.0</t>
  </si>
  <si>
    <t>122472192.0</t>
  </si>
  <si>
    <t>268217.0</t>
  </si>
  <si>
    <t>1127084.7</t>
  </si>
  <si>
    <t>3331.71296747367</t>
  </si>
  <si>
    <t>910343793.0</t>
  </si>
  <si>
    <t>557233.0</t>
  </si>
  <si>
    <t>2701.336</t>
  </si>
  <si>
    <t>589904.0</t>
  </si>
  <si>
    <t>595206376.0</t>
  </si>
  <si>
    <t>259208318.0</t>
  </si>
  <si>
    <t>222788057.0</t>
  </si>
  <si>
    <t>122655511.0</t>
  </si>
  <si>
    <t>270356.0</t>
  </si>
  <si>
    <t>261006.0</t>
  </si>
  <si>
    <t>911039148.0</t>
  </si>
  <si>
    <t>695355.0</t>
  </si>
  <si>
    <t>2703.399</t>
  </si>
  <si>
    <t>554471.0</t>
  </si>
  <si>
    <t>595486003.0</t>
  </si>
  <si>
    <t>259250654.0</t>
  </si>
  <si>
    <t>222821513.0</t>
  </si>
  <si>
    <t>122846892.0</t>
  </si>
  <si>
    <t>279627.0</t>
  </si>
  <si>
    <t>255264.0</t>
  </si>
  <si>
    <t>911642612.0</t>
  </si>
  <si>
    <t>603464.0</t>
  </si>
  <si>
    <t>2705.19</t>
  </si>
  <si>
    <t>595770495.0</t>
  </si>
  <si>
    <t>259292044.0</t>
  </si>
  <si>
    <t>222856101.0</t>
  </si>
  <si>
    <t>123042123.0</t>
  </si>
  <si>
    <t>284492.0</t>
  </si>
  <si>
    <t>249658.0</t>
  </si>
  <si>
    <t>179.44</t>
  </si>
  <si>
    <t>912115224.0</t>
  </si>
  <si>
    <t>472612.0</t>
  </si>
  <si>
    <t>2706.592</t>
  </si>
  <si>
    <t>596052609.0</t>
  </si>
  <si>
    <t>259333349.0</t>
  </si>
  <si>
    <t>222889674.0</t>
  </si>
  <si>
    <t>123235734.0</t>
  </si>
  <si>
    <t>282114.0</t>
  </si>
  <si>
    <t>245044.0</t>
  </si>
  <si>
    <t>912521698.0</t>
  </si>
  <si>
    <t>406474.0</t>
  </si>
  <si>
    <t>2707.799</t>
  </si>
  <si>
    <t>502550.0</t>
  </si>
  <si>
    <t>596352346.0</t>
  </si>
  <si>
    <t>259376917.0</t>
  </si>
  <si>
    <t>222926100.0</t>
  </si>
  <si>
    <t>123439490.0</t>
  </si>
  <si>
    <t>299737.0</t>
  </si>
  <si>
    <t>238060.0</t>
  </si>
  <si>
    <t>179.62</t>
  </si>
  <si>
    <t>912769124.0</t>
  </si>
  <si>
    <t>247426.0</t>
  </si>
  <si>
    <t>2708.533</t>
  </si>
  <si>
    <t>476216.0</t>
  </si>
  <si>
    <t>596484230.0</t>
  </si>
  <si>
    <t>259399767.0</t>
  </si>
  <si>
    <t>222944034.0</t>
  </si>
  <si>
    <t>123522350.0</t>
  </si>
  <si>
    <t>131884.0</t>
  </si>
  <si>
    <t>233621.0</t>
  </si>
  <si>
    <t>596546964.0</t>
  </si>
  <si>
    <t>259411652.0</t>
  </si>
  <si>
    <t>222953210.0</t>
  </si>
  <si>
    <t>123559427.0</t>
  </si>
  <si>
    <t>179.68</t>
  </si>
  <si>
    <t>1130163.8</t>
  </si>
  <si>
    <t>3340.81492529294</t>
  </si>
  <si>
    <t>596782930.0</t>
  </si>
  <si>
    <t>259448902.0</t>
  </si>
  <si>
    <t>222979537.0</t>
  </si>
  <si>
    <t>123719490.0</t>
  </si>
  <si>
    <t>235966.0</t>
  </si>
  <si>
    <t>225222.0</t>
  </si>
  <si>
    <t>597053157.0</t>
  </si>
  <si>
    <t>259500397.0</t>
  </si>
  <si>
    <t>223011724.0</t>
  </si>
  <si>
    <t>123893578.0</t>
  </si>
  <si>
    <t>223879.0</t>
  </si>
  <si>
    <t>597339484.0</t>
  </si>
  <si>
    <t>259564065.0</t>
  </si>
  <si>
    <t>223045368.0</t>
  </si>
  <si>
    <t>124069561.0</t>
  </si>
  <si>
    <t>38860.0</t>
  </si>
  <si>
    <t>597626119.0</t>
  </si>
  <si>
    <t>259633711.0</t>
  </si>
  <si>
    <t>223077040.0</t>
  </si>
  <si>
    <t>124242089.0</t>
  </si>
  <si>
    <t>286635.0</t>
  </si>
  <si>
    <t>224787.0</t>
  </si>
  <si>
    <t>597936148.0</t>
  </si>
  <si>
    <t>259712032.0</t>
  </si>
  <si>
    <t>223111948.0</t>
  </si>
  <si>
    <t>124422999.0</t>
  </si>
  <si>
    <t>226257.0</t>
  </si>
  <si>
    <t>598099587.0</t>
  </si>
  <si>
    <t>259773798.0</t>
  </si>
  <si>
    <t>223128780.0</t>
  </si>
  <si>
    <t>124499295.0</t>
  </si>
  <si>
    <t>163439.0</t>
  </si>
  <si>
    <t>598178915.0</t>
  </si>
  <si>
    <t>259798828.0</t>
  </si>
  <si>
    <t>223138746.0</t>
  </si>
  <si>
    <t>124538350.0</t>
  </si>
  <si>
    <t>233136.0</t>
  </si>
  <si>
    <t>55311.0</t>
  </si>
  <si>
    <t>1133880.7</t>
  </si>
  <si>
    <t>3351.80224854274</t>
  </si>
  <si>
    <t>598432730.0</t>
  </si>
  <si>
    <t>259865757.0</t>
  </si>
  <si>
    <t>223167747.0</t>
  </si>
  <si>
    <t>124684054.0</t>
  </si>
  <si>
    <t>253815.0</t>
  </si>
  <si>
    <t>235686.0</t>
  </si>
  <si>
    <t>180.25</t>
  </si>
  <si>
    <t>598700097.0</t>
  </si>
  <si>
    <t>259936833.0</t>
  </si>
  <si>
    <t>223197801.0</t>
  </si>
  <si>
    <t>124838007.0</t>
  </si>
  <si>
    <t>267367.0</t>
  </si>
  <si>
    <t>235277.0</t>
  </si>
  <si>
    <t>598973429.0</t>
  </si>
  <si>
    <t>260011330.0</t>
  </si>
  <si>
    <t>223228704.0</t>
  </si>
  <si>
    <t>124993409.0</t>
  </si>
  <si>
    <t>273332.0</t>
  </si>
  <si>
    <t>233421.0</t>
  </si>
  <si>
    <t>63895.0</t>
  </si>
  <si>
    <t>599255117.0</t>
  </si>
  <si>
    <t>260087995.0</t>
  </si>
  <si>
    <t>223260247.0</t>
  </si>
  <si>
    <t>125153730.0</t>
  </si>
  <si>
    <t>281688.0</t>
  </si>
  <si>
    <t>232714.0</t>
  </si>
  <si>
    <t>64898.0</t>
  </si>
  <si>
    <t>599534542.0</t>
  </si>
  <si>
    <t>260161132.0</t>
  </si>
  <si>
    <t>223291614.0</t>
  </si>
  <si>
    <t>125313270.0</t>
  </si>
  <si>
    <t>279425.0</t>
  </si>
  <si>
    <t>228342.0</t>
  </si>
  <si>
    <t>64157.0</t>
  </si>
  <si>
    <t>599649310.0</t>
  </si>
  <si>
    <t>260192466.0</t>
  </si>
  <si>
    <t>223305678.0</t>
  </si>
  <si>
    <t>125375740.0</t>
  </si>
  <si>
    <t>114768.0</t>
  </si>
  <si>
    <t>221389.0</t>
  </si>
  <si>
    <t>599708479.0</t>
  </si>
  <si>
    <t>260207369.0</t>
  </si>
  <si>
    <t>223313833.0</t>
  </si>
  <si>
    <t>125407532.0</t>
  </si>
  <si>
    <t>59169.0</t>
  </si>
  <si>
    <t>218509.0</t>
  </si>
  <si>
    <t>180.63</t>
  </si>
  <si>
    <t>58363.0</t>
  </si>
  <si>
    <t>1137508.6</t>
  </si>
  <si>
    <t>3362.52648379738</t>
  </si>
  <si>
    <t>599721659.0</t>
  </si>
  <si>
    <t>260211406.0</t>
  </si>
  <si>
    <t>223315761.0</t>
  </si>
  <si>
    <t>125413915.0</t>
  </si>
  <si>
    <t>184133.0</t>
  </si>
  <si>
    <t>599973978.0</t>
  </si>
  <si>
    <t>260276215.0</t>
  </si>
  <si>
    <t>223348666.0</t>
  </si>
  <si>
    <t>125556517.0</t>
  </si>
  <si>
    <t>181983.0</t>
  </si>
  <si>
    <t>600240457.0</t>
  </si>
  <si>
    <t>260345015.0</t>
  </si>
  <si>
    <t>223379805.0</t>
  </si>
  <si>
    <t>125711053.0</t>
  </si>
  <si>
    <t>266479.0</t>
  </si>
  <si>
    <t>181004.0</t>
  </si>
  <si>
    <t>600513961.0</t>
  </si>
  <si>
    <t>260414099.0</t>
  </si>
  <si>
    <t>223410859.0</t>
  </si>
  <si>
    <t>125871452.0</t>
  </si>
  <si>
    <t>273504.0</t>
  </si>
  <si>
    <t>179835.0</t>
  </si>
  <si>
    <t>600821538.0</t>
  </si>
  <si>
    <t>260488023.0</t>
  </si>
  <si>
    <t>223445556.0</t>
  </si>
  <si>
    <t>126054015.0</t>
  </si>
  <si>
    <t>307577.0</t>
  </si>
  <si>
    <t>183857.0</t>
  </si>
  <si>
    <t>180.97</t>
  </si>
  <si>
    <t>600969114.0</t>
  </si>
  <si>
    <t>260527693.0</t>
  </si>
  <si>
    <t>223462715.0</t>
  </si>
  <si>
    <t>126135658.0</t>
  </si>
  <si>
    <t>147576.0</t>
  </si>
  <si>
    <t>601047638.0</t>
  </si>
  <si>
    <t>260548978.0</t>
  </si>
  <si>
    <t>223472300.0</t>
  </si>
  <si>
    <t>126177658.0</t>
  </si>
  <si>
    <t>78524.0</t>
  </si>
  <si>
    <t>1140975.9</t>
  </si>
  <si>
    <t>3372.77597824276</t>
  </si>
  <si>
    <t>601317618.0</t>
  </si>
  <si>
    <t>260608588.0</t>
  </si>
  <si>
    <t>223502909.0</t>
  </si>
  <si>
    <t>126344078.0</t>
  </si>
  <si>
    <t>227994.0</t>
  </si>
  <si>
    <t>601618867.0</t>
  </si>
  <si>
    <t>260675985.0</t>
  </si>
  <si>
    <t>223535268.0</t>
  </si>
  <si>
    <t>126529580.0</t>
  </si>
  <si>
    <t>301249.0</t>
  </si>
  <si>
    <t>234984.0</t>
  </si>
  <si>
    <t>181.21</t>
  </si>
  <si>
    <t>57110.0</t>
  </si>
  <si>
    <t>601965074.0</t>
  </si>
  <si>
    <t>260745865.0</t>
  </si>
  <si>
    <t>223571397.0</t>
  </si>
  <si>
    <t>126748435.0</t>
  </si>
  <si>
    <t>346207.0</t>
  </si>
  <si>
    <t>246374.0</t>
  </si>
  <si>
    <t>602332080.0</t>
  </si>
  <si>
    <t>260818511.0</t>
  </si>
  <si>
    <t>223607572.0</t>
  </si>
  <si>
    <t>126981280.0</t>
  </si>
  <si>
    <t>367006.0</t>
  </si>
  <si>
    <t>259731.0</t>
  </si>
  <si>
    <t>602747640.0</t>
  </si>
  <si>
    <t>260897806.0</t>
  </si>
  <si>
    <t>223649254.0</t>
  </si>
  <si>
    <t>127242606.0</t>
  </si>
  <si>
    <t>415560.0</t>
  </si>
  <si>
    <t>275157.0</t>
  </si>
  <si>
    <t>181.55</t>
  </si>
  <si>
    <t>602961241.0</t>
  </si>
  <si>
    <t>260939240.0</t>
  </si>
  <si>
    <t>223670684.0</t>
  </si>
  <si>
    <t>127366419.0</t>
  </si>
  <si>
    <t>213601.0</t>
  </si>
  <si>
    <t>284590.0</t>
  </si>
  <si>
    <t>603077365.0</t>
  </si>
  <si>
    <t>260960992.0</t>
  </si>
  <si>
    <t>223683462.0</t>
  </si>
  <si>
    <t>127435352.0</t>
  </si>
  <si>
    <t>116124.0</t>
  </si>
  <si>
    <t>289961.0</t>
  </si>
  <si>
    <t>58859.0</t>
  </si>
  <si>
    <t>1145049.4</t>
  </si>
  <si>
    <t>3384.81742710015</t>
  </si>
  <si>
    <t>603437539.0</t>
  </si>
  <si>
    <t>261028393.0</t>
  </si>
  <si>
    <t>223721229.0</t>
  </si>
  <si>
    <t>127663471.0</t>
  </si>
  <si>
    <t>360174.0</t>
  </si>
  <si>
    <t>302846.0</t>
  </si>
  <si>
    <t>603797799.0</t>
  </si>
  <si>
    <t>261099457.0</t>
  </si>
  <si>
    <t>223761308.0</t>
  </si>
  <si>
    <t>127884505.0</t>
  </si>
  <si>
    <t>360260.0</t>
  </si>
  <si>
    <t>311276.0</t>
  </si>
  <si>
    <t>181.86</t>
  </si>
  <si>
    <t>60496.0</t>
  </si>
  <si>
    <t>604142425.0</t>
  </si>
  <si>
    <t>261168541.0</t>
  </si>
  <si>
    <t>223802291.0</t>
  </si>
  <si>
    <t>128090908.0</t>
  </si>
  <si>
    <t>344626.0</t>
  </si>
  <si>
    <t>311050.0</t>
  </si>
  <si>
    <t>181.97</t>
  </si>
  <si>
    <t>60382.0</t>
  </si>
  <si>
    <t>604506343.0</t>
  </si>
  <si>
    <t>261237938.0</t>
  </si>
  <si>
    <t>223845633.0</t>
  </si>
  <si>
    <t>128311234.0</t>
  </si>
  <si>
    <t>363918.0</t>
  </si>
  <si>
    <t>310609.0</t>
  </si>
  <si>
    <t>604919400.0</t>
  </si>
  <si>
    <t>261312390.0</t>
  </si>
  <si>
    <t>223896369.0</t>
  </si>
  <si>
    <t>128563360.0</t>
  </si>
  <si>
    <t>413057.0</t>
  </si>
  <si>
    <t>310251.0</t>
  </si>
  <si>
    <t>59226.0</t>
  </si>
  <si>
    <t>605121144.0</t>
  </si>
  <si>
    <t>261351270.0</t>
  </si>
  <si>
    <t>223927130.0</t>
  </si>
  <si>
    <t>128677265.0</t>
  </si>
  <si>
    <t>201744.0</t>
  </si>
  <si>
    <t>308558.0</t>
  </si>
  <si>
    <t>605220655.0</t>
  </si>
  <si>
    <t>261370846.0</t>
  </si>
  <si>
    <t>223941470.0</t>
  </si>
  <si>
    <t>128734104.0</t>
  </si>
  <si>
    <t>306184.0</t>
  </si>
  <si>
    <t>1150810.7</t>
  </si>
  <si>
    <t>3401.84808852205</t>
  </si>
  <si>
    <t>605530409.0</t>
  </si>
  <si>
    <t>261432313.0</t>
  </si>
  <si>
    <t>223978331.0</t>
  </si>
  <si>
    <t>128926356.0</t>
  </si>
  <si>
    <t>309754.0</t>
  </si>
  <si>
    <t>605850331.0</t>
  </si>
  <si>
    <t>261496553.0</t>
  </si>
  <si>
    <t>224020362.0</t>
  </si>
  <si>
    <t>129115282.0</t>
  </si>
  <si>
    <t>319922.0</t>
  </si>
  <si>
    <t>606158178.0</t>
  </si>
  <si>
    <t>261558974.0</t>
  </si>
  <si>
    <t>224062218.0</t>
  </si>
  <si>
    <t>129293293.0</t>
  </si>
  <si>
    <t>307847.0</t>
  </si>
  <si>
    <t>287965.0</t>
  </si>
  <si>
    <t>606464013.0</t>
  </si>
  <si>
    <t>261620771.0</t>
  </si>
  <si>
    <t>224105639.0</t>
  </si>
  <si>
    <t>129467600.0</t>
  </si>
  <si>
    <t>305835.0</t>
  </si>
  <si>
    <t>606785641.0</t>
  </si>
  <si>
    <t>261685361.0</t>
  </si>
  <si>
    <t>224152014.0</t>
  </si>
  <si>
    <t>129648612.0</t>
  </si>
  <si>
    <t>321628.0</t>
  </si>
  <si>
    <t>266606.0</t>
  </si>
  <si>
    <t>53282.0</t>
  </si>
  <si>
    <t>606925239.0</t>
  </si>
  <si>
    <t>261716405.0</t>
  </si>
  <si>
    <t>224173175.0</t>
  </si>
  <si>
    <t>129721323.0</t>
  </si>
  <si>
    <t>139598.0</t>
  </si>
  <si>
    <t>257728.0</t>
  </si>
  <si>
    <t>606994003.0</t>
  </si>
  <si>
    <t>261732488.0</t>
  </si>
  <si>
    <t>224183268.0</t>
  </si>
  <si>
    <t>129757589.0</t>
  </si>
  <si>
    <t>68764.0</t>
  </si>
  <si>
    <t>253335.0</t>
  </si>
  <si>
    <t>51663.0</t>
  </si>
  <si>
    <t>1155601.2</t>
  </si>
  <si>
    <t>3416.00902156523</t>
  </si>
  <si>
    <t>607235214.0</t>
  </si>
  <si>
    <t>261786539.0</t>
  </si>
  <si>
    <t>224214069.0</t>
  </si>
  <si>
    <t>129895016.0</t>
  </si>
  <si>
    <t>243544.0</t>
  </si>
  <si>
    <t>607492148.0</t>
  </si>
  <si>
    <t>261843801.0</t>
  </si>
  <si>
    <t>224250741.0</t>
  </si>
  <si>
    <t>130036244.0</t>
  </si>
  <si>
    <t>234545.0</t>
  </si>
  <si>
    <t>182.97</t>
  </si>
  <si>
    <t>607744064.0</t>
  </si>
  <si>
    <t>261901154.0</t>
  </si>
  <si>
    <t>224286984.0</t>
  </si>
  <si>
    <t>130173093.0</t>
  </si>
  <si>
    <t>251916.0</t>
  </si>
  <si>
    <t>226555.0</t>
  </si>
  <si>
    <t>607991774.0</t>
  </si>
  <si>
    <t>261957523.0</t>
  </si>
  <si>
    <t>224322361.0</t>
  </si>
  <si>
    <t>130306985.0</t>
  </si>
  <si>
    <t>218252.0</t>
  </si>
  <si>
    <t>608257296.0</t>
  </si>
  <si>
    <t>262016761.0</t>
  </si>
  <si>
    <t>224362375.0</t>
  </si>
  <si>
    <t>130448839.0</t>
  </si>
  <si>
    <t>265522.0</t>
  </si>
  <si>
    <t>608381015.0</t>
  </si>
  <si>
    <t>262045940.0</t>
  </si>
  <si>
    <t>224384707.0</t>
  </si>
  <si>
    <t>130508862.0</t>
  </si>
  <si>
    <t>123719.0</t>
  </si>
  <si>
    <t>207968.0</t>
  </si>
  <si>
    <t>608444549.0</t>
  </si>
  <si>
    <t>262060916.0</t>
  </si>
  <si>
    <t>224397248.0</t>
  </si>
  <si>
    <t>130539194.0</t>
  </si>
  <si>
    <t>63534.0</t>
  </si>
  <si>
    <t>1160765.9</t>
  </si>
  <si>
    <t>3431.27610660605</t>
  </si>
  <si>
    <t>608663544.0</t>
  </si>
  <si>
    <t>262111339.0</t>
  </si>
  <si>
    <t>224429704.0</t>
  </si>
  <si>
    <t>130657555.0</t>
  </si>
  <si>
    <t>218995.0</t>
  </si>
  <si>
    <t>204047.0</t>
  </si>
  <si>
    <t>608890457.0</t>
  </si>
  <si>
    <t>262163468.0</t>
  </si>
  <si>
    <t>224464163.0</t>
  </si>
  <si>
    <t>130777759.0</t>
  </si>
  <si>
    <t>199758.0</t>
  </si>
  <si>
    <t>609103546.0</t>
  </si>
  <si>
    <t>262213349.0</t>
  </si>
  <si>
    <t>224496508.0</t>
  </si>
  <si>
    <t>130890146.0</t>
  </si>
  <si>
    <t>213089.0</t>
  </si>
  <si>
    <t>183.46</t>
  </si>
  <si>
    <t>609319964.0</t>
  </si>
  <si>
    <t>262265017.0</t>
  </si>
  <si>
    <t>224529629.0</t>
  </si>
  <si>
    <t>131001791.0</t>
  </si>
  <si>
    <t>216418.0</t>
  </si>
  <si>
    <t>189741.0</t>
  </si>
  <si>
    <t>609558405.0</t>
  </si>
  <si>
    <t>262320327.0</t>
  </si>
  <si>
    <t>224567712.0</t>
  </si>
  <si>
    <t>131123287.0</t>
  </si>
  <si>
    <t>238441.0</t>
  </si>
  <si>
    <t>43367.0</t>
  </si>
  <si>
    <t>609665226.0</t>
  </si>
  <si>
    <t>262347016.0</t>
  </si>
  <si>
    <t>224586850.0</t>
  </si>
  <si>
    <t>131173156.0</t>
  </si>
  <si>
    <t>106821.0</t>
  </si>
  <si>
    <t>183459.0</t>
  </si>
  <si>
    <t>609717947.0</t>
  </si>
  <si>
    <t>262361010.0</t>
  </si>
  <si>
    <t>224595813.0</t>
  </si>
  <si>
    <t>131197918.0</t>
  </si>
  <si>
    <t>181914.0</t>
  </si>
  <si>
    <t>1165149.2</t>
  </si>
  <si>
    <t>3444.23333817021</t>
  </si>
  <si>
    <t>609914245.0</t>
  </si>
  <si>
    <t>262407298.0</t>
  </si>
  <si>
    <t>224626392.0</t>
  </si>
  <si>
    <t>131300384.0</t>
  </si>
  <si>
    <t>178672.0</t>
  </si>
  <si>
    <t>41313.0</t>
  </si>
  <si>
    <t>610117273.0</t>
  </si>
  <si>
    <t>262455446.0</t>
  </si>
  <si>
    <t>224658186.0</t>
  </si>
  <si>
    <t>131405751.0</t>
  </si>
  <si>
    <t>203028.0</t>
  </si>
  <si>
    <t>610317636.0</t>
  </si>
  <si>
    <t>262503100.0</t>
  </si>
  <si>
    <t>224689567.0</t>
  </si>
  <si>
    <t>131509533.0</t>
  </si>
  <si>
    <t>200363.0</t>
  </si>
  <si>
    <t>173441.0</t>
  </si>
  <si>
    <t>610510762.0</t>
  </si>
  <si>
    <t>262550080.0</t>
  </si>
  <si>
    <t>224720404.0</t>
  </si>
  <si>
    <t>131607389.0</t>
  </si>
  <si>
    <t>170114.0</t>
  </si>
  <si>
    <t>183.88</t>
  </si>
  <si>
    <t>40723.0</t>
  </si>
  <si>
    <t>610722346.0</t>
  </si>
  <si>
    <t>262601021.0</t>
  </si>
  <si>
    <t>224756624.0</t>
  </si>
  <si>
    <t>131711424.0</t>
  </si>
  <si>
    <t>211584.0</t>
  </si>
  <si>
    <t>610809335.0</t>
  </si>
  <si>
    <t>262623174.0</t>
  </si>
  <si>
    <t>224772534.0</t>
  </si>
  <si>
    <t>131751710.0</t>
  </si>
  <si>
    <t>86989.0</t>
  </si>
  <si>
    <t>610852633.0</t>
  </si>
  <si>
    <t>262634764.0</t>
  </si>
  <si>
    <t>224780146.0</t>
  </si>
  <si>
    <t>131771861.0</t>
  </si>
  <si>
    <t>1169489.3</t>
  </si>
  <si>
    <t>3457.06286859515</t>
  </si>
  <si>
    <t>611017927.0</t>
  </si>
  <si>
    <t>262675847.0</t>
  </si>
  <si>
    <t>224807091.0</t>
  </si>
  <si>
    <t>131855986.0</t>
  </si>
  <si>
    <t>165294.0</t>
  </si>
  <si>
    <t>157669.0</t>
  </si>
  <si>
    <t>184.04</t>
  </si>
  <si>
    <t>38364.0</t>
  </si>
  <si>
    <t>611192737.0</t>
  </si>
  <si>
    <t>262719093.0</t>
  </si>
  <si>
    <t>224836175.0</t>
  </si>
  <si>
    <t>131943448.0</t>
  </si>
  <si>
    <t>153638.0</t>
  </si>
  <si>
    <t>184.09</t>
  </si>
  <si>
    <t>611365922.0</t>
  </si>
  <si>
    <t>262762048.0</t>
  </si>
  <si>
    <t>224865377.0</t>
  </si>
  <si>
    <t>132029533.0</t>
  </si>
  <si>
    <t>173185.0</t>
  </si>
  <si>
    <t>149755.0</t>
  </si>
  <si>
    <t>36993.0</t>
  </si>
  <si>
    <t>111.922</t>
  </si>
  <si>
    <t>611535223.0</t>
  </si>
  <si>
    <t>262805350.0</t>
  </si>
  <si>
    <t>224894338.0</t>
  </si>
  <si>
    <t>132111462.0</t>
  </si>
  <si>
    <t>146352.0</t>
  </si>
  <si>
    <t>36467.0</t>
  </si>
  <si>
    <t>611713805.0</t>
  </si>
  <si>
    <t>262850129.0</t>
  </si>
  <si>
    <t>224926589.0</t>
  </si>
  <si>
    <t>132195744.0</t>
  </si>
  <si>
    <t>611791338.0</t>
  </si>
  <si>
    <t>262870539.0</t>
  </si>
  <si>
    <t>224941906.0</t>
  </si>
  <si>
    <t>132229835.0</t>
  </si>
  <si>
    <t>77533.0</t>
  </si>
  <si>
    <t>140286.0</t>
  </si>
  <si>
    <t>611829457.0</t>
  </si>
  <si>
    <t>262880981.0</t>
  </si>
  <si>
    <t>224949101.0</t>
  </si>
  <si>
    <t>132246995.0</t>
  </si>
  <si>
    <t>139546.0</t>
  </si>
  <si>
    <t>1173732.2</t>
  </si>
  <si>
    <t>3469.60507145683</t>
  </si>
  <si>
    <t>611969456.0</t>
  </si>
  <si>
    <t>262916228.0</t>
  </si>
  <si>
    <t>224973699.0</t>
  </si>
  <si>
    <t>132315809.0</t>
  </si>
  <si>
    <t>139999.0</t>
  </si>
  <si>
    <t>135933.0</t>
  </si>
  <si>
    <t>612116239.0</t>
  </si>
  <si>
    <t>262954534.0</t>
  </si>
  <si>
    <t>224999141.0</t>
  </si>
  <si>
    <t>132385359.0</t>
  </si>
  <si>
    <t>146783.0</t>
  </si>
  <si>
    <t>184.37</t>
  </si>
  <si>
    <t>612249257.0</t>
  </si>
  <si>
    <t>262990318.0</t>
  </si>
  <si>
    <t>225024046.0</t>
  </si>
  <si>
    <t>132445019.0</t>
  </si>
  <si>
    <t>612343026.0</t>
  </si>
  <si>
    <t>263020782.0</t>
  </si>
  <si>
    <t>225044695.0</t>
  </si>
  <si>
    <t>132475694.0</t>
  </si>
  <si>
    <t>93769.0</t>
  </si>
  <si>
    <t>115400.0</t>
  </si>
  <si>
    <t>612431727.0</t>
  </si>
  <si>
    <t>263051283.0</t>
  </si>
  <si>
    <t>225067930.0</t>
  </si>
  <si>
    <t>102560.0</t>
  </si>
  <si>
    <t>612487486.0</t>
  </si>
  <si>
    <t>263064399.0</t>
  </si>
  <si>
    <t>225078551.0</t>
  </si>
  <si>
    <t>99450.0</t>
  </si>
  <si>
    <t>184.48</t>
  </si>
  <si>
    <t>612530001.0</t>
  </si>
  <si>
    <t>263073330.0</t>
  </si>
  <si>
    <t>225084844.0</t>
  </si>
  <si>
    <t>100078.0</t>
  </si>
  <si>
    <t>1177422.9</t>
  </si>
  <si>
    <t>3480.51494633052</t>
  </si>
  <si>
    <t>612542720.0</t>
  </si>
  <si>
    <t>263077078.0</t>
  </si>
  <si>
    <t>225086829.0</t>
  </si>
  <si>
    <t>22979.0</t>
  </si>
  <si>
    <t>612718538.0</t>
  </si>
  <si>
    <t>263113102.0</t>
  </si>
  <si>
    <t>225115731.0</t>
  </si>
  <si>
    <t>175818.0</t>
  </si>
  <si>
    <t>86043.0</t>
  </si>
  <si>
    <t>613117239.0</t>
  </si>
  <si>
    <t>263166638.0</t>
  </si>
  <si>
    <t>225157290.0</t>
  </si>
  <si>
    <t>398701.0</t>
  </si>
  <si>
    <t>123997.0</t>
  </si>
  <si>
    <t>613545076.0</t>
  </si>
  <si>
    <t>263221640.0</t>
  </si>
  <si>
    <t>225200118.0</t>
  </si>
  <si>
    <t>427837.0</t>
  </si>
  <si>
    <t>171721.0</t>
  </si>
  <si>
    <t>614101171.0</t>
  </si>
  <si>
    <t>263286950.0</t>
  </si>
  <si>
    <t>225254210.0</t>
  </si>
  <si>
    <t>556095.0</t>
  </si>
  <si>
    <t>238492.0</t>
  </si>
  <si>
    <t>33667.0</t>
  </si>
  <si>
    <t>614418873.0</t>
  </si>
  <si>
    <t>263322424.0</t>
  </si>
  <si>
    <t>225287774.0</t>
  </si>
  <si>
    <t>275912.0</t>
  </si>
  <si>
    <t>614621000.0</t>
  </si>
  <si>
    <t>263345144.0</t>
  </si>
  <si>
    <t>225306340.0</t>
  </si>
  <si>
    <t>202127.0</t>
  </si>
  <si>
    <t>298714.0</t>
  </si>
  <si>
    <t>1181410.8</t>
  </si>
  <si>
    <t>3492.30335774538</t>
  </si>
  <si>
    <t>615169962.0</t>
  </si>
  <si>
    <t>263404961.0</t>
  </si>
  <si>
    <t>225354455.0</t>
  </si>
  <si>
    <t>548962.0</t>
  </si>
  <si>
    <t>375320.0</t>
  </si>
  <si>
    <t>615702042.0</t>
  </si>
  <si>
    <t>263463042.0</t>
  </si>
  <si>
    <t>225401432.0</t>
  </si>
  <si>
    <t>532080.0</t>
  </si>
  <si>
    <t>185.45</t>
  </si>
  <si>
    <t>616274615.0</t>
  </si>
  <si>
    <t>263524078.0</t>
  </si>
  <si>
    <t>225451838.0</t>
  </si>
  <si>
    <t>572573.0</t>
  </si>
  <si>
    <t>451054.0</t>
  </si>
  <si>
    <t>185.62</t>
  </si>
  <si>
    <t>616854262.0</t>
  </si>
  <si>
    <t>263586520.0</t>
  </si>
  <si>
    <t>225503331.0</t>
  </si>
  <si>
    <t>472741.0</t>
  </si>
  <si>
    <t>617555135.0</t>
  </si>
  <si>
    <t>263659907.0</t>
  </si>
  <si>
    <t>225566455.0</t>
  </si>
  <si>
    <t>700873.0</t>
  </si>
  <si>
    <t>493423.0</t>
  </si>
  <si>
    <t>617893383.0</t>
  </si>
  <si>
    <t>263696304.0</t>
  </si>
  <si>
    <t>225597184.0</t>
  </si>
  <si>
    <t>338248.0</t>
  </si>
  <si>
    <t>496359.0</t>
  </si>
  <si>
    <t>618087486.0</t>
  </si>
  <si>
    <t>263718688.0</t>
  </si>
  <si>
    <t>225614041.0</t>
  </si>
  <si>
    <t>495212.0</t>
  </si>
  <si>
    <t>1184668.7</t>
  </si>
  <si>
    <t>3501.9338563909</t>
  </si>
  <si>
    <t>618701486.0</t>
  </si>
  <si>
    <t>263781633.0</t>
  </si>
  <si>
    <t>225664649.0</t>
  </si>
  <si>
    <t>614000.0</t>
  </si>
  <si>
    <t>504503.0</t>
  </si>
  <si>
    <t>619328034.0</t>
  </si>
  <si>
    <t>263844488.0</t>
  </si>
  <si>
    <t>225716657.0</t>
  </si>
  <si>
    <t>626548.0</t>
  </si>
  <si>
    <t>517999.0</t>
  </si>
  <si>
    <t>54492.0</t>
  </si>
  <si>
    <t>620011931.0</t>
  </si>
  <si>
    <t>263911798.0</t>
  </si>
  <si>
    <t>225773003.0</t>
  </si>
  <si>
    <t>683897.0</t>
  </si>
  <si>
    <t>533902.0</t>
  </si>
  <si>
    <t>55389.0</t>
  </si>
  <si>
    <t>620690280.0</t>
  </si>
  <si>
    <t>263978845.0</t>
  </si>
  <si>
    <t>225829235.0</t>
  </si>
  <si>
    <t>678349.0</t>
  </si>
  <si>
    <t>186.95</t>
  </si>
  <si>
    <t>621500689.0</t>
  </si>
  <si>
    <t>264058352.0</t>
  </si>
  <si>
    <t>225896765.0</t>
  </si>
  <si>
    <t>810409.0</t>
  </si>
  <si>
    <t>563651.0</t>
  </si>
  <si>
    <t>187.19</t>
  </si>
  <si>
    <t>621880468.0</t>
  </si>
  <si>
    <t>264097056.0</t>
  </si>
  <si>
    <t>225930251.0</t>
  </si>
  <si>
    <t>379779.0</t>
  </si>
  <si>
    <t>569584.0</t>
  </si>
  <si>
    <t>187.31</t>
  </si>
  <si>
    <t>622096691.0</t>
  </si>
  <si>
    <t>264120433.0</t>
  </si>
  <si>
    <t>225947713.0</t>
  </si>
  <si>
    <t>216223.0</t>
  </si>
  <si>
    <t>572744.0</t>
  </si>
  <si>
    <t>187.37</t>
  </si>
  <si>
    <t>1188231.6</t>
  </si>
  <si>
    <t>3512.46594872771</t>
  </si>
  <si>
    <t>622809074.0</t>
  </si>
  <si>
    <t>264188259.0</t>
  </si>
  <si>
    <t>226000790.0</t>
  </si>
  <si>
    <t>712383.0</t>
  </si>
  <si>
    <t>586798.0</t>
  </si>
  <si>
    <t>623514198.0</t>
  </si>
  <si>
    <t>264254474.0</t>
  </si>
  <si>
    <t>226054694.0</t>
  </si>
  <si>
    <t>705124.0</t>
  </si>
  <si>
    <t>624242927.0</t>
  </si>
  <si>
    <t>264323486.0</t>
  </si>
  <si>
    <t>226111851.0</t>
  </si>
  <si>
    <t>728729.0</t>
  </si>
  <si>
    <t>604428.0</t>
  </si>
  <si>
    <t>624956828.0</t>
  </si>
  <si>
    <t>264390708.0</t>
  </si>
  <si>
    <t>226168672.0</t>
  </si>
  <si>
    <t>713901.0</t>
  </si>
  <si>
    <t>609507.0</t>
  </si>
  <si>
    <t>625777695.0</t>
  </si>
  <si>
    <t>264466208.0</t>
  </si>
  <si>
    <t>226233478.0</t>
  </si>
  <si>
    <t>820867.0</t>
  </si>
  <si>
    <t>611001.0</t>
  </si>
  <si>
    <t>626146893.0</t>
  </si>
  <si>
    <t>264501437.0</t>
  </si>
  <si>
    <t>226262438.0</t>
  </si>
  <si>
    <t>369198.0</t>
  </si>
  <si>
    <t>609489.0</t>
  </si>
  <si>
    <t>188.59</t>
  </si>
  <si>
    <t>57769.0</t>
  </si>
  <si>
    <t>626354702.0</t>
  </si>
  <si>
    <t>264523181.0</t>
  </si>
  <si>
    <t>226279041.0</t>
  </si>
  <si>
    <t>207809.0</t>
  </si>
  <si>
    <t>608287.0</t>
  </si>
  <si>
    <t>188.66</t>
  </si>
  <si>
    <t>57535.0</t>
  </si>
  <si>
    <t>1191371.3</t>
  </si>
  <si>
    <t>3521.74704286729</t>
  </si>
  <si>
    <t>627069138.0</t>
  </si>
  <si>
    <t>264589067.0</t>
  </si>
  <si>
    <t>226331552.0</t>
  </si>
  <si>
    <t>714436.0</t>
  </si>
  <si>
    <t>608581.0</t>
  </si>
  <si>
    <t>627790303.0</t>
  </si>
  <si>
    <t>264654621.0</t>
  </si>
  <si>
    <t>226385436.0</t>
  </si>
  <si>
    <t>721165.0</t>
  </si>
  <si>
    <t>57164.0</t>
  </si>
  <si>
    <t>628581014.0</t>
  </si>
  <si>
    <t>264726464.0</t>
  </si>
  <si>
    <t>226443325.0</t>
  </si>
  <si>
    <t>790711.0</t>
  </si>
  <si>
    <t>619727.0</t>
  </si>
  <si>
    <t>629351850.0</t>
  </si>
  <si>
    <t>264796834.0</t>
  </si>
  <si>
    <t>226500011.0</t>
  </si>
  <si>
    <t>770836.0</t>
  </si>
  <si>
    <t>627860.0</t>
  </si>
  <si>
    <t>630221903.0</t>
  </si>
  <si>
    <t>264875959.0</t>
  </si>
  <si>
    <t>226565672.0</t>
  </si>
  <si>
    <t>870053.0</t>
  </si>
  <si>
    <t>634887.0</t>
  </si>
  <si>
    <t>630629082.0</t>
  </si>
  <si>
    <t>264914524.0</t>
  </si>
  <si>
    <t>226596090.0</t>
  </si>
  <si>
    <t>407179.0</t>
  </si>
  <si>
    <t>640313.0</t>
  </si>
  <si>
    <t>630850162.0</t>
  </si>
  <si>
    <t>264937942.0</t>
  </si>
  <si>
    <t>226613383.0</t>
  </si>
  <si>
    <t>642209.0</t>
  </si>
  <si>
    <t>1194233.2</t>
  </si>
  <si>
    <t>3530.20694773656</t>
  </si>
  <si>
    <t>631585058.0</t>
  </si>
  <si>
    <t>265003110.0</t>
  </si>
  <si>
    <t>226667063.0</t>
  </si>
  <si>
    <t>734896.0</t>
  </si>
  <si>
    <t>645131.0</t>
  </si>
  <si>
    <t>632343270.0</t>
  </si>
  <si>
    <t>265070612.0</t>
  </si>
  <si>
    <t>226721926.0</t>
  </si>
  <si>
    <t>650424.0</t>
  </si>
  <si>
    <t>633159168.0</t>
  </si>
  <si>
    <t>265144941.0</t>
  </si>
  <si>
    <t>226781244.0</t>
  </si>
  <si>
    <t>815898.0</t>
  </si>
  <si>
    <t>654022.0</t>
  </si>
  <si>
    <t>59782.0</t>
  </si>
  <si>
    <t>633937601.0</t>
  </si>
  <si>
    <t>265216838.0</t>
  </si>
  <si>
    <t>226837816.0</t>
  </si>
  <si>
    <t>778433.0</t>
  </si>
  <si>
    <t>655107.0</t>
  </si>
  <si>
    <t>634822683.0</t>
  </si>
  <si>
    <t>265298366.0</t>
  </si>
  <si>
    <t>226902980.0</t>
  </si>
  <si>
    <t>885082.0</t>
  </si>
  <si>
    <t>657254.0</t>
  </si>
  <si>
    <t>60344.0</t>
  </si>
  <si>
    <t>635207311.0</t>
  </si>
  <si>
    <t>265335681.0</t>
  </si>
  <si>
    <t>226931779.0</t>
  </si>
  <si>
    <t>384628.0</t>
  </si>
  <si>
    <t>654033.0</t>
  </si>
  <si>
    <t>60165.0</t>
  </si>
  <si>
    <t>635419769.0</t>
  </si>
  <si>
    <t>265358970.0</t>
  </si>
  <si>
    <t>226948397.0</t>
  </si>
  <si>
    <t>212458.0</t>
  </si>
  <si>
    <t>652801.0</t>
  </si>
  <si>
    <t>1197233.3</t>
  </si>
  <si>
    <t>3539.07537800956</t>
  </si>
  <si>
    <t>8.117</t>
  </si>
  <si>
    <t>636178003.0</t>
  </si>
  <si>
    <t>265431162.0</t>
  </si>
  <si>
    <t>227003290.0</t>
  </si>
  <si>
    <t>758234.0</t>
  </si>
  <si>
    <t>656135.0</t>
  </si>
  <si>
    <t>636934484.0</t>
  </si>
  <si>
    <t>265501365.0</t>
  </si>
  <si>
    <t>227057461.0</t>
  </si>
  <si>
    <t>756481.0</t>
  </si>
  <si>
    <t>655888.0</t>
  </si>
  <si>
    <t>637725622.0</t>
  </si>
  <si>
    <t>265576206.0</t>
  </si>
  <si>
    <t>227115050.0</t>
  </si>
  <si>
    <t>791138.0</t>
  </si>
  <si>
    <t>638488032.0</t>
  </si>
  <si>
    <t>265648245.0</t>
  </si>
  <si>
    <t>227170619.0</t>
  </si>
  <si>
    <t>762410.0</t>
  </si>
  <si>
    <t>650062.0</t>
  </si>
  <si>
    <t>639337677.0</t>
  </si>
  <si>
    <t>265727638.0</t>
  </si>
  <si>
    <t>227233115.0</t>
  </si>
  <si>
    <t>849645.0</t>
  </si>
  <si>
    <t>61325.0</t>
  </si>
  <si>
    <t>639719636.0</t>
  </si>
  <si>
    <t>265764496.0</t>
  </si>
  <si>
    <t>227261297.0</t>
  </si>
  <si>
    <t>381959.0</t>
  </si>
  <si>
    <t>644618.0</t>
  </si>
  <si>
    <t>639928331.0</t>
  </si>
  <si>
    <t>265787078.0</t>
  </si>
  <si>
    <t>227277126.0</t>
  </si>
  <si>
    <t>208695.0</t>
  </si>
  <si>
    <t>644080.0</t>
  </si>
  <si>
    <t>61158.0</t>
  </si>
  <si>
    <t>1199678.2</t>
  </si>
  <si>
    <t>3546.30261215991</t>
  </si>
  <si>
    <t>640669450.0</t>
  </si>
  <si>
    <t>265856368.0</t>
  </si>
  <si>
    <t>227330601.0</t>
  </si>
  <si>
    <t>741119.0</t>
  </si>
  <si>
    <t>641635.0</t>
  </si>
  <si>
    <t>60744.0</t>
  </si>
  <si>
    <t>641430510.0</t>
  </si>
  <si>
    <t>265926529.0</t>
  </si>
  <si>
    <t>227384965.0</t>
  </si>
  <si>
    <t>761060.0</t>
  </si>
  <si>
    <t>642289.0</t>
  </si>
  <si>
    <t>60738.0</t>
  </si>
  <si>
    <t>642267166.0</t>
  </si>
  <si>
    <t>266003598.0</t>
  </si>
  <si>
    <t>227444129.0</t>
  </si>
  <si>
    <t>836656.0</t>
  </si>
  <si>
    <t>648792.0</t>
  </si>
  <si>
    <t>643047574.0</t>
  </si>
  <si>
    <t>266075173.0</t>
  </si>
  <si>
    <t>227499400.0</t>
  </si>
  <si>
    <t>780408.0</t>
  </si>
  <si>
    <t>651363.0</t>
  </si>
  <si>
    <t>643899181.0</t>
  </si>
  <si>
    <t>266152558.0</t>
  </si>
  <si>
    <t>227561071.0</t>
  </si>
  <si>
    <t>851607.0</t>
  </si>
  <si>
    <t>651643.0</t>
  </si>
  <si>
    <t>644268272.0</t>
  </si>
  <si>
    <t>266187491.0</t>
  </si>
  <si>
    <t>227587708.0</t>
  </si>
  <si>
    <t>649805.0</t>
  </si>
  <si>
    <t>644461087.0</t>
  </si>
  <si>
    <t>266207537.0</t>
  </si>
  <si>
    <t>227601877.0</t>
  </si>
  <si>
    <t>192815.0</t>
  </si>
  <si>
    <t>647537.0</t>
  </si>
  <si>
    <t>194.11</t>
  </si>
  <si>
    <t>1201419.1</t>
  </si>
  <si>
    <t>3551.44879070805</t>
  </si>
  <si>
    <t>645064338.0</t>
  </si>
  <si>
    <t>266265343.0</t>
  </si>
  <si>
    <t>227643939.0</t>
  </si>
  <si>
    <t>603251.0</t>
  </si>
  <si>
    <t>627841.0</t>
  </si>
  <si>
    <t>645692205.0</t>
  </si>
  <si>
    <t>266326407.0</t>
  </si>
  <si>
    <t>227689393.0</t>
  </si>
  <si>
    <t>627867.0</t>
  </si>
  <si>
    <t>608814.0</t>
  </si>
  <si>
    <t>57125.0</t>
  </si>
  <si>
    <t>646341030.0</t>
  </si>
  <si>
    <t>266391726.0</t>
  </si>
  <si>
    <t>227737477.0</t>
  </si>
  <si>
    <t>648825.0</t>
  </si>
  <si>
    <t>581981.0</t>
  </si>
  <si>
    <t>646975295.0</t>
  </si>
  <si>
    <t>266457001.0</t>
  </si>
  <si>
    <t>227785404.0</t>
  </si>
  <si>
    <t>634265.0</t>
  </si>
  <si>
    <t>561103.0</t>
  </si>
  <si>
    <t>647722078.0</t>
  </si>
  <si>
    <t>266532909.0</t>
  </si>
  <si>
    <t>227842114.0</t>
  </si>
  <si>
    <t>746783.0</t>
  </si>
  <si>
    <t>546128.0</t>
  </si>
  <si>
    <t>648062158.0</t>
  </si>
  <si>
    <t>266568038.0</t>
  </si>
  <si>
    <t>227867607.0</t>
  </si>
  <si>
    <t>340080.0</t>
  </si>
  <si>
    <t>541984.0</t>
  </si>
  <si>
    <t>648240325.0</t>
  </si>
  <si>
    <t>266588198.0</t>
  </si>
  <si>
    <t>227881513.0</t>
  </si>
  <si>
    <t>178167.0</t>
  </si>
  <si>
    <t>539891.0</t>
  </si>
  <si>
    <t>54380.0</t>
  </si>
  <si>
    <t>1202855.2</t>
  </si>
  <si>
    <t>3555.69396677387</t>
  </si>
  <si>
    <t>648818079.0</t>
  </si>
  <si>
    <t>266647294.0</t>
  </si>
  <si>
    <t>227924203.0</t>
  </si>
  <si>
    <t>577754.0</t>
  </si>
  <si>
    <t>536249.0</t>
  </si>
  <si>
    <t>195.42</t>
  </si>
  <si>
    <t>649375419.0</t>
  </si>
  <si>
    <t>266705775.0</t>
  </si>
  <si>
    <t>227965835.0</t>
  </si>
  <si>
    <t>557340.0</t>
  </si>
  <si>
    <t>526173.0</t>
  </si>
  <si>
    <t>54195.0</t>
  </si>
  <si>
    <t>649922577.0</t>
  </si>
  <si>
    <t>266763857.0</t>
  </si>
  <si>
    <t>228008129.0</t>
  </si>
  <si>
    <t>547158.0</t>
  </si>
  <si>
    <t>511650.0</t>
  </si>
  <si>
    <t>195.75</t>
  </si>
  <si>
    <t>650471607.0</t>
  </si>
  <si>
    <t>266822254.0</t>
  </si>
  <si>
    <t>228050402.0</t>
  </si>
  <si>
    <t>549030.0</t>
  </si>
  <si>
    <t>499473.0</t>
  </si>
  <si>
    <t>651063519.0</t>
  </si>
  <si>
    <t>266881209.0</t>
  </si>
  <si>
    <t>228095742.0</t>
  </si>
  <si>
    <t>591912.0</t>
  </si>
  <si>
    <t>477349.0</t>
  </si>
  <si>
    <t>651342588.0</t>
  </si>
  <si>
    <t>266911290.0</t>
  </si>
  <si>
    <t>228117360.0</t>
  </si>
  <si>
    <t>651500412.0</t>
  </si>
  <si>
    <t>266930642.0</t>
  </si>
  <si>
    <t>228129884.0</t>
  </si>
  <si>
    <t>157824.0</t>
  </si>
  <si>
    <t>465727.0</t>
  </si>
  <si>
    <t>652009988.0</t>
  </si>
  <si>
    <t>266984563.0</t>
  </si>
  <si>
    <t>228169172.0</t>
  </si>
  <si>
    <t>509576.0</t>
  </si>
  <si>
    <t>652523561.0</t>
  </si>
  <si>
    <t>267039702.0</t>
  </si>
  <si>
    <t>228209051.0</t>
  </si>
  <si>
    <t>513573.0</t>
  </si>
  <si>
    <t>449735.0</t>
  </si>
  <si>
    <t>47704.0</t>
  </si>
  <si>
    <t>653041895.0</t>
  </si>
  <si>
    <t>267096384.0</t>
  </si>
  <si>
    <t>228249822.0</t>
  </si>
  <si>
    <t>518334.0</t>
  </si>
  <si>
    <t>445617.0</t>
  </si>
  <si>
    <t>47504.0</t>
  </si>
  <si>
    <t>653544084.0</t>
  </si>
  <si>
    <t>267151904.0</t>
  </si>
  <si>
    <t>228289726.0</t>
  </si>
  <si>
    <t>502189.0</t>
  </si>
  <si>
    <t>438925.0</t>
  </si>
  <si>
    <t>654100589.0</t>
  </si>
  <si>
    <t>267212315.0</t>
  </si>
  <si>
    <t>228333812.0</t>
  </si>
  <si>
    <t>556505.0</t>
  </si>
  <si>
    <t>654362856.0</t>
  </si>
  <si>
    <t>267242032.0</t>
  </si>
  <si>
    <t>228354577.0</t>
  </si>
  <si>
    <t>262267.0</t>
  </si>
  <si>
    <t>431467.0</t>
  </si>
  <si>
    <t>654505635.0</t>
  </si>
  <si>
    <t>267260457.0</t>
  </si>
  <si>
    <t>228366554.0</t>
  </si>
  <si>
    <t>429318.0</t>
  </si>
  <si>
    <t>47116.0</t>
  </si>
  <si>
    <t>654952609.0</t>
  </si>
  <si>
    <t>267312869.0</t>
  </si>
  <si>
    <t>228402656.0</t>
  </si>
  <si>
    <t>420374.0</t>
  </si>
  <si>
    <t>46901.0</t>
  </si>
  <si>
    <t>655367968.0</t>
  </si>
  <si>
    <t>267360310.0</t>
  </si>
  <si>
    <t>228437314.0</t>
  </si>
  <si>
    <t>415359.0</t>
  </si>
  <si>
    <t>406344.0</t>
  </si>
  <si>
    <t>655720536.0</t>
  </si>
  <si>
    <t>267402084.0</t>
  </si>
  <si>
    <t>228467417.0</t>
  </si>
  <si>
    <t>352568.0</t>
  </si>
  <si>
    <t>382663.0</t>
  </si>
  <si>
    <t>655725775.0</t>
  </si>
  <si>
    <t>267403136.0</t>
  </si>
  <si>
    <t>228467856.0</t>
  </si>
  <si>
    <t>311670.0</t>
  </si>
  <si>
    <t>655968397.0</t>
  </si>
  <si>
    <t>267430111.0</t>
  </si>
  <si>
    <t>228486090.0</t>
  </si>
  <si>
    <t>242622.0</t>
  </si>
  <si>
    <t>266830.0</t>
  </si>
  <si>
    <t>656156885.0</t>
  </si>
  <si>
    <t>267452245.0</t>
  </si>
  <si>
    <t>228501272.0</t>
  </si>
  <si>
    <t>188488.0</t>
  </si>
  <si>
    <t>656274290.0</t>
  </si>
  <si>
    <t>267467367.0</t>
  </si>
  <si>
    <t>228511181.0</t>
  </si>
  <si>
    <t>252665.0</t>
  </si>
  <si>
    <t>656601387.0</t>
  </si>
  <si>
    <t>267503938.0</t>
  </si>
  <si>
    <t>228537886.0</t>
  </si>
  <si>
    <t>327097.0</t>
  </si>
  <si>
    <t>235540.0</t>
  </si>
  <si>
    <t>656939561.0</t>
  </si>
  <si>
    <t>267542340.0</t>
  </si>
  <si>
    <t>228566077.0</t>
  </si>
  <si>
    <t>338174.0</t>
  </si>
  <si>
    <t>224513.0</t>
  </si>
  <si>
    <t>197.87</t>
  </si>
  <si>
    <t>657359610.0</t>
  </si>
  <si>
    <t>267590346.0</t>
  </si>
  <si>
    <t>228602454.0</t>
  </si>
  <si>
    <t>420049.0</t>
  </si>
  <si>
    <t>234153.0</t>
  </si>
  <si>
    <t>657732221.0</t>
  </si>
  <si>
    <t>267631845.0</t>
  </si>
  <si>
    <t>228633973.0</t>
  </si>
  <si>
    <t>658155925.0</t>
  </si>
  <si>
    <t>267678720.0</t>
  </si>
  <si>
    <t>228669431.0</t>
  </si>
  <si>
    <t>423704.0</t>
  </si>
  <si>
    <t>312504.0</t>
  </si>
  <si>
    <t>658352995.0</t>
  </si>
  <si>
    <t>267702147.0</t>
  </si>
  <si>
    <t>228685501.0</t>
  </si>
  <si>
    <t>313730.0</t>
  </si>
  <si>
    <t>658465119.0</t>
  </si>
  <si>
    <t>267716888.0</t>
  </si>
  <si>
    <t>228695024.0</t>
  </si>
  <si>
    <t>112124.0</t>
  </si>
  <si>
    <t>658804135.0</t>
  </si>
  <si>
    <t>267755950.0</t>
  </si>
  <si>
    <t>228722226.0</t>
  </si>
  <si>
    <t>339016.0</t>
  </si>
  <si>
    <t>314678.0</t>
  </si>
  <si>
    <t>36002.0</t>
  </si>
  <si>
    <t>659154891.0</t>
  </si>
  <si>
    <t>267795542.0</t>
  </si>
  <si>
    <t>228750258.0</t>
  </si>
  <si>
    <t>350756.0</t>
  </si>
  <si>
    <t>316476.0</t>
  </si>
  <si>
    <t>659516560.0</t>
  </si>
  <si>
    <t>267836879.0</t>
  </si>
  <si>
    <t>228779583.0</t>
  </si>
  <si>
    <t>361669.0</t>
  </si>
  <si>
    <t>308136.0</t>
  </si>
  <si>
    <t>198.64</t>
  </si>
  <si>
    <t>659880510.0</t>
  </si>
  <si>
    <t>267877803.0</t>
  </si>
  <si>
    <t>228809424.0</t>
  </si>
  <si>
    <t>363950.0</t>
  </si>
  <si>
    <t>306898.0</t>
  </si>
  <si>
    <t>660290624.0</t>
  </si>
  <si>
    <t>267922990.0</t>
  </si>
  <si>
    <t>228842205.0</t>
  </si>
  <si>
    <t>410114.0</t>
  </si>
  <si>
    <t>304957.0</t>
  </si>
  <si>
    <t>34896.0</t>
  </si>
  <si>
    <t>660498120.0</t>
  </si>
  <si>
    <t>267947238.0</t>
  </si>
  <si>
    <t>228858333.0</t>
  </si>
  <si>
    <t>207496.0</t>
  </si>
  <si>
    <t>306446.0</t>
  </si>
  <si>
    <t>660618658.0</t>
  </si>
  <si>
    <t>267963157.0</t>
  </si>
  <si>
    <t>228868148.0</t>
  </si>
  <si>
    <t>307648.0</t>
  </si>
  <si>
    <t>660969796.0</t>
  </si>
  <si>
    <t>268003565.0</t>
  </si>
  <si>
    <t>228895819.0</t>
  </si>
  <si>
    <t>351138.0</t>
  </si>
  <si>
    <t>309380.0</t>
  </si>
  <si>
    <t>199.08</t>
  </si>
  <si>
    <t>661320840.0</t>
  </si>
  <si>
    <t>268044459.0</t>
  </si>
  <si>
    <t>228923538.0</t>
  </si>
  <si>
    <t>351044.0</t>
  </si>
  <si>
    <t>35560.0</t>
  </si>
  <si>
    <t>661652152.0</t>
  </si>
  <si>
    <t>268083864.0</t>
  </si>
  <si>
    <t>228950644.0</t>
  </si>
  <si>
    <t>331312.0</t>
  </si>
  <si>
    <t>199.29</t>
  </si>
  <si>
    <t>661957982.0</t>
  </si>
  <si>
    <t>268120868.0</t>
  </si>
  <si>
    <t>228975016.0</t>
  </si>
  <si>
    <t>305830.0</t>
  </si>
  <si>
    <t>296782.0</t>
  </si>
  <si>
    <t>199.38</t>
  </si>
  <si>
    <t>662317032.0</t>
  </si>
  <si>
    <t>268161366.0</t>
  </si>
  <si>
    <t>229003531.0</t>
  </si>
  <si>
    <t>359050.0</t>
  </si>
  <si>
    <t>289487.0</t>
  </si>
  <si>
    <t>199.49</t>
  </si>
  <si>
    <t>662492331.0</t>
  </si>
  <si>
    <t>268182647.0</t>
  </si>
  <si>
    <t>229018523.0</t>
  </si>
  <si>
    <t>175299.0</t>
  </si>
  <si>
    <t>284887.0</t>
  </si>
  <si>
    <t>662592425.0</t>
  </si>
  <si>
    <t>268196714.0</t>
  </si>
  <si>
    <t>229027388.0</t>
  </si>
  <si>
    <t>281967.0</t>
  </si>
  <si>
    <t>199.57</t>
  </si>
  <si>
    <t>662890412.0</t>
  </si>
  <si>
    <t>268232732.0</t>
  </si>
  <si>
    <t>229052057.0</t>
  </si>
  <si>
    <t>297987.0</t>
  </si>
  <si>
    <t>274374.0</t>
  </si>
  <si>
    <t>663165015.0</t>
  </si>
  <si>
    <t>268266890.0</t>
  </si>
  <si>
    <t>229075514.0</t>
  </si>
  <si>
    <t>663407647.0</t>
  </si>
  <si>
    <t>268298804.0</t>
  </si>
  <si>
    <t>229096874.0</t>
  </si>
  <si>
    <t>250785.0</t>
  </si>
  <si>
    <t>663594585.0</t>
  </si>
  <si>
    <t>268325002.0</t>
  </si>
  <si>
    <t>229113383.0</t>
  </si>
  <si>
    <t>186938.0</t>
  </si>
  <si>
    <t>233800.0</t>
  </si>
  <si>
    <t>663718981.0</t>
  </si>
  <si>
    <t>268343376.0</t>
  </si>
  <si>
    <t>229124707.0</t>
  </si>
  <si>
    <t>124396.0</t>
  </si>
  <si>
    <t>200278.0</t>
  </si>
  <si>
    <t>663744840.0</t>
  </si>
  <si>
    <t>268348577.0</t>
  </si>
  <si>
    <t>229127038.0</t>
  </si>
  <si>
    <t>178930.0</t>
  </si>
  <si>
    <t>199.92</t>
  </si>
  <si>
    <t>663746477.0</t>
  </si>
  <si>
    <t>268349580.0</t>
  </si>
  <si>
    <t>229127144.0</t>
  </si>
  <si>
    <t>164865.0</t>
  </si>
  <si>
    <t>663794258.0</t>
  </si>
  <si>
    <t>268358736.0</t>
  </si>
  <si>
    <t>229131816.0</t>
  </si>
  <si>
    <t>663822575.0</t>
  </si>
  <si>
    <t>268363272.0</t>
  </si>
  <si>
    <t>229135170.0</t>
  </si>
  <si>
    <t>199.94</t>
  </si>
  <si>
    <t>VIR</t>
  </si>
  <si>
    <t>United States Virgin Islands</t>
  </si>
  <si>
    <t>8.872</t>
  </si>
  <si>
    <t>8.952</t>
  </si>
  <si>
    <t>11.929</t>
  </si>
  <si>
    <t>12.289</t>
  </si>
  <si>
    <t>12.878</t>
  </si>
  <si>
    <t>13.448</t>
  </si>
  <si>
    <t>13.767</t>
  </si>
  <si>
    <t>14.267</t>
  </si>
  <si>
    <t>14.657</t>
  </si>
  <si>
    <t>14.966</t>
  </si>
  <si>
    <t>15.746</t>
  </si>
  <si>
    <t>16.665</t>
  </si>
  <si>
    <t>91.507</t>
  </si>
  <si>
    <t>30.362</t>
  </si>
  <si>
    <t>124.327</t>
  </si>
  <si>
    <t>155.588</t>
  </si>
  <si>
    <t>31.262</t>
  </si>
  <si>
    <t>187.619</t>
  </si>
  <si>
    <t>235.016</t>
  </si>
  <si>
    <t>47.397</t>
  </si>
  <si>
    <t>251.461</t>
  </si>
  <si>
    <t>28.804</t>
  </si>
  <si>
    <t>274.21</t>
  </si>
  <si>
    <t>22.749</t>
  </si>
  <si>
    <t>275.05</t>
  </si>
  <si>
    <t>26.216</t>
  </si>
  <si>
    <t>275.08</t>
  </si>
  <si>
    <t>27537.0</t>
  </si>
  <si>
    <t>275.12</t>
  </si>
  <si>
    <t>275.709</t>
  </si>
  <si>
    <t>276.339</t>
  </si>
  <si>
    <t>5.905</t>
  </si>
  <si>
    <t>276.678</t>
  </si>
  <si>
    <t>276.898</t>
  </si>
  <si>
    <t>277.128</t>
  </si>
  <si>
    <t>277.188</t>
  </si>
  <si>
    <t>278.037</t>
  </si>
  <si>
    <t>278.636</t>
  </si>
  <si>
    <t>278.986</t>
  </si>
  <si>
    <t>27966.0</t>
  </si>
  <si>
    <t>279.406</t>
  </si>
  <si>
    <t>279.865</t>
  </si>
  <si>
    <t>280.585</t>
  </si>
  <si>
    <t>280.725</t>
  </si>
  <si>
    <t>280.864</t>
  </si>
  <si>
    <t>281.204</t>
  </si>
  <si>
    <t>281.993</t>
  </si>
  <si>
    <t>282.673</t>
  </si>
  <si>
    <t>283.252</t>
  </si>
  <si>
    <t>283.452</t>
  </si>
  <si>
    <t>28387.0</t>
  </si>
  <si>
    <t>283.612</t>
  </si>
  <si>
    <t>284.411</t>
  </si>
  <si>
    <t>285.051</t>
  </si>
  <si>
    <t>285.68</t>
  </si>
  <si>
    <t>286.22</t>
  </si>
  <si>
    <t>287.049</t>
  </si>
  <si>
    <t>287.219</t>
  </si>
  <si>
    <t>287.438</t>
  </si>
  <si>
    <t>288.208</t>
  </si>
  <si>
    <t>288.857</t>
  </si>
  <si>
    <t>289.796</t>
  </si>
  <si>
    <t>29052.0</t>
  </si>
  <si>
    <t>290.256</t>
  </si>
  <si>
    <t>290.516</t>
  </si>
  <si>
    <t>290.805</t>
  </si>
  <si>
    <t>291.625</t>
  </si>
  <si>
    <t>293.413</t>
  </si>
  <si>
    <t>294.122</t>
  </si>
  <si>
    <t>294.632</t>
  </si>
  <si>
    <t>296.011</t>
  </si>
  <si>
    <t>296.19</t>
  </si>
  <si>
    <t>296.42</t>
  </si>
  <si>
    <t>297.21</t>
  </si>
  <si>
    <t>299.198</t>
  </si>
  <si>
    <t>301.196</t>
  </si>
  <si>
    <t>303.584</t>
  </si>
  <si>
    <t>303.774</t>
  </si>
  <si>
    <t>305.262</t>
  </si>
  <si>
    <t>306.471</t>
  </si>
  <si>
    <t>307.071</t>
  </si>
  <si>
    <t>307.48</t>
  </si>
  <si>
    <t>308.23</t>
  </si>
  <si>
    <t>309.099</t>
  </si>
  <si>
    <t>309.848</t>
  </si>
  <si>
    <t>310.358</t>
  </si>
  <si>
    <t>310.877</t>
  </si>
  <si>
    <t>311.137</t>
  </si>
  <si>
    <t>311.337</t>
  </si>
  <si>
    <t>311.916</t>
  </si>
  <si>
    <t>312.096</t>
  </si>
  <si>
    <t>312.875</t>
  </si>
  <si>
    <t>313.305</t>
  </si>
  <si>
    <t>314.304</t>
  </si>
  <si>
    <t>314.704</t>
  </si>
  <si>
    <t>315.153</t>
  </si>
  <si>
    <t>315.383</t>
  </si>
  <si>
    <t>31659.0</t>
  </si>
  <si>
    <t>316.302</t>
  </si>
  <si>
    <t>317.281</t>
  </si>
  <si>
    <t>317.661</t>
  </si>
  <si>
    <t>317.881</t>
  </si>
  <si>
    <t>319.259</t>
  </si>
  <si>
    <t>319.859</t>
  </si>
  <si>
    <t>32037.0</t>
  </si>
  <si>
    <t>320.079</t>
  </si>
  <si>
    <t>320.229</t>
  </si>
  <si>
    <t>321.697</t>
  </si>
  <si>
    <t>322.197</t>
  </si>
  <si>
    <t>323.596</t>
  </si>
  <si>
    <t>325.314</t>
  </si>
  <si>
    <t>32600.0</t>
  </si>
  <si>
    <t>325.704</t>
  </si>
  <si>
    <t>326.083</t>
  </si>
  <si>
    <t>326.403</t>
  </si>
  <si>
    <t>327.292</t>
  </si>
  <si>
    <t>328.231</t>
  </si>
  <si>
    <t>328.761</t>
  </si>
  <si>
    <t>329.44</t>
  </si>
  <si>
    <t>331.019</t>
  </si>
  <si>
    <t>332.358</t>
  </si>
  <si>
    <t>332.957</t>
  </si>
  <si>
    <t>333.656</t>
  </si>
  <si>
    <t>33453.0</t>
  </si>
  <si>
    <t>334.226</t>
  </si>
  <si>
    <t>334.855</t>
  </si>
  <si>
    <t>335.325</t>
  </si>
  <si>
    <t>33596.0</t>
  </si>
  <si>
    <t>335.655</t>
  </si>
  <si>
    <t>337.263</t>
  </si>
  <si>
    <t>337.912</t>
  </si>
  <si>
    <t>338.402</t>
  </si>
  <si>
    <t>339.041</t>
  </si>
  <si>
    <t>339.631</t>
  </si>
  <si>
    <t>340.091</t>
  </si>
  <si>
    <t>34073.0</t>
  </si>
  <si>
    <t>347.234</t>
  </si>
  <si>
    <t>348.053</t>
  </si>
  <si>
    <t>348.902</t>
  </si>
  <si>
    <t>350.301</t>
  </si>
  <si>
    <t>35129.0</t>
  </si>
  <si>
    <t>350.971</t>
  </si>
  <si>
    <t>351.46</t>
  </si>
  <si>
    <t>352.589</t>
  </si>
  <si>
    <t>353.728</t>
  </si>
  <si>
    <t>355.706</t>
  </si>
  <si>
    <t>356.915</t>
  </si>
  <si>
    <t>357.515</t>
  </si>
  <si>
    <t>35828.0</t>
  </si>
  <si>
    <t>357.954</t>
  </si>
  <si>
    <t>358.544</t>
  </si>
  <si>
    <t>361.621</t>
  </si>
  <si>
    <t>362.55</t>
  </si>
  <si>
    <t>363.699</t>
  </si>
  <si>
    <t>364.658</t>
  </si>
  <si>
    <t>365.058</t>
  </si>
  <si>
    <t>365.577</t>
  </si>
  <si>
    <t>366.486</t>
  </si>
  <si>
    <t>367.336</t>
  </si>
  <si>
    <t>368.115</t>
  </si>
  <si>
    <t>369.144</t>
  </si>
  <si>
    <t>369.754</t>
  </si>
  <si>
    <t>369.933</t>
  </si>
  <si>
    <t>370.323</t>
  </si>
  <si>
    <t>371.492</t>
  </si>
  <si>
    <t>372.321</t>
  </si>
  <si>
    <t>372.861</t>
  </si>
  <si>
    <t>377.347</t>
  </si>
  <si>
    <t>378.066</t>
  </si>
  <si>
    <t>378.595</t>
  </si>
  <si>
    <t>379.744</t>
  </si>
  <si>
    <t>380.754</t>
  </si>
  <si>
    <t>381.183</t>
  </si>
  <si>
    <t>414.103</t>
  </si>
  <si>
    <t>438.661</t>
  </si>
  <si>
    <t>24.558</t>
  </si>
  <si>
    <t>508.048</t>
  </si>
  <si>
    <t>541.168</t>
  </si>
  <si>
    <t>550.489</t>
  </si>
  <si>
    <t>552.367</t>
  </si>
  <si>
    <t>24.518</t>
  </si>
  <si>
    <t>554.605</t>
  </si>
  <si>
    <t>24.777</t>
  </si>
  <si>
    <t>556.514</t>
  </si>
  <si>
    <t>557.433</t>
  </si>
  <si>
    <t>557.752</t>
  </si>
  <si>
    <t>7.104</t>
  </si>
  <si>
    <t>55972.0</t>
  </si>
  <si>
    <t>559.211</t>
  </si>
  <si>
    <t>58107.0</t>
  </si>
  <si>
    <t>580.542</t>
  </si>
  <si>
    <t>21.331</t>
  </si>
  <si>
    <t>582.76</t>
  </si>
  <si>
    <t>583.989</t>
  </si>
  <si>
    <t>58508.0</t>
  </si>
  <si>
    <t>584.548</t>
  </si>
  <si>
    <t>585.397</t>
  </si>
  <si>
    <t>586.137</t>
  </si>
  <si>
    <t>586.846</t>
  </si>
  <si>
    <t>588.265</t>
  </si>
  <si>
    <t>589.813</t>
  </si>
  <si>
    <t>59190.0</t>
  </si>
  <si>
    <t>591.362</t>
  </si>
  <si>
    <t>59201.0</t>
  </si>
  <si>
    <t>591.472</t>
  </si>
  <si>
    <t>59306.0</t>
  </si>
  <si>
    <t>592.521</t>
  </si>
  <si>
    <t>593.26</t>
  </si>
  <si>
    <t>593.76</t>
  </si>
  <si>
    <t>595.358</t>
  </si>
  <si>
    <t>596.987</t>
  </si>
  <si>
    <t>598.236</t>
  </si>
  <si>
    <t>60002.0</t>
  </si>
  <si>
    <t>599.474</t>
  </si>
  <si>
    <t>600.464</t>
  </si>
  <si>
    <t>600.474</t>
  </si>
  <si>
    <t>609.735</t>
  </si>
  <si>
    <t>61215.0</t>
  </si>
  <si>
    <t>611.593</t>
  </si>
  <si>
    <t>613.372</t>
  </si>
  <si>
    <t>614.251</t>
  </si>
  <si>
    <t>61594.0</t>
  </si>
  <si>
    <t>615.38</t>
  </si>
  <si>
    <t>61704.0</t>
  </si>
  <si>
    <t>616.479</t>
  </si>
  <si>
    <t>617.448</t>
  </si>
  <si>
    <t>619.416</t>
  </si>
  <si>
    <t>621.524</t>
  </si>
  <si>
    <t>623.782</t>
  </si>
  <si>
    <t>62610.0</t>
  </si>
  <si>
    <t>625.531</t>
  </si>
  <si>
    <t>626.91</t>
  </si>
  <si>
    <t>627.159</t>
  </si>
  <si>
    <t>628.488</t>
  </si>
  <si>
    <t>63125.0</t>
  </si>
  <si>
    <t>630.676</t>
  </si>
  <si>
    <t>632.115</t>
  </si>
  <si>
    <t>634.662</t>
  </si>
  <si>
    <t>636.181</t>
  </si>
  <si>
    <t>638.029</t>
  </si>
  <si>
    <t>638.069</t>
  </si>
  <si>
    <t>639.468</t>
  </si>
  <si>
    <t>64191.0</t>
  </si>
  <si>
    <t>641.326</t>
  </si>
  <si>
    <t>643.484</t>
  </si>
  <si>
    <t>645.143</t>
  </si>
  <si>
    <t>647.99</t>
  </si>
  <si>
    <t>649.649</t>
  </si>
  <si>
    <t>650.408</t>
  </si>
  <si>
    <t>651.207</t>
  </si>
  <si>
    <t>65584.0</t>
  </si>
  <si>
    <t>655.244</t>
  </si>
  <si>
    <t>65797.0</t>
  </si>
  <si>
    <t>657.372</t>
  </si>
  <si>
    <t>658.351</t>
  </si>
  <si>
    <t>660.639</t>
  </si>
  <si>
    <t>66172.0</t>
  </si>
  <si>
    <t>661.118</t>
  </si>
  <si>
    <t>661.348</t>
  </si>
  <si>
    <t>662.607</t>
  </si>
  <si>
    <t>66507.0</t>
  </si>
  <si>
    <t>664.465</t>
  </si>
  <si>
    <t>66723.0</t>
  </si>
  <si>
    <t>666.623</t>
  </si>
  <si>
    <t>670.42</t>
  </si>
  <si>
    <t>671.819</t>
  </si>
  <si>
    <t>67336.0</t>
  </si>
  <si>
    <t>672.748</t>
  </si>
  <si>
    <t>67384.0</t>
  </si>
  <si>
    <t>673.227</t>
  </si>
  <si>
    <t>673.807</t>
  </si>
  <si>
    <t>676.025</t>
  </si>
  <si>
    <t>677.733</t>
  </si>
  <si>
    <t>679.841</t>
  </si>
  <si>
    <t>680.93</t>
  </si>
  <si>
    <t>68222.0</t>
  </si>
  <si>
    <t>681.6</t>
  </si>
  <si>
    <t>681.879</t>
  </si>
  <si>
    <t>684.127</t>
  </si>
  <si>
    <t>68982.0</t>
  </si>
  <si>
    <t>689.193</t>
  </si>
  <si>
    <t>69354.0</t>
  </si>
  <si>
    <t>692.909</t>
  </si>
  <si>
    <t>695.067</t>
  </si>
  <si>
    <t>69691.0</t>
  </si>
  <si>
    <t>696.276</t>
  </si>
  <si>
    <t>697.635</t>
  </si>
  <si>
    <t>698.624</t>
  </si>
  <si>
    <t>70022.0</t>
  </si>
  <si>
    <t>699.583</t>
  </si>
  <si>
    <t>70261.0</t>
  </si>
  <si>
    <t>701.971</t>
  </si>
  <si>
    <t>70462.0</t>
  </si>
  <si>
    <t>703.979</t>
  </si>
  <si>
    <t>70609.0</t>
  </si>
  <si>
    <t>705.448</t>
  </si>
  <si>
    <t>70800.0</t>
  </si>
  <si>
    <t>707.356</t>
  </si>
  <si>
    <t>708.395</t>
  </si>
  <si>
    <t>70936.0</t>
  </si>
  <si>
    <t>708.715</t>
  </si>
  <si>
    <t>710.394</t>
  </si>
  <si>
    <t>71331.0</t>
  </si>
  <si>
    <t>715.099</t>
  </si>
  <si>
    <t>717.597</t>
  </si>
  <si>
    <t>72017.0</t>
  </si>
  <si>
    <t>719.515</t>
  </si>
  <si>
    <t>721.613</t>
  </si>
  <si>
    <t>72304.0</t>
  </si>
  <si>
    <t>722.383</t>
  </si>
  <si>
    <t>72428.0</t>
  </si>
  <si>
    <t>723.622</t>
  </si>
  <si>
    <t>726.059</t>
  </si>
  <si>
    <t>72829.0</t>
  </si>
  <si>
    <t>727.628</t>
  </si>
  <si>
    <t>729.446</t>
  </si>
  <si>
    <t>731.434</t>
  </si>
  <si>
    <t>733.043</t>
  </si>
  <si>
    <t>734.152</t>
  </si>
  <si>
    <t>73523.0</t>
  </si>
  <si>
    <t>734.562</t>
  </si>
  <si>
    <t>73690.0</t>
  </si>
  <si>
    <t>736.23</t>
  </si>
  <si>
    <t>73936.0</t>
  </si>
  <si>
    <t>738.688</t>
  </si>
  <si>
    <t>74202.0</t>
  </si>
  <si>
    <t>741.345</t>
  </si>
  <si>
    <t>743.064</t>
  </si>
  <si>
    <t>74554.0</t>
  </si>
  <si>
    <t>744.862</t>
  </si>
  <si>
    <t>745.312</t>
  </si>
  <si>
    <t>747.17</t>
  </si>
  <si>
    <t>75021.0</t>
  </si>
  <si>
    <t>749.528</t>
  </si>
  <si>
    <t>75242.0</t>
  </si>
  <si>
    <t>751.736</t>
  </si>
  <si>
    <t>75505.0</t>
  </si>
  <si>
    <t>754.364</t>
  </si>
  <si>
    <t>75768.0</t>
  </si>
  <si>
    <t>756.991</t>
  </si>
  <si>
    <t>75910.0</t>
  </si>
  <si>
    <t>758.41</t>
  </si>
  <si>
    <t>75975.0</t>
  </si>
  <si>
    <t>759.059</t>
  </si>
  <si>
    <t>76033.0</t>
  </si>
  <si>
    <t>759.639</t>
  </si>
  <si>
    <t>762.007</t>
  </si>
  <si>
    <t>763.785</t>
  </si>
  <si>
    <t>765.114</t>
  </si>
  <si>
    <t>766.343</t>
  </si>
  <si>
    <t>769.4</t>
  </si>
  <si>
    <t>77065.0</t>
  </si>
  <si>
    <t>769.949</t>
  </si>
  <si>
    <t>770.719</t>
  </si>
  <si>
    <t>772.837</t>
  </si>
  <si>
    <t>773.886</t>
  </si>
  <si>
    <t>776.733</t>
  </si>
  <si>
    <t>779.221</t>
  </si>
  <si>
    <t>78201.0</t>
  </si>
  <si>
    <t>781.299</t>
  </si>
  <si>
    <t>781.599</t>
  </si>
  <si>
    <t>783.097</t>
  </si>
  <si>
    <t>785.645</t>
  </si>
  <si>
    <t>78861.0</t>
  </si>
  <si>
    <t>787.893</t>
  </si>
  <si>
    <t>792.339</t>
  </si>
  <si>
    <t>79656.0</t>
  </si>
  <si>
    <t>795.836</t>
  </si>
  <si>
    <t>799.942</t>
  </si>
  <si>
    <t>80119.0</t>
  </si>
  <si>
    <t>800.462</t>
  </si>
  <si>
    <t>801.371</t>
  </si>
  <si>
    <t>80483.0</t>
  </si>
  <si>
    <t>804.098</t>
  </si>
  <si>
    <t>80847.0</t>
  </si>
  <si>
    <t>807.735</t>
  </si>
  <si>
    <t>81280.0</t>
  </si>
  <si>
    <t>812.061</t>
  </si>
  <si>
    <t>81533.0</t>
  </si>
  <si>
    <t>814.589</t>
  </si>
  <si>
    <t>815.728</t>
  </si>
  <si>
    <t>817.196</t>
  </si>
  <si>
    <t>818.335</t>
  </si>
  <si>
    <t>820.673</t>
  </si>
  <si>
    <t>822.681</t>
  </si>
  <si>
    <t>824.739</t>
  </si>
  <si>
    <t>82790.0</t>
  </si>
  <si>
    <t>827.147</t>
  </si>
  <si>
    <t>829.175</t>
  </si>
  <si>
    <t>830.015</t>
  </si>
  <si>
    <t>83205.0</t>
  </si>
  <si>
    <t>831.294</t>
  </si>
  <si>
    <t>833.951</t>
  </si>
  <si>
    <t>835.23</t>
  </si>
  <si>
    <t>83843.0</t>
  </si>
  <si>
    <t>837.668</t>
  </si>
  <si>
    <t>84092.0</t>
  </si>
  <si>
    <t>840.155</t>
  </si>
  <si>
    <t>84208.0</t>
  </si>
  <si>
    <t>841.314</t>
  </si>
  <si>
    <t>841.464</t>
  </si>
  <si>
    <t>84295.0</t>
  </si>
  <si>
    <t>842.184</t>
  </si>
  <si>
    <t>844.202</t>
  </si>
  <si>
    <t>846.11</t>
  </si>
  <si>
    <t>84853.0</t>
  </si>
  <si>
    <t>847.759</t>
  </si>
  <si>
    <t>85094.0</t>
  </si>
  <si>
    <t>850.166</t>
  </si>
  <si>
    <t>85134.0</t>
  </si>
  <si>
    <t>850.566</t>
  </si>
  <si>
    <t>851.245</t>
  </si>
  <si>
    <t>85222.0</t>
  </si>
  <si>
    <t>851.445</t>
  </si>
  <si>
    <t>852.464</t>
  </si>
  <si>
    <t>854.063</t>
  </si>
  <si>
    <t>85713.0</t>
  </si>
  <si>
    <t>856.351</t>
  </si>
  <si>
    <t>85924.0</t>
  </si>
  <si>
    <t>858.459</t>
  </si>
  <si>
    <t>86063.0</t>
  </si>
  <si>
    <t>859.848</t>
  </si>
  <si>
    <t>860.027</t>
  </si>
  <si>
    <t>861.316</t>
  </si>
  <si>
    <t>86397.0</t>
  </si>
  <si>
    <t>863.185</t>
  </si>
  <si>
    <t>86515.0</t>
  </si>
  <si>
    <t>864.363</t>
  </si>
  <si>
    <t>866.462</t>
  </si>
  <si>
    <t>867.441</t>
  </si>
  <si>
    <t>868.32</t>
  </si>
  <si>
    <t>86923.0</t>
  </si>
  <si>
    <t>868.44</t>
  </si>
  <si>
    <t>87037.0</t>
  </si>
  <si>
    <t>869.579</t>
  </si>
  <si>
    <t>87214.0</t>
  </si>
  <si>
    <t>871.347</t>
  </si>
  <si>
    <t>872.716</t>
  </si>
  <si>
    <t>87541.0</t>
  </si>
  <si>
    <t>874.614</t>
  </si>
  <si>
    <t>876.263</t>
  </si>
  <si>
    <t>876.762</t>
  </si>
  <si>
    <t>877.082</t>
  </si>
  <si>
    <t>87976.0</t>
  </si>
  <si>
    <t>878.96</t>
  </si>
  <si>
    <t>88162.0</t>
  </si>
  <si>
    <t>880.818</t>
  </si>
  <si>
    <t>882.257</t>
  </si>
  <si>
    <t>88397.0</t>
  </si>
  <si>
    <t>883.166</t>
  </si>
  <si>
    <t>88613.0</t>
  </si>
  <si>
    <t>885.324</t>
  </si>
  <si>
    <t>88750.0</t>
  </si>
  <si>
    <t>886.693</t>
  </si>
  <si>
    <t>886.903</t>
  </si>
  <si>
    <t>887.682</t>
  </si>
  <si>
    <t>889.77</t>
  </si>
  <si>
    <t>89186.0</t>
  </si>
  <si>
    <t>891.049</t>
  </si>
  <si>
    <t>89346.0</t>
  </si>
  <si>
    <t>892.648</t>
  </si>
  <si>
    <t>89565.0</t>
  </si>
  <si>
    <t>894.836</t>
  </si>
  <si>
    <t>895.905</t>
  </si>
  <si>
    <t>89685.0</t>
  </si>
  <si>
    <t>896.035</t>
  </si>
  <si>
    <t>89713.0</t>
  </si>
  <si>
    <t>896.314</t>
  </si>
  <si>
    <t>897.423</t>
  </si>
  <si>
    <t>89967.0</t>
  </si>
  <si>
    <t>898.852</t>
  </si>
  <si>
    <t>90102.0</t>
  </si>
  <si>
    <t>900.201</t>
  </si>
  <si>
    <t>901.849</t>
  </si>
  <si>
    <t>903.078</t>
  </si>
  <si>
    <t>90412.0</t>
  </si>
  <si>
    <t>903.298</t>
  </si>
  <si>
    <t>904.047</t>
  </si>
  <si>
    <t>90659.0</t>
  </si>
  <si>
    <t>905.766</t>
  </si>
  <si>
    <t>906.815</t>
  </si>
  <si>
    <t>907.544</t>
  </si>
  <si>
    <t>91053.0</t>
  </si>
  <si>
    <t>909.702</t>
  </si>
  <si>
    <t>910.392</t>
  </si>
  <si>
    <t>91179.0</t>
  </si>
  <si>
    <t>910.961</t>
  </si>
  <si>
    <t>911.88</t>
  </si>
  <si>
    <t>91453.0</t>
  </si>
  <si>
    <t>913.699</t>
  </si>
  <si>
    <t>91608.0</t>
  </si>
  <si>
    <t>915.247</t>
  </si>
  <si>
    <t>917.035</t>
  </si>
  <si>
    <t>918.224</t>
  </si>
  <si>
    <t>91997.0</t>
  </si>
  <si>
    <t>919.134</t>
  </si>
  <si>
    <t>919.363</t>
  </si>
  <si>
    <t>92095.0</t>
  </si>
  <si>
    <t>920.113</t>
  </si>
  <si>
    <t>92156.0</t>
  </si>
  <si>
    <t>920.722</t>
  </si>
  <si>
    <t>92267.0</t>
  </si>
  <si>
    <t>921.831</t>
  </si>
  <si>
    <t>92329.0</t>
  </si>
  <si>
    <t>922.451</t>
  </si>
  <si>
    <t>92456.0</t>
  </si>
  <si>
    <t>923.719</t>
  </si>
  <si>
    <t>924.179</t>
  </si>
  <si>
    <t>924.738</t>
  </si>
  <si>
    <t>925.478</t>
  </si>
  <si>
    <t>926.966</t>
  </si>
  <si>
    <t>92899.0</t>
  </si>
  <si>
    <t>928.145</t>
  </si>
  <si>
    <t>93029.0</t>
  </si>
  <si>
    <t>929.444</t>
  </si>
  <si>
    <t>929.994</t>
  </si>
  <si>
    <t>93225.0</t>
  </si>
  <si>
    <t>931.402</t>
  </si>
  <si>
    <t>93237.0</t>
  </si>
  <si>
    <t>931.522</t>
  </si>
  <si>
    <t>932.122</t>
  </si>
  <si>
    <t>933.78</t>
  </si>
  <si>
    <t>93576.0</t>
  </si>
  <si>
    <t>934.909</t>
  </si>
  <si>
    <t>93719.0</t>
  </si>
  <si>
    <t>936.338</t>
  </si>
  <si>
    <t>93880.0</t>
  </si>
  <si>
    <t>937.946</t>
  </si>
  <si>
    <t>938.806</t>
  </si>
  <si>
    <t>93995.0</t>
  </si>
  <si>
    <t>939.095</t>
  </si>
  <si>
    <t>94077.0</t>
  </si>
  <si>
    <t>939.915</t>
  </si>
  <si>
    <t>94214.0</t>
  </si>
  <si>
    <t>941.283</t>
  </si>
  <si>
    <t>942.422</t>
  </si>
  <si>
    <t>94348.0</t>
  </si>
  <si>
    <t>942.622</t>
  </si>
  <si>
    <t>94357.0</t>
  </si>
  <si>
    <t>942.712</t>
  </si>
  <si>
    <t>94435.0</t>
  </si>
  <si>
    <t>943.491</t>
  </si>
  <si>
    <t>94529.0</t>
  </si>
  <si>
    <t>944.431</t>
  </si>
  <si>
    <t>94591.0</t>
  </si>
  <si>
    <t>945.05</t>
  </si>
  <si>
    <t>94685.0</t>
  </si>
  <si>
    <t>945.989</t>
  </si>
  <si>
    <t>94795.0</t>
  </si>
  <si>
    <t>947.088</t>
  </si>
  <si>
    <t>948.627</t>
  </si>
  <si>
    <t>950.005</t>
  </si>
  <si>
    <t>950.885</t>
  </si>
  <si>
    <t>951.514</t>
  </si>
  <si>
    <t>952.203</t>
  </si>
  <si>
    <t>95388.0</t>
  </si>
  <si>
    <t>953.013</t>
  </si>
  <si>
    <t>95470.0</t>
  </si>
  <si>
    <t>953.832</t>
  </si>
  <si>
    <t>95601.0</t>
  </si>
  <si>
    <t>955.141</t>
  </si>
  <si>
    <t>95767.0</t>
  </si>
  <si>
    <t>956.799</t>
  </si>
  <si>
    <t>957.948</t>
  </si>
  <si>
    <t>95929.0</t>
  </si>
  <si>
    <t>958.418</t>
  </si>
  <si>
    <t>958.758</t>
  </si>
  <si>
    <t>960.106</t>
  </si>
  <si>
    <t>961.315</t>
  </si>
  <si>
    <t>962.734</t>
  </si>
  <si>
    <t>96582.0</t>
  </si>
  <si>
    <t>964.942</t>
  </si>
  <si>
    <t>96739.0</t>
  </si>
  <si>
    <t>966.51</t>
  </si>
  <si>
    <t>966.78</t>
  </si>
  <si>
    <t>96825.0</t>
  </si>
  <si>
    <t>967.37</t>
  </si>
  <si>
    <t>969.148</t>
  </si>
  <si>
    <t>97378.0</t>
  </si>
  <si>
    <t>972.895</t>
  </si>
  <si>
    <t>97735.0</t>
  </si>
  <si>
    <t>976.461</t>
  </si>
  <si>
    <t>978.4</t>
  </si>
  <si>
    <t>97977.0</t>
  </si>
  <si>
    <t>978.879</t>
  </si>
  <si>
    <t>98050.0</t>
  </si>
  <si>
    <t>979.609</t>
  </si>
  <si>
    <t>980.068</t>
  </si>
  <si>
    <t>98452.0</t>
  </si>
  <si>
    <t>983.625</t>
  </si>
  <si>
    <t>990.019</t>
  </si>
  <si>
    <t>99536.0</t>
  </si>
  <si>
    <t>994.455</t>
  </si>
  <si>
    <t>99611.0</t>
  </si>
  <si>
    <t>995.204</t>
  </si>
  <si>
    <t>99625.0</t>
  </si>
  <si>
    <t>995.344</t>
  </si>
  <si>
    <t>996.363</t>
  </si>
  <si>
    <t>999.391</t>
  </si>
  <si>
    <t>1006.444</t>
  </si>
  <si>
    <t>1009.441</t>
  </si>
  <si>
    <t>1012.858</t>
  </si>
  <si>
    <t>101429.0</t>
  </si>
  <si>
    <t>1013.368</t>
  </si>
  <si>
    <t>1016.125</t>
  </si>
  <si>
    <t>101738.0</t>
  </si>
  <si>
    <t>1016.455</t>
  </si>
  <si>
    <t>1018.074</t>
  </si>
  <si>
    <t>1021.49</t>
  </si>
  <si>
    <t>102523.0</t>
  </si>
  <si>
    <t>1024.298</t>
  </si>
  <si>
    <t>1027.625</t>
  </si>
  <si>
    <t>102939.0</t>
  </si>
  <si>
    <t>1028.454</t>
  </si>
  <si>
    <t>1029.903</t>
  </si>
  <si>
    <t>1030.053</t>
  </si>
  <si>
    <t>103108.0</t>
  </si>
  <si>
    <t>1030.143</t>
  </si>
  <si>
    <t>1033.2</t>
  </si>
  <si>
    <t>1035.458</t>
  </si>
  <si>
    <t>1037.076</t>
  </si>
  <si>
    <t>1038.235</t>
  </si>
  <si>
    <t>103948.0</t>
  </si>
  <si>
    <t>1038.535</t>
  </si>
  <si>
    <t>1039.734</t>
  </si>
  <si>
    <t>104247.0</t>
  </si>
  <si>
    <t>1041.522</t>
  </si>
  <si>
    <t>1043.82</t>
  </si>
  <si>
    <t>104594.0</t>
  </si>
  <si>
    <t>1044.989</t>
  </si>
  <si>
    <t>104697.0</t>
  </si>
  <si>
    <t>1046.018</t>
  </si>
  <si>
    <t>104779.0</t>
  </si>
  <si>
    <t>1046.837</t>
  </si>
  <si>
    <t>104803.0</t>
  </si>
  <si>
    <t>1047.077</t>
  </si>
  <si>
    <t>1047.856</t>
  </si>
  <si>
    <t>105062.0</t>
  </si>
  <si>
    <t>1049.665</t>
  </si>
  <si>
    <t>1051.084</t>
  </si>
  <si>
    <t>1052.652</t>
  </si>
  <si>
    <t>1053.861</t>
  </si>
  <si>
    <t>1054.311</t>
  </si>
  <si>
    <t>105546.0</t>
  </si>
  <si>
    <t>1054.5</t>
  </si>
  <si>
    <t>105732.0</t>
  </si>
  <si>
    <t>1056.359</t>
  </si>
  <si>
    <t>105846.0</t>
  </si>
  <si>
    <t>1057.498</t>
  </si>
  <si>
    <t>105924.0</t>
  </si>
  <si>
    <t>1058.277</t>
  </si>
  <si>
    <t>106073.0</t>
  </si>
  <si>
    <t>1059.766</t>
  </si>
  <si>
    <t>1060.665</t>
  </si>
  <si>
    <t>1060.915</t>
  </si>
  <si>
    <t>106224.0</t>
  </si>
  <si>
    <t>1061.274</t>
  </si>
  <si>
    <t>1062.103</t>
  </si>
  <si>
    <t>106430.0</t>
  </si>
  <si>
    <t>1063.332</t>
  </si>
  <si>
    <t>106542.0</t>
  </si>
  <si>
    <t>1064.451</t>
  </si>
  <si>
    <t>106576.0</t>
  </si>
  <si>
    <t>1064.791</t>
  </si>
  <si>
    <t>1065.88</t>
  </si>
  <si>
    <t>106761.0</t>
  </si>
  <si>
    <t>1066.639</t>
  </si>
  <si>
    <t>106767.0</t>
  </si>
  <si>
    <t>1066.699</t>
  </si>
  <si>
    <t>1066.869</t>
  </si>
  <si>
    <t>106849.0</t>
  </si>
  <si>
    <t>1067.519</t>
  </si>
  <si>
    <t>1068.538</t>
  </si>
  <si>
    <t>1069.537</t>
  </si>
  <si>
    <t>1070.466</t>
  </si>
  <si>
    <t>1070.736</t>
  </si>
  <si>
    <t>107177.0</t>
  </si>
  <si>
    <t>1070.796</t>
  </si>
  <si>
    <t>107235.0</t>
  </si>
  <si>
    <t>1071.375</t>
  </si>
  <si>
    <t>1072.594</t>
  </si>
  <si>
    <t>1073.243</t>
  </si>
  <si>
    <t>107551.0</t>
  </si>
  <si>
    <t>1074.532</t>
  </si>
  <si>
    <t>107637.0</t>
  </si>
  <si>
    <t>1075.391</t>
  </si>
  <si>
    <t>1075.921</t>
  </si>
  <si>
    <t>1076.56</t>
  </si>
  <si>
    <t>1076.93</t>
  </si>
  <si>
    <t>1077.659</t>
  </si>
  <si>
    <t>107932.0</t>
  </si>
  <si>
    <t>1078.339</t>
  </si>
  <si>
    <t>107983.0</t>
  </si>
  <si>
    <t>1078.848</t>
  </si>
  <si>
    <t>108058.0</t>
  </si>
  <si>
    <t>1079.598</t>
  </si>
  <si>
    <t>108098.0</t>
  </si>
  <si>
    <t>1079.997</t>
  </si>
  <si>
    <t>108109.0</t>
  </si>
  <si>
    <t>108171.0</t>
  </si>
  <si>
    <t>1080.727</t>
  </si>
  <si>
    <t>1081.146</t>
  </si>
  <si>
    <t>108251.0</t>
  </si>
  <si>
    <t>1081.526</t>
  </si>
  <si>
    <t>1082.015</t>
  </si>
  <si>
    <t>1082.475</t>
  </si>
  <si>
    <t>108383.0</t>
  </si>
  <si>
    <t>1082.845</t>
  </si>
  <si>
    <t>1082.905</t>
  </si>
  <si>
    <t>1083.364</t>
  </si>
  <si>
    <t>1084.353</t>
  </si>
  <si>
    <t>1084.873</t>
  </si>
  <si>
    <t>108671.0</t>
  </si>
  <si>
    <t>1085.722</t>
  </si>
  <si>
    <t>108758.0</t>
  </si>
  <si>
    <t>1086.591</t>
  </si>
  <si>
    <t>108835.0</t>
  </si>
  <si>
    <t>1087.361</t>
  </si>
  <si>
    <t>1087.47</t>
  </si>
  <si>
    <t>1087.81</t>
  </si>
  <si>
    <t>108939.0</t>
  </si>
  <si>
    <t>1088.4</t>
  </si>
  <si>
    <t>109065.0</t>
  </si>
  <si>
    <t>1089.658</t>
  </si>
  <si>
    <t>109155.0</t>
  </si>
  <si>
    <t>1090.558</t>
  </si>
  <si>
    <t>109200.0</t>
  </si>
  <si>
    <t>1091.007</t>
  </si>
  <si>
    <t>1091.357</t>
  </si>
  <si>
    <t>1091.467</t>
  </si>
  <si>
    <t>109327.0</t>
  </si>
  <si>
    <t>1092.276</t>
  </si>
  <si>
    <t>109439.0</t>
  </si>
  <si>
    <t>1093.395</t>
  </si>
  <si>
    <t>109478.0</t>
  </si>
  <si>
    <t>1093.785</t>
  </si>
  <si>
    <t>109576.0</t>
  </si>
  <si>
    <t>1094.764</t>
  </si>
  <si>
    <t>109636.0</t>
  </si>
  <si>
    <t>1095.363</t>
  </si>
  <si>
    <t>109675.0</t>
  </si>
  <si>
    <t>1095.753</t>
  </si>
  <si>
    <t>109682.0</t>
  </si>
  <si>
    <t>1095.823</t>
  </si>
  <si>
    <t>109727.0</t>
  </si>
  <si>
    <t>1096.272</t>
  </si>
  <si>
    <t>109859.0</t>
  </si>
  <si>
    <t>1097.591</t>
  </si>
  <si>
    <t>1098.291</t>
  </si>
  <si>
    <t>109987.0</t>
  </si>
  <si>
    <t>1098.87</t>
  </si>
  <si>
    <t>1098.96</t>
  </si>
  <si>
    <t>1099.519</t>
  </si>
  <si>
    <t>1100.039</t>
  </si>
  <si>
    <t>1100.099</t>
  </si>
  <si>
    <t>110161.0</t>
  </si>
  <si>
    <t>1100.608</t>
  </si>
  <si>
    <t>1101.438</t>
  </si>
  <si>
    <t>1102.137</t>
  </si>
  <si>
    <t>110388.0</t>
  </si>
  <si>
    <t>1102.876</t>
  </si>
  <si>
    <t>1103.206</t>
  </si>
  <si>
    <t>110426.0</t>
  </si>
  <si>
    <t>1103.256</t>
  </si>
  <si>
    <t>110560.0</t>
  </si>
  <si>
    <t>1104.595</t>
  </si>
  <si>
    <t>1105.854</t>
  </si>
  <si>
    <t>110813.0</t>
  </si>
  <si>
    <t>1107.123</t>
  </si>
  <si>
    <t>110915.0</t>
  </si>
  <si>
    <t>1108.142</t>
  </si>
  <si>
    <t>110957.0</t>
  </si>
  <si>
    <t>1108.561</t>
  </si>
  <si>
    <t>1108.941</t>
  </si>
  <si>
    <t>111006.0</t>
  </si>
  <si>
    <t>1109.051</t>
  </si>
  <si>
    <t>1109.111</t>
  </si>
  <si>
    <t>1109.84</t>
  </si>
  <si>
    <t>1111.948</t>
  </si>
  <si>
    <t>111427.0</t>
  </si>
  <si>
    <t>1113.257</t>
  </si>
  <si>
    <t>1113.846</t>
  </si>
  <si>
    <t>111557.0</t>
  </si>
  <si>
    <t>1114.556</t>
  </si>
  <si>
    <t>111620.0</t>
  </si>
  <si>
    <t>1115.185</t>
  </si>
  <si>
    <t>111658.0</t>
  </si>
  <si>
    <t>1115.565</t>
  </si>
  <si>
    <t>111866.0</t>
  </si>
  <si>
    <t>1117.643</t>
  </si>
  <si>
    <t>112135.0</t>
  </si>
  <si>
    <t>1120.33</t>
  </si>
  <si>
    <t>112257.0</t>
  </si>
  <si>
    <t>1121.549</t>
  </si>
  <si>
    <t>112442.0</t>
  </si>
  <si>
    <t>1123.398</t>
  </si>
  <si>
    <t>112502.0</t>
  </si>
  <si>
    <t>1123.997</t>
  </si>
  <si>
    <t>112503.0</t>
  </si>
  <si>
    <t>1124.007</t>
  </si>
  <si>
    <t>112583.0</t>
  </si>
  <si>
    <t>1124.806</t>
  </si>
  <si>
    <t>1125.925</t>
  </si>
  <si>
    <t>112987.0</t>
  </si>
  <si>
    <t>1128.843</t>
  </si>
  <si>
    <t>113153.0</t>
  </si>
  <si>
    <t>1130.501</t>
  </si>
  <si>
    <t>113331.0</t>
  </si>
  <si>
    <t>1132.28</t>
  </si>
  <si>
    <t>1132.769</t>
  </si>
  <si>
    <t>113395.0</t>
  </si>
  <si>
    <t>1132.919</t>
  </si>
  <si>
    <t>1133.718</t>
  </si>
  <si>
    <t>1135.487</t>
  </si>
  <si>
    <t>1137.565</t>
  </si>
  <si>
    <t>1138.184</t>
  </si>
  <si>
    <t>113984.0</t>
  </si>
  <si>
    <t>1138.804</t>
  </si>
  <si>
    <t>113998.0</t>
  </si>
  <si>
    <t>1138.944</t>
  </si>
  <si>
    <t>114032.0</t>
  </si>
  <si>
    <t>1139.283</t>
  </si>
  <si>
    <t>114120.0</t>
  </si>
  <si>
    <t>1140.162</t>
  </si>
  <si>
    <t>1141.012</t>
  </si>
  <si>
    <t>1141.791</t>
  </si>
  <si>
    <t>114372.0</t>
  </si>
  <si>
    <t>1142.68</t>
  </si>
  <si>
    <t>1143.1</t>
  </si>
  <si>
    <t>1143.15</t>
  </si>
  <si>
    <t>114465.0</t>
  </si>
  <si>
    <t>1143.609</t>
  </si>
  <si>
    <t>114606.0</t>
  </si>
  <si>
    <t>1145.018</t>
  </si>
  <si>
    <t>1145.568</t>
  </si>
  <si>
    <t>1145.617</t>
  </si>
  <si>
    <t>114679.0</t>
  </si>
  <si>
    <t>1145.747</t>
  </si>
  <si>
    <t>1145.937</t>
  </si>
  <si>
    <t>1146.816</t>
  </si>
  <si>
    <t>1147.476</t>
  </si>
  <si>
    <t>114909.0</t>
  </si>
  <si>
    <t>1148.045</t>
  </si>
  <si>
    <t>1148.964</t>
  </si>
  <si>
    <t>115053.0</t>
  </si>
  <si>
    <t>1149.484</t>
  </si>
  <si>
    <t>115065.0</t>
  </si>
  <si>
    <t>1149.604</t>
  </si>
  <si>
    <t>115079.0</t>
  </si>
  <si>
    <t>1149.744</t>
  </si>
  <si>
    <t>OWID_UMC</t>
  </si>
  <si>
    <t>Upper middle income</t>
  </si>
  <si>
    <t>1528500.0</t>
  </si>
  <si>
    <t>255500.0</t>
  </si>
  <si>
    <t>200092.0</t>
  </si>
  <si>
    <t>1554979.0</t>
  </si>
  <si>
    <t>257040.0</t>
  </si>
  <si>
    <t>229336.0</t>
  </si>
  <si>
    <t>41836.0</t>
  </si>
  <si>
    <t>1558879.0</t>
  </si>
  <si>
    <t>238571.0</t>
  </si>
  <si>
    <t>1561634.0</t>
  </si>
  <si>
    <t>61634.0</t>
  </si>
  <si>
    <t>258495.0</t>
  </si>
  <si>
    <t>1592794.0</t>
  </si>
  <si>
    <t>265093.0</t>
  </si>
  <si>
    <t>259264.0</t>
  </si>
  <si>
    <t>71764.0</t>
  </si>
  <si>
    <t>1622254.0</t>
  </si>
  <si>
    <t>122246.0</t>
  </si>
  <si>
    <t>285603.0</t>
  </si>
  <si>
    <t>282813.0</t>
  </si>
  <si>
    <t>4625060.0</t>
  </si>
  <si>
    <t>125052.0</t>
  </si>
  <si>
    <t>262807.0</t>
  </si>
  <si>
    <t>272769.0</t>
  </si>
  <si>
    <t>4625320.0</t>
  </si>
  <si>
    <t>125312.0</t>
  </si>
  <si>
    <t>572630.0</t>
  </si>
  <si>
    <t>313523.0</t>
  </si>
  <si>
    <t>81378.0</t>
  </si>
  <si>
    <t>5376632.0</t>
  </si>
  <si>
    <t>876621.0</t>
  </si>
  <si>
    <t>575924.0</t>
  </si>
  <si>
    <t>357222.0</t>
  </si>
  <si>
    <t>80434.0</t>
  </si>
  <si>
    <t>5379478.0</t>
  </si>
  <si>
    <t>879462.0</t>
  </si>
  <si>
    <t>523240.0</t>
  </si>
  <si>
    <t>393752.0</t>
  </si>
  <si>
    <t>72320.0</t>
  </si>
  <si>
    <t>5408901.0</t>
  </si>
  <si>
    <t>908879.0</t>
  </si>
  <si>
    <t>534474.0</t>
  </si>
  <si>
    <t>432367.0</t>
  </si>
  <si>
    <t>66293.0</t>
  </si>
  <si>
    <t>5424616.0</t>
  </si>
  <si>
    <t>924591.0</t>
  </si>
  <si>
    <t>535227.0</t>
  </si>
  <si>
    <t>59269.0</t>
  </si>
  <si>
    <t>5442145.0</t>
  </si>
  <si>
    <t>537573.0</t>
  </si>
  <si>
    <t>5468794.0</t>
  </si>
  <si>
    <t>968761.0</t>
  </si>
  <si>
    <t>546538.0</t>
  </si>
  <si>
    <t>5522287.0</t>
  </si>
  <si>
    <t>1022247.0</t>
  </si>
  <si>
    <t>559241.0</t>
  </si>
  <si>
    <t>544626.0</t>
  </si>
  <si>
    <t>10039940.0</t>
  </si>
  <si>
    <t>1039898.0</t>
  </si>
  <si>
    <t>539546.0</t>
  </si>
  <si>
    <t>540413.0</t>
  </si>
  <si>
    <t>40408.0</t>
  </si>
  <si>
    <t>10049925.0</t>
  </si>
  <si>
    <t>1049878.0</t>
  </si>
  <si>
    <t>279922.0</t>
  </si>
  <si>
    <t>505490.0</t>
  </si>
  <si>
    <t>10076202.0</t>
  </si>
  <si>
    <t>1076149.0</t>
  </si>
  <si>
    <t>298949.0</t>
  </si>
  <si>
    <t>471935.0</t>
  </si>
  <si>
    <t>10103161.0</t>
  </si>
  <si>
    <t>1103089.0</t>
  </si>
  <si>
    <t>11420943.0</t>
  </si>
  <si>
    <t>1420867.0</t>
  </si>
  <si>
    <t>393461.0</t>
  </si>
  <si>
    <t>419693.0</t>
  </si>
  <si>
    <t>62538.0</t>
  </si>
  <si>
    <t>11864025.0</t>
  </si>
  <si>
    <t>1584492.0</t>
  </si>
  <si>
    <t>1244567.0</t>
  </si>
  <si>
    <t>12321653.0</t>
  </si>
  <si>
    <t>1702901.0</t>
  </si>
  <si>
    <t>1255044.0</t>
  </si>
  <si>
    <t>837715.0</t>
  </si>
  <si>
    <t>104230.0</t>
  </si>
  <si>
    <t>12433926.0</t>
  </si>
  <si>
    <t>1754659.0</t>
  </si>
  <si>
    <t>924149.0</t>
  </si>
  <si>
    <t>800961.0</t>
  </si>
  <si>
    <t>116266.0</t>
  </si>
  <si>
    <t>12473702.0</t>
  </si>
  <si>
    <t>1763669.0</t>
  </si>
  <si>
    <t>851540.0</t>
  </si>
  <si>
    <t>828978.0</t>
  </si>
  <si>
    <t>12636636.0</t>
  </si>
  <si>
    <t>1796327.0</t>
  </si>
  <si>
    <t>973530.0</t>
  </si>
  <si>
    <t>134999.0</t>
  </si>
  <si>
    <t>12788748.0</t>
  </si>
  <si>
    <t>1819660.0</t>
  </si>
  <si>
    <t>968405.0</t>
  </si>
  <si>
    <t>974133.0</t>
  </si>
  <si>
    <t>145574.0</t>
  </si>
  <si>
    <t>18033671.0</t>
  </si>
  <si>
    <t>1946287.0</t>
  </si>
  <si>
    <t>1034724.0</t>
  </si>
  <si>
    <t>1057987.0</t>
  </si>
  <si>
    <t>18299103.0</t>
  </si>
  <si>
    <t>2127778.0</t>
  </si>
  <si>
    <t>1657527.0</t>
  </si>
  <si>
    <t>1119687.0</t>
  </si>
  <si>
    <t>172241.0</t>
  </si>
  <si>
    <t>18757854.0</t>
  </si>
  <si>
    <t>2498239.0</t>
  </si>
  <si>
    <t>1850846.0</t>
  </si>
  <si>
    <t>1208794.0</t>
  </si>
  <si>
    <t>214255.0</t>
  </si>
  <si>
    <t>18975132.0</t>
  </si>
  <si>
    <t>2685616.0</t>
  </si>
  <si>
    <t>62580.0</t>
  </si>
  <si>
    <t>1579373.0</t>
  </si>
  <si>
    <t>1288548.0</t>
  </si>
  <si>
    <t>215451.0</t>
  </si>
  <si>
    <t>19099218.0</t>
  </si>
  <si>
    <t>2789007.0</t>
  </si>
  <si>
    <t>1515338.0</t>
  </si>
  <si>
    <t>1369014.0</t>
  </si>
  <si>
    <t>214424.0</t>
  </si>
  <si>
    <t>19434203.0</t>
  </si>
  <si>
    <t>3052921.0</t>
  </si>
  <si>
    <t>1706230.0</t>
  </si>
  <si>
    <t>1473500.0</t>
  </si>
  <si>
    <t>244754.0</t>
  </si>
  <si>
    <t>27638806.0</t>
  </si>
  <si>
    <t>3372125.0</t>
  </si>
  <si>
    <t>1826942.0</t>
  </si>
  <si>
    <t>1596019.0</t>
  </si>
  <si>
    <t>285722.0</t>
  </si>
  <si>
    <t>28093577.0</t>
  </si>
  <si>
    <t>3706351.0</t>
  </si>
  <si>
    <t>97593.0</t>
  </si>
  <si>
    <t>796210.0</t>
  </si>
  <si>
    <t>317852.0</t>
  </si>
  <si>
    <t>28566638.0</t>
  </si>
  <si>
    <t>3986601.0</t>
  </si>
  <si>
    <t>814500.0</t>
  </si>
  <si>
    <t>1441364.0</t>
  </si>
  <si>
    <t>331416.0</t>
  </si>
  <si>
    <t>29218670.0</t>
  </si>
  <si>
    <t>4383665.0</t>
  </si>
  <si>
    <t>139600.0</t>
  </si>
  <si>
    <t>993471.0</t>
  </si>
  <si>
    <t>1318880.0</t>
  </si>
  <si>
    <t>334674.0</t>
  </si>
  <si>
    <t>29398130.0</t>
  </si>
  <si>
    <t>4513777.0</t>
  </si>
  <si>
    <t>156438.0</t>
  </si>
  <si>
    <t>520920.0</t>
  </si>
  <si>
    <t>1167667.0</t>
  </si>
  <si>
    <t>330237.0</t>
  </si>
  <si>
    <t>30707894.0</t>
  </si>
  <si>
    <t>159908.0</t>
  </si>
  <si>
    <t>427710.0</t>
  </si>
  <si>
    <t>1012288.0</t>
  </si>
  <si>
    <t>323249.0</t>
  </si>
  <si>
    <t>31100475.0</t>
  </si>
  <si>
    <t>4775350.0</t>
  </si>
  <si>
    <t>188770.0</t>
  </si>
  <si>
    <t>2911009.0</t>
  </si>
  <si>
    <t>1185485.0</t>
  </si>
  <si>
    <t>322072.0</t>
  </si>
  <si>
    <t>31512729.0</t>
  </si>
  <si>
    <t>5072696.0</t>
  </si>
  <si>
    <t>2882313.0</t>
  </si>
  <si>
    <t>1336071.0</t>
  </si>
  <si>
    <t>313175.0</t>
  </si>
  <si>
    <t>39204120.0</t>
  </si>
  <si>
    <t>5388079.0</t>
  </si>
  <si>
    <t>236704.0</t>
  </si>
  <si>
    <t>2965469.0</t>
  </si>
  <si>
    <t>1646382.0</t>
  </si>
  <si>
    <t>311014.0</t>
  </si>
  <si>
    <t>39689960.0</t>
  </si>
  <si>
    <t>5691297.0</t>
  </si>
  <si>
    <t>261799.0</t>
  </si>
  <si>
    <t>2131251.0</t>
  </si>
  <si>
    <t>314460.0</t>
  </si>
  <si>
    <t>40129053.0</t>
  </si>
  <si>
    <t>6046478.0</t>
  </si>
  <si>
    <t>286717.0</t>
  </si>
  <si>
    <t>2084504.0</t>
  </si>
  <si>
    <t>1990034.0</t>
  </si>
  <si>
    <t>308225.0</t>
  </si>
  <si>
    <t>40411820.0</t>
  </si>
  <si>
    <t>6252910.0</t>
  </si>
  <si>
    <t>321137.0</t>
  </si>
  <si>
    <t>1866096.0</t>
  </si>
  <si>
    <t>2182016.0</t>
  </si>
  <si>
    <t>310183.0</t>
  </si>
  <si>
    <t>40485915.0</t>
  </si>
  <si>
    <t>6308666.0</t>
  </si>
  <si>
    <t>330697.0</t>
  </si>
  <si>
    <t>1723268.0</t>
  </si>
  <si>
    <t>2366781.0</t>
  </si>
  <si>
    <t>40804471.0</t>
  </si>
  <si>
    <t>6538422.0</t>
  </si>
  <si>
    <t>365789.0</t>
  </si>
  <si>
    <t>1985263.0</t>
  </si>
  <si>
    <t>2234312.0</t>
  </si>
  <si>
    <t>312802.0</t>
  </si>
  <si>
    <t>50488595.0</t>
  </si>
  <si>
    <t>6846168.0</t>
  </si>
  <si>
    <t>389661.0</t>
  </si>
  <si>
    <t>2083887.0</t>
  </si>
  <si>
    <t>2119963.0</t>
  </si>
  <si>
    <t>322659.0</t>
  </si>
  <si>
    <t>50980371.0</t>
  </si>
  <si>
    <t>7187319.0</t>
  </si>
  <si>
    <t>1161228.0</t>
  </si>
  <si>
    <t>1876451.0</t>
  </si>
  <si>
    <t>336939.0</t>
  </si>
  <si>
    <t>51399056.0</t>
  </si>
  <si>
    <t>7509390.0</t>
  </si>
  <si>
    <t>523484.0</t>
  </si>
  <si>
    <t>1239637.0</t>
  </si>
  <si>
    <t>1752958.0</t>
  </si>
  <si>
    <t>351000.0</t>
  </si>
  <si>
    <t>52637151.0</t>
  </si>
  <si>
    <t>11096569.0</t>
  </si>
  <si>
    <t>1020525.0</t>
  </si>
  <si>
    <t>1721920.0</t>
  </si>
  <si>
    <t>365572.0</t>
  </si>
  <si>
    <t>53083055.0</t>
  </si>
  <si>
    <t>11403238.0</t>
  </si>
  <si>
    <t>1159760.0</t>
  </si>
  <si>
    <t>1258558.0</t>
  </si>
  <si>
    <t>1630086.0</t>
  </si>
  <si>
    <t>550340.0</t>
  </si>
  <si>
    <t>53417015.0</t>
  </si>
  <si>
    <t>11625510.0</t>
  </si>
  <si>
    <t>1271448.0</t>
  </si>
  <si>
    <t>1007585.0</t>
  </si>
  <si>
    <t>1522911.0</t>
  </si>
  <si>
    <t>501779.0</t>
  </si>
  <si>
    <t>54155860.0</t>
  </si>
  <si>
    <t>12196599.0</t>
  </si>
  <si>
    <t>1439203.0</t>
  </si>
  <si>
    <t>1476768.0</t>
  </si>
  <si>
    <t>1446828.0</t>
  </si>
  <si>
    <t>549673.0</t>
  </si>
  <si>
    <t>55063428.0</t>
  </si>
  <si>
    <t>12758244.0</t>
  </si>
  <si>
    <t>1785126.0</t>
  </si>
  <si>
    <t>1677060.0</t>
  </si>
  <si>
    <t>1386071.0</t>
  </si>
  <si>
    <t>577025.0</t>
  </si>
  <si>
    <t>56166568.0</t>
  </si>
  <si>
    <t>13575339.0</t>
  </si>
  <si>
    <t>2071153.0</t>
  </si>
  <si>
    <t>1870045.0</t>
  </si>
  <si>
    <t>1488601.0</t>
  </si>
  <si>
    <t>633274.0</t>
  </si>
  <si>
    <t>57572370.0</t>
  </si>
  <si>
    <t>14405092.0</t>
  </si>
  <si>
    <t>2379628.0</t>
  </si>
  <si>
    <t>2156744.0</t>
  </si>
  <si>
    <t>1628316.0</t>
  </si>
  <si>
    <t>677409.0</t>
  </si>
  <si>
    <t>58712028.0</t>
  </si>
  <si>
    <t>15191954.0</t>
  </si>
  <si>
    <t>2984103.0</t>
  </si>
  <si>
    <t>1915706.0</t>
  </si>
  <si>
    <t>1633354.0</t>
  </si>
  <si>
    <t>59191032.0</t>
  </si>
  <si>
    <t>15501134.0</t>
  </si>
  <si>
    <t>3145984.0</t>
  </si>
  <si>
    <t>1249941.0</t>
  </si>
  <si>
    <t>1630306.0</t>
  </si>
  <si>
    <t>658456.0</t>
  </si>
  <si>
    <t>59395220.0</t>
  </si>
  <si>
    <t>15629108.0</t>
  </si>
  <si>
    <t>3220485.0</t>
  </si>
  <si>
    <t>978329.0</t>
  </si>
  <si>
    <t>1623578.0</t>
  </si>
  <si>
    <t>650443.0</t>
  </si>
  <si>
    <t>60151694.0</t>
  </si>
  <si>
    <t>16175937.0</t>
  </si>
  <si>
    <t>3433590.0</t>
  </si>
  <si>
    <t>1486333.0</t>
  </si>
  <si>
    <t>1622510.0</t>
  </si>
  <si>
    <t>647593.0</t>
  </si>
  <si>
    <t>61392179.0</t>
  </si>
  <si>
    <t>16883194.0</t>
  </si>
  <si>
    <t>3973090.0</t>
  </si>
  <si>
    <t>1731884.0</t>
  </si>
  <si>
    <t>1628916.0</t>
  </si>
  <si>
    <t>668359.0</t>
  </si>
  <si>
    <t>62288736.0</t>
  </si>
  <si>
    <t>17494677.0</t>
  </si>
  <si>
    <t>4265282.0</t>
  </si>
  <si>
    <t>1650909.0</t>
  </si>
  <si>
    <t>1596336.0</t>
  </si>
  <si>
    <t>640095.0</t>
  </si>
  <si>
    <t>63417623.0</t>
  </si>
  <si>
    <t>18169395.0</t>
  </si>
  <si>
    <t>4641248.0</t>
  </si>
  <si>
    <t>1832362.0</t>
  </si>
  <si>
    <t>1550835.0</t>
  </si>
  <si>
    <t>611085.0</t>
  </si>
  <si>
    <t>64315302.0</t>
  </si>
  <si>
    <t>18707089.0</t>
  </si>
  <si>
    <t>4997058.0</t>
  </si>
  <si>
    <t>1655515.0</t>
  </si>
  <si>
    <t>1515343.0</t>
  </si>
  <si>
    <t>594123.0</t>
  </si>
  <si>
    <t>64876662.0</t>
  </si>
  <si>
    <t>19088449.0</t>
  </si>
  <si>
    <t>5148004.0</t>
  </si>
  <si>
    <t>1319018.0</t>
  </si>
  <si>
    <t>1525307.0</t>
  </si>
  <si>
    <t>608259.0</t>
  </si>
  <si>
    <t>77110881.0</t>
  </si>
  <si>
    <t>19259978.0</t>
  </si>
  <si>
    <t>5197381.0</t>
  </si>
  <si>
    <t>941504.0</t>
  </si>
  <si>
    <t>1519458.0</t>
  </si>
  <si>
    <t>612750.0</t>
  </si>
  <si>
    <t>78273464.0</t>
  </si>
  <si>
    <t>20142124.0</t>
  </si>
  <si>
    <t>5457623.0</t>
  </si>
  <si>
    <t>1882558.0</t>
  </si>
  <si>
    <t>1592272.0</t>
  </si>
  <si>
    <t>629526.0</t>
  </si>
  <si>
    <t>83556804.0</t>
  </si>
  <si>
    <t>24012369.0</t>
  </si>
  <si>
    <t>6853222.0</t>
  </si>
  <si>
    <t>2080951.0</t>
  </si>
  <si>
    <t>1640827.0</t>
  </si>
  <si>
    <t>637189.0</t>
  </si>
  <si>
    <t>84842555.0</t>
  </si>
  <si>
    <t>24835960.0</t>
  </si>
  <si>
    <t>7299556.0</t>
  </si>
  <si>
    <t>2202310.0</t>
  </si>
  <si>
    <t>1715030.0</t>
  </si>
  <si>
    <t>655054.0</t>
  </si>
  <si>
    <t>86447037.0</t>
  </si>
  <si>
    <t>25922562.0</t>
  </si>
  <si>
    <t>7768443.0</t>
  </si>
  <si>
    <t>2543191.0</t>
  </si>
  <si>
    <t>1813189.0</t>
  </si>
  <si>
    <t>708823.0</t>
  </si>
  <si>
    <t>87806233.0</t>
  </si>
  <si>
    <t>26856858.0</t>
  </si>
  <si>
    <t>8210573.0</t>
  </si>
  <si>
    <t>2265072.0</t>
  </si>
  <si>
    <t>1896986.0</t>
  </si>
  <si>
    <t>744242.0</t>
  </si>
  <si>
    <t>88743337.0</t>
  </si>
  <si>
    <t>27472687.0</t>
  </si>
  <si>
    <t>8502680.0</t>
  </si>
  <si>
    <t>1884297.0</t>
  </si>
  <si>
    <t>1974885.0</t>
  </si>
  <si>
    <t>768288.0</t>
  </si>
  <si>
    <t>89058548.0</t>
  </si>
  <si>
    <t>27651871.0</t>
  </si>
  <si>
    <t>8582417.0</t>
  </si>
  <si>
    <t>1275304.0</t>
  </si>
  <si>
    <t>2019606.0</t>
  </si>
  <si>
    <t>771997.0</t>
  </si>
  <si>
    <t>89908133.0</t>
  </si>
  <si>
    <t>28309326.0</t>
  </si>
  <si>
    <t>8785437.0</t>
  </si>
  <si>
    <t>1771658.0</t>
  </si>
  <si>
    <t>2003552.0</t>
  </si>
  <si>
    <t>765208.0</t>
  </si>
  <si>
    <t>91287583.0</t>
  </si>
  <si>
    <t>29326518.0</t>
  </si>
  <si>
    <t>9065891.0</t>
  </si>
  <si>
    <t>2257711.0</t>
  </si>
  <si>
    <t>2028730.0</t>
  </si>
  <si>
    <t>787954.0</t>
  </si>
  <si>
    <t>93082177.0</t>
  </si>
  <si>
    <t>30528637.0</t>
  </si>
  <si>
    <t>9597224.0</t>
  </si>
  <si>
    <t>2701807.0</t>
  </si>
  <si>
    <t>2102082.0</t>
  </si>
  <si>
    <t>843441.0</t>
  </si>
  <si>
    <t>94727684.0</t>
  </si>
  <si>
    <t>31329393.0</t>
  </si>
  <si>
    <t>10030146.0</t>
  </si>
  <si>
    <t>2573512.0</t>
  </si>
  <si>
    <t>2106023.0</t>
  </si>
  <si>
    <t>831431.0</t>
  </si>
  <si>
    <t>96124947.0</t>
  </si>
  <si>
    <t>32466445.0</t>
  </si>
  <si>
    <t>10503253.0</t>
  </si>
  <si>
    <t>2384354.0</t>
  </si>
  <si>
    <t>2122619.0</t>
  </si>
  <si>
    <t>829552.0</t>
  </si>
  <si>
    <t>97030296.0</t>
  </si>
  <si>
    <t>33700159.0</t>
  </si>
  <si>
    <t>10868706.0</t>
  </si>
  <si>
    <t>1932192.0</t>
  </si>
  <si>
    <t>2129114.0</t>
  </si>
  <si>
    <t>808829.0</t>
  </si>
  <si>
    <t>109918003.0</t>
  </si>
  <si>
    <t>33994761.0</t>
  </si>
  <si>
    <t>11001811.0</t>
  </si>
  <si>
    <t>1456238.0</t>
  </si>
  <si>
    <t>2154614.0</t>
  </si>
  <si>
    <t>862527.0</t>
  </si>
  <si>
    <t>111269320.0</t>
  </si>
  <si>
    <t>34943721.0</t>
  </si>
  <si>
    <t>11476376.0</t>
  </si>
  <si>
    <t>2974490.0</t>
  </si>
  <si>
    <t>2326375.0</t>
  </si>
  <si>
    <t>878114.0</t>
  </si>
  <si>
    <t>112597558.0</t>
  </si>
  <si>
    <t>35571908.0</t>
  </si>
  <si>
    <t>12059785.0</t>
  </si>
  <si>
    <t>3157971.0</t>
  </si>
  <si>
    <t>2454603.0</t>
  </si>
  <si>
    <t>847430.0</t>
  </si>
  <si>
    <t>114615292.0</t>
  </si>
  <si>
    <t>36543892.0</t>
  </si>
  <si>
    <t>13233104.0</t>
  </si>
  <si>
    <t>3263747.0</t>
  </si>
  <si>
    <t>2535201.0</t>
  </si>
  <si>
    <t>782307.0</t>
  </si>
  <si>
    <t>115985741.0</t>
  </si>
  <si>
    <t>37382774.0</t>
  </si>
  <si>
    <t>13773530.0</t>
  </si>
  <si>
    <t>3095711.0</t>
  </si>
  <si>
    <t>2610078.0</t>
  </si>
  <si>
    <t>744767.0</t>
  </si>
  <si>
    <t>117797161.0</t>
  </si>
  <si>
    <t>38217285.0</t>
  </si>
  <si>
    <t>14516918.0</t>
  </si>
  <si>
    <t>3534783.0</t>
  </si>
  <si>
    <t>2774270.0</t>
  </si>
  <si>
    <t>766404.0</t>
  </si>
  <si>
    <t>128800994.0</t>
  </si>
  <si>
    <t>39127713.0</t>
  </si>
  <si>
    <t>14873552.0</t>
  </si>
  <si>
    <t>2753867.0</t>
  </si>
  <si>
    <t>2891468.0</t>
  </si>
  <si>
    <t>786221.0</t>
  </si>
  <si>
    <t>129248778.0</t>
  </si>
  <si>
    <t>39442866.0</t>
  </si>
  <si>
    <t>15006181.0</t>
  </si>
  <si>
    <t>3262220.0</t>
  </si>
  <si>
    <t>3149288.0</t>
  </si>
  <si>
    <t>790074.0</t>
  </si>
  <si>
    <t>136015901.0</t>
  </si>
  <si>
    <t>40306500.0</t>
  </si>
  <si>
    <t>15387809.0</t>
  </si>
  <si>
    <t>4375990.0</t>
  </si>
  <si>
    <t>3349374.0</t>
  </si>
  <si>
    <t>832071.0</t>
  </si>
  <si>
    <t>139900453.0</t>
  </si>
  <si>
    <t>41232377.0</t>
  </si>
  <si>
    <t>15825687.0</t>
  </si>
  <si>
    <t>4197016.0</t>
  </si>
  <si>
    <t>3497711.0</t>
  </si>
  <si>
    <t>878479.0</t>
  </si>
  <si>
    <t>144728408.0</t>
  </si>
  <si>
    <t>42594654.0</t>
  </si>
  <si>
    <t>16434522.0</t>
  </si>
  <si>
    <t>5029345.0</t>
  </si>
  <si>
    <t>3749873.0</t>
  </si>
  <si>
    <t>934218.0</t>
  </si>
  <si>
    <t>151694388.0</t>
  </si>
  <si>
    <t>43627217.0</t>
  </si>
  <si>
    <t>16888604.0</t>
  </si>
  <si>
    <t>7415300.0</t>
  </si>
  <si>
    <t>4366952.0</t>
  </si>
  <si>
    <t>987002.0</t>
  </si>
  <si>
    <t>159680553.0</t>
  </si>
  <si>
    <t>45025201.0</t>
  </si>
  <si>
    <t>17360758.0</t>
  </si>
  <si>
    <t>8340353.0</t>
  </si>
  <si>
    <t>5054844.0</t>
  </si>
  <si>
    <t>165653733.0</t>
  </si>
  <si>
    <t>45815363.0</t>
  </si>
  <si>
    <t>17595552.0</t>
  </si>
  <si>
    <t>6504472.0</t>
  </si>
  <si>
    <t>5590411.0</t>
  </si>
  <si>
    <t>1099034.0</t>
  </si>
  <si>
    <t>170429609.0</t>
  </si>
  <si>
    <t>46193803.0</t>
  </si>
  <si>
    <t>17654008.0</t>
  </si>
  <si>
    <t>5419047.0</t>
  </si>
  <si>
    <t>5898289.0</t>
  </si>
  <si>
    <t>1163079.0</t>
  </si>
  <si>
    <t>179389452.0</t>
  </si>
  <si>
    <t>49001572.0</t>
  </si>
  <si>
    <t>19592946.0</t>
  </si>
  <si>
    <t>6554571.0</t>
  </si>
  <si>
    <t>6209383.0</t>
  </si>
  <si>
    <t>1231841.0</t>
  </si>
  <si>
    <t>185557453.0</t>
  </si>
  <si>
    <t>50458960.0</t>
  </si>
  <si>
    <t>20159297.0</t>
  </si>
  <si>
    <t>6005948.0</t>
  </si>
  <si>
    <t>6467552.0</t>
  </si>
  <si>
    <t>1315196.0</t>
  </si>
  <si>
    <t>193233444.0</t>
  </si>
  <si>
    <t>52825556.0</t>
  </si>
  <si>
    <t>20716454.0</t>
  </si>
  <si>
    <t>7850716.0</t>
  </si>
  <si>
    <t>1434747.0</t>
  </si>
  <si>
    <t>202379229.0</t>
  </si>
  <si>
    <t>54372149.0</t>
  </si>
  <si>
    <t>21509056.0</t>
  </si>
  <si>
    <t>9371330.0</t>
  </si>
  <si>
    <t>7149766.0</t>
  </si>
  <si>
    <t>1529458.0</t>
  </si>
  <si>
    <t>211343269.0</t>
  </si>
  <si>
    <t>55754425.0</t>
  </si>
  <si>
    <t>21888797.0</t>
  </si>
  <si>
    <t>8608725.0</t>
  </si>
  <si>
    <t>7188052.0</t>
  </si>
  <si>
    <t>1454854.0</t>
  </si>
  <si>
    <t>215737924.0</t>
  </si>
  <si>
    <t>56903248.0</t>
  </si>
  <si>
    <t>22245619.0</t>
  </si>
  <si>
    <t>4551603.0</t>
  </si>
  <si>
    <t>6909016.0</t>
  </si>
  <si>
    <t>1482001.0</t>
  </si>
  <si>
    <t>219846319.0</t>
  </si>
  <si>
    <t>57535073.0</t>
  </si>
  <si>
    <t>22421801.0</t>
  </si>
  <si>
    <t>4158251.0</t>
  </si>
  <si>
    <t>6728850.0</t>
  </si>
  <si>
    <t>1457301.0</t>
  </si>
  <si>
    <t>224527828.0</t>
  </si>
  <si>
    <t>58915059.0</t>
  </si>
  <si>
    <t>22877497.0</t>
  </si>
  <si>
    <t>4809120.0</t>
  </si>
  <si>
    <t>6479460.0</t>
  </si>
  <si>
    <t>1442318.0</t>
  </si>
  <si>
    <t>229777826.0</t>
  </si>
  <si>
    <t>60843744.0</t>
  </si>
  <si>
    <t>23597266.0</t>
  </si>
  <si>
    <t>5368942.0</t>
  </si>
  <si>
    <t>6388422.0</t>
  </si>
  <si>
    <t>1474998.0</t>
  </si>
  <si>
    <t>236599263.0</t>
  </si>
  <si>
    <t>62880575.0</t>
  </si>
  <si>
    <t>24698265.0</t>
  </si>
  <si>
    <t>6726775.0</t>
  </si>
  <si>
    <t>6227822.0</t>
  </si>
  <si>
    <t>1460986.0</t>
  </si>
  <si>
    <t>245553529.0</t>
  </si>
  <si>
    <t>65142744.0</t>
  </si>
  <si>
    <t>25560421.0</t>
  </si>
  <si>
    <t>9187241.0</t>
  </si>
  <si>
    <t>6201519.0</t>
  </si>
  <si>
    <t>1535178.0</t>
  </si>
  <si>
    <t>254075772.0</t>
  </si>
  <si>
    <t>66728274.0</t>
  </si>
  <si>
    <t>26564282.0</t>
  </si>
  <si>
    <t>8539131.0</t>
  </si>
  <si>
    <t>6191577.0</t>
  </si>
  <si>
    <t>1611796.0</t>
  </si>
  <si>
    <t>259281484.0</t>
  </si>
  <si>
    <t>68011600.0</t>
  </si>
  <si>
    <t>27159373.0</t>
  </si>
  <si>
    <t>5099792.0</t>
  </si>
  <si>
    <t>6269893.0</t>
  </si>
  <si>
    <t>1607485.0</t>
  </si>
  <si>
    <t>262938184.0</t>
  </si>
  <si>
    <t>68615738.0</t>
  </si>
  <si>
    <t>27363060.0</t>
  </si>
  <si>
    <t>3925490.0</t>
  </si>
  <si>
    <t>6236643.0</t>
  </si>
  <si>
    <t>1623014.0</t>
  </si>
  <si>
    <t>269973771.0</t>
  </si>
  <si>
    <t>70329647.0</t>
  </si>
  <si>
    <t>28133714.0</t>
  </si>
  <si>
    <t>6813205.0</t>
  </si>
  <si>
    <t>6522942.0</t>
  </si>
  <si>
    <t>1632035.0</t>
  </si>
  <si>
    <t>276564259.0</t>
  </si>
  <si>
    <t>72302570.0</t>
  </si>
  <si>
    <t>29188623.0</t>
  </si>
  <si>
    <t>6742517.0</t>
  </si>
  <si>
    <t>6719166.0</t>
  </si>
  <si>
    <t>1642752.0</t>
  </si>
  <si>
    <t>283508017.0</t>
  </si>
  <si>
    <t>74191269.0</t>
  </si>
  <si>
    <t>30732442.0</t>
  </si>
  <si>
    <t>6314639.0</t>
  </si>
  <si>
    <t>6660287.0</t>
  </si>
  <si>
    <t>1616736.0</t>
  </si>
  <si>
    <t>290026939.0</t>
  </si>
  <si>
    <t>75514259.0</t>
  </si>
  <si>
    <t>31670906.0</t>
  </si>
  <si>
    <t>6734241.0</t>
  </si>
  <si>
    <t>6309862.0</t>
  </si>
  <si>
    <t>1482608.0</t>
  </si>
  <si>
    <t>296620051.0</t>
  </si>
  <si>
    <t>77119665.0</t>
  </si>
  <si>
    <t>32883868.0</t>
  </si>
  <si>
    <t>6630641.0</t>
  </si>
  <si>
    <t>6037216.0</t>
  </si>
  <si>
    <t>1493071.0</t>
  </si>
  <si>
    <t>300621410.0</t>
  </si>
  <si>
    <t>78057338.0</t>
  </si>
  <si>
    <t>33526701.0</t>
  </si>
  <si>
    <t>4191327.0</t>
  </si>
  <si>
    <t>5907436.0</t>
  </si>
  <si>
    <t>304381823.0</t>
  </si>
  <si>
    <t>78898140.0</t>
  </si>
  <si>
    <t>34132610.0</t>
  </si>
  <si>
    <t>3537297.0</t>
  </si>
  <si>
    <t>5855923.0</t>
  </si>
  <si>
    <t>1460476.0</t>
  </si>
  <si>
    <t>309294869.0</t>
  </si>
  <si>
    <t>79993603.0</t>
  </si>
  <si>
    <t>35057579.0</t>
  </si>
  <si>
    <t>4888143.0</t>
  </si>
  <si>
    <t>5580256.0</t>
  </si>
  <si>
    <t>1393222.0</t>
  </si>
  <si>
    <t>315653609.0</t>
  </si>
  <si>
    <t>81390094.0</t>
  </si>
  <si>
    <t>36202605.0</t>
  </si>
  <si>
    <t>6508488.0</t>
  </si>
  <si>
    <t>5546165.0</t>
  </si>
  <si>
    <t>1312244.0</t>
  </si>
  <si>
    <t>323123676.0</t>
  </si>
  <si>
    <t>82827085.0</t>
  </si>
  <si>
    <t>37153207.0</t>
  </si>
  <si>
    <t>7540887.0</t>
  </si>
  <si>
    <t>5721231.0</t>
  </si>
  <si>
    <t>1269779.0</t>
  </si>
  <si>
    <t>332680220.0</t>
  </si>
  <si>
    <t>84362743.0</t>
  </si>
  <si>
    <t>38287467.0</t>
  </si>
  <si>
    <t>9675485.0</t>
  </si>
  <si>
    <t>6140664.0</t>
  </si>
  <si>
    <t>1286644.0</t>
  </si>
  <si>
    <t>341107875.0</t>
  </si>
  <si>
    <t>86544120.0</t>
  </si>
  <si>
    <t>39776762.0</t>
  </si>
  <si>
    <t>8224871.0</t>
  </si>
  <si>
    <t>6367664.0</t>
  </si>
  <si>
    <t>1336645.0</t>
  </si>
  <si>
    <t>347140913.0</t>
  </si>
  <si>
    <t>87657825.0</t>
  </si>
  <si>
    <t>40528120.0</t>
  </si>
  <si>
    <t>6085622.0</t>
  </si>
  <si>
    <t>6637526.0</t>
  </si>
  <si>
    <t>1340176.0</t>
  </si>
  <si>
    <t>352516232.0</t>
  </si>
  <si>
    <t>88070143.0</t>
  </si>
  <si>
    <t>40910536.0</t>
  </si>
  <si>
    <t>5320868.0</t>
  </si>
  <si>
    <t>6892232.0</t>
  </si>
  <si>
    <t>1316507.0</t>
  </si>
  <si>
    <t>359467604.0</t>
  </si>
  <si>
    <t>89312489.0</t>
  </si>
  <si>
    <t>42059118.0</t>
  </si>
  <si>
    <t>7197886.0</t>
  </si>
  <si>
    <t>1349960.0</t>
  </si>
  <si>
    <t>368745996.0</t>
  </si>
  <si>
    <t>90784736.0</t>
  </si>
  <si>
    <t>43369951.0</t>
  </si>
  <si>
    <t>9597946.0</t>
  </si>
  <si>
    <t>7639150.0</t>
  </si>
  <si>
    <t>1351035.0</t>
  </si>
  <si>
    <t>380567178.0</t>
  </si>
  <si>
    <t>92671353.0</t>
  </si>
  <si>
    <t>45488146.0</t>
  </si>
  <si>
    <t>11484123.0</t>
  </si>
  <si>
    <t>8202467.0</t>
  </si>
  <si>
    <t>1399295.0</t>
  </si>
  <si>
    <t>393247829.0</t>
  </si>
  <si>
    <t>94156398.0</t>
  </si>
  <si>
    <t>47221336.0</t>
  </si>
  <si>
    <t>12683051.0</t>
  </si>
  <si>
    <t>8632120.0</t>
  </si>
  <si>
    <t>1380982.0</t>
  </si>
  <si>
    <t>407506388.0</t>
  </si>
  <si>
    <t>95381792.0</t>
  </si>
  <si>
    <t>48742307.0</t>
  </si>
  <si>
    <t>14350588.0</t>
  </si>
  <si>
    <t>9507225.0</t>
  </si>
  <si>
    <t>1282406.0</t>
  </si>
  <si>
    <t>413923463.0</t>
  </si>
  <si>
    <t>95963363.0</t>
  </si>
  <si>
    <t>49277594.0</t>
  </si>
  <si>
    <t>6539988.0</t>
  </si>
  <si>
    <t>9572129.0</t>
  </si>
  <si>
    <t>1215938.0</t>
  </si>
  <si>
    <t>419622890.0</t>
  </si>
  <si>
    <t>96350759.0</t>
  </si>
  <si>
    <t>49708102.0</t>
  </si>
  <si>
    <t>5871266.0</t>
  </si>
  <si>
    <t>9650757.0</t>
  </si>
  <si>
    <t>1223249.0</t>
  </si>
  <si>
    <t>426369141.0</t>
  </si>
  <si>
    <t>97466135.0</t>
  </si>
  <si>
    <t>50518012.0</t>
  </si>
  <si>
    <t>6989765.0</t>
  </si>
  <si>
    <t>9645246.0</t>
  </si>
  <si>
    <t>1216476.0</t>
  </si>
  <si>
    <t>434027726.0</t>
  </si>
  <si>
    <t>99117696.0</t>
  </si>
  <si>
    <t>52195544.0</t>
  </si>
  <si>
    <t>7640478.0</t>
  </si>
  <si>
    <t>9365608.0</t>
  </si>
  <si>
    <t>1228730.0</t>
  </si>
  <si>
    <t>442608851.0</t>
  </si>
  <si>
    <t>101029147.0</t>
  </si>
  <si>
    <t>53932416.0</t>
  </si>
  <si>
    <t>8745269.0</t>
  </si>
  <si>
    <t>8974345.0</t>
  </si>
  <si>
    <t>1257041.0</t>
  </si>
  <si>
    <t>453800520.0</t>
  </si>
  <si>
    <t>102968581.0</t>
  </si>
  <si>
    <t>55160814.0</t>
  </si>
  <si>
    <t>11527428.0</t>
  </si>
  <si>
    <t>8809256.0</t>
  </si>
  <si>
    <t>467933758.0</t>
  </si>
  <si>
    <t>105108355.0</t>
  </si>
  <si>
    <t>56735742.0</t>
  </si>
  <si>
    <t>13347834.0</t>
  </si>
  <si>
    <t>8666006.0</t>
  </si>
  <si>
    <t>1414788.0</t>
  </si>
  <si>
    <t>478672596.0</t>
  </si>
  <si>
    <t>105901368.0</t>
  </si>
  <si>
    <t>57333462.0</t>
  </si>
  <si>
    <t>11037731.0</t>
  </si>
  <si>
    <t>9308540.0</t>
  </si>
  <si>
    <t>1453790.0</t>
  </si>
  <si>
    <t>485892915.0</t>
  </si>
  <si>
    <t>106190955.0</t>
  </si>
  <si>
    <t>57542648.0</t>
  </si>
  <si>
    <t>7637912.0</t>
  </si>
  <si>
    <t>9560915.0</t>
  </si>
  <si>
    <t>1456311.0</t>
  </si>
  <si>
    <t>497078542.0</t>
  </si>
  <si>
    <t>107745076.0</t>
  </si>
  <si>
    <t>58516944.0</t>
  </si>
  <si>
    <t>10907656.0</t>
  </si>
  <si>
    <t>10120616.0</t>
  </si>
  <si>
    <t>1480578.0</t>
  </si>
  <si>
    <t>509547960.0</t>
  </si>
  <si>
    <t>109751220.0</t>
  </si>
  <si>
    <t>59634006.0</t>
  </si>
  <si>
    <t>12067786.0</t>
  </si>
  <si>
    <t>10753088.0</t>
  </si>
  <si>
    <t>1458587.0</t>
  </si>
  <si>
    <t>524533025.0</t>
  </si>
  <si>
    <t>111908939.0</t>
  </si>
  <si>
    <t>61239718.0</t>
  </si>
  <si>
    <t>14975247.0</t>
  </si>
  <si>
    <t>11643085.0</t>
  </si>
  <si>
    <t>1462269.0</t>
  </si>
  <si>
    <t>539420819.0</t>
  </si>
  <si>
    <t>113373430.0</t>
  </si>
  <si>
    <t>62193510.0</t>
  </si>
  <si>
    <t>15080578.0</t>
  </si>
  <si>
    <t>12150680.0</t>
  </si>
  <si>
    <t>1482333.0</t>
  </si>
  <si>
    <t>555260292.0</t>
  </si>
  <si>
    <t>114650040.0</t>
  </si>
  <si>
    <t>63052519.0</t>
  </si>
  <si>
    <t>16404359.0</t>
  </si>
  <si>
    <t>12587324.0</t>
  </si>
  <si>
    <t>569479704.0</t>
  </si>
  <si>
    <t>115896441.0</t>
  </si>
  <si>
    <t>63675662.0</t>
  </si>
  <si>
    <t>14403930.0</t>
  </si>
  <si>
    <t>13068212.0</t>
  </si>
  <si>
    <t>1513588.0</t>
  </si>
  <si>
    <t>585111800.0</t>
  </si>
  <si>
    <t>117273137.0</t>
  </si>
  <si>
    <t>64564007.0</t>
  </si>
  <si>
    <t>15177352.0</t>
  </si>
  <si>
    <t>14145272.0</t>
  </si>
  <si>
    <t>1543590.0</t>
  </si>
  <si>
    <t>602232502.0</t>
  </si>
  <si>
    <t>118541175.0</t>
  </si>
  <si>
    <t>65452275.0</t>
  </si>
  <si>
    <t>17187671.0</t>
  </si>
  <si>
    <t>15042418.0</t>
  </si>
  <si>
    <t>1523912.0</t>
  </si>
  <si>
    <t>619486066.0</t>
  </si>
  <si>
    <t>120826928.0</t>
  </si>
  <si>
    <t>66795615.0</t>
  </si>
  <si>
    <t>17254230.0</t>
  </si>
  <si>
    <t>15783340.0</t>
  </si>
  <si>
    <t>1624587.0</t>
  </si>
  <si>
    <t>636774636.0</t>
  </si>
  <si>
    <t>123108843.0</t>
  </si>
  <si>
    <t>68169883.0</t>
  </si>
  <si>
    <t>16857607.0</t>
  </si>
  <si>
    <t>16052248.0</t>
  </si>
  <si>
    <t>1605955.0</t>
  </si>
  <si>
    <t>657257307.0</t>
  </si>
  <si>
    <t>125575331.0</t>
  </si>
  <si>
    <t>69237833.0</t>
  </si>
  <si>
    <t>20695396.0</t>
  </si>
  <si>
    <t>16854364.0</t>
  </si>
  <si>
    <t>677491692.0</t>
  </si>
  <si>
    <t>127931331.0</t>
  </si>
  <si>
    <t>70533364.0</t>
  </si>
  <si>
    <t>20383169.0</t>
  </si>
  <si>
    <t>17422762.0</t>
  </si>
  <si>
    <t>1850054.0</t>
  </si>
  <si>
    <t>694118516.0</t>
  </si>
  <si>
    <t>129577445.0</t>
  </si>
  <si>
    <t>71726250.0</t>
  </si>
  <si>
    <t>16700645.0</t>
  </si>
  <si>
    <t>17750866.0</t>
  </si>
  <si>
    <t>1882356.0</t>
  </si>
  <si>
    <t>709924460.0</t>
  </si>
  <si>
    <t>131166412.0</t>
  </si>
  <si>
    <t>72412386.0</t>
  </si>
  <si>
    <t>15699963.0</t>
  </si>
  <si>
    <t>17825527.0</t>
  </si>
  <si>
    <t>1987601.0</t>
  </si>
  <si>
    <t>728780461.0</t>
  </si>
  <si>
    <t>132948758.0</t>
  </si>
  <si>
    <t>73102137.0</t>
  </si>
  <si>
    <t>18818770.0</t>
  </si>
  <si>
    <t>18058542.0</t>
  </si>
  <si>
    <t>2041182.0</t>
  </si>
  <si>
    <t>751066844.0</t>
  </si>
  <si>
    <t>134916701.0</t>
  </si>
  <si>
    <t>73949351.0</t>
  </si>
  <si>
    <t>22230124.0</t>
  </si>
  <si>
    <t>18769382.0</t>
  </si>
  <si>
    <t>1999481.0</t>
  </si>
  <si>
    <t>774593391.0</t>
  </si>
  <si>
    <t>137563987.0</t>
  </si>
  <si>
    <t>74868594.0</t>
  </si>
  <si>
    <t>23399431.0</t>
  </si>
  <si>
    <t>19703926.0</t>
  </si>
  <si>
    <t>2072602.0</t>
  </si>
  <si>
    <t>794361655.0</t>
  </si>
  <si>
    <t>138923426.0</t>
  </si>
  <si>
    <t>75649717.0</t>
  </si>
  <si>
    <t>20884662.0</t>
  </si>
  <si>
    <t>19730968.0</t>
  </si>
  <si>
    <t>2044837.0</t>
  </si>
  <si>
    <t>817106064.0</t>
  </si>
  <si>
    <t>141926010.0</t>
  </si>
  <si>
    <t>76880789.0</t>
  </si>
  <si>
    <t>22367244.0</t>
  </si>
  <si>
    <t>20014403.0</t>
  </si>
  <si>
    <t>2060265.0</t>
  </si>
  <si>
    <t>837935862.0</t>
  </si>
  <si>
    <t>144170102.0</t>
  </si>
  <si>
    <t>77515072.0</t>
  </si>
  <si>
    <t>20455647.0</t>
  </si>
  <si>
    <t>20550834.0</t>
  </si>
  <si>
    <t>2105735.0</t>
  </si>
  <si>
    <t>857715662.0</t>
  </si>
  <si>
    <t>145316676.0</t>
  </si>
  <si>
    <t>77964187.0</t>
  </si>
  <si>
    <t>19786948.0</t>
  </si>
  <si>
    <t>21134688.0</t>
  </si>
  <si>
    <t>2066613.0</t>
  </si>
  <si>
    <t>884658662.0</t>
  </si>
  <si>
    <t>147518089.0</t>
  </si>
  <si>
    <t>78892217.0</t>
  </si>
  <si>
    <t>24893022.0</t>
  </si>
  <si>
    <t>22002440.0</t>
  </si>
  <si>
    <t>2109922.0</t>
  </si>
  <si>
    <t>909388538.0</t>
  </si>
  <si>
    <t>150088740.0</t>
  </si>
  <si>
    <t>80470579.0</t>
  </si>
  <si>
    <t>24559883.0</t>
  </si>
  <si>
    <t>22494758.0</t>
  </si>
  <si>
    <t>2172353.0</t>
  </si>
  <si>
    <t>936770500.0</t>
  </si>
  <si>
    <t>153329508.0</t>
  </si>
  <si>
    <t>81722636.0</t>
  </si>
  <si>
    <t>27559246.0</t>
  </si>
  <si>
    <t>23061806.0</t>
  </si>
  <si>
    <t>2295729.0</t>
  </si>
  <si>
    <t>959510044.0</t>
  </si>
  <si>
    <t>156155710.0</t>
  </si>
  <si>
    <t>82922691.0</t>
  </si>
  <si>
    <t>22811586.0</t>
  </si>
  <si>
    <t>23310480.0</t>
  </si>
  <si>
    <t>2373602.0</t>
  </si>
  <si>
    <t>984504901.0</t>
  </si>
  <si>
    <t>159015242.0</t>
  </si>
  <si>
    <t>84040066.0</t>
  </si>
  <si>
    <t>25217505.0</t>
  </si>
  <si>
    <t>23686668.0</t>
  </si>
  <si>
    <t>2427177.0</t>
  </si>
  <si>
    <t>1005964217.0</t>
  </si>
  <si>
    <t>161091898.0</t>
  </si>
  <si>
    <t>84815689.0</t>
  </si>
  <si>
    <t>21613813.0</t>
  </si>
  <si>
    <t>23823543.0</t>
  </si>
  <si>
    <t>2459385.0</t>
  </si>
  <si>
    <t>1022673641.0</t>
  </si>
  <si>
    <t>162585470.0</t>
  </si>
  <si>
    <t>85206644.0</t>
  </si>
  <si>
    <t>16471247.0</t>
  </si>
  <si>
    <t>23323874.0</t>
  </si>
  <si>
    <t>2456379.0</t>
  </si>
  <si>
    <t>1042424476.0</t>
  </si>
  <si>
    <t>165222164.0</t>
  </si>
  <si>
    <t>86056711.0</t>
  </si>
  <si>
    <t>19669762.0</t>
  </si>
  <si>
    <t>22557576.0</t>
  </si>
  <si>
    <t>2527782.0</t>
  </si>
  <si>
    <t>1062114022.0</t>
  </si>
  <si>
    <t>168980695.0</t>
  </si>
  <si>
    <t>87437727.0</t>
  </si>
  <si>
    <t>19607286.0</t>
  </si>
  <si>
    <t>21850062.0</t>
  </si>
  <si>
    <t>2693763.0</t>
  </si>
  <si>
    <t>1083133222.0</t>
  </si>
  <si>
    <t>172797634.0</t>
  </si>
  <si>
    <t>88757850.0</t>
  </si>
  <si>
    <t>21003692.0</t>
  </si>
  <si>
    <t>20913553.0</t>
  </si>
  <si>
    <t>2754280.0</t>
  </si>
  <si>
    <t>1107551747.0</t>
  </si>
  <si>
    <t>797643624.0</t>
  </si>
  <si>
    <t>89882388.0</t>
  </si>
  <si>
    <t>24738053.0</t>
  </si>
  <si>
    <t>21188760.0</t>
  </si>
  <si>
    <t>2778471.0</t>
  </si>
  <si>
    <t>1130944713.0</t>
  </si>
  <si>
    <t>801359030.0</t>
  </si>
  <si>
    <t>91344792.0</t>
  </si>
  <si>
    <t>22863125.0</t>
  </si>
  <si>
    <t>20852427.0</t>
  </si>
  <si>
    <t>8677372.0</t>
  </si>
  <si>
    <t>1149209842.0</t>
  </si>
  <si>
    <t>803557980.0</t>
  </si>
  <si>
    <t>92355344.0</t>
  </si>
  <si>
    <t>18451794.0</t>
  </si>
  <si>
    <t>20400709.0</t>
  </si>
  <si>
    <t>8695180.0</t>
  </si>
  <si>
    <t>1165773898.0</t>
  </si>
  <si>
    <t>805304287.0</t>
  </si>
  <si>
    <t>92927659.0</t>
  </si>
  <si>
    <t>16602244.0</t>
  </si>
  <si>
    <t>20419422.0</t>
  </si>
  <si>
    <t>8771244.0</t>
  </si>
  <si>
    <t>1181370707.0</t>
  </si>
  <si>
    <t>808373181.0</t>
  </si>
  <si>
    <t>93989214.0</t>
  </si>
  <si>
    <t>15467295.0</t>
  </si>
  <si>
    <t>19819066.0</t>
  </si>
  <si>
    <t>8834084.0</t>
  </si>
  <si>
    <t>1206192754.0</t>
  </si>
  <si>
    <t>812155377.0</t>
  </si>
  <si>
    <t>95133082.0</t>
  </si>
  <si>
    <t>25328746.0</t>
  </si>
  <si>
    <t>20636424.0</t>
  </si>
  <si>
    <t>8907083.0</t>
  </si>
  <si>
    <t>1232472640.0</t>
  </si>
  <si>
    <t>816042475.0</t>
  </si>
  <si>
    <t>96157149.0</t>
  </si>
  <si>
    <t>26785420.0</t>
  </si>
  <si>
    <t>21462382.0</t>
  </si>
  <si>
    <t>8957150.0</t>
  </si>
  <si>
    <t>1261941637.0</t>
  </si>
  <si>
    <t>822105464.0</t>
  </si>
  <si>
    <t>98057286.0</t>
  </si>
  <si>
    <t>28995754.0</t>
  </si>
  <si>
    <t>22070631.0</t>
  </si>
  <si>
    <t>9360735.0</t>
  </si>
  <si>
    <t>1291683929.0</t>
  </si>
  <si>
    <t>826892977.0</t>
  </si>
  <si>
    <t>99468311.0</t>
  </si>
  <si>
    <t>29728786.0</t>
  </si>
  <si>
    <t>23051437.0</t>
  </si>
  <si>
    <t>9540449.0</t>
  </si>
  <si>
    <t>1316007848.0</t>
  </si>
  <si>
    <t>829579969.0</t>
  </si>
  <si>
    <t>100944389.0</t>
  </si>
  <si>
    <t>24224279.0</t>
  </si>
  <si>
    <t>23876077.0</t>
  </si>
  <si>
    <t>9585763.0</t>
  </si>
  <si>
    <t>1338399143.0</t>
  </si>
  <si>
    <t>832357681.0</t>
  </si>
  <si>
    <t>101918750.0</t>
  </si>
  <si>
    <t>22204308.0</t>
  </si>
  <si>
    <t>24676372.0</t>
  </si>
  <si>
    <t>9711792.0</t>
  </si>
  <si>
    <t>1363976860.0</t>
  </si>
  <si>
    <t>836183175.0</t>
  </si>
  <si>
    <t>103288156.0</t>
  </si>
  <si>
    <t>25650897.0</t>
  </si>
  <si>
    <t>26131172.0</t>
  </si>
  <si>
    <t>9837555.0</t>
  </si>
  <si>
    <t>1391344907.0</t>
  </si>
  <si>
    <t>840049548.0</t>
  </si>
  <si>
    <t>104867493.0</t>
  </si>
  <si>
    <t>27538645.0</t>
  </si>
  <si>
    <t>26446867.0</t>
  </si>
  <si>
    <t>9826771.0</t>
  </si>
  <si>
    <t>1420390947.0</t>
  </si>
  <si>
    <t>843806726.0</t>
  </si>
  <si>
    <t>106287398.0</t>
  </si>
  <si>
    <t>29329405.0</t>
  </si>
  <si>
    <t>26810299.0</t>
  </si>
  <si>
    <t>9797249.0</t>
  </si>
  <si>
    <t>1451565981.0</t>
  </si>
  <si>
    <t>848241907.0</t>
  </si>
  <si>
    <t>108409274.0</t>
  </si>
  <si>
    <t>30831194.0</t>
  </si>
  <si>
    <t>27072502.0</t>
  </si>
  <si>
    <t>9549038.0</t>
  </si>
  <si>
    <t>1480544961.0</t>
  </si>
  <si>
    <t>852544166.0</t>
  </si>
  <si>
    <t>109871697.0</t>
  </si>
  <si>
    <t>28892596.0</t>
  </si>
  <si>
    <t>26953046.0</t>
  </si>
  <si>
    <t>9495683.0</t>
  </si>
  <si>
    <t>1505578235.0</t>
  </si>
  <si>
    <t>855154311.0</t>
  </si>
  <si>
    <t>110887740.0</t>
  </si>
  <si>
    <t>25269551.0</t>
  </si>
  <si>
    <t>27102369.0</t>
  </si>
  <si>
    <t>9515650.0</t>
  </si>
  <si>
    <t>1528725754.0</t>
  </si>
  <si>
    <t>856921880.0</t>
  </si>
  <si>
    <t>111746926.0</t>
  </si>
  <si>
    <t>23387692.0</t>
  </si>
  <si>
    <t>27271425.0</t>
  </si>
  <si>
    <t>9411824.0</t>
  </si>
  <si>
    <t>1554673760.0</t>
  </si>
  <si>
    <t>860626836.0</t>
  </si>
  <si>
    <t>113153764.0</t>
  </si>
  <si>
    <t>26048336.0</t>
  </si>
  <si>
    <t>27328205.0</t>
  </si>
  <si>
    <t>9398925.0</t>
  </si>
  <si>
    <t>1579456223.0</t>
  </si>
  <si>
    <t>864902471.0</t>
  </si>
  <si>
    <t>114908925.0</t>
  </si>
  <si>
    <t>25080346.0</t>
  </si>
  <si>
    <t>26977018.0</t>
  </si>
  <si>
    <t>9466892.0</t>
  </si>
  <si>
    <t>1604966121.0</t>
  </si>
  <si>
    <t>869416643.0</t>
  </si>
  <si>
    <t>116803942.0</t>
  </si>
  <si>
    <t>299248.0</t>
  </si>
  <si>
    <t>25539704.0</t>
  </si>
  <si>
    <t>26435631.0</t>
  </si>
  <si>
    <t>9559937.0</t>
  </si>
  <si>
    <t>1630125120.0</t>
  </si>
  <si>
    <t>873284316.0</t>
  </si>
  <si>
    <t>118471173.0</t>
  </si>
  <si>
    <t>559806.0</t>
  </si>
  <si>
    <t>25471002.0</t>
  </si>
  <si>
    <t>25669893.0</t>
  </si>
  <si>
    <t>9547262.0</t>
  </si>
  <si>
    <t>1655057831.0</t>
  </si>
  <si>
    <t>877517806.0</t>
  </si>
  <si>
    <t>119920910.0</t>
  </si>
  <si>
    <t>908995.0</t>
  </si>
  <si>
    <t>25296780.0</t>
  </si>
  <si>
    <t>25156205.0</t>
  </si>
  <si>
    <t>9585805.0</t>
  </si>
  <si>
    <t>1671621484.0</t>
  </si>
  <si>
    <t>879989081.0</t>
  </si>
  <si>
    <t>121122373.0</t>
  </si>
  <si>
    <t>1030881.0</t>
  </si>
  <si>
    <t>16729809.0</t>
  </si>
  <si>
    <t>23936237.0</t>
  </si>
  <si>
    <t>9564469.0</t>
  </si>
  <si>
    <t>1684095168.0</t>
  </si>
  <si>
    <t>881929004.0</t>
  </si>
  <si>
    <t>121902650.0</t>
  </si>
  <si>
    <t>1371090.0</t>
  </si>
  <si>
    <t>12551406.0</t>
  </si>
  <si>
    <t>9574611.0</t>
  </si>
  <si>
    <t>1703979998.0</t>
  </si>
  <si>
    <t>886916790.0</t>
  </si>
  <si>
    <t>123612765.0</t>
  </si>
  <si>
    <t>1785031.0</t>
  </si>
  <si>
    <t>18492025.0</t>
  </si>
  <si>
    <t>21308723.0</t>
  </si>
  <si>
    <t>9579821.0</t>
  </si>
  <si>
    <t>1723908468.0</t>
  </si>
  <si>
    <t>891703045.0</t>
  </si>
  <si>
    <t>125403459.0</t>
  </si>
  <si>
    <t>2153491.0</t>
  </si>
  <si>
    <t>20619318.0</t>
  </si>
  <si>
    <t>20671431.0</t>
  </si>
  <si>
    <t>9678218.0</t>
  </si>
  <si>
    <t>1741511238.0</t>
  </si>
  <si>
    <t>896340119.0</t>
  </si>
  <si>
    <t>127806550.0</t>
  </si>
  <si>
    <t>2471051.0</t>
  </si>
  <si>
    <t>17777253.0</t>
  </si>
  <si>
    <t>19562508.0</t>
  </si>
  <si>
    <t>9674671.0</t>
  </si>
  <si>
    <t>1759547357.0</t>
  </si>
  <si>
    <t>900293674.0</t>
  </si>
  <si>
    <t>130404317.0</t>
  </si>
  <si>
    <t>2742833.0</t>
  </si>
  <si>
    <t>18295898.0</t>
  </si>
  <si>
    <t>18537497.0</t>
  </si>
  <si>
    <t>9689764.0</t>
  </si>
  <si>
    <t>1776731215.0</t>
  </si>
  <si>
    <t>904537001.0</t>
  </si>
  <si>
    <t>132183903.0</t>
  </si>
  <si>
    <t>2895673.0</t>
  </si>
  <si>
    <t>17608427.0</t>
  </si>
  <si>
    <t>17439166.0</t>
  </si>
  <si>
    <t>9688587.0</t>
  </si>
  <si>
    <t>1789951758.0</t>
  </si>
  <si>
    <t>907747462.0</t>
  </si>
  <si>
    <t>133671906.0</t>
  </si>
  <si>
    <t>2949014.0</t>
  </si>
  <si>
    <t>13369734.0</t>
  </si>
  <si>
    <t>16959151.0</t>
  </si>
  <si>
    <t>9772715.0</t>
  </si>
  <si>
    <t>1802215847.0</t>
  </si>
  <si>
    <t>910412633.0</t>
  </si>
  <si>
    <t>135271134.0</t>
  </si>
  <si>
    <t>3080262.0</t>
  </si>
  <si>
    <t>12369830.0</t>
  </si>
  <si>
    <t>16933212.0</t>
  </si>
  <si>
    <t>9871132.0</t>
  </si>
  <si>
    <t>1818301822.0</t>
  </si>
  <si>
    <t>914678745.0</t>
  </si>
  <si>
    <t>138156212.0</t>
  </si>
  <si>
    <t>3293029.0</t>
  </si>
  <si>
    <t>14668416.0</t>
  </si>
  <si>
    <t>16386982.0</t>
  </si>
  <si>
    <t>9853113.0</t>
  </si>
  <si>
    <t>1835462798.0</t>
  </si>
  <si>
    <t>919188782.0</t>
  </si>
  <si>
    <t>140229037.0</t>
  </si>
  <si>
    <t>3477686.0</t>
  </si>
  <si>
    <t>17571774.0</t>
  </si>
  <si>
    <t>15951620.0</t>
  </si>
  <si>
    <t>9811557.0</t>
  </si>
  <si>
    <t>1855540281.0</t>
  </si>
  <si>
    <t>924122035.0</t>
  </si>
  <si>
    <t>143115447.0</t>
  </si>
  <si>
    <t>3596526.0</t>
  </si>
  <si>
    <t>20091949.0</t>
  </si>
  <si>
    <t>16282288.0</t>
  </si>
  <si>
    <t>9871899.0</t>
  </si>
  <si>
    <t>1874689326.0</t>
  </si>
  <si>
    <t>929047988.0</t>
  </si>
  <si>
    <t>146086099.0</t>
  </si>
  <si>
    <t>3738396.0</t>
  </si>
  <si>
    <t>19103372.0</t>
  </si>
  <si>
    <t>16397645.0</t>
  </si>
  <si>
    <t>9985382.0</t>
  </si>
  <si>
    <t>1892417508.0</t>
  </si>
  <si>
    <t>933432138.0</t>
  </si>
  <si>
    <t>148239582.0</t>
  </si>
  <si>
    <t>3763112.0</t>
  </si>
  <si>
    <t>18339879.0</t>
  </si>
  <si>
    <t>16502136.0</t>
  </si>
  <si>
    <t>10034891.0</t>
  </si>
  <si>
    <t>1906755969.0</t>
  </si>
  <si>
    <t>936318867.0</t>
  </si>
  <si>
    <t>150133424.0</t>
  </si>
  <si>
    <t>3804253.0</t>
  </si>
  <si>
    <t>14121302.0</t>
  </si>
  <si>
    <t>16609503.0</t>
  </si>
  <si>
    <t>9978658.0</t>
  </si>
  <si>
    <t>1919498433.0</t>
  </si>
  <si>
    <t>938633547.0</t>
  </si>
  <si>
    <t>151472462.0</t>
  </si>
  <si>
    <t>3826019.0</t>
  </si>
  <si>
    <t>11990966.0</t>
  </si>
  <si>
    <t>16555379.0</t>
  </si>
  <si>
    <t>9867621.0</t>
  </si>
  <si>
    <t>1934904656.0</t>
  </si>
  <si>
    <t>941715772.0</t>
  </si>
  <si>
    <t>153122264.0</t>
  </si>
  <si>
    <t>3866012.0</t>
  </si>
  <si>
    <t>15525978.0</t>
  </si>
  <si>
    <t>16677888.0</t>
  </si>
  <si>
    <t>9800198.0</t>
  </si>
  <si>
    <t>1952836506.0</t>
  </si>
  <si>
    <t>945973824.0</t>
  </si>
  <si>
    <t>155752560.0</t>
  </si>
  <si>
    <t>3886820.0</t>
  </si>
  <si>
    <t>17793106.0</t>
  </si>
  <si>
    <t>16709511.0</t>
  </si>
  <si>
    <t>9717695.0</t>
  </si>
  <si>
    <t>1972020027.0</t>
  </si>
  <si>
    <t>949677118.0</t>
  </si>
  <si>
    <t>158123194.0</t>
  </si>
  <si>
    <t>3935975.0</t>
  </si>
  <si>
    <t>19898413.0</t>
  </si>
  <si>
    <t>16681858.0</t>
  </si>
  <si>
    <t>9617244.0</t>
  </si>
  <si>
    <t>1995933830.0</t>
  </si>
  <si>
    <t>954539733.0</t>
  </si>
  <si>
    <t>161445877.0</t>
  </si>
  <si>
    <t>3989917.0</t>
  </si>
  <si>
    <t>23388230.0</t>
  </si>
  <si>
    <t>17293982.0</t>
  </si>
  <si>
    <t>9565607.0</t>
  </si>
  <si>
    <t>2020685539.0</t>
  </si>
  <si>
    <t>959381073.0</t>
  </si>
  <si>
    <t>164218566.0</t>
  </si>
  <si>
    <t>4021774.0</t>
  </si>
  <si>
    <t>25084834.0</t>
  </si>
  <si>
    <t>18257544.0</t>
  </si>
  <si>
    <t>9605244.0</t>
  </si>
  <si>
    <t>2039423642.0</t>
  </si>
  <si>
    <t>962383058.0</t>
  </si>
  <si>
    <t>166178128.0</t>
  </si>
  <si>
    <t>4059787.0</t>
  </si>
  <si>
    <t>19160415.0</t>
  </si>
  <si>
    <t>18977414.0</t>
  </si>
  <si>
    <t>9693498.0</t>
  </si>
  <si>
    <t>2055810274.0</t>
  </si>
  <si>
    <t>965101160.0</t>
  </si>
  <si>
    <t>168287354.0</t>
  </si>
  <si>
    <t>4225523.0</t>
  </si>
  <si>
    <t>16073029.0</t>
  </si>
  <si>
    <t>19560573.0</t>
  </si>
  <si>
    <t>9789817.0</t>
  </si>
  <si>
    <t>2077744252.0</t>
  </si>
  <si>
    <t>968667790.0</t>
  </si>
  <si>
    <t>170694321.0</t>
  </si>
  <si>
    <t>4443077.0</t>
  </si>
  <si>
    <t>21475052.0</t>
  </si>
  <si>
    <t>20410441.0</t>
  </si>
  <si>
    <t>9807864.0</t>
  </si>
  <si>
    <t>2102933482.0</t>
  </si>
  <si>
    <t>972890746.0</t>
  </si>
  <si>
    <t>174329003.0</t>
  </si>
  <si>
    <t>4663000.0</t>
  </si>
  <si>
    <t>25453751.0</t>
  </si>
  <si>
    <t>21504819.0</t>
  </si>
  <si>
    <t>9821884.0</t>
  </si>
  <si>
    <t>2128638827.0</t>
  </si>
  <si>
    <t>977196964.0</t>
  </si>
  <si>
    <t>177793959.0</t>
  </si>
  <si>
    <t>4884600.0</t>
  </si>
  <si>
    <t>25890323.0</t>
  </si>
  <si>
    <t>22360803.0</t>
  </si>
  <si>
    <t>9853435.0</t>
  </si>
  <si>
    <t>2154849365.0</t>
  </si>
  <si>
    <t>981828709.0</t>
  </si>
  <si>
    <t>181461514.0</t>
  </si>
  <si>
    <t>5105136.0</t>
  </si>
  <si>
    <t>26291608.0</t>
  </si>
  <si>
    <t>22775574.0</t>
  </si>
  <si>
    <t>9875775.0</t>
  </si>
  <si>
    <t>2180919196.0</t>
  </si>
  <si>
    <t>986211287.0</t>
  </si>
  <si>
    <t>184838894.0</t>
  </si>
  <si>
    <t>5243537.0</t>
  </si>
  <si>
    <t>26595286.0</t>
  </si>
  <si>
    <t>22991354.0</t>
  </si>
  <si>
    <t>9835483.0</t>
  </si>
  <si>
    <t>2202872127.0</t>
  </si>
  <si>
    <t>990217613.0</t>
  </si>
  <si>
    <t>187407434.0</t>
  </si>
  <si>
    <t>5286224.0</t>
  </si>
  <si>
    <t>21708936.0</t>
  </si>
  <si>
    <t>23355427.0</t>
  </si>
  <si>
    <t>9894339.0</t>
  </si>
  <si>
    <t>2223456365.0</t>
  </si>
  <si>
    <t>992463332.0</t>
  </si>
  <si>
    <t>188754585.0</t>
  </si>
  <si>
    <t>5341452.0</t>
  </si>
  <si>
    <t>20411005.0</t>
  </si>
  <si>
    <t>23975139.0</t>
  </si>
  <si>
    <t>9868440.0</t>
  </si>
  <si>
    <t>2247169887.0</t>
  </si>
  <si>
    <t>995133345.0</t>
  </si>
  <si>
    <t>190870480.0</t>
  </si>
  <si>
    <t>5463556.0</t>
  </si>
  <si>
    <t>23860894.0</t>
  </si>
  <si>
    <t>24315971.0</t>
  </si>
  <si>
    <t>9776864.0</t>
  </si>
  <si>
    <t>2273789675.0</t>
  </si>
  <si>
    <t>999144455.0</t>
  </si>
  <si>
    <t>193794227.0</t>
  </si>
  <si>
    <t>5606924.0</t>
  </si>
  <si>
    <t>26684201.0</t>
  </si>
  <si>
    <t>24491752.0</t>
  </si>
  <si>
    <t>9742347.0</t>
  </si>
  <si>
    <t>2299131867.0</t>
  </si>
  <si>
    <t>1003400765.0</t>
  </si>
  <si>
    <t>196993460.0</t>
  </si>
  <si>
    <t>5623963.0</t>
  </si>
  <si>
    <t>25339059.0</t>
  </si>
  <si>
    <t>24412999.0</t>
  </si>
  <si>
    <t>9713766.0</t>
  </si>
  <si>
    <t>2321209971.0</t>
  </si>
  <si>
    <t>1006963415.0</t>
  </si>
  <si>
    <t>199794907.0</t>
  </si>
  <si>
    <t>5863835.0</t>
  </si>
  <si>
    <t>22166292.0</t>
  </si>
  <si>
    <t>23823669.0</t>
  </si>
  <si>
    <t>9559382.0</t>
  </si>
  <si>
    <t>2344371322.0</t>
  </si>
  <si>
    <t>1010444479.0</t>
  </si>
  <si>
    <t>202645993.0</t>
  </si>
  <si>
    <t>6003601.0</t>
  </si>
  <si>
    <t>23110574.0</t>
  </si>
  <si>
    <t>23325852.0</t>
  </si>
  <si>
    <t>92.81</t>
  </si>
  <si>
    <t>9443980.0</t>
  </si>
  <si>
    <t>2362030690.0</t>
  </si>
  <si>
    <t>1012973891.0</t>
  </si>
  <si>
    <t>205163545.0</t>
  </si>
  <si>
    <t>6128246.0</t>
  </si>
  <si>
    <t>17983553.0</t>
  </si>
  <si>
    <t>22793651.0</t>
  </si>
  <si>
    <t>9295566.0</t>
  </si>
  <si>
    <t>2378348789.0</t>
  </si>
  <si>
    <t>1015247182.0</t>
  </si>
  <si>
    <t>207079113.0</t>
  </si>
  <si>
    <t>6210718.0</t>
  </si>
  <si>
    <t>15813952.0</t>
  </si>
  <si>
    <t>22136932.0</t>
  </si>
  <si>
    <t>9229646.0</t>
  </si>
  <si>
    <t>2396426913.0</t>
  </si>
  <si>
    <t>1018148105.0</t>
  </si>
  <si>
    <t>209583158.0</t>
  </si>
  <si>
    <t>6374407.0</t>
  </si>
  <si>
    <t>17674609.0</t>
  </si>
  <si>
    <t>21253176.0</t>
  </si>
  <si>
    <t>9225889.0</t>
  </si>
  <si>
    <t>2417702055.0</t>
  </si>
  <si>
    <t>1021928790.0</t>
  </si>
  <si>
    <t>213795976.0</t>
  </si>
  <si>
    <t>6702905.0</t>
  </si>
  <si>
    <t>21130685.0</t>
  </si>
  <si>
    <t>20459819.0</t>
  </si>
  <si>
    <t>9180435.0</t>
  </si>
  <si>
    <t>2437258522.0</t>
  </si>
  <si>
    <t>1025625940.0</t>
  </si>
  <si>
    <t>217281568.0</t>
  </si>
  <si>
    <t>6980822.0</t>
  </si>
  <si>
    <t>20065015.0</t>
  </si>
  <si>
    <t>19706384.0</t>
  </si>
  <si>
    <t>9148306.0</t>
  </si>
  <si>
    <t>2457892710.0</t>
  </si>
  <si>
    <t>1029757862.0</t>
  </si>
  <si>
    <t>998432705.0</t>
  </si>
  <si>
    <t>7268090.0</t>
  </si>
  <si>
    <t>20568034.0</t>
  </si>
  <si>
    <t>19478066.0</t>
  </si>
  <si>
    <t>9212756.0</t>
  </si>
  <si>
    <t>2478791725.0</t>
  </si>
  <si>
    <t>1033957509.0</t>
  </si>
  <si>
    <t>1003025508.0</t>
  </si>
  <si>
    <t>7411906.0</t>
  </si>
  <si>
    <t>21142345.0</t>
  </si>
  <si>
    <t>19196885.0</t>
  </si>
  <si>
    <t>98.13</t>
  </si>
  <si>
    <t>9267350.0</t>
  </si>
  <si>
    <t>2495284363.0</t>
  </si>
  <si>
    <t>1036780597.0</t>
  </si>
  <si>
    <t>1007046567.0</t>
  </si>
  <si>
    <t>7516990.0</t>
  </si>
  <si>
    <t>16945539.0</t>
  </si>
  <si>
    <t>19048597.0</t>
  </si>
  <si>
    <t>9322677.0</t>
  </si>
  <si>
    <t>2508831751.0</t>
  </si>
  <si>
    <t>1038863312.0</t>
  </si>
  <si>
    <t>1009031498.0</t>
  </si>
  <si>
    <t>7592407.0</t>
  </si>
  <si>
    <t>13294825.0</t>
  </si>
  <si>
    <t>18688725.0</t>
  </si>
  <si>
    <t>9328931.0</t>
  </si>
  <si>
    <t>2527702459.0</t>
  </si>
  <si>
    <t>1042048358.0</t>
  </si>
  <si>
    <t>1012061024.0</t>
  </si>
  <si>
    <t>7752548.0</t>
  </si>
  <si>
    <t>18950204.0</t>
  </si>
  <si>
    <t>18870951.0</t>
  </si>
  <si>
    <t>9416380.0</t>
  </si>
  <si>
    <t>2548045333.0</t>
  </si>
  <si>
    <t>1045881188.0</t>
  </si>
  <si>
    <t>1015832843.0</t>
  </si>
  <si>
    <t>7969421.0</t>
  </si>
  <si>
    <t>19903473.0</t>
  </si>
  <si>
    <t>18695635.0</t>
  </si>
  <si>
    <t>9443015.0</t>
  </si>
  <si>
    <t>2569412374.0</t>
  </si>
  <si>
    <t>1050061041.0</t>
  </si>
  <si>
    <t>1020057105.0</t>
  </si>
  <si>
    <t>8329826.0</t>
  </si>
  <si>
    <t>21606699.0</t>
  </si>
  <si>
    <t>18915876.0</t>
  </si>
  <si>
    <t>9442532.0</t>
  </si>
  <si>
    <t>2589451466.0</t>
  </si>
  <si>
    <t>1053852214.0</t>
  </si>
  <si>
    <t>1023875755.0</t>
  </si>
  <si>
    <t>8542997.0</t>
  </si>
  <si>
    <t>20548133.0</t>
  </si>
  <si>
    <t>18913033.0</t>
  </si>
  <si>
    <t>9412838.0</t>
  </si>
  <si>
    <t>2608585441.0</t>
  </si>
  <si>
    <t>1057313893.0</t>
  </si>
  <si>
    <t>1027441695.0</t>
  </si>
  <si>
    <t>8748137.0</t>
  </si>
  <si>
    <t>19785146.0</t>
  </si>
  <si>
    <t>18719148.0</t>
  </si>
  <si>
    <t>9302048.0</t>
  </si>
  <si>
    <t>2625222284.0</t>
  </si>
  <si>
    <t>1059972226.0</t>
  </si>
  <si>
    <t>1029886395.0</t>
  </si>
  <si>
    <t>8813161.0</t>
  </si>
  <si>
    <t>17352814.0</t>
  </si>
  <si>
    <t>18777331.0</t>
  </si>
  <si>
    <t>9256337.0</t>
  </si>
  <si>
    <t>2639825292.0</t>
  </si>
  <si>
    <t>1061731051.0</t>
  </si>
  <si>
    <t>1031624391.0</t>
  </si>
  <si>
    <t>8877185.0</t>
  </si>
  <si>
    <t>15025595.0</t>
  </si>
  <si>
    <t>19024582.0</t>
  </si>
  <si>
    <t>9234126.0</t>
  </si>
  <si>
    <t>2661046290.0</t>
  </si>
  <si>
    <t>1065069287.0</t>
  </si>
  <si>
    <t>1034401405.0</t>
  </si>
  <si>
    <t>9114119.0</t>
  </si>
  <si>
    <t>21634250.0</t>
  </si>
  <si>
    <t>19408018.0</t>
  </si>
  <si>
    <t>9254116.0</t>
  </si>
  <si>
    <t>2682134481.0</t>
  </si>
  <si>
    <t>1068761752.0</t>
  </si>
  <si>
    <t>1037835265.0</t>
  </si>
  <si>
    <t>9314180.0</t>
  </si>
  <si>
    <t>21708567.0</t>
  </si>
  <si>
    <t>19665889.0</t>
  </si>
  <si>
    <t>9230406.0</t>
  </si>
  <si>
    <t>2702712932.0</t>
  </si>
  <si>
    <t>1072047020.0</t>
  </si>
  <si>
    <t>1041108439.0</t>
  </si>
  <si>
    <t>9493823.0</t>
  </si>
  <si>
    <t>20234400.0</t>
  </si>
  <si>
    <t>19469845.0</t>
  </si>
  <si>
    <t>9161728.0</t>
  </si>
  <si>
    <t>2724009639.0</t>
  </si>
  <si>
    <t>1524737435.0</t>
  </si>
  <si>
    <t>1157055108.0</t>
  </si>
  <si>
    <t>9663852.0</t>
  </si>
  <si>
    <t>22507182.0</t>
  </si>
  <si>
    <t>19749711.0</t>
  </si>
  <si>
    <t>8985343.0</t>
  </si>
  <si>
    <t>2752651049.0</t>
  </si>
  <si>
    <t>1531822247.0</t>
  </si>
  <si>
    <t>1163750980.0</t>
  </si>
  <si>
    <t>9803350.0</t>
  </si>
  <si>
    <t>23827213.0</t>
  </si>
  <si>
    <t>20327148.0</t>
  </si>
  <si>
    <t>8431314.0</t>
  </si>
  <si>
    <t>2770973528.0</t>
  </si>
  <si>
    <t>1534019659.0</t>
  </si>
  <si>
    <t>1166419198.0</t>
  </si>
  <si>
    <t>9879825.0</t>
  </si>
  <si>
    <t>18826907.0</t>
  </si>
  <si>
    <t>20537737.0</t>
  </si>
  <si>
    <t>7833163.0</t>
  </si>
  <si>
    <t>2786279358.0</t>
  </si>
  <si>
    <t>1535667197.0</t>
  </si>
  <si>
    <t>1168337865.0</t>
  </si>
  <si>
    <t>9944793.0</t>
  </si>
  <si>
    <t>15485811.0</t>
  </si>
  <si>
    <t>20603477.0</t>
  </si>
  <si>
    <t>110.31</t>
  </si>
  <si>
    <t>7278253.0</t>
  </si>
  <si>
    <t>2803280676.0</t>
  </si>
  <si>
    <t>1538119912.0</t>
  </si>
  <si>
    <t>1171352449.0</t>
  </si>
  <si>
    <t>10034462.0</t>
  </si>
  <si>
    <t>16638636.0</t>
  </si>
  <si>
    <t>19889816.0</t>
  </si>
  <si>
    <t>6600200.0</t>
  </si>
  <si>
    <t>2821321456.0</t>
  </si>
  <si>
    <t>1541144605.0</t>
  </si>
  <si>
    <t>1174766043.0</t>
  </si>
  <si>
    <t>10230820.0</t>
  </si>
  <si>
    <t>18670089.0</t>
  </si>
  <si>
    <t>19455748.0</t>
  </si>
  <si>
    <t>5984465.0</t>
  </si>
  <si>
    <t>2837592039.0</t>
  </si>
  <si>
    <t>1544273247.0</t>
  </si>
  <si>
    <t>1178955912.0</t>
  </si>
  <si>
    <t>10417961.0</t>
  </si>
  <si>
    <t>15928048.0</t>
  </si>
  <si>
    <t>18840557.0</t>
  </si>
  <si>
    <t>5349394.0</t>
  </si>
  <si>
    <t>2852127701.0</t>
  </si>
  <si>
    <t>1547077800.0</t>
  </si>
  <si>
    <t>1182497625.0</t>
  </si>
  <si>
    <t>10574657.0</t>
  </si>
  <si>
    <t>14940380.0</t>
  </si>
  <si>
    <t>17759585.0</t>
  </si>
  <si>
    <t>4843880.0</t>
  </si>
  <si>
    <t>2865957904.0</t>
  </si>
  <si>
    <t>1549640181.0</t>
  </si>
  <si>
    <t>1186081090.0</t>
  </si>
  <si>
    <t>10727948.0</t>
  </si>
  <si>
    <t>14691915.0</t>
  </si>
  <si>
    <t>16454543.0</t>
  </si>
  <si>
    <t>4761310.0</t>
  </si>
  <si>
    <t>2879297370.0</t>
  </si>
  <si>
    <t>1551985032.0</t>
  </si>
  <si>
    <t>1189123289.0</t>
  </si>
  <si>
    <t>10776098.0</t>
  </si>
  <si>
    <t>13364419.0</t>
  </si>
  <si>
    <t>15674189.0</t>
  </si>
  <si>
    <t>113.99</t>
  </si>
  <si>
    <t>4736525.0</t>
  </si>
  <si>
    <t>2889500568.0</t>
  </si>
  <si>
    <t>1553590155.0</t>
  </si>
  <si>
    <t>1190811886.0</t>
  </si>
  <si>
    <t>10836046.0</t>
  </si>
  <si>
    <t>10550687.0</t>
  </si>
  <si>
    <t>14969169.0</t>
  </si>
  <si>
    <t>4721988.0</t>
  </si>
  <si>
    <t>2899566260.0</t>
  </si>
  <si>
    <t>1578010880.0</t>
  </si>
  <si>
    <t>1273313975.0</t>
  </si>
  <si>
    <t>11011770.0</t>
  </si>
  <si>
    <t>10872923.0</t>
  </si>
  <si>
    <t>14145492.0</t>
  </si>
  <si>
    <t>4707217.0</t>
  </si>
  <si>
    <t>2911389117.0</t>
  </si>
  <si>
    <t>1580615669.0</t>
  </si>
  <si>
    <t>1276397619.0</t>
  </si>
  <si>
    <t>11165788.0</t>
  </si>
  <si>
    <t>12685700.0</t>
  </si>
  <si>
    <t>13290577.0</t>
  </si>
  <si>
    <t>4365847.0</t>
  </si>
  <si>
    <t>2924997782.0</t>
  </si>
  <si>
    <t>1585685674.0</t>
  </si>
  <si>
    <t>1281711403.0</t>
  </si>
  <si>
    <t>11313460.0</t>
  </si>
  <si>
    <t>12885281.0</t>
  </si>
  <si>
    <t>12855899.0</t>
  </si>
  <si>
    <t>4102406.0</t>
  </si>
  <si>
    <t>2938665930.0</t>
  </si>
  <si>
    <t>1588971269.0</t>
  </si>
  <si>
    <t>1286811668.0</t>
  </si>
  <si>
    <t>11453836.0</t>
  </si>
  <si>
    <t>12553497.0</t>
  </si>
  <si>
    <t>12514919.0</t>
  </si>
  <si>
    <t>3886578.0</t>
  </si>
  <si>
    <t>2955075576.0</t>
  </si>
  <si>
    <t>1593881086.0</t>
  </si>
  <si>
    <t>1292912780.0</t>
  </si>
  <si>
    <t>11594446.0</t>
  </si>
  <si>
    <t>15039209.0</t>
  </si>
  <si>
    <t>12564529.0</t>
  </si>
  <si>
    <t>3842541.0</t>
  </si>
  <si>
    <t>2968470966.0</t>
  </si>
  <si>
    <t>1596627412.0</t>
  </si>
  <si>
    <t>1296248506.0</t>
  </si>
  <si>
    <t>11649936.0</t>
  </si>
  <si>
    <t>13380392.0</t>
  </si>
  <si>
    <t>12566811.0</t>
  </si>
  <si>
    <t>3677590.0</t>
  </si>
  <si>
    <t>2977455246.0</t>
  </si>
  <si>
    <t>1598412886.0</t>
  </si>
  <si>
    <t>1297909970.0</t>
  </si>
  <si>
    <t>11701796.0</t>
  </si>
  <si>
    <t>9180940.0</t>
  </si>
  <si>
    <t>12371135.0</t>
  </si>
  <si>
    <t>3493862.0</t>
  </si>
  <si>
    <t>2987286472.0</t>
  </si>
  <si>
    <t>1600842812.0</t>
  </si>
  <si>
    <t>1300856286.0</t>
  </si>
  <si>
    <t>11839799.0</t>
  </si>
  <si>
    <t>10056983.0</t>
  </si>
  <si>
    <t>12254571.0</t>
  </si>
  <si>
    <t>3310878.0</t>
  </si>
  <si>
    <t>2997990602.0</t>
  </si>
  <si>
    <t>1603286850.0</t>
  </si>
  <si>
    <t>1304663644.0</t>
  </si>
  <si>
    <t>12012277.0</t>
  </si>
  <si>
    <t>11147240.0</t>
  </si>
  <si>
    <t>12034790.0</t>
  </si>
  <si>
    <t>3344704.0</t>
  </si>
  <si>
    <t>3009058090.0</t>
  </si>
  <si>
    <t>1605882585.0</t>
  </si>
  <si>
    <t>1350441427.0</t>
  </si>
  <si>
    <t>12181194.0</t>
  </si>
  <si>
    <t>11488261.0</t>
  </si>
  <si>
    <t>11835214.0</t>
  </si>
  <si>
    <t>3366056.0</t>
  </si>
  <si>
    <t>3019031274.0</t>
  </si>
  <si>
    <t>1608158375.0</t>
  </si>
  <si>
    <t>1353847684.0</t>
  </si>
  <si>
    <t>12334545.0</t>
  </si>
  <si>
    <t>10578776.0</t>
  </si>
  <si>
    <t>11553113.0</t>
  </si>
  <si>
    <t>3317351.0</t>
  </si>
  <si>
    <t>3029561241.0</t>
  </si>
  <si>
    <t>1610662996.0</t>
  </si>
  <si>
    <t>1357375892.0</t>
  </si>
  <si>
    <t>12458366.0</t>
  </si>
  <si>
    <t>10947804.0</t>
  </si>
  <si>
    <t>10968628.0</t>
  </si>
  <si>
    <t>3098146.0</t>
  </si>
  <si>
    <t>3037734633.0</t>
  </si>
  <si>
    <t>1618321183.0</t>
  </si>
  <si>
    <t>1370298079.0</t>
  </si>
  <si>
    <t>12530068.0</t>
  </si>
  <si>
    <t>9104616.0</t>
  </si>
  <si>
    <t>10357805.0</t>
  </si>
  <si>
    <t>3029246.0</t>
  </si>
  <si>
    <t>3045456582.0</t>
  </si>
  <si>
    <t>1620176654.0</t>
  </si>
  <si>
    <t>1372608195.0</t>
  </si>
  <si>
    <t>12561867.0</t>
  </si>
  <si>
    <t>7370640.0</t>
  </si>
  <si>
    <t>10099195.0</t>
  </si>
  <si>
    <t>3218486.0</t>
  </si>
  <si>
    <t>3053325263.0</t>
  </si>
  <si>
    <t>1621851862.0</t>
  </si>
  <si>
    <t>1375223087.0</t>
  </si>
  <si>
    <t>12732772.0</t>
  </si>
  <si>
    <t>8113941.0</t>
  </si>
  <si>
    <t>9821612.0</t>
  </si>
  <si>
    <t>3336830.0</t>
  </si>
  <si>
    <t>3063363072.0</t>
  </si>
  <si>
    <t>1625988346.0</t>
  </si>
  <si>
    <t>1379352411.0</t>
  </si>
  <si>
    <t>12901152.0</t>
  </si>
  <si>
    <t>7464514.0</t>
  </si>
  <si>
    <t>3508273.0</t>
  </si>
  <si>
    <t>3073700241.0</t>
  </si>
  <si>
    <t>1628310445.0</t>
  </si>
  <si>
    <t>1383173207.0</t>
  </si>
  <si>
    <t>13041199.0</t>
  </si>
  <si>
    <t>10550690.0</t>
  </si>
  <si>
    <t>9161572.0</t>
  </si>
  <si>
    <t>3665765.0</t>
  </si>
  <si>
    <t>3083883477.0</t>
  </si>
  <si>
    <t>1630489511.0</t>
  </si>
  <si>
    <t>1386322230.0</t>
  </si>
  <si>
    <t>13159607.0</t>
  </si>
  <si>
    <t>10612937.0</t>
  </si>
  <si>
    <t>9166449.0</t>
  </si>
  <si>
    <t>3853139.0</t>
  </si>
  <si>
    <t>3092519756.0</t>
  </si>
  <si>
    <t>1632102873.0</t>
  </si>
  <si>
    <t>1389444160.0</t>
  </si>
  <si>
    <t>13968181.0</t>
  </si>
  <si>
    <t>9754668.0</t>
  </si>
  <si>
    <t>8996001.0</t>
  </si>
  <si>
    <t>122.43</t>
  </si>
  <si>
    <t>3988993.0</t>
  </si>
  <si>
    <t>3099549846.0</t>
  </si>
  <si>
    <t>1633607893.0</t>
  </si>
  <si>
    <t>1391677327.0</t>
  </si>
  <si>
    <t>14031258.0</t>
  </si>
  <si>
    <t>8090708.0</t>
  </si>
  <si>
    <t>8851160.0</t>
  </si>
  <si>
    <t>4161511.0</t>
  </si>
  <si>
    <t>3104997473.0</t>
  </si>
  <si>
    <t>1634872685.0</t>
  </si>
  <si>
    <t>1393676018.0</t>
  </si>
  <si>
    <t>14077986.0</t>
  </si>
  <si>
    <t>6261019.0</t>
  </si>
  <si>
    <t>8692641.0</t>
  </si>
  <si>
    <t>4131650.0</t>
  </si>
  <si>
    <t>3114002415.0</t>
  </si>
  <si>
    <t>1637486032.0</t>
  </si>
  <si>
    <t>1396692691.0</t>
  </si>
  <si>
    <t>14458534.0</t>
  </si>
  <si>
    <t>8265109.0</t>
  </si>
  <si>
    <t>8714240.0</t>
  </si>
  <si>
    <t>4153158.0</t>
  </si>
  <si>
    <t>3121392498.0</t>
  </si>
  <si>
    <t>1638924924.0</t>
  </si>
  <si>
    <t>1425019336.0</t>
  </si>
  <si>
    <t>14663538.0</t>
  </si>
  <si>
    <t>8618023.0</t>
  </si>
  <si>
    <t>8879023.0</t>
  </si>
  <si>
    <t>4097224.0</t>
  </si>
  <si>
    <t>3128953993.0</t>
  </si>
  <si>
    <t>1640550652.0</t>
  </si>
  <si>
    <t>1427834853.0</t>
  </si>
  <si>
    <t>14775896.0</t>
  </si>
  <si>
    <t>8751410.0</t>
  </si>
  <si>
    <t>8621982.0</t>
  </si>
  <si>
    <t>4047521.0</t>
  </si>
  <si>
    <t>3137350547.0</t>
  </si>
  <si>
    <t>1642549293.0</t>
  </si>
  <si>
    <t>1431217073.0</t>
  </si>
  <si>
    <t>15100570.0</t>
  </si>
  <si>
    <t>8954220.0</t>
  </si>
  <si>
    <t>8385021.0</t>
  </si>
  <si>
    <t>4031456.0</t>
  </si>
  <si>
    <t>3143153106.0</t>
  </si>
  <si>
    <t>1644549109.0</t>
  </si>
  <si>
    <t>1434056610.0</t>
  </si>
  <si>
    <t>15409185.0</t>
  </si>
  <si>
    <t>6758104.0</t>
  </si>
  <si>
    <t>7956946.0</t>
  </si>
  <si>
    <t>4037400.0</t>
  </si>
  <si>
    <t>3147592829.0</t>
  </si>
  <si>
    <t>1645645706.0</t>
  </si>
  <si>
    <t>1436224416.0</t>
  </si>
  <si>
    <t>15591247.0</t>
  </si>
  <si>
    <t>5293033.0</t>
  </si>
  <si>
    <t>7557272.0</t>
  </si>
  <si>
    <t>3986819.0</t>
  </si>
  <si>
    <t>3150641131.0</t>
  </si>
  <si>
    <t>1647223321.0</t>
  </si>
  <si>
    <t>1437605118.0</t>
  </si>
  <si>
    <t>15705707.0</t>
  </si>
  <si>
    <t>4176231.0</t>
  </si>
  <si>
    <t>7259446.0</t>
  </si>
  <si>
    <t>3954940.0</t>
  </si>
  <si>
    <t>3155671561.0</t>
  </si>
  <si>
    <t>1648644818.0</t>
  </si>
  <si>
    <t>1439854538.0</t>
  </si>
  <si>
    <t>15993413.0</t>
  </si>
  <si>
    <t>5393687.0</t>
  </si>
  <si>
    <t>6849244.0</t>
  </si>
  <si>
    <t>3875577.0</t>
  </si>
  <si>
    <t>3170470327.0</t>
  </si>
  <si>
    <t>1653674342.0</t>
  </si>
  <si>
    <t>1447576394.0</t>
  </si>
  <si>
    <t>17257503.0</t>
  </si>
  <si>
    <t>6817805.0</t>
  </si>
  <si>
    <t>6592069.0</t>
  </si>
  <si>
    <t>3930187.0</t>
  </si>
  <si>
    <t>3178956804.0</t>
  </si>
  <si>
    <t>1656758749.0</t>
  </si>
  <si>
    <t>1451470360.0</t>
  </si>
  <si>
    <t>17693096.0</t>
  </si>
  <si>
    <t>7514929.0</t>
  </si>
  <si>
    <t>6415429.0</t>
  </si>
  <si>
    <t>3975394.0</t>
  </si>
  <si>
    <t>3187131491.0</t>
  </si>
  <si>
    <t>1658580608.0</t>
  </si>
  <si>
    <t>1456298882.0</t>
  </si>
  <si>
    <t>18164480.0</t>
  </si>
  <si>
    <t>8403551.0</t>
  </si>
  <si>
    <t>6336761.0</t>
  </si>
  <si>
    <t>3916041.0</t>
  </si>
  <si>
    <t>3194702826.0</t>
  </si>
  <si>
    <t>1660487703.0</t>
  </si>
  <si>
    <t>1460518914.0</t>
  </si>
  <si>
    <t>18643780.0</t>
  </si>
  <si>
    <t>7077414.0</t>
  </si>
  <si>
    <t>6382379.0</t>
  </si>
  <si>
    <t>3849076.0</t>
  </si>
  <si>
    <t>3200954358.0</t>
  </si>
  <si>
    <t>1662198222.0</t>
  </si>
  <si>
    <t>1463422067.0</t>
  </si>
  <si>
    <t>18985421.0</t>
  </si>
  <si>
    <t>6207471.0</t>
  </si>
  <si>
    <t>6513013.0</t>
  </si>
  <si>
    <t>3859371.0</t>
  </si>
  <si>
    <t>3204906899.0</t>
  </si>
  <si>
    <t>1663122317.0</t>
  </si>
  <si>
    <t>1464893225.0</t>
  </si>
  <si>
    <t>19083333.0</t>
  </si>
  <si>
    <t>4162486.0</t>
  </si>
  <si>
    <t>6511052.0</t>
  </si>
  <si>
    <t>3816095.0</t>
  </si>
  <si>
    <t>3210476748.0</t>
  </si>
  <si>
    <t>1664935877.0</t>
  </si>
  <si>
    <t>1467499039.0</t>
  </si>
  <si>
    <t>19348869.0</t>
  </si>
  <si>
    <t>5559699.0</t>
  </si>
  <si>
    <t>6534771.0</t>
  </si>
  <si>
    <t>3853191.0</t>
  </si>
  <si>
    <t>3215806489.0</t>
  </si>
  <si>
    <t>1666550695.0</t>
  </si>
  <si>
    <t>1469694567.0</t>
  </si>
  <si>
    <t>19519989.0</t>
  </si>
  <si>
    <t>6021531.0</t>
  </si>
  <si>
    <t>6421013.0</t>
  </si>
  <si>
    <t>3804465.0</t>
  </si>
  <si>
    <t>3221942098.0</t>
  </si>
  <si>
    <t>1668473096.0</t>
  </si>
  <si>
    <t>1472236171.0</t>
  </si>
  <si>
    <t>19829313.0</t>
  </si>
  <si>
    <t>6827200.0</t>
  </si>
  <si>
    <t>6322767.0</t>
  </si>
  <si>
    <t>3777384.0</t>
  </si>
  <si>
    <t>3230160160.0</t>
  </si>
  <si>
    <t>1671061470.0</t>
  </si>
  <si>
    <t>1475741922.0</t>
  </si>
  <si>
    <t>20190006.0</t>
  </si>
  <si>
    <t>8029216.0</t>
  </si>
  <si>
    <t>6269288.0</t>
  </si>
  <si>
    <t>3858353.0</t>
  </si>
  <si>
    <t>3237941401.0</t>
  </si>
  <si>
    <t>1673151463.0</t>
  </si>
  <si>
    <t>1479056747.0</t>
  </si>
  <si>
    <t>20770064.0</t>
  </si>
  <si>
    <t>8604533.0</t>
  </si>
  <si>
    <t>6487452.0</t>
  </si>
  <si>
    <t>3974990.0</t>
  </si>
  <si>
    <t>3242497897.0</t>
  </si>
  <si>
    <t>1674132426.0</t>
  </si>
  <si>
    <t>1480727886.0</t>
  </si>
  <si>
    <t>21059767.0</t>
  </si>
  <si>
    <t>6640150.0</t>
  </si>
  <si>
    <t>6549261.0</t>
  </si>
  <si>
    <t>4014178.0</t>
  </si>
  <si>
    <t>3249589220.0</t>
  </si>
  <si>
    <t>1676394759.0</t>
  </si>
  <si>
    <t>1484065363.0</t>
  </si>
  <si>
    <t>21226180.0</t>
  </si>
  <si>
    <t>6129277.0</t>
  </si>
  <si>
    <t>6830231.0</t>
  </si>
  <si>
    <t>4136084.0</t>
  </si>
  <si>
    <t>3256707488.0</t>
  </si>
  <si>
    <t>1678692484.0</t>
  </si>
  <si>
    <t>1486272180.0</t>
  </si>
  <si>
    <t>21741885.0</t>
  </si>
  <si>
    <t>8268561.0</t>
  </si>
  <si>
    <t>7217214.0</t>
  </si>
  <si>
    <t>4295761.0</t>
  </si>
  <si>
    <t>3263890971.0</t>
  </si>
  <si>
    <t>1680578313.0</t>
  </si>
  <si>
    <t>1489086266.0</t>
  </si>
  <si>
    <t>22168451.0</t>
  </si>
  <si>
    <t>8353160.0</t>
  </si>
  <si>
    <t>7550302.0</t>
  </si>
  <si>
    <t>4359053.0</t>
  </si>
  <si>
    <t>3274556704.0</t>
  </si>
  <si>
    <t>1684207842.0</t>
  </si>
  <si>
    <t>1491766661.0</t>
  </si>
  <si>
    <t>22686008.0</t>
  </si>
  <si>
    <t>8854393.0</t>
  </si>
  <si>
    <t>7839900.0</t>
  </si>
  <si>
    <t>4434615.0</t>
  </si>
  <si>
    <t>3280995402.0</t>
  </si>
  <si>
    <t>1685778213.0</t>
  </si>
  <si>
    <t>1493976464.0</t>
  </si>
  <si>
    <t>23374744.0</t>
  </si>
  <si>
    <t>7233530.0</t>
  </si>
  <si>
    <t>7726229.0</t>
  </si>
  <si>
    <t>4357438.0</t>
  </si>
  <si>
    <t>3289311895.0</t>
  </si>
  <si>
    <t>1688041915.0</t>
  </si>
  <si>
    <t>1496806459.0</t>
  </si>
  <si>
    <t>23880553.0</t>
  </si>
  <si>
    <t>8099600.0</t>
  </si>
  <si>
    <t>7654093.0</t>
  </si>
  <si>
    <t>4322986.0</t>
  </si>
  <si>
    <t>3295840918.0</t>
  </si>
  <si>
    <t>1690048418.0</t>
  </si>
  <si>
    <t>1518955549.0</t>
  </si>
  <si>
    <t>24213404.0</t>
  </si>
  <si>
    <t>6330149.0</t>
  </si>
  <si>
    <t>7609810.0</t>
  </si>
  <si>
    <t>4321830.0</t>
  </si>
  <si>
    <t>3300895666.0</t>
  </si>
  <si>
    <t>1691611806.0</t>
  </si>
  <si>
    <t>1520978219.0</t>
  </si>
  <si>
    <t>24365262.0</t>
  </si>
  <si>
    <t>5089319.0</t>
  </si>
  <si>
    <t>7461240.0</t>
  </si>
  <si>
    <t>4247501.0</t>
  </si>
  <si>
    <t>3308197229.0</t>
  </si>
  <si>
    <t>1692900008.0</t>
  </si>
  <si>
    <t>1523963450.0</t>
  </si>
  <si>
    <t>25000791.0</t>
  </si>
  <si>
    <t>8024601.0</t>
  </si>
  <si>
    <t>7426393.0</t>
  </si>
  <si>
    <t>4074135.0</t>
  </si>
  <si>
    <t>3316743432.0</t>
  </si>
  <si>
    <t>1695236786.0</t>
  </si>
  <si>
    <t>1526985441.0</t>
  </si>
  <si>
    <t>25669276.0</t>
  </si>
  <si>
    <t>9504285.0</t>
  </si>
  <si>
    <t>7590838.0</t>
  </si>
  <si>
    <t>131.31</t>
  </si>
  <si>
    <t>4133161.0</t>
  </si>
  <si>
    <t>3323689048.0</t>
  </si>
  <si>
    <t>1696533279.0</t>
  </si>
  <si>
    <t>1529172071.0</t>
  </si>
  <si>
    <t>26196183.0</t>
  </si>
  <si>
    <t>8506675.0</t>
  </si>
  <si>
    <t>7541167.0</t>
  </si>
  <si>
    <t>4031796.0</t>
  </si>
  <si>
    <t>3332754053.0</t>
  </si>
  <si>
    <t>1699033663.0</t>
  </si>
  <si>
    <t>1532682805.0</t>
  </si>
  <si>
    <t>26860619.0</t>
  </si>
  <si>
    <t>8793737.0</t>
  </si>
  <si>
    <t>7764050.0</t>
  </si>
  <si>
    <t>4038977.0</t>
  </si>
  <si>
    <t>3343674172.0</t>
  </si>
  <si>
    <t>1701277228.0</t>
  </si>
  <si>
    <t>1538987396.0</t>
  </si>
  <si>
    <t>27557097.0</t>
  </si>
  <si>
    <t>10491705.0</t>
  </si>
  <si>
    <t>8105781.0</t>
  </si>
  <si>
    <t>4052629.0</t>
  </si>
  <si>
    <t>3361951546.0</t>
  </si>
  <si>
    <t>1706911130.0</t>
  </si>
  <si>
    <t>1545798338.0</t>
  </si>
  <si>
    <t>27858068.0</t>
  </si>
  <si>
    <t>17522472.0</t>
  </si>
  <si>
    <t>9704682.0</t>
  </si>
  <si>
    <t>4518449.0</t>
  </si>
  <si>
    <t>3370687495.0</t>
  </si>
  <si>
    <t>1708249104.0</t>
  </si>
  <si>
    <t>1547277359.0</t>
  </si>
  <si>
    <t>28069938.0</t>
  </si>
  <si>
    <t>8816411.0</t>
  </si>
  <si>
    <t>10237128.0</t>
  </si>
  <si>
    <t>4532676.0</t>
  </si>
  <si>
    <t>3378483205.0</t>
  </si>
  <si>
    <t>1709241239.0</t>
  </si>
  <si>
    <t>1548430481.0</t>
  </si>
  <si>
    <t>28364621.0</t>
  </si>
  <si>
    <t>8074706.0</t>
  </si>
  <si>
    <t>10244282.0</t>
  </si>
  <si>
    <t>4472114.0</t>
  </si>
  <si>
    <t>3388253779.0</t>
  </si>
  <si>
    <t>1710401670.0</t>
  </si>
  <si>
    <t>1550008848.0</t>
  </si>
  <si>
    <t>28706250.0</t>
  </si>
  <si>
    <t>9992794.0</t>
  </si>
  <si>
    <t>10314075.0</t>
  </si>
  <si>
    <t>134.14</t>
  </si>
  <si>
    <t>4273705.0</t>
  </si>
  <si>
    <t>3400925676.0</t>
  </si>
  <si>
    <t>1712028609.0</t>
  </si>
  <si>
    <t>1552321861.0</t>
  </si>
  <si>
    <t>29430621.0</t>
  </si>
  <si>
    <t>12780155.0</t>
  </si>
  <si>
    <t>10924564.0</t>
  </si>
  <si>
    <t>4248910.0</t>
  </si>
  <si>
    <t>3416242453.0</t>
  </si>
  <si>
    <t>1714258780.0</t>
  </si>
  <si>
    <t>1555993321.0</t>
  </si>
  <si>
    <t>29879272.0</t>
  </si>
  <si>
    <t>15663777.0</t>
  </si>
  <si>
    <t>11905999.0</t>
  </si>
  <si>
    <t>4328220.0</t>
  </si>
  <si>
    <t>3436545931.0</t>
  </si>
  <si>
    <t>1719328323.0</t>
  </si>
  <si>
    <t>1563595392.0</t>
  </si>
  <si>
    <t>68559624.0</t>
  </si>
  <si>
    <t>14754640.0</t>
  </si>
  <si>
    <t>12514994.0</t>
  </si>
  <si>
    <t>4251167.0</t>
  </si>
  <si>
    <t>3450515809.0</t>
  </si>
  <si>
    <t>1720322725.0</t>
  </si>
  <si>
    <t>1565346808.0</t>
  </si>
  <si>
    <t>68875872.0</t>
  </si>
  <si>
    <t>14539114.0</t>
  </si>
  <si>
    <t>12088797.0</t>
  </si>
  <si>
    <t>3733735.0</t>
  </si>
  <si>
    <t>3463810072.0</t>
  </si>
  <si>
    <t>1722209312.0</t>
  </si>
  <si>
    <t>1568118108.0</t>
  </si>
  <si>
    <t>69092681.0</t>
  </si>
  <si>
    <t>11902223.0</t>
  </si>
  <si>
    <t>12529627.0</t>
  </si>
  <si>
    <t>3741515.0</t>
  </si>
  <si>
    <t>3475688002.0</t>
  </si>
  <si>
    <t>1723184080.0</t>
  </si>
  <si>
    <t>1570289960.0</t>
  </si>
  <si>
    <t>70204904.0</t>
  </si>
  <si>
    <t>11944374.0</t>
  </si>
  <si>
    <t>13082442.0</t>
  </si>
  <si>
    <t>3748085.0</t>
  </si>
  <si>
    <t>3488392347.0</t>
  </si>
  <si>
    <t>1724689607.0</t>
  </si>
  <si>
    <t>1572430689.0</t>
  </si>
  <si>
    <t>70911129.0</t>
  </si>
  <si>
    <t>13823951.0</t>
  </si>
  <si>
    <t>13629745.0</t>
  </si>
  <si>
    <t>3819698.0</t>
  </si>
  <si>
    <t>3502853108.0</t>
  </si>
  <si>
    <t>1726197438.0</t>
  </si>
  <si>
    <t>1575416014.0</t>
  </si>
  <si>
    <t>71686076.0</t>
  </si>
  <si>
    <t>14084217.0</t>
  </si>
  <si>
    <t>13816042.0</t>
  </si>
  <si>
    <t>3516773436.0</t>
  </si>
  <si>
    <t>1727710481.0</t>
  </si>
  <si>
    <t>1578179203.0</t>
  </si>
  <si>
    <t>72586709.0</t>
  </si>
  <si>
    <t>14478446.0</t>
  </si>
  <si>
    <t>13646708.0</t>
  </si>
  <si>
    <t>3733618.0</t>
  </si>
  <si>
    <t>3530790671.0</t>
  </si>
  <si>
    <t>1729383047.0</t>
  </si>
  <si>
    <t>1582232035.0</t>
  </si>
  <si>
    <t>84891439.0</t>
  </si>
  <si>
    <t>14088914.0</t>
  </si>
  <si>
    <t>13551606.0</t>
  </si>
  <si>
    <t>3732281.0</t>
  </si>
  <si>
    <t>3543663510.0</t>
  </si>
  <si>
    <t>1730439947.0</t>
  </si>
  <si>
    <t>1584183631.0</t>
  </si>
  <si>
    <t>85354885.0</t>
  </si>
  <si>
    <t>13736841.0</t>
  </si>
  <si>
    <t>13436991.0</t>
  </si>
  <si>
    <t>3727465.0</t>
  </si>
  <si>
    <t>3555027000.0</t>
  </si>
  <si>
    <t>1732235443.0</t>
  </si>
  <si>
    <t>1586107936.0</t>
  </si>
  <si>
    <t>85619987.0</t>
  </si>
  <si>
    <t>10569919.0</t>
  </si>
  <si>
    <t>13246666.0</t>
  </si>
  <si>
    <t>3731630.0</t>
  </si>
  <si>
    <t>3566121676.0</t>
  </si>
  <si>
    <t>1733954476.0</t>
  </si>
  <si>
    <t>1588455254.0</t>
  </si>
  <si>
    <t>86111635.0</t>
  </si>
  <si>
    <t>10119195.0</t>
  </si>
  <si>
    <t>12985924.0</t>
  </si>
  <si>
    <t>3737654.0</t>
  </si>
  <si>
    <t>3576733467.0</t>
  </si>
  <si>
    <t>1734992328.0</t>
  </si>
  <si>
    <t>1590396078.0</t>
  </si>
  <si>
    <t>86706508.0</t>
  </si>
  <si>
    <t>11019218.0</t>
  </si>
  <si>
    <t>12585247.0</t>
  </si>
  <si>
    <t>3652400.0</t>
  </si>
  <si>
    <t>3589115832.0</t>
  </si>
  <si>
    <t>1736536985.0</t>
  </si>
  <si>
    <t>1593296128.0</t>
  </si>
  <si>
    <t>87500949.0</t>
  </si>
  <si>
    <t>12805557.0</t>
  </si>
  <si>
    <t>12402583.0</t>
  </si>
  <si>
    <t>3678121.0</t>
  </si>
  <si>
    <t>3600478546.0</t>
  </si>
  <si>
    <t>1737809872.0</t>
  </si>
  <si>
    <t>1595720499.0</t>
  </si>
  <si>
    <t>88536644.0</t>
  </si>
  <si>
    <t>11570697.0</t>
  </si>
  <si>
    <t>11987194.0</t>
  </si>
  <si>
    <t>3622222.0</t>
  </si>
  <si>
    <t>3611177890.0</t>
  </si>
  <si>
    <t>1862967955.0</t>
  </si>
  <si>
    <t>1600067053.0</t>
  </si>
  <si>
    <t>105630704.0</t>
  </si>
  <si>
    <t>11964054.0</t>
  </si>
  <si>
    <t>11683637.0</t>
  </si>
  <si>
    <t>3601126.0</t>
  </si>
  <si>
    <t>3624930442.0</t>
  </si>
  <si>
    <t>1864363451.0</t>
  </si>
  <si>
    <t>1603289969.0</t>
  </si>
  <si>
    <t>106095380.0</t>
  </si>
  <si>
    <t>13089883.0</t>
  </si>
  <si>
    <t>11591215.0</t>
  </si>
  <si>
    <t>143.51</t>
  </si>
  <si>
    <t>3425896.0</t>
  </si>
  <si>
    <t>3634634425.0</t>
  </si>
  <si>
    <t>1865529474.0</t>
  </si>
  <si>
    <t>1604907737.0</t>
  </si>
  <si>
    <t>106384333.0</t>
  </si>
  <si>
    <t>9494835.0</t>
  </si>
  <si>
    <t>11437635.0</t>
  </si>
  <si>
    <t>3236947.0</t>
  </si>
  <si>
    <t>3644212637.0</t>
  </si>
  <si>
    <t>1866818897.0</t>
  </si>
  <si>
    <t>1606879411.0</t>
  </si>
  <si>
    <t>107682627.0</t>
  </si>
  <si>
    <t>9345275.0</t>
  </si>
  <si>
    <t>11327074.0</t>
  </si>
  <si>
    <t>3071417.0</t>
  </si>
  <si>
    <t>3654565411.0</t>
  </si>
  <si>
    <t>1867699609.0</t>
  </si>
  <si>
    <t>1608660396.0</t>
  </si>
  <si>
    <t>108424458.0</t>
  </si>
  <si>
    <t>10894117.0</t>
  </si>
  <si>
    <t>11309200.0</t>
  </si>
  <si>
    <t>2903936.0</t>
  </si>
  <si>
    <t>3666998111.0</t>
  </si>
  <si>
    <t>1869215321.0</t>
  </si>
  <si>
    <t>1611330661.0</t>
  </si>
  <si>
    <t>109305536.0</t>
  </si>
  <si>
    <t>12390642.0</t>
  </si>
  <si>
    <t>11249928.0</t>
  </si>
  <si>
    <t>2700796.0</t>
  </si>
  <si>
    <t>3678615804.0</t>
  </si>
  <si>
    <t>1870466245.0</t>
  </si>
  <si>
    <t>1613171245.0</t>
  </si>
  <si>
    <t>110122627.0</t>
  </si>
  <si>
    <t>12656560.0</t>
  </si>
  <si>
    <t>11405048.0</t>
  </si>
  <si>
    <t>145.63</t>
  </si>
  <si>
    <t>2554224.0</t>
  </si>
  <si>
    <t>3692670435.0</t>
  </si>
  <si>
    <t>1871800379.0</t>
  </si>
  <si>
    <t>1615600814.0</t>
  </si>
  <si>
    <t>111138096.0</t>
  </si>
  <si>
    <t>13886345.0</t>
  </si>
  <si>
    <t>11679664.0</t>
  </si>
  <si>
    <t>2413858.0</t>
  </si>
  <si>
    <t>3706654291.0</t>
  </si>
  <si>
    <t>1872895904.0</t>
  </si>
  <si>
    <t>1617669613.0</t>
  </si>
  <si>
    <t>111709430.0</t>
  </si>
  <si>
    <t>14067539.0</t>
  </si>
  <si>
    <t>11819331.0</t>
  </si>
  <si>
    <t>2401743.0</t>
  </si>
  <si>
    <t>3719147250.0</t>
  </si>
  <si>
    <t>1874121373.0</t>
  </si>
  <si>
    <t>1619173145.0</t>
  </si>
  <si>
    <t>112186600.0</t>
  </si>
  <si>
    <t>12061236.0</t>
  </si>
  <si>
    <t>12185959.0</t>
  </si>
  <si>
    <t>2386695.0</t>
  </si>
  <si>
    <t>3732985360.0</t>
  </si>
  <si>
    <t>1877425205.0</t>
  </si>
  <si>
    <t>1655343078.0</t>
  </si>
  <si>
    <t>112739949.0</t>
  </si>
  <si>
    <t>10746281.0</t>
  </si>
  <si>
    <t>12386102.0</t>
  </si>
  <si>
    <t>2337924.0</t>
  </si>
  <si>
    <t>3746123676.0</t>
  </si>
  <si>
    <t>1878858170.0</t>
  </si>
  <si>
    <t>1657476923.0</t>
  </si>
  <si>
    <t>113929446.0</t>
  </si>
  <si>
    <t>14473420.0</t>
  </si>
  <si>
    <t>12897425.0</t>
  </si>
  <si>
    <t>2441315.0</t>
  </si>
  <si>
    <t>3761201181.0</t>
  </si>
  <si>
    <t>1880828957.0</t>
  </si>
  <si>
    <t>1660530335.0</t>
  </si>
  <si>
    <t>115151817.0</t>
  </si>
  <si>
    <t>14436557.0</t>
  </si>
  <si>
    <t>13189708.0</t>
  </si>
  <si>
    <t>2480011.0</t>
  </si>
  <si>
    <t>3773934650.0</t>
  </si>
  <si>
    <t>1882362851.0</t>
  </si>
  <si>
    <t>1662843374.0</t>
  </si>
  <si>
    <t>116244337.0</t>
  </si>
  <si>
    <t>13304398.0</t>
  </si>
  <si>
    <t>13282254.0</t>
  </si>
  <si>
    <t>2508104.0</t>
  </si>
  <si>
    <t>3787012304.0</t>
  </si>
  <si>
    <t>1883341713.0</t>
  </si>
  <si>
    <t>1679721863.0</t>
  </si>
  <si>
    <t>147905423.0</t>
  </si>
  <si>
    <t>13670979.0</t>
  </si>
  <si>
    <t>13251484.0</t>
  </si>
  <si>
    <t>149.93</t>
  </si>
  <si>
    <t>2490162.0</t>
  </si>
  <si>
    <t>3801294790.0</t>
  </si>
  <si>
    <t>1884551805.0</t>
  </si>
  <si>
    <t>1681404457.0</t>
  </si>
  <si>
    <t>148718292.0</t>
  </si>
  <si>
    <t>14847361.0</t>
  </si>
  <si>
    <t>13362889.0</t>
  </si>
  <si>
    <t>2533195.0</t>
  </si>
  <si>
    <t>3814170090.0</t>
  </si>
  <si>
    <t>1886167479.0</t>
  </si>
  <si>
    <t>1682591331.0</t>
  </si>
  <si>
    <t>149137031.0</t>
  </si>
  <si>
    <t>12004767.0</t>
  </si>
  <si>
    <t>13354827.0</t>
  </si>
  <si>
    <t>2510504.0</t>
  </si>
  <si>
    <t>3824166228.0</t>
  </si>
  <si>
    <t>1886708153.0</t>
  </si>
  <si>
    <t>1683980910.0</t>
  </si>
  <si>
    <t>149985339.0</t>
  </si>
  <si>
    <t>10443381.0</t>
  </si>
  <si>
    <t>13311550.0</t>
  </si>
  <si>
    <t>2517731.0</t>
  </si>
  <si>
    <t>3835624614.0</t>
  </si>
  <si>
    <t>1887781490.0</t>
  </si>
  <si>
    <t>1685770106.0</t>
  </si>
  <si>
    <t>151000309.0</t>
  </si>
  <si>
    <t>12154721.0</t>
  </si>
  <si>
    <t>12980309.0</t>
  </si>
  <si>
    <t>2452985.0</t>
  </si>
  <si>
    <t>3847232502.0</t>
  </si>
  <si>
    <t>1889277295.0</t>
  </si>
  <si>
    <t>1687391402.0</t>
  </si>
  <si>
    <t>152160086.0</t>
  </si>
  <si>
    <t>11506159.0</t>
  </si>
  <si>
    <t>12561679.0</t>
  </si>
  <si>
    <t>2370506.0</t>
  </si>
  <si>
    <t>3859625924.0</t>
  </si>
  <si>
    <t>1890384198.0</t>
  </si>
  <si>
    <t>1689485989.0</t>
  </si>
  <si>
    <t>153286604.0</t>
  </si>
  <si>
    <t>12758538.0</t>
  </si>
  <si>
    <t>12483703.0</t>
  </si>
  <si>
    <t>2321692.0</t>
  </si>
  <si>
    <t>3872467165.0</t>
  </si>
  <si>
    <t>1891156875.0</t>
  </si>
  <si>
    <t>1728631947.0</t>
  </si>
  <si>
    <t>178562031.0</t>
  </si>
  <si>
    <t>13727687.0</t>
  </si>
  <si>
    <t>12491806.0</t>
  </si>
  <si>
    <t>153.31</t>
  </si>
  <si>
    <t>2300943.0</t>
  </si>
  <si>
    <t>3887825745.0</t>
  </si>
  <si>
    <t>1893047577.0</t>
  </si>
  <si>
    <t>1730427486.0</t>
  </si>
  <si>
    <t>179250790.0</t>
  </si>
  <si>
    <t>15162609.0</t>
  </si>
  <si>
    <t>12536837.0</t>
  </si>
  <si>
    <t>2323254.0</t>
  </si>
  <si>
    <t>3900466030.0</t>
  </si>
  <si>
    <t>1894175746.0</t>
  </si>
  <si>
    <t>1731814140.0</t>
  </si>
  <si>
    <t>179840803.0</t>
  </si>
  <si>
    <t>12095396.0</t>
  </si>
  <si>
    <t>12549786.0</t>
  </si>
  <si>
    <t>2324628.0</t>
  </si>
  <si>
    <t>3912686172.0</t>
  </si>
  <si>
    <t>1894968827.0</t>
  </si>
  <si>
    <t>1733291033.0</t>
  </si>
  <si>
    <t>180838524.0</t>
  </si>
  <si>
    <t>12506243.0</t>
  </si>
  <si>
    <t>12844478.0</t>
  </si>
  <si>
    <t>2338096.0</t>
  </si>
  <si>
    <t>3925785807.0</t>
  </si>
  <si>
    <t>1895923485.0</t>
  </si>
  <si>
    <t>1735042461.0</t>
  </si>
  <si>
    <t>182218068.0</t>
  </si>
  <si>
    <t>14131910.0</t>
  </si>
  <si>
    <t>13126936.0</t>
  </si>
  <si>
    <t>2369646.0</t>
  </si>
  <si>
    <t>3940999158.0</t>
  </si>
  <si>
    <t>1897985857.0</t>
  </si>
  <si>
    <t>1737106092.0</t>
  </si>
  <si>
    <t>183325944.0</t>
  </si>
  <si>
    <t>14907882.0</t>
  </si>
  <si>
    <t>13612895.0</t>
  </si>
  <si>
    <t>2435617.0</t>
  </si>
  <si>
    <t>3955541097.0</t>
  </si>
  <si>
    <t>1898621247.0</t>
  </si>
  <si>
    <t>1738216802.0</t>
  </si>
  <si>
    <t>184786871.0</t>
  </si>
  <si>
    <t>15329533.0</t>
  </si>
  <si>
    <t>13980181.0</t>
  </si>
  <si>
    <t>2357435.0</t>
  </si>
  <si>
    <t>3975704934.0</t>
  </si>
  <si>
    <t>1901416906.0</t>
  </si>
  <si>
    <t>1765764372.0</t>
  </si>
  <si>
    <t>186725496.0</t>
  </si>
  <si>
    <t>16934400.0</t>
  </si>
  <si>
    <t>14438283.0</t>
  </si>
  <si>
    <t>2307201.0</t>
  </si>
  <si>
    <t>3990342060.0</t>
  </si>
  <si>
    <t>1909815064.0</t>
  </si>
  <si>
    <t>1766783408.0</t>
  </si>
  <si>
    <t>190344769.0</t>
  </si>
  <si>
    <t>15647325.0</t>
  </si>
  <si>
    <t>14507527.0</t>
  </si>
  <si>
    <t>157.98</t>
  </si>
  <si>
    <t>2205397.0</t>
  </si>
  <si>
    <t>4005645032.0</t>
  </si>
  <si>
    <t>1910780389.0</t>
  </si>
  <si>
    <t>1775214944.0</t>
  </si>
  <si>
    <t>191066608.0</t>
  </si>
  <si>
    <t>13432375.0</t>
  </si>
  <si>
    <t>14698526.0</t>
  </si>
  <si>
    <t>158.58</t>
  </si>
  <si>
    <t>2140157.0</t>
  </si>
  <si>
    <t>4026516757.0</t>
  </si>
  <si>
    <t>1911312235.0</t>
  </si>
  <si>
    <t>1782048064.0</t>
  </si>
  <si>
    <t>193993035.0</t>
  </si>
  <si>
    <t>21592085.0</t>
  </si>
  <si>
    <t>15996500.0</t>
  </si>
  <si>
    <t>2093320.0</t>
  </si>
  <si>
    <t>4043442116.0</t>
  </si>
  <si>
    <t>1912227669.0</t>
  </si>
  <si>
    <t>1783810812.0</t>
  </si>
  <si>
    <t>196785585.0</t>
  </si>
  <si>
    <t>17298444.0</t>
  </si>
  <si>
    <t>16448862.0</t>
  </si>
  <si>
    <t>1983289.0</t>
  </si>
  <si>
    <t>4061335133.0</t>
  </si>
  <si>
    <t>1913151670.0</t>
  </si>
  <si>
    <t>1785450135.0</t>
  </si>
  <si>
    <t>199393652.0</t>
  </si>
  <si>
    <t>17456191.0</t>
  </si>
  <si>
    <t>16812903.0</t>
  </si>
  <si>
    <t>1849128.0</t>
  </si>
  <si>
    <t>4078511254.0</t>
  </si>
  <si>
    <t>1913666721.0</t>
  </si>
  <si>
    <t>1786375397.0</t>
  </si>
  <si>
    <t>201603068.0</t>
  </si>
  <si>
    <t>17519435.0</t>
  </si>
  <si>
    <t>17125752.0</t>
  </si>
  <si>
    <t>1800206.0</t>
  </si>
  <si>
    <t>4094176918.0</t>
  </si>
  <si>
    <t>1914071915.0</t>
  </si>
  <si>
    <t>1787161322.0</t>
  </si>
  <si>
    <t>202969814.0</t>
  </si>
  <si>
    <t>15936131.0</t>
  </si>
  <si>
    <t>16983141.0</t>
  </si>
  <si>
    <t>1701175.0</t>
  </si>
  <si>
    <t>4107849100.0</t>
  </si>
  <si>
    <t>1914366694.0</t>
  </si>
  <si>
    <t>1797514609.0</t>
  </si>
  <si>
    <t>203675766.0</t>
  </si>
  <si>
    <t>14274045.0</t>
  </si>
  <si>
    <t>16786959.0</t>
  </si>
  <si>
    <t>1616684.0</t>
  </si>
  <si>
    <t>4120335286.0</t>
  </si>
  <si>
    <t>1914498254.0</t>
  </si>
  <si>
    <t>1797755148.0</t>
  </si>
  <si>
    <t>204366277.0</t>
  </si>
  <si>
    <t>12961905.0</t>
  </si>
  <si>
    <t>16719747.0</t>
  </si>
  <si>
    <t>1572639.0</t>
  </si>
  <si>
    <t>4136418332.0</t>
  </si>
  <si>
    <t>1915098216.0</t>
  </si>
  <si>
    <t>1799124874.0</t>
  </si>
  <si>
    <t>206599960.0</t>
  </si>
  <si>
    <t>15572482.0</t>
  </si>
  <si>
    <t>15859804.0</t>
  </si>
  <si>
    <t>1534024.0</t>
  </si>
  <si>
    <t>4154613170.0</t>
  </si>
  <si>
    <t>1950677348.0</t>
  </si>
  <si>
    <t>1804432965.0</t>
  </si>
  <si>
    <t>208944197.0</t>
  </si>
  <si>
    <t>18540564.0</t>
  </si>
  <si>
    <t>16037249.0</t>
  </si>
  <si>
    <t>164.48</t>
  </si>
  <si>
    <t>1489564.0</t>
  </si>
  <si>
    <t>4174592501.0</t>
  </si>
  <si>
    <t>1951819100.0</t>
  </si>
  <si>
    <t>1806394539.0</t>
  </si>
  <si>
    <t>211590788.0</t>
  </si>
  <si>
    <t>20234217.0</t>
  </si>
  <si>
    <t>16434110.0</t>
  </si>
  <si>
    <t>1449855.0</t>
  </si>
  <si>
    <t>4191026109.0</t>
  </si>
  <si>
    <t>1952139325.0</t>
  </si>
  <si>
    <t>1807056579.0</t>
  </si>
  <si>
    <t>213667008.0</t>
  </si>
  <si>
    <t>16616571.0</t>
  </si>
  <si>
    <t>16305128.0</t>
  </si>
  <si>
    <t>4204347830.0</t>
  </si>
  <si>
    <t>1952716892.0</t>
  </si>
  <si>
    <t>1807994187.0</t>
  </si>
  <si>
    <t>214673228.0</t>
  </si>
  <si>
    <t>13691607.0</t>
  </si>
  <si>
    <t>15984487.0</t>
  </si>
  <si>
    <t>1208276.0</t>
  </si>
  <si>
    <t>4211308561.0</t>
  </si>
  <si>
    <t>1952797239.0</t>
  </si>
  <si>
    <t>1808387217.0</t>
  </si>
  <si>
    <t>215058098.0</t>
  </si>
  <si>
    <t>7214184.0</t>
  </si>
  <si>
    <t>14975935.0</t>
  </si>
  <si>
    <t>166.72</t>
  </si>
  <si>
    <t>1074367.0</t>
  </si>
  <si>
    <t>4219675718.0</t>
  </si>
  <si>
    <t>1953486003.0</t>
  </si>
  <si>
    <t>1808941224.0</t>
  </si>
  <si>
    <t>215609781.0</t>
  </si>
  <si>
    <t>7734848.0</t>
  </si>
  <si>
    <t>14229212.0</t>
  </si>
  <si>
    <t>969539.0</t>
  </si>
  <si>
    <t>4230019289.0</t>
  </si>
  <si>
    <t>1953874088.0</t>
  </si>
  <si>
    <t>1809675424.0</t>
  </si>
  <si>
    <t>217588564.0</t>
  </si>
  <si>
    <t>10556343.0</t>
  </si>
  <si>
    <t>13512618.0</t>
  </si>
  <si>
    <t>868428.0</t>
  </si>
  <si>
    <t>4242009690.0</t>
  </si>
  <si>
    <t>1954645131.0</t>
  </si>
  <si>
    <t>1810554472.0</t>
  </si>
  <si>
    <t>219343108.0</t>
  </si>
  <si>
    <t>12651039.0</t>
  </si>
  <si>
    <t>12671258.0</t>
  </si>
  <si>
    <t>773472.0</t>
  </si>
  <si>
    <t>4254935074.0</t>
  </si>
  <si>
    <t>1955080665.0</t>
  </si>
  <si>
    <t>1811474019.0</t>
  </si>
  <si>
    <t>222407569.0</t>
  </si>
  <si>
    <t>12673081.0</t>
  </si>
  <si>
    <t>11591097.0</t>
  </si>
  <si>
    <t>676952.0</t>
  </si>
  <si>
    <t>4266742067.0</t>
  </si>
  <si>
    <t>1955550277.0</t>
  </si>
  <si>
    <t>1818155822.0</t>
  </si>
  <si>
    <t>435037891.0</t>
  </si>
  <si>
    <t>12652882.0</t>
  </si>
  <si>
    <t>11024855.0</t>
  </si>
  <si>
    <t>688186.0</t>
  </si>
  <si>
    <t>4278407640.0</t>
  </si>
  <si>
    <t>1958506584.0</t>
  </si>
  <si>
    <t>1821830640.0</t>
  </si>
  <si>
    <t>437501363.0</t>
  </si>
  <si>
    <t>13107770.0</t>
  </si>
  <si>
    <t>10941451.0</t>
  </si>
  <si>
    <t>775868.0</t>
  </si>
  <si>
    <t>4288486680.0</t>
  </si>
  <si>
    <t>1959063453.0</t>
  </si>
  <si>
    <t>1822909810.0</t>
  </si>
  <si>
    <t>438970835.0</t>
  </si>
  <si>
    <t>9893562.0</t>
  </si>
  <si>
    <t>11324219.0</t>
  </si>
  <si>
    <t>169.78</t>
  </si>
  <si>
    <t>810706.0</t>
  </si>
  <si>
    <t>4298294856.0</t>
  </si>
  <si>
    <t>1959568699.0</t>
  </si>
  <si>
    <t>1824116614.0</t>
  </si>
  <si>
    <t>441718263.0</t>
  </si>
  <si>
    <t>8311248.0</t>
  </si>
  <si>
    <t>11406562.0</t>
  </si>
  <si>
    <t>839469.0</t>
  </si>
  <si>
    <t>4308991554.0</t>
  </si>
  <si>
    <t>1960114060.0</t>
  </si>
  <si>
    <t>1825298420.0</t>
  </si>
  <si>
    <t>444384587.0</t>
  </si>
  <si>
    <t>10732800.0</t>
  </si>
  <si>
    <t>11431771.0</t>
  </si>
  <si>
    <t>845773.0</t>
  </si>
  <si>
    <t>4320426402.0</t>
  </si>
  <si>
    <t>1960665658.0</t>
  </si>
  <si>
    <t>1826463829.0</t>
  </si>
  <si>
    <t>447404905.0</t>
  </si>
  <si>
    <t>11828309.0</t>
  </si>
  <si>
    <t>11314236.0</t>
  </si>
  <si>
    <t>830546.0</t>
  </si>
  <si>
    <t>4330933324.0</t>
  </si>
  <si>
    <t>1961218421.0</t>
  </si>
  <si>
    <t>1827546774.0</t>
  </si>
  <si>
    <t>450122404.0</t>
  </si>
  <si>
    <t>11434070.0</t>
  </si>
  <si>
    <t>11137236.0</t>
  </si>
  <si>
    <t>846547.0</t>
  </si>
  <si>
    <t>4342449792.0</t>
  </si>
  <si>
    <t>1961926432.0</t>
  </si>
  <si>
    <t>1829427498.0</t>
  </si>
  <si>
    <t>452861456.0</t>
  </si>
  <si>
    <t>11225870.0</t>
  </si>
  <si>
    <t>10933376.0</t>
  </si>
  <si>
    <t>870897.0</t>
  </si>
  <si>
    <t>4352790267.0</t>
  </si>
  <si>
    <t>1963832839.0</t>
  </si>
  <si>
    <t>1835174002.0</t>
  </si>
  <si>
    <t>455783443.0</t>
  </si>
  <si>
    <t>10499315.0</t>
  </si>
  <si>
    <t>10560741.0</t>
  </si>
  <si>
    <t>822927.0</t>
  </si>
  <si>
    <t>4360260846.0</t>
  </si>
  <si>
    <t>1964182419.0</t>
  </si>
  <si>
    <t>1835867566.0</t>
  </si>
  <si>
    <t>457292650.0</t>
  </si>
  <si>
    <t>7810164.0</t>
  </si>
  <si>
    <t>10263113.0</t>
  </si>
  <si>
    <t>822954.0</t>
  </si>
  <si>
    <t>4369919668.0</t>
  </si>
  <si>
    <t>1964953506.0</t>
  </si>
  <si>
    <t>1837493513.0</t>
  </si>
  <si>
    <t>460259962.0</t>
  </si>
  <si>
    <t>9462661.0</t>
  </si>
  <si>
    <t>10427601.0</t>
  </si>
  <si>
    <t>857505.0</t>
  </si>
  <si>
    <t>4381244419.0</t>
  </si>
  <si>
    <t>1965820876.0</t>
  </si>
  <si>
    <t>1839188416.0</t>
  </si>
  <si>
    <t>465146596.0</t>
  </si>
  <si>
    <t>11562244.0</t>
  </si>
  <si>
    <t>10546093.0</t>
  </si>
  <si>
    <t>889831.0</t>
  </si>
  <si>
    <t>4390850759.0</t>
  </si>
  <si>
    <t>1966418518.0</t>
  </si>
  <si>
    <t>1840466119.0</t>
  </si>
  <si>
    <t>467628669.0</t>
  </si>
  <si>
    <t>9561408.0</t>
  </si>
  <si>
    <t>10222248.0</t>
  </si>
  <si>
    <t>881601.0</t>
  </si>
  <si>
    <t>4400782605.0</t>
  </si>
  <si>
    <t>1967088482.0</t>
  </si>
  <si>
    <t>1841567007.0</t>
  </si>
  <si>
    <t>470223315.0</t>
  </si>
  <si>
    <t>9667035.0</t>
  </si>
  <si>
    <t>9969814.0</t>
  </si>
  <si>
    <t>874694.0</t>
  </si>
  <si>
    <t>4409171921.0</t>
  </si>
  <si>
    <t>1967559115.0</t>
  </si>
  <si>
    <t>1842405304.0</t>
  </si>
  <si>
    <t>472445309.0</t>
  </si>
  <si>
    <t>9139041.0</t>
  </si>
  <si>
    <t>9671699.0</t>
  </si>
  <si>
    <t>871594.0</t>
  </si>
  <si>
    <t>4418615173.0</t>
  </si>
  <si>
    <t>1969792310.0</t>
  </si>
  <si>
    <t>1847401521.0</t>
  </si>
  <si>
    <t>475298394.0</t>
  </si>
  <si>
    <t>9044051.0</t>
  </si>
  <si>
    <t>9463800.0</t>
  </si>
  <si>
    <t>892077.0</t>
  </si>
  <si>
    <t>4425383803.0</t>
  </si>
  <si>
    <t>1970396561.0</t>
  </si>
  <si>
    <t>1848129554.0</t>
  </si>
  <si>
    <t>477038824.0</t>
  </si>
  <si>
    <t>8154227.0</t>
  </si>
  <si>
    <t>9512955.0</t>
  </si>
  <si>
    <t>938723.0</t>
  </si>
  <si>
    <t>4432925944.0</t>
  </si>
  <si>
    <t>1971097359.0</t>
  </si>
  <si>
    <t>1848873819.0</t>
  </si>
  <si>
    <t>477847062.0</t>
  </si>
  <si>
    <t>6196179.0</t>
  </si>
  <si>
    <t>9046314.0</t>
  </si>
  <si>
    <t>895910.0</t>
  </si>
  <si>
    <t>4443014364.0</t>
  </si>
  <si>
    <t>1971799595.0</t>
  </si>
  <si>
    <t>1849684276.0</t>
  </si>
  <si>
    <t>480684201.0</t>
  </si>
  <si>
    <t>10401215.0</t>
  </si>
  <si>
    <t>8880452.0</t>
  </si>
  <si>
    <t>891336.0</t>
  </si>
  <si>
    <t>4452187045.0</t>
  </si>
  <si>
    <t>1972486178.0</t>
  </si>
  <si>
    <t>1850563574.0</t>
  </si>
  <si>
    <t>482713881.0</t>
  </si>
  <si>
    <t>9382952.0</t>
  </si>
  <si>
    <t>8854956.0</t>
  </si>
  <si>
    <t>894284.0</t>
  </si>
  <si>
    <t>4461847321.0</t>
  </si>
  <si>
    <t>1973444664.0</t>
  </si>
  <si>
    <t>1851253281.0</t>
  </si>
  <si>
    <t>485206000.0</t>
  </si>
  <si>
    <t>9900010.0</t>
  </si>
  <si>
    <t>8888238.0</t>
  </si>
  <si>
    <t>940346.0</t>
  </si>
  <si>
    <t>4474163057.0</t>
  </si>
  <si>
    <t>1974346182.0</t>
  </si>
  <si>
    <t>1852301666.0</t>
  </si>
  <si>
    <t>487731143.0</t>
  </si>
  <si>
    <t>12606664.0</t>
  </si>
  <si>
    <t>9383617.0</t>
  </si>
  <si>
    <t>978231.0</t>
  </si>
  <si>
    <t>4488659522.0</t>
  </si>
  <si>
    <t>1978833582.0</t>
  </si>
  <si>
    <t>1858018791.0</t>
  </si>
  <si>
    <t>490759534.0</t>
  </si>
  <si>
    <t>9399970.0</t>
  </si>
  <si>
    <t>9434458.0</t>
  </si>
  <si>
    <t>1007450.0</t>
  </si>
  <si>
    <t>4495053774.0</t>
  </si>
  <si>
    <t>1979527301.0</t>
  </si>
  <si>
    <t>1858413945.0</t>
  </si>
  <si>
    <t>491995206.0</t>
  </si>
  <si>
    <t>6614908.0</t>
  </si>
  <si>
    <t>9214556.0</t>
  </si>
  <si>
    <t>995463.0</t>
  </si>
  <si>
    <t>4500062102.0</t>
  </si>
  <si>
    <t>1980055909.0</t>
  </si>
  <si>
    <t>1859117761.0</t>
  </si>
  <si>
    <t>492862731.0</t>
  </si>
  <si>
    <t>4402730.0</t>
  </si>
  <si>
    <t>8954650.0</t>
  </si>
  <si>
    <t>997733.0</t>
  </si>
  <si>
    <t>4503886528.0</t>
  </si>
  <si>
    <t>1980917741.0</t>
  </si>
  <si>
    <t>1859778393.0</t>
  </si>
  <si>
    <t>494697121.0</t>
  </si>
  <si>
    <t>4197880.0</t>
  </si>
  <si>
    <t>8069075.0</t>
  </si>
  <si>
    <t>4507751744.0</t>
  </si>
  <si>
    <t>1981728379.0</t>
  </si>
  <si>
    <t>1860543355.0</t>
  </si>
  <si>
    <t>496727891.0</t>
  </si>
  <si>
    <t>4182597.0</t>
  </si>
  <si>
    <t>7326784.0</t>
  </si>
  <si>
    <t>1031720.0</t>
  </si>
  <si>
    <t>4512296051.0</t>
  </si>
  <si>
    <t>1982565171.0</t>
  </si>
  <si>
    <t>1861403603.0</t>
  </si>
  <si>
    <t>498737210.0</t>
  </si>
  <si>
    <t>4756342.0</t>
  </si>
  <si>
    <t>6592591.0</t>
  </si>
  <si>
    <t>1006944.0</t>
  </si>
  <si>
    <t>4516908928.0</t>
  </si>
  <si>
    <t>1983246841.0</t>
  </si>
  <si>
    <t>1862033846.0</t>
  </si>
  <si>
    <t>500529990.0</t>
  </si>
  <si>
    <t>5229152.0</t>
  </si>
  <si>
    <t>5539281.0</t>
  </si>
  <si>
    <t>967062.0</t>
  </si>
  <si>
    <t>4524511897.0</t>
  </si>
  <si>
    <t>1985359323.0</t>
  </si>
  <si>
    <t>1863349475.0</t>
  </si>
  <si>
    <t>502761125.0</t>
  </si>
  <si>
    <t>5981132.0</t>
  </si>
  <si>
    <t>5051492.0</t>
  </si>
  <si>
    <t>993330.0</t>
  </si>
  <si>
    <t>4528440772.0</t>
  </si>
  <si>
    <t>1986057289.0</t>
  </si>
  <si>
    <t>1863683327.0</t>
  </si>
  <si>
    <t>503876210.0</t>
  </si>
  <si>
    <t>4807452.0</t>
  </si>
  <si>
    <t>4793899.0</t>
  </si>
  <si>
    <t>993517.0</t>
  </si>
  <si>
    <t>4533941101.0</t>
  </si>
  <si>
    <t>1986695419.0</t>
  </si>
  <si>
    <t>1864320766.0</t>
  </si>
  <si>
    <t>505123993.0</t>
  </si>
  <si>
    <t>4872360.0</t>
  </si>
  <si>
    <t>4860987.0</t>
  </si>
  <si>
    <t>986271.0</t>
  </si>
  <si>
    <t>4540672380.0</t>
  </si>
  <si>
    <t>1987836574.0</t>
  </si>
  <si>
    <t>1865763253.0</t>
  </si>
  <si>
    <t>635602199.0</t>
  </si>
  <si>
    <t>6981077.0</t>
  </si>
  <si>
    <t>5258588.0</t>
  </si>
  <si>
    <t>966360.0</t>
  </si>
  <si>
    <t>4549766439.0</t>
  </si>
  <si>
    <t>1988694470.0</t>
  </si>
  <si>
    <t>1866490038.0</t>
  </si>
  <si>
    <t>637534489.0</t>
  </si>
  <si>
    <t>9486528.0</t>
  </si>
  <si>
    <t>6016290.0</t>
  </si>
  <si>
    <t>996476.0</t>
  </si>
  <si>
    <t>4560784354.0</t>
  </si>
  <si>
    <t>1989534678.0</t>
  </si>
  <si>
    <t>1867449817.0</t>
  </si>
  <si>
    <t>639894233.0</t>
  </si>
  <si>
    <t>10847096.0</t>
  </si>
  <si>
    <t>6886396.0</t>
  </si>
  <si>
    <t>180.56</t>
  </si>
  <si>
    <t>976186.0</t>
  </si>
  <si>
    <t>4571881392.0</t>
  </si>
  <si>
    <t>1990362602.0</t>
  </si>
  <si>
    <t>1868155992.0</t>
  </si>
  <si>
    <t>642006412.0</t>
  </si>
  <si>
    <t>11476658.0</t>
  </si>
  <si>
    <t>7778899.0</t>
  </si>
  <si>
    <t>1005159.0</t>
  </si>
  <si>
    <t>4585003505.0</t>
  </si>
  <si>
    <t>1991833700.0</t>
  </si>
  <si>
    <t>1869054205.0</t>
  </si>
  <si>
    <t>644889167.0</t>
  </si>
  <si>
    <t>12261278.0</t>
  </si>
  <si>
    <t>8676063.0</t>
  </si>
  <si>
    <t>987203.0</t>
  </si>
  <si>
    <t>4593421064.0</t>
  </si>
  <si>
    <t>1992356999.0</t>
  </si>
  <si>
    <t>1869585276.0</t>
  </si>
  <si>
    <t>646121306.0</t>
  </si>
  <si>
    <t>8586072.0</t>
  </si>
  <si>
    <t>9215868.0</t>
  </si>
  <si>
    <t>961347.0</t>
  </si>
  <si>
    <t>4602393839.0</t>
  </si>
  <si>
    <t>1993119035.0</t>
  </si>
  <si>
    <t>1870324965.0</t>
  </si>
  <si>
    <t>648861257.0</t>
  </si>
  <si>
    <t>8283034.0</t>
  </si>
  <si>
    <t>9703103.0</t>
  </si>
  <si>
    <t>964135.0</t>
  </si>
  <si>
    <t>4611141361.0</t>
  </si>
  <si>
    <t>1993696191.0</t>
  </si>
  <si>
    <t>1871043405.0</t>
  </si>
  <si>
    <t>650414059.0</t>
  </si>
  <si>
    <t>8767990.0</t>
  </si>
  <si>
    <t>9958380.0</t>
  </si>
  <si>
    <t>936594.0</t>
  </si>
  <si>
    <t>4619190371.0</t>
  </si>
  <si>
    <t>1994951222.0</t>
  </si>
  <si>
    <t>1872087216.0</t>
  </si>
  <si>
    <t>652121824.0</t>
  </si>
  <si>
    <t>7949559.0</t>
  </si>
  <si>
    <t>9738814.0</t>
  </si>
  <si>
    <t>979659.0</t>
  </si>
  <si>
    <t>4629807909.0</t>
  </si>
  <si>
    <t>1995714767.0</t>
  </si>
  <si>
    <t>1872697148.0</t>
  </si>
  <si>
    <t>654262316.0</t>
  </si>
  <si>
    <t>10738356.0</t>
  </si>
  <si>
    <t>9723276.0</t>
  </si>
  <si>
    <t>991353.0</t>
  </si>
  <si>
    <t>4641734896.0</t>
  </si>
  <si>
    <t>1996531397.0</t>
  </si>
  <si>
    <t>1873379946.0</t>
  </si>
  <si>
    <t>656632528.0</t>
  </si>
  <si>
    <t>12145721.0</t>
  </si>
  <si>
    <t>9818856.0</t>
  </si>
  <si>
    <t>975119.0</t>
  </si>
  <si>
    <t>4652614935.0</t>
  </si>
  <si>
    <t>1999368311.0</t>
  </si>
  <si>
    <t>1878204263.0</t>
  </si>
  <si>
    <t>658514668.0</t>
  </si>
  <si>
    <t>11119472.0</t>
  </si>
  <si>
    <t>9655746.0</t>
  </si>
  <si>
    <t>991367.0</t>
  </si>
  <si>
    <t>4660062346.0</t>
  </si>
  <si>
    <t>2000005545.0</t>
  </si>
  <si>
    <t>1878783273.0</t>
  </si>
  <si>
    <t>659716441.0</t>
  </si>
  <si>
    <t>8108546.0</t>
  </si>
  <si>
    <t>9587527.0</t>
  </si>
  <si>
    <t>4667163344.0</t>
  </si>
  <si>
    <t>2000668383.0</t>
  </si>
  <si>
    <t>1879272167.0</t>
  </si>
  <si>
    <t>660445112.0</t>
  </si>
  <si>
    <t>6240578.0</t>
  </si>
  <si>
    <t>9295744.0</t>
  </si>
  <si>
    <t>982495.0</t>
  </si>
  <si>
    <t>4675637982.0</t>
  </si>
  <si>
    <t>2001154277.0</t>
  </si>
  <si>
    <t>1879758522.0</t>
  </si>
  <si>
    <t>662175124.0</t>
  </si>
  <si>
    <t>8366544.0</t>
  </si>
  <si>
    <t>9238397.0</t>
  </si>
  <si>
    <t>978029.0</t>
  </si>
  <si>
    <t>4683620029.0</t>
  </si>
  <si>
    <t>2001714316.0</t>
  </si>
  <si>
    <t>1880243512.0</t>
  </si>
  <si>
    <t>663687718.0</t>
  </si>
  <si>
    <t>8734604.0</t>
  </si>
  <si>
    <t>9350544.0</t>
  </si>
  <si>
    <t>878797.0</t>
  </si>
  <si>
    <t>4693572484.0</t>
  </si>
  <si>
    <t>2002400361.0</t>
  </si>
  <si>
    <t>1880996697.0</t>
  </si>
  <si>
    <t>665172499.0</t>
  </si>
  <si>
    <t>9381880.0</t>
  </si>
  <si>
    <t>9156765.0</t>
  </si>
  <si>
    <t>867160.0</t>
  </si>
  <si>
    <t>4703510415.0</t>
  </si>
  <si>
    <t>2002922685.0</t>
  </si>
  <si>
    <t>1881512301.0</t>
  </si>
  <si>
    <t>666907895.0</t>
  </si>
  <si>
    <t>10423308.0</t>
  </si>
  <si>
    <t>8910707.0</t>
  </si>
  <si>
    <t>838265.0</t>
  </si>
  <si>
    <t>4713090026.0</t>
  </si>
  <si>
    <t>2004743208.0</t>
  </si>
  <si>
    <t>1884162365.0</t>
  </si>
  <si>
    <t>763734609.0</t>
  </si>
  <si>
    <t>10147717.0</t>
  </si>
  <si>
    <t>8771884.0</t>
  </si>
  <si>
    <t>186.59</t>
  </si>
  <si>
    <t>773538.0</t>
  </si>
  <si>
    <t>4719610367.0</t>
  </si>
  <si>
    <t>2005133921.0</t>
  </si>
  <si>
    <t>1884512470.0</t>
  </si>
  <si>
    <t>764456452.0</t>
  </si>
  <si>
    <t>7137314.0</t>
  </si>
  <si>
    <t>8633136.0</t>
  </si>
  <si>
    <t>750287.0</t>
  </si>
  <si>
    <t>4726350815.0</t>
  </si>
  <si>
    <t>2005371799.0</t>
  </si>
  <si>
    <t>1884781101.0</t>
  </si>
  <si>
    <t>764822573.0</t>
  </si>
  <si>
    <t>5966626.0</t>
  </si>
  <si>
    <t>8594001.0</t>
  </si>
  <si>
    <t>738722.0</t>
  </si>
  <si>
    <t>4734308721.0</t>
  </si>
  <si>
    <t>2005758802.0</t>
  </si>
  <si>
    <t>1885322869.0</t>
  </si>
  <si>
    <t>765852951.0</t>
  </si>
  <si>
    <t>8037133.0</t>
  </si>
  <si>
    <t>8546943.0</t>
  </si>
  <si>
    <t>187.43</t>
  </si>
  <si>
    <t>728945.0</t>
  </si>
  <si>
    <t>4741299592.0</t>
  </si>
  <si>
    <t>2006096461.0</t>
  </si>
  <si>
    <t>1885552967.0</t>
  </si>
  <si>
    <t>766374128.0</t>
  </si>
  <si>
    <t>7234145.0</t>
  </si>
  <si>
    <t>8332589.0</t>
  </si>
  <si>
    <t>701975.0</t>
  </si>
  <si>
    <t>4748697259.0</t>
  </si>
  <si>
    <t>2006382348.0</t>
  </si>
  <si>
    <t>1885869170.0</t>
  </si>
  <si>
    <t>766960771.0</t>
  </si>
  <si>
    <t>8017670.0</t>
  </si>
  <si>
    <t>8137706.0</t>
  </si>
  <si>
    <t>663898.0</t>
  </si>
  <si>
    <t>4756626204.0</t>
  </si>
  <si>
    <t>2006757335.0</t>
  </si>
  <si>
    <t>1886732653.0</t>
  </si>
  <si>
    <t>768747913.0</t>
  </si>
  <si>
    <t>7716048.0</t>
  </si>
  <si>
    <t>7750950.0</t>
  </si>
  <si>
    <t>188.31</t>
  </si>
  <si>
    <t>635052.0</t>
  </si>
  <si>
    <t>4765427732.0</t>
  </si>
  <si>
    <t>2007842076.0</t>
  </si>
  <si>
    <t>1887700925.0</t>
  </si>
  <si>
    <t>770543151.0</t>
  </si>
  <si>
    <t>7799607.0</t>
  </si>
  <si>
    <t>7407242.0</t>
  </si>
  <si>
    <t>611035.0</t>
  </si>
  <si>
    <t>4771562963.0</t>
  </si>
  <si>
    <t>2008218225.0</t>
  </si>
  <si>
    <t>1888120984.0</t>
  </si>
  <si>
    <t>771394629.0</t>
  </si>
  <si>
    <t>6483898.0</t>
  </si>
  <si>
    <t>7315934.0</t>
  </si>
  <si>
    <t>607290.0</t>
  </si>
  <si>
    <t>4784351872.0</t>
  </si>
  <si>
    <t>2011528036.0</t>
  </si>
  <si>
    <t>1891759861.0</t>
  </si>
  <si>
    <t>773247359.0</t>
  </si>
  <si>
    <t>4958440.0</t>
  </si>
  <si>
    <t>7172030.0</t>
  </si>
  <si>
    <t>601739.0</t>
  </si>
  <si>
    <t>4791060992.0</t>
  </si>
  <si>
    <t>2011859822.0</t>
  </si>
  <si>
    <t>1892169121.0</t>
  </si>
  <si>
    <t>774463376.0</t>
  </si>
  <si>
    <t>6976294.0</t>
  </si>
  <si>
    <t>7021683.0</t>
  </si>
  <si>
    <t>189.68</t>
  </si>
  <si>
    <t>583260.0</t>
  </si>
  <si>
    <t>4797383459.0</t>
  </si>
  <si>
    <t>2012122562.0</t>
  </si>
  <si>
    <t>1892514407.0</t>
  </si>
  <si>
    <t>775406867.0</t>
  </si>
  <si>
    <t>6527907.0</t>
  </si>
  <si>
    <t>6921733.0</t>
  </si>
  <si>
    <t>573592.0</t>
  </si>
  <si>
    <t>4805592972.0</t>
  </si>
  <si>
    <t>2012648034.0</t>
  </si>
  <si>
    <t>1893243724.0</t>
  </si>
  <si>
    <t>777043244.0</t>
  </si>
  <si>
    <t>7578773.0</t>
  </si>
  <si>
    <t>6861211.0</t>
  </si>
  <si>
    <t>190.25</t>
  </si>
  <si>
    <t>576213.0</t>
  </si>
  <si>
    <t>4814396662.0</t>
  </si>
  <si>
    <t>2013615109.0</t>
  </si>
  <si>
    <t>1894428955.0</t>
  </si>
  <si>
    <t>778713136.0</t>
  </si>
  <si>
    <t>9064288.0</t>
  </si>
  <si>
    <t>7055602.0</t>
  </si>
  <si>
    <t>657742.0</t>
  </si>
  <si>
    <t>4821889099.0</t>
  </si>
  <si>
    <t>2014158248.0</t>
  </si>
  <si>
    <t>1894983136.0</t>
  </si>
  <si>
    <t>780013363.0</t>
  </si>
  <si>
    <t>8084147.0</t>
  </si>
  <si>
    <t>7096250.0</t>
  </si>
  <si>
    <t>664551.0</t>
  </si>
  <si>
    <t>4828983242.0</t>
  </si>
  <si>
    <t>2014619907.0</t>
  </si>
  <si>
    <t>1895400814.0</t>
  </si>
  <si>
    <t>780871921.0</t>
  </si>
  <si>
    <t>6729989.0</t>
  </si>
  <si>
    <t>7131402.0</t>
  </si>
  <si>
    <t>687780.0</t>
  </si>
  <si>
    <t>4833403145.0</t>
  </si>
  <si>
    <t>2014766599.0</t>
  </si>
  <si>
    <t>1895580134.0</t>
  </si>
  <si>
    <t>781214621.0</t>
  </si>
  <si>
    <t>4972070.0</t>
  </si>
  <si>
    <t>7133350.0</t>
  </si>
  <si>
    <t>688697.0</t>
  </si>
  <si>
    <t>4840582276.0</t>
  </si>
  <si>
    <t>2018309220.0</t>
  </si>
  <si>
    <t>1900584896.0</t>
  </si>
  <si>
    <t>782192176.0</t>
  </si>
  <si>
    <t>6928182.0</t>
  </si>
  <si>
    <t>7126481.0</t>
  </si>
  <si>
    <t>688723.0</t>
  </si>
  <si>
    <t>4847957843.0</t>
  </si>
  <si>
    <t>2018834811.0</t>
  </si>
  <si>
    <t>1901136018.0</t>
  </si>
  <si>
    <t>783006376.0</t>
  </si>
  <si>
    <t>7322278.0</t>
  </si>
  <si>
    <t>7239958.0</t>
  </si>
  <si>
    <t>703259.0</t>
  </si>
  <si>
    <t>4856216600.0</t>
  </si>
  <si>
    <t>2019253448.0</t>
  </si>
  <si>
    <t>1901806354.0</t>
  </si>
  <si>
    <t>784528590.0</t>
  </si>
  <si>
    <t>7788862.0</t>
  </si>
  <si>
    <t>7269973.0</t>
  </si>
  <si>
    <t>707086.0</t>
  </si>
  <si>
    <t>4862952110.0</t>
  </si>
  <si>
    <t>2020494083.0</t>
  </si>
  <si>
    <t>1902573687.0</t>
  </si>
  <si>
    <t>875490880.0</t>
  </si>
  <si>
    <t>7074460.0</t>
  </si>
  <si>
    <t>6985714.0</t>
  </si>
  <si>
    <t>631335.0</t>
  </si>
  <si>
    <t>4870775326.0</t>
  </si>
  <si>
    <t>2021371561.0</t>
  </si>
  <si>
    <t>1903287233.0</t>
  </si>
  <si>
    <t>881329793.0</t>
  </si>
  <si>
    <t>7747247.0</t>
  </si>
  <si>
    <t>6937584.0</t>
  </si>
  <si>
    <t>645591.0</t>
  </si>
  <si>
    <t>4876022831.0</t>
  </si>
  <si>
    <t>2021544912.0</t>
  </si>
  <si>
    <t>1903554613.0</t>
  </si>
  <si>
    <t>882000122.0</t>
  </si>
  <si>
    <t>5893030.0</t>
  </si>
  <si>
    <t>6818022.0</t>
  </si>
  <si>
    <t>193.04</t>
  </si>
  <si>
    <t>628600.0</t>
  </si>
  <si>
    <t>4880785677.0</t>
  </si>
  <si>
    <t>2021883520.0</t>
  </si>
  <si>
    <t>1903767872.0</t>
  </si>
  <si>
    <t>882590117.0</t>
  </si>
  <si>
    <t>4783917.0</t>
  </si>
  <si>
    <t>6791134.0</t>
  </si>
  <si>
    <t>652733.0</t>
  </si>
  <si>
    <t>4886558735.0</t>
  </si>
  <si>
    <t>2023139594.0</t>
  </si>
  <si>
    <t>1904856990.0</t>
  </si>
  <si>
    <t>893657803.0</t>
  </si>
  <si>
    <t>6116090.0</t>
  </si>
  <si>
    <t>6675123.0</t>
  </si>
  <si>
    <t>678720.0</t>
  </si>
  <si>
    <t>4892460413.0</t>
  </si>
  <si>
    <t>2023403829.0</t>
  </si>
  <si>
    <t>1905237528.0</t>
  </si>
  <si>
    <t>894650335.0</t>
  </si>
  <si>
    <t>6010785.0</t>
  </si>
  <si>
    <t>6487770.0</t>
  </si>
  <si>
    <t>670402.0</t>
  </si>
  <si>
    <t>4900051036.0</t>
  </si>
  <si>
    <t>2024172621.0</t>
  </si>
  <si>
    <t>1905986498.0</t>
  </si>
  <si>
    <t>896163389.0</t>
  </si>
  <si>
    <t>6752167.0</t>
  </si>
  <si>
    <t>6339671.0</t>
  </si>
  <si>
    <t>684240.0</t>
  </si>
  <si>
    <t>4906093488.0</t>
  </si>
  <si>
    <t>2025369302.0</t>
  </si>
  <si>
    <t>1906754715.0</t>
  </si>
  <si>
    <t>909089977.0</t>
  </si>
  <si>
    <t>6746903.0</t>
  </si>
  <si>
    <t>6292876.0</t>
  </si>
  <si>
    <t>697165.0</t>
  </si>
  <si>
    <t>4912758338.0</t>
  </si>
  <si>
    <t>2025783720.0</t>
  </si>
  <si>
    <t>1907203251.0</t>
  </si>
  <si>
    <t>910487766.0</t>
  </si>
  <si>
    <t>6375913.0</t>
  </si>
  <si>
    <t>6096969.0</t>
  </si>
  <si>
    <t>4918480870.0</t>
  </si>
  <si>
    <t>2026244741.0</t>
  </si>
  <si>
    <t>1907642069.0</t>
  </si>
  <si>
    <t>911204176.0</t>
  </si>
  <si>
    <t>5685634.0</t>
  </si>
  <si>
    <t>6067339.0</t>
  </si>
  <si>
    <t>194.72</t>
  </si>
  <si>
    <t>704671.0</t>
  </si>
  <si>
    <t>4923572811.0</t>
  </si>
  <si>
    <t>2026430113.0</t>
  </si>
  <si>
    <t>1908144355.0</t>
  </si>
  <si>
    <t>911822149.0</t>
  </si>
  <si>
    <t>4750180.0</t>
  </si>
  <si>
    <t>6062523.0</t>
  </si>
  <si>
    <t>687979.0</t>
  </si>
  <si>
    <t>4929197877.0</t>
  </si>
  <si>
    <t>2026636889.0</t>
  </si>
  <si>
    <t>1908463796.0</t>
  </si>
  <si>
    <t>912787809.0</t>
  </si>
  <si>
    <t>5715091.0</t>
  </si>
  <si>
    <t>6005239.0</t>
  </si>
  <si>
    <t>665454.0</t>
  </si>
  <si>
    <t>4937072360.0</t>
  </si>
  <si>
    <t>2026973532.0</t>
  </si>
  <si>
    <t>1908928022.0</t>
  </si>
  <si>
    <t>914311472.0</t>
  </si>
  <si>
    <t>8034307.0</t>
  </si>
  <si>
    <t>6294315.0</t>
  </si>
  <si>
    <t>681033.0</t>
  </si>
  <si>
    <t>4943338050.0</t>
  </si>
  <si>
    <t>2027360397.0</t>
  </si>
  <si>
    <t>1909398621.0</t>
  </si>
  <si>
    <t>915717924.0</t>
  </si>
  <si>
    <t>6394324.0</t>
  </si>
  <si>
    <t>6243191.0</t>
  </si>
  <si>
    <t>663438.0</t>
  </si>
  <si>
    <t>4948733132.0</t>
  </si>
  <si>
    <t>2029744736.0</t>
  </si>
  <si>
    <t>1911262874.0</t>
  </si>
  <si>
    <t>940505325.0</t>
  </si>
  <si>
    <t>5880112.0</t>
  </si>
  <si>
    <t>6119364.0</t>
  </si>
  <si>
    <t>636917.0</t>
  </si>
  <si>
    <t>4952886397.0</t>
  </si>
  <si>
    <t>2029956709.0</t>
  </si>
  <si>
    <t>1911427432.0</t>
  </si>
  <si>
    <t>941053327.0</t>
  </si>
  <si>
    <t>5051158.0</t>
  </si>
  <si>
    <t>5930116.0</t>
  </si>
  <si>
    <t>196.08</t>
  </si>
  <si>
    <t>611530.0</t>
  </si>
  <si>
    <t>4956288561.0</t>
  </si>
  <si>
    <t>2030039788.0</t>
  </si>
  <si>
    <t>1911582939.0</t>
  </si>
  <si>
    <t>941464659.0</t>
  </si>
  <si>
    <t>4261180.0</t>
  </si>
  <si>
    <t>5726619.0</t>
  </si>
  <si>
    <t>196.22</t>
  </si>
  <si>
    <t>556917.0</t>
  </si>
  <si>
    <t>4960836398.0</t>
  </si>
  <si>
    <t>2030383720.0</t>
  </si>
  <si>
    <t>1912208575.0</t>
  </si>
  <si>
    <t>942692642.0</t>
  </si>
  <si>
    <t>3715961.0</t>
  </si>
  <si>
    <t>5578875.0</t>
  </si>
  <si>
    <t>4965412827.0</t>
  </si>
  <si>
    <t>2030758740.0</t>
  </si>
  <si>
    <t>1912623714.0</t>
  </si>
  <si>
    <t>944258383.0</t>
  </si>
  <si>
    <t>3958317.0</t>
  </si>
  <si>
    <t>5327904.0</t>
  </si>
  <si>
    <t>522962.0</t>
  </si>
  <si>
    <t>4969115345.0</t>
  </si>
  <si>
    <t>2031971409.0</t>
  </si>
  <si>
    <t>1913935736.0</t>
  </si>
  <si>
    <t>956123548.0</t>
  </si>
  <si>
    <t>4037765.0</t>
  </si>
  <si>
    <t>4756974.0</t>
  </si>
  <si>
    <t>488198.0</t>
  </si>
  <si>
    <t>4973415724.0</t>
  </si>
  <si>
    <t>2032150643.0</t>
  </si>
  <si>
    <t>1914256494.0</t>
  </si>
  <si>
    <t>957179961.0</t>
  </si>
  <si>
    <t>4643218.0</t>
  </si>
  <si>
    <t>4506817.0</t>
  </si>
  <si>
    <t>466687.0</t>
  </si>
  <si>
    <t>4978348341.0</t>
  </si>
  <si>
    <t>2032380404.0</t>
  </si>
  <si>
    <t>1914621081.0</t>
  </si>
  <si>
    <t>958445333.0</t>
  </si>
  <si>
    <t>5254457.0</t>
  </si>
  <si>
    <t>4417434.0</t>
  </si>
  <si>
    <t>456695.0</t>
  </si>
  <si>
    <t>4983396675.0</t>
  </si>
  <si>
    <t>2032703528.0</t>
  </si>
  <si>
    <t>1915041639.0</t>
  </si>
  <si>
    <t>959589495.0</t>
  </si>
  <si>
    <t>5113842.0</t>
  </si>
  <si>
    <t>4426392.0</t>
  </si>
  <si>
    <t>4986837701.0</t>
  </si>
  <si>
    <t>2032794854.0</t>
  </si>
  <si>
    <t>1915242766.0</t>
  </si>
  <si>
    <t>960187106.0</t>
  </si>
  <si>
    <t>3851544.0</t>
  </si>
  <si>
    <t>4367871.0</t>
  </si>
  <si>
    <t>448660.0</t>
  </si>
  <si>
    <t>4989752142.0</t>
  </si>
  <si>
    <t>2032841771.0</t>
  </si>
  <si>
    <t>1915400330.0</t>
  </si>
  <si>
    <t>960563052.0</t>
  </si>
  <si>
    <t>3230489.0</t>
  </si>
  <si>
    <t>4298520.0</t>
  </si>
  <si>
    <t>4994016968.0</t>
  </si>
  <si>
    <t>2034502351.0</t>
  </si>
  <si>
    <t>1917467664.0</t>
  </si>
  <si>
    <t>975092554.0</t>
  </si>
  <si>
    <t>4344680.0</t>
  </si>
  <si>
    <t>4353714.0</t>
  </si>
  <si>
    <t>197.71</t>
  </si>
  <si>
    <t>443649.0</t>
  </si>
  <si>
    <t>4998102189.0</t>
  </si>
  <si>
    <t>2034625025.0</t>
  </si>
  <si>
    <t>1917752840.0</t>
  </si>
  <si>
    <t>975982641.0</t>
  </si>
  <si>
    <t>4461305.0</t>
  </si>
  <si>
    <t>4414221.0</t>
  </si>
  <si>
    <t>446150.0</t>
  </si>
  <si>
    <t>5004545057.0</t>
  </si>
  <si>
    <t>2034936132.0</t>
  </si>
  <si>
    <t>1918272211.0</t>
  </si>
  <si>
    <t>976634502.0</t>
  </si>
  <si>
    <t>4032642.0</t>
  </si>
  <si>
    <t>4326993.0</t>
  </si>
  <si>
    <t>198.13</t>
  </si>
  <si>
    <t>440748.0</t>
  </si>
  <si>
    <t>5008578603.0</t>
  </si>
  <si>
    <t>2035120046.0</t>
  </si>
  <si>
    <t>1918622030.0</t>
  </si>
  <si>
    <t>977413875.0</t>
  </si>
  <si>
    <t>4459117.0</t>
  </si>
  <si>
    <t>4213374.0</t>
  </si>
  <si>
    <t>437941.0</t>
  </si>
  <si>
    <t>5011956337.0</t>
  </si>
  <si>
    <t>2035238418.0</t>
  </si>
  <si>
    <t>1918789152.0</t>
  </si>
  <si>
    <t>977764984.0</t>
  </si>
  <si>
    <t>3468589.0</t>
  </si>
  <si>
    <t>3978338.0</t>
  </si>
  <si>
    <t>426147.0</t>
  </si>
  <si>
    <t>5014341553.0</t>
  </si>
  <si>
    <t>2035268592.0</t>
  </si>
  <si>
    <t>1918890328.0</t>
  </si>
  <si>
    <t>977923164.0</t>
  </si>
  <si>
    <t>2952096.0</t>
  </si>
  <si>
    <t>3849847.0</t>
  </si>
  <si>
    <t>198.52</t>
  </si>
  <si>
    <t>422995.0</t>
  </si>
  <si>
    <t>5018300052.0</t>
  </si>
  <si>
    <t>2035568661.0</t>
  </si>
  <si>
    <t>1919277537.0</t>
  </si>
  <si>
    <t>978403445.0</t>
  </si>
  <si>
    <t>2647883.0</t>
  </si>
  <si>
    <t>3766617.0</t>
  </si>
  <si>
    <t>425505.0</t>
  </si>
  <si>
    <t>5021722771.0</t>
  </si>
  <si>
    <t>2037661870.0</t>
  </si>
  <si>
    <t>1921457499.0</t>
  </si>
  <si>
    <t>992412904.0</t>
  </si>
  <si>
    <t>3597250.0</t>
  </si>
  <si>
    <t>3659841.0</t>
  </si>
  <si>
    <t>423309.0</t>
  </si>
  <si>
    <t>5025853191.0</t>
  </si>
  <si>
    <t>2038011581.0</t>
  </si>
  <si>
    <t>1921803403.0</t>
  </si>
  <si>
    <t>993363848.0</t>
  </si>
  <si>
    <t>4580947.0</t>
  </si>
  <si>
    <t>3676934.0</t>
  </si>
  <si>
    <t>450435.0</t>
  </si>
  <si>
    <t>5030651918.0</t>
  </si>
  <si>
    <t>2038164441.0</t>
  </si>
  <si>
    <t>1922204631.0</t>
  </si>
  <si>
    <t>1037433310.0</t>
  </si>
  <si>
    <t>4347887.0</t>
  </si>
  <si>
    <t>3721967.0</t>
  </si>
  <si>
    <t>452773.0</t>
  </si>
  <si>
    <t>5035361385.0</t>
  </si>
  <si>
    <t>2038421429.0</t>
  </si>
  <si>
    <t>1922554384.0</t>
  </si>
  <si>
    <t>1038619750.0</t>
  </si>
  <si>
    <t>4851382.0</t>
  </si>
  <si>
    <t>3778006.0</t>
  </si>
  <si>
    <t>462532.0</t>
  </si>
  <si>
    <t>5039280996.0</t>
  </si>
  <si>
    <t>2038572682.0</t>
  </si>
  <si>
    <t>1922809833.0</t>
  </si>
  <si>
    <t>1039529986.0</t>
  </si>
  <si>
    <t>4166030.0</t>
  </si>
  <si>
    <t>3877639.0</t>
  </si>
  <si>
    <t>472543.0</t>
  </si>
  <si>
    <t>5042170578.0</t>
  </si>
  <si>
    <t>2038675483.0</t>
  </si>
  <si>
    <t>1923056151.0</t>
  </si>
  <si>
    <t>1039930408.0</t>
  </si>
  <si>
    <t>3385911.0</t>
  </si>
  <si>
    <t>3939609.0</t>
  </si>
  <si>
    <t>199.62</t>
  </si>
  <si>
    <t>5045514708.0</t>
  </si>
  <si>
    <t>2038814118.0</t>
  </si>
  <si>
    <t>1923247440.0</t>
  </si>
  <si>
    <t>1040896295.0</t>
  </si>
  <si>
    <t>2918432.0</t>
  </si>
  <si>
    <t>3978263.0</t>
  </si>
  <si>
    <t>491145.0</t>
  </si>
  <si>
    <t>5048935542.0</t>
  </si>
  <si>
    <t>2038967589.0</t>
  </si>
  <si>
    <t>1923522705.0</t>
  </si>
  <si>
    <t>1041639701.0</t>
  </si>
  <si>
    <t>3406932.0</t>
  </si>
  <si>
    <t>3951077.0</t>
  </si>
  <si>
    <t>497814.0</t>
  </si>
  <si>
    <t>5052183067.0</t>
  </si>
  <si>
    <t>2039285085.0</t>
  </si>
  <si>
    <t>1923976007.0</t>
  </si>
  <si>
    <t>1042188454.0</t>
  </si>
  <si>
    <t>3634371.0</t>
  </si>
  <si>
    <t>3815849.0</t>
  </si>
  <si>
    <t>471805.0</t>
  </si>
  <si>
    <t>5056009665.0</t>
  </si>
  <si>
    <t>2041961814.0</t>
  </si>
  <si>
    <t>1926970426.0</t>
  </si>
  <si>
    <t>1059194383.0</t>
  </si>
  <si>
    <t>4336836.0</t>
  </si>
  <si>
    <t>3814269.0</t>
  </si>
  <si>
    <t>478092.0</t>
  </si>
  <si>
    <t>5059458306.0</t>
  </si>
  <si>
    <t>2042419745.0</t>
  </si>
  <si>
    <t>1927574575.0</t>
  </si>
  <si>
    <t>1061629274.0</t>
  </si>
  <si>
    <t>3853541.0</t>
  </si>
  <si>
    <t>3671722.0</t>
  </si>
  <si>
    <t>464511.0</t>
  </si>
  <si>
    <t>5063751164.0</t>
  </si>
  <si>
    <t>2042728382.0</t>
  </si>
  <si>
    <t>1928152464.0</t>
  </si>
  <si>
    <t>1062809933.0</t>
  </si>
  <si>
    <t>4145849.0</t>
  </si>
  <si>
    <t>3668841.0</t>
  </si>
  <si>
    <t>461912.0</t>
  </si>
  <si>
    <t>5065672785.0</t>
  </si>
  <si>
    <t>2042790862.0</t>
  </si>
  <si>
    <t>1928251797.0</t>
  </si>
  <si>
    <t>1063055104.0</t>
  </si>
  <si>
    <t>2605062.0</t>
  </si>
  <si>
    <t>3557286.0</t>
  </si>
  <si>
    <t>434675.0</t>
  </si>
  <si>
    <t>5067833919.0</t>
  </si>
  <si>
    <t>2042920362.0</t>
  </si>
  <si>
    <t>1928478991.0</t>
  </si>
  <si>
    <t>1063545076.0</t>
  </si>
  <si>
    <t>1823089.0</t>
  </si>
  <si>
    <t>3400811.0</t>
  </si>
  <si>
    <t>408217.0</t>
  </si>
  <si>
    <t>5069773989.0</t>
  </si>
  <si>
    <t>2043003521.0</t>
  </si>
  <si>
    <t>1928663733.0</t>
  </si>
  <si>
    <t>1064069410.0</t>
  </si>
  <si>
    <t>2265439.0</t>
  </si>
  <si>
    <t>3237742.0</t>
  </si>
  <si>
    <t>380992.0</t>
  </si>
  <si>
    <t>5071771605.0</t>
  </si>
  <si>
    <t>2043080098.0</t>
  </si>
  <si>
    <t>1928851573.0</t>
  </si>
  <si>
    <t>1064765453.0</t>
  </si>
  <si>
    <t>2457746.0</t>
  </si>
  <si>
    <t>3069651.0</t>
  </si>
  <si>
    <t>5073860947.0</t>
  </si>
  <si>
    <t>2043245537.0</t>
  </si>
  <si>
    <t>1929103408.0</t>
  </si>
  <si>
    <t>1065497491.0</t>
  </si>
  <si>
    <t>2496744.0</t>
  </si>
  <si>
    <t>2806782.0</t>
  </si>
  <si>
    <t>200.87</t>
  </si>
  <si>
    <t>328856.0</t>
  </si>
  <si>
    <t>5075964312.0</t>
  </si>
  <si>
    <t>2044444586.0</t>
  </si>
  <si>
    <t>1930687094.0</t>
  </si>
  <si>
    <t>1072716401.0</t>
  </si>
  <si>
    <t>2575385.0</t>
  </si>
  <si>
    <t>2624190.0</t>
  </si>
  <si>
    <t>303412.0</t>
  </si>
  <si>
    <t>5082391348.0</t>
  </si>
  <si>
    <t>2044766434.0</t>
  </si>
  <si>
    <t>1931117807.0</t>
  </si>
  <si>
    <t>1077059002.0</t>
  </si>
  <si>
    <t>3000076.0</t>
  </si>
  <si>
    <t>2460505.0</t>
  </si>
  <si>
    <t>288281.0</t>
  </si>
  <si>
    <t>5083976481.0</t>
  </si>
  <si>
    <t>2044813170.0</t>
  </si>
  <si>
    <t>1931221001.0</t>
  </si>
  <si>
    <t>1077383736.0</t>
  </si>
  <si>
    <t>2356111.0</t>
  </si>
  <si>
    <t>2424941.0</t>
  </si>
  <si>
    <t>285176.0</t>
  </si>
  <si>
    <t>5085257552.0</t>
  </si>
  <si>
    <t>2044886263.0</t>
  </si>
  <si>
    <t>1931315752.0</t>
  </si>
  <si>
    <t>1077575235.0</t>
  </si>
  <si>
    <t>1998627.0</t>
  </si>
  <si>
    <t>2450020.0</t>
  </si>
  <si>
    <t>286268.0</t>
  </si>
  <si>
    <t>5087133981.0</t>
  </si>
  <si>
    <t>2044948892.0</t>
  </si>
  <si>
    <t>1931450717.0</t>
  </si>
  <si>
    <t>1078080980.0</t>
  </si>
  <si>
    <t>2664997.0</t>
  </si>
  <si>
    <t>2507099.0</t>
  </si>
  <si>
    <t>5089482976.0</t>
  </si>
  <si>
    <t>2045042324.0</t>
  </si>
  <si>
    <t>1931649598.0</t>
  </si>
  <si>
    <t>1078780252.0</t>
  </si>
  <si>
    <t>3019326.0</t>
  </si>
  <si>
    <t>2587324.0</t>
  </si>
  <si>
    <t>288896.0</t>
  </si>
  <si>
    <t>5093075008.0</t>
  </si>
  <si>
    <t>2045260241.0</t>
  </si>
  <si>
    <t>1932094373.0</t>
  </si>
  <si>
    <t>1080130099.0</t>
  </si>
  <si>
    <t>4389273.0</t>
  </si>
  <si>
    <t>2857683.0</t>
  </si>
  <si>
    <t>301426.0</t>
  </si>
  <si>
    <t>5096228982.0</t>
  </si>
  <si>
    <t>2046551642.0</t>
  </si>
  <si>
    <t>1933900864.0</t>
  </si>
  <si>
    <t>1087618717.0</t>
  </si>
  <si>
    <t>3948275.0</t>
  </si>
  <si>
    <t>3053812.0</t>
  </si>
  <si>
    <t>309738.0</t>
  </si>
  <si>
    <t>5103193334.0</t>
  </si>
  <si>
    <t>2046802619.0</t>
  </si>
  <si>
    <t>1934401909.0</t>
  </si>
  <si>
    <t>1093466172.0</t>
  </si>
  <si>
    <t>3013006.0</t>
  </si>
  <si>
    <t>3055659.0</t>
  </si>
  <si>
    <t>303627.0</t>
  </si>
  <si>
    <t>5104898538.0</t>
  </si>
  <si>
    <t>2046855884.0</t>
  </si>
  <si>
    <t>1934487437.0</t>
  </si>
  <si>
    <t>1093756315.0</t>
  </si>
  <si>
    <t>2348721.0</t>
  </si>
  <si>
    <t>3054604.0</t>
  </si>
  <si>
    <t>349463.0</t>
  </si>
  <si>
    <t>5106496826.0</t>
  </si>
  <si>
    <t>2046973272.0</t>
  </si>
  <si>
    <t>1934742061.0</t>
  </si>
  <si>
    <t>1093962464.0</t>
  </si>
  <si>
    <t>1911861.0</t>
  </si>
  <si>
    <t>3042207.0</t>
  </si>
  <si>
    <t>393377.0</t>
  </si>
  <si>
    <t>5109522186.0</t>
  </si>
  <si>
    <t>2047936984.0</t>
  </si>
  <si>
    <t>1934790841.0</t>
  </si>
  <si>
    <t>1094404687.0</t>
  </si>
  <si>
    <t>2352788.0</t>
  </si>
  <si>
    <t>2997605.0</t>
  </si>
  <si>
    <t>433386.0</t>
  </si>
  <si>
    <t>5111579113.0</t>
  </si>
  <si>
    <t>2047995606.0</t>
  </si>
  <si>
    <t>1934917193.0</t>
  </si>
  <si>
    <t>1094884323.0</t>
  </si>
  <si>
    <t>2599134.0</t>
  </si>
  <si>
    <t>2937580.0</t>
  </si>
  <si>
    <t>434133.0</t>
  </si>
  <si>
    <t>5114377853.0</t>
  </si>
  <si>
    <t>2048112530.0</t>
  </si>
  <si>
    <t>1935250592.0</t>
  </si>
  <si>
    <t>1095832812.0</t>
  </si>
  <si>
    <t>2518223.0</t>
  </si>
  <si>
    <t>2670287.0</t>
  </si>
  <si>
    <t>415704.0</t>
  </si>
  <si>
    <t>5117140408.0</t>
  </si>
  <si>
    <t>2048284968.0</t>
  </si>
  <si>
    <t>1935448503.0</t>
  </si>
  <si>
    <t>1096979433.0</t>
  </si>
  <si>
    <t>2820455.0</t>
  </si>
  <si>
    <t>2509175.0</t>
  </si>
  <si>
    <t>409793.0</t>
  </si>
  <si>
    <t>5119628715.0</t>
  </si>
  <si>
    <t>2048410551.0</t>
  </si>
  <si>
    <t>1935720038.0</t>
  </si>
  <si>
    <t>1097665353.0</t>
  </si>
  <si>
    <t>2540929.0</t>
  </si>
  <si>
    <t>2441729.0</t>
  </si>
  <si>
    <t>410163.0</t>
  </si>
  <si>
    <t>5121298251.0</t>
  </si>
  <si>
    <t>2048511942.0</t>
  </si>
  <si>
    <t>1935840273.0</t>
  </si>
  <si>
    <t>1097996859.0</t>
  </si>
  <si>
    <t>1890551.0</t>
  </si>
  <si>
    <t>2376280.0</t>
  </si>
  <si>
    <t>377062.0</t>
  </si>
  <si>
    <t>5122903886.0</t>
  </si>
  <si>
    <t>2050313279.0</t>
  </si>
  <si>
    <t>1938171089.0</t>
  </si>
  <si>
    <t>1106663831.0</t>
  </si>
  <si>
    <t>1831668.0</t>
  </si>
  <si>
    <t>2364820.0</t>
  </si>
  <si>
    <t>357068.0</t>
  </si>
  <si>
    <t>5124674238.0</t>
  </si>
  <si>
    <t>2050370656.0</t>
  </si>
  <si>
    <t>1938253995.0</t>
  </si>
  <si>
    <t>1107088123.0</t>
  </si>
  <si>
    <t>2256881.0</t>
  </si>
  <si>
    <t>2351012.0</t>
  </si>
  <si>
    <t>202.88</t>
  </si>
  <si>
    <t>335381.0</t>
  </si>
  <si>
    <t>5126538664.0</t>
  </si>
  <si>
    <t>2050436517.0</t>
  </si>
  <si>
    <t>1938360609.0</t>
  </si>
  <si>
    <t>1107517737.0</t>
  </si>
  <si>
    <t>2455045.0</t>
  </si>
  <si>
    <t>2330434.0</t>
  </si>
  <si>
    <t>202.96</t>
  </si>
  <si>
    <t>353587.0</t>
  </si>
  <si>
    <t>5128399001.0</t>
  </si>
  <si>
    <t>2050499577.0</t>
  </si>
  <si>
    <t>1938545165.0</t>
  </si>
  <si>
    <t>1107783247.0</t>
  </si>
  <si>
    <t>2472222.0</t>
  </si>
  <si>
    <t>2323885.0</t>
  </si>
  <si>
    <t>372290.0</t>
  </si>
  <si>
    <t>5131974687.0</t>
  </si>
  <si>
    <t>2051674996.0</t>
  </si>
  <si>
    <t>1939832655.0</t>
  </si>
  <si>
    <t>1112503468.0</t>
  </si>
  <si>
    <t>2489849.0</t>
  </si>
  <si>
    <t>2276676.0</t>
  </si>
  <si>
    <t>389339.0</t>
  </si>
  <si>
    <t>5135595798.0</t>
  </si>
  <si>
    <t>2051899147.0</t>
  </si>
  <si>
    <t>1940179138.0</t>
  </si>
  <si>
    <t>1114280595.0</t>
  </si>
  <si>
    <t>3741754.0</t>
  </si>
  <si>
    <t>2448240.0</t>
  </si>
  <si>
    <t>413710.0</t>
  </si>
  <si>
    <t>5137618216.0</t>
  </si>
  <si>
    <t>2052026336.0</t>
  </si>
  <si>
    <t>1940310140.0</t>
  </si>
  <si>
    <t>1114825356.0</t>
  </si>
  <si>
    <t>2118172.0</t>
  </si>
  <si>
    <t>2480776.0</t>
  </si>
  <si>
    <t>415325.0</t>
  </si>
  <si>
    <t>5139281052.0</t>
  </si>
  <si>
    <t>2052168237.0</t>
  </si>
  <si>
    <t>1940573502.0</t>
  </si>
  <si>
    <t>1115147617.0</t>
  </si>
  <si>
    <t>1459568.0</t>
  </si>
  <si>
    <t>2427641.0</t>
  </si>
  <si>
    <t>400166.0</t>
  </si>
  <si>
    <t>5141106401.0</t>
  </si>
  <si>
    <t>2052224336.0</t>
  </si>
  <si>
    <t>1940683993.0</t>
  </si>
  <si>
    <t>1115677377.0</t>
  </si>
  <si>
    <t>2282108.0</t>
  </si>
  <si>
    <t>2431246.0</t>
  </si>
  <si>
    <t>390638.0</t>
  </si>
  <si>
    <t>5143291355.0</t>
  </si>
  <si>
    <t>2052296200.0</t>
  </si>
  <si>
    <t>1941071467.0</t>
  </si>
  <si>
    <t>1116186367.0</t>
  </si>
  <si>
    <t>2346796.0</t>
  </si>
  <si>
    <t>2415783.0</t>
  </si>
  <si>
    <t>378740.0</t>
  </si>
  <si>
    <t>5144866673.0</t>
  </si>
  <si>
    <t>2053343054.0</t>
  </si>
  <si>
    <t>1942312314.0</t>
  </si>
  <si>
    <t>1120799421.0</t>
  </si>
  <si>
    <t>1915181.0</t>
  </si>
  <si>
    <t>2336208.0</t>
  </si>
  <si>
    <t>5146325749.0</t>
  </si>
  <si>
    <t>2053421519.0</t>
  </si>
  <si>
    <t>1942422381.0</t>
  </si>
  <si>
    <t>1121156528.0</t>
  </si>
  <si>
    <t>2372135.0</t>
  </si>
  <si>
    <t>2319389.0</t>
  </si>
  <si>
    <t>203.74</t>
  </si>
  <si>
    <t>351389.0</t>
  </si>
  <si>
    <t>5151189649.0</t>
  </si>
  <si>
    <t>2054837428.0</t>
  </si>
  <si>
    <t>1942884032.0</t>
  </si>
  <si>
    <t>1122998850.0</t>
  </si>
  <si>
    <t>1834772.0</t>
  </si>
  <si>
    <t>325618.0</t>
  </si>
  <si>
    <t>5152695507.0</t>
  </si>
  <si>
    <t>2055205835.0</t>
  </si>
  <si>
    <t>1943333410.0</t>
  </si>
  <si>
    <t>1124910127.0</t>
  </si>
  <si>
    <t>1747355.0</t>
  </si>
  <si>
    <t>1993988.0</t>
  </si>
  <si>
    <t>306847.0</t>
  </si>
  <si>
    <t>5154003005.0</t>
  </si>
  <si>
    <t>2055268738.0</t>
  </si>
  <si>
    <t>1943438497.0</t>
  </si>
  <si>
    <t>1125177055.0</t>
  </si>
  <si>
    <t>1032713.0</t>
  </si>
  <si>
    <t>1933008.0</t>
  </si>
  <si>
    <t>5155404257.0</t>
  </si>
  <si>
    <t>2055300378.0</t>
  </si>
  <si>
    <t>1943511952.0</t>
  </si>
  <si>
    <t>1125761691.0</t>
  </si>
  <si>
    <t>1600753.0</t>
  </si>
  <si>
    <t>1835677.0</t>
  </si>
  <si>
    <t>275309.0</t>
  </si>
  <si>
    <t>5157305229.0</t>
  </si>
  <si>
    <t>2055376853.0</t>
  </si>
  <si>
    <t>1943647977.0</t>
  </si>
  <si>
    <t>1126649313.0</t>
  </si>
  <si>
    <t>2104692.0</t>
  </si>
  <si>
    <t>1801087.0</t>
  </si>
  <si>
    <t>204.18</t>
  </si>
  <si>
    <t>262797.0</t>
  </si>
  <si>
    <t>5159199823.0</t>
  </si>
  <si>
    <t>2055441259.0</t>
  </si>
  <si>
    <t>1943887018.0</t>
  </si>
  <si>
    <t>1127399068.0</t>
  </si>
  <si>
    <t>2004351.0</t>
  </si>
  <si>
    <t>1813824.0</t>
  </si>
  <si>
    <t>244925.0</t>
  </si>
  <si>
    <t>5162042101.0</t>
  </si>
  <si>
    <t>2055579708.0</t>
  </si>
  <si>
    <t>1945114987.0</t>
  </si>
  <si>
    <t>1128080743.0</t>
  </si>
  <si>
    <t>3144469.0</t>
  </si>
  <si>
    <t>1924161.0</t>
  </si>
  <si>
    <t>246370.0</t>
  </si>
  <si>
    <t>5164362966.0</t>
  </si>
  <si>
    <t>2055867182.0</t>
  </si>
  <si>
    <t>1945324348.0</t>
  </si>
  <si>
    <t>1128790787.0</t>
  </si>
  <si>
    <t>1935328.0</t>
  </si>
  <si>
    <t>1938525.0</t>
  </si>
  <si>
    <t>238965.0</t>
  </si>
  <si>
    <t>5166009152.0</t>
  </si>
  <si>
    <t>2055921049.0</t>
  </si>
  <si>
    <t>1945463287.0</t>
  </si>
  <si>
    <t>1129526410.0</t>
  </si>
  <si>
    <t>1491851.0</t>
  </si>
  <si>
    <t>1902023.0</t>
  </si>
  <si>
    <t>236050.0</t>
  </si>
  <si>
    <t>5166836359.0</t>
  </si>
  <si>
    <t>2055953756.0</t>
  </si>
  <si>
    <t>1945516325.0</t>
  </si>
  <si>
    <t>1129679466.0</t>
  </si>
  <si>
    <t>967443.0</t>
  </si>
  <si>
    <t>1892701.0</t>
  </si>
  <si>
    <t>233163.0</t>
  </si>
  <si>
    <t>5168274786.0</t>
  </si>
  <si>
    <t>2055986928.0</t>
  </si>
  <si>
    <t>1945587386.0</t>
  </si>
  <si>
    <t>1130242669.0</t>
  </si>
  <si>
    <t>1633430.0</t>
  </si>
  <si>
    <t>1897368.0</t>
  </si>
  <si>
    <t>234480.0</t>
  </si>
  <si>
    <t>5170246944.0</t>
  </si>
  <si>
    <t>2056145534.0</t>
  </si>
  <si>
    <t>1945764058.0</t>
  </si>
  <si>
    <t>1130939773.0</t>
  </si>
  <si>
    <t>2071768.0</t>
  </si>
  <si>
    <t>1892667.0</t>
  </si>
  <si>
    <t>5171964148.0</t>
  </si>
  <si>
    <t>2056206783.0</t>
  </si>
  <si>
    <t>1945860309.0</t>
  </si>
  <si>
    <t>1131567504.0</t>
  </si>
  <si>
    <t>1924470.0</t>
  </si>
  <si>
    <t>1881252.0</t>
  </si>
  <si>
    <t>235665.0</t>
  </si>
  <si>
    <t>5174070950.0</t>
  </si>
  <si>
    <t>2057820594.0</t>
  </si>
  <si>
    <t>1947992214.0</t>
  </si>
  <si>
    <t>1137892627.0</t>
  </si>
  <si>
    <t>2381994.0</t>
  </si>
  <si>
    <t>1772326.0</t>
  </si>
  <si>
    <t>233924.0</t>
  </si>
  <si>
    <t>5176402328.0</t>
  </si>
  <si>
    <t>2058144540.0</t>
  </si>
  <si>
    <t>1948295742.0</t>
  </si>
  <si>
    <t>1138490523.0</t>
  </si>
  <si>
    <t>1690044.0</t>
  </si>
  <si>
    <t>1737286.0</t>
  </si>
  <si>
    <t>237049.0</t>
  </si>
  <si>
    <t>5177690614.0</t>
  </si>
  <si>
    <t>2058436483.0</t>
  </si>
  <si>
    <t>1948434198.0</t>
  </si>
  <si>
    <t>1138733433.0</t>
  </si>
  <si>
    <t>1428023.0</t>
  </si>
  <si>
    <t>1728166.0</t>
  </si>
  <si>
    <t>275931.0</t>
  </si>
  <si>
    <t>5178467283.0</t>
  </si>
  <si>
    <t>2058478507.0</t>
  </si>
  <si>
    <t>1948521535.0</t>
  </si>
  <si>
    <t>1138873156.0</t>
  </si>
  <si>
    <t>811699.0</t>
  </si>
  <si>
    <t>1705918.0</t>
  </si>
  <si>
    <t>279896.0</t>
  </si>
  <si>
    <t>5179916426.0</t>
  </si>
  <si>
    <t>2058549503.0</t>
  </si>
  <si>
    <t>1948670790.0</t>
  </si>
  <si>
    <t>1139372380.0</t>
  </si>
  <si>
    <t>1559961.0</t>
  </si>
  <si>
    <t>1695423.0</t>
  </si>
  <si>
    <t>282473.0</t>
  </si>
  <si>
    <t>5181692816.0</t>
  </si>
  <si>
    <t>2058657585.0</t>
  </si>
  <si>
    <t>1948782785.0</t>
  </si>
  <si>
    <t>1140130213.0</t>
  </si>
  <si>
    <t>1861046.0</t>
  </si>
  <si>
    <t>1665319.0</t>
  </si>
  <si>
    <t>5183393440.0</t>
  </si>
  <si>
    <t>2058719360.0</t>
  </si>
  <si>
    <t>1948921212.0</t>
  </si>
  <si>
    <t>1140816205.0</t>
  </si>
  <si>
    <t>1818049.0</t>
  </si>
  <si>
    <t>1650116.0</t>
  </si>
  <si>
    <t>282850.0</t>
  </si>
  <si>
    <t>5184996170.0</t>
  </si>
  <si>
    <t>2059892925.0</t>
  </si>
  <si>
    <t>1949848604.0</t>
  </si>
  <si>
    <t>1144437882.0</t>
  </si>
  <si>
    <t>1764753.0</t>
  </si>
  <si>
    <t>1561942.0</t>
  </si>
  <si>
    <t>275136.0</t>
  </si>
  <si>
    <t>5187447868.0</t>
  </si>
  <si>
    <t>2060059343.0</t>
  </si>
  <si>
    <t>1950085696.0</t>
  </si>
  <si>
    <t>1145451435.0</t>
  </si>
  <si>
    <t>1770243.0</t>
  </si>
  <si>
    <t>1573246.0</t>
  </si>
  <si>
    <t>271286.0</t>
  </si>
  <si>
    <t>5188256189.0</t>
  </si>
  <si>
    <t>2060078826.0</t>
  </si>
  <si>
    <t>1950121847.0</t>
  </si>
  <si>
    <t>1145634045.0</t>
  </si>
  <si>
    <t>1154778.0</t>
  </si>
  <si>
    <t>1534237.0</t>
  </si>
  <si>
    <t>258217.0</t>
  </si>
  <si>
    <t>5189040715.0</t>
  </si>
  <si>
    <t>2060092071.0</t>
  </si>
  <si>
    <t>1950148731.0</t>
  </si>
  <si>
    <t>1145887478.0</t>
  </si>
  <si>
    <t>1120800.0</t>
  </si>
  <si>
    <t>1578417.0</t>
  </si>
  <si>
    <t>5191013782.0</t>
  </si>
  <si>
    <t>2060935163.0</t>
  </si>
  <si>
    <t>1951069459.0</t>
  </si>
  <si>
    <t>1147933443.0</t>
  </si>
  <si>
    <t>1652939.0</t>
  </si>
  <si>
    <t>1591725.0</t>
  </si>
  <si>
    <t>305578.0</t>
  </si>
  <si>
    <t>5192104489.0</t>
  </si>
  <si>
    <t>2060967246.0</t>
  </si>
  <si>
    <t>1951122687.0</t>
  </si>
  <si>
    <t>1148205324.0</t>
  </si>
  <si>
    <t>2556237.0</t>
  </si>
  <si>
    <t>1691065.0</t>
  </si>
  <si>
    <t>327683.0</t>
  </si>
  <si>
    <t>5195806440.0</t>
  </si>
  <si>
    <t>2061097629.0</t>
  </si>
  <si>
    <t>1951486856.0</t>
  </si>
  <si>
    <t>1150649913.0</t>
  </si>
  <si>
    <t>2553836.0</t>
  </si>
  <si>
    <t>1796202.0</t>
  </si>
  <si>
    <t>350643.0</t>
  </si>
  <si>
    <t>5197134828.0</t>
  </si>
  <si>
    <t>2061153549.0</t>
  </si>
  <si>
    <t>1951565678.0</t>
  </si>
  <si>
    <t>1151049526.0</t>
  </si>
  <si>
    <t>1409394.0</t>
  </si>
  <si>
    <t>1745461.0</t>
  </si>
  <si>
    <t>205.75</t>
  </si>
  <si>
    <t>367484.0</t>
  </si>
  <si>
    <t>5198814738.0</t>
  </si>
  <si>
    <t>2061239043.0</t>
  </si>
  <si>
    <t>1951782407.0</t>
  </si>
  <si>
    <t>1151813088.0</t>
  </si>
  <si>
    <t>1831589.0</t>
  </si>
  <si>
    <t>1754226.0</t>
  </si>
  <si>
    <t>392256.0</t>
  </si>
  <si>
    <t>5199682300.0</t>
  </si>
  <si>
    <t>2061265361.0</t>
  </si>
  <si>
    <t>1951839691.0</t>
  </si>
  <si>
    <t>1152146799.0</t>
  </si>
  <si>
    <t>1044206.0</t>
  </si>
  <si>
    <t>1738431.0</t>
  </si>
  <si>
    <t>387417.0</t>
  </si>
  <si>
    <t>5200553654.0</t>
  </si>
  <si>
    <t>2061294753.0</t>
  </si>
  <si>
    <t>1951912393.0</t>
  </si>
  <si>
    <t>1152569665.0</t>
  </si>
  <si>
    <t>1013772.0</t>
  </si>
  <si>
    <t>1723137.0</t>
  </si>
  <si>
    <t>383155.0</t>
  </si>
  <si>
    <t>5202215023.0</t>
  </si>
  <si>
    <t>2061343622.0</t>
  </si>
  <si>
    <t>1952005492.0</t>
  </si>
  <si>
    <t>1153529180.0</t>
  </si>
  <si>
    <t>1785484.0</t>
  </si>
  <si>
    <t>1742074.0</t>
  </si>
  <si>
    <t>377005.0</t>
  </si>
  <si>
    <t>5203491856.0</t>
  </si>
  <si>
    <t>2061382593.0</t>
  </si>
  <si>
    <t>1952080646.0</t>
  </si>
  <si>
    <t>1154045397.0</t>
  </si>
  <si>
    <t>1451635.0</t>
  </si>
  <si>
    <t>1584274.0</t>
  </si>
  <si>
    <t>370561.0</t>
  </si>
  <si>
    <t>5204462693.0</t>
  </si>
  <si>
    <t>2061402729.0</t>
  </si>
  <si>
    <t>1952121504.0</t>
  </si>
  <si>
    <t>1154302753.0</t>
  </si>
  <si>
    <t>1444698.0</t>
  </si>
  <si>
    <t>366750.0</t>
  </si>
  <si>
    <t>5206438122.0</t>
  </si>
  <si>
    <t>2063067060.0</t>
  </si>
  <si>
    <t>1953686248.0</t>
  </si>
  <si>
    <t>1158497057.0</t>
  </si>
  <si>
    <t>1684899.0</t>
  </si>
  <si>
    <t>1484057.0</t>
  </si>
  <si>
    <t>5208782163.0</t>
  </si>
  <si>
    <t>2065139269.0</t>
  </si>
  <si>
    <t>1953839649.0</t>
  </si>
  <si>
    <t>1162621088.0</t>
  </si>
  <si>
    <t>1659155.0</t>
  </si>
  <si>
    <t>1459423.0</t>
  </si>
  <si>
    <t>366646.0</t>
  </si>
  <si>
    <t>5210003014.0</t>
  </si>
  <si>
    <t>2065178251.0</t>
  </si>
  <si>
    <t>1953931212.0</t>
  </si>
  <si>
    <t>1163118964.0</t>
  </si>
  <si>
    <t>1171140.0</t>
  </si>
  <si>
    <t>372498.0</t>
  </si>
  <si>
    <t>5211137972.0</t>
  </si>
  <si>
    <t>2065361332.0</t>
  </si>
  <si>
    <t>1954097222.0</t>
  </si>
  <si>
    <t>1163528493.0</t>
  </si>
  <si>
    <t>842323.0</t>
  </si>
  <si>
    <t>1453065.0</t>
  </si>
  <si>
    <t>5213384861.0</t>
  </si>
  <si>
    <t>2065443015.0</t>
  </si>
  <si>
    <t>1954196514.0</t>
  </si>
  <si>
    <t>1164941467.0</t>
  </si>
  <si>
    <t>2404460.0</t>
  </si>
  <si>
    <t>1541487.0</t>
  </si>
  <si>
    <t>388420.0</t>
  </si>
  <si>
    <t>5214506721.0</t>
  </si>
  <si>
    <t>2065467378.0</t>
  </si>
  <si>
    <t>1954233675.0</t>
  </si>
  <si>
    <t>1165317900.0</t>
  </si>
  <si>
    <t>1511830.0</t>
  </si>
  <si>
    <t>1550090.0</t>
  </si>
  <si>
    <t>393809.0</t>
  </si>
  <si>
    <t>5216109078.0</t>
  </si>
  <si>
    <t>2065513303.0</t>
  </si>
  <si>
    <t>1954343913.0</t>
  </si>
  <si>
    <t>1166028503.0</t>
  </si>
  <si>
    <t>1524518.0</t>
  </si>
  <si>
    <t>1542617.0</t>
  </si>
  <si>
    <t>397620.0</t>
  </si>
  <si>
    <t>5218333775.0</t>
  </si>
  <si>
    <t>2065561833.0</t>
  </si>
  <si>
    <t>1954459443.0</t>
  </si>
  <si>
    <t>1167369935.0</t>
  </si>
  <si>
    <t>2476057.0</t>
  </si>
  <si>
    <t>1655637.0</t>
  </si>
  <si>
    <t>404501.0</t>
  </si>
  <si>
    <t>5220334944.0</t>
  </si>
  <si>
    <t>2065617711.0</t>
  </si>
  <si>
    <t>1954608605.0</t>
  </si>
  <si>
    <t>1168054309.0</t>
  </si>
  <si>
    <t>1604163.0</t>
  </si>
  <si>
    <t>1647784.0</t>
  </si>
  <si>
    <t>404622.0</t>
  </si>
  <si>
    <t>5221542566.0</t>
  </si>
  <si>
    <t>2065655538.0</t>
  </si>
  <si>
    <t>1954708327.0</t>
  </si>
  <si>
    <t>1168567934.0</t>
  </si>
  <si>
    <t>1229023.0</t>
  </si>
  <si>
    <t>1656054.0</t>
  </si>
  <si>
    <t>406181.0</t>
  </si>
  <si>
    <t>5222502193.0</t>
  </si>
  <si>
    <t>2065676160.0</t>
  </si>
  <si>
    <t>1954747345.0</t>
  </si>
  <si>
    <t>1168857811.0</t>
  </si>
  <si>
    <t>976524.0</t>
  </si>
  <si>
    <t>1675223.0</t>
  </si>
  <si>
    <t>408295.0</t>
  </si>
  <si>
    <t>5223888005.0</t>
  </si>
  <si>
    <t>2065760928.0</t>
  </si>
  <si>
    <t>1954818552.0</t>
  </si>
  <si>
    <t>1169391617.0</t>
  </si>
  <si>
    <t>1890515.0</t>
  </si>
  <si>
    <t>1601806.0</t>
  </si>
  <si>
    <t>206.81</t>
  </si>
  <si>
    <t>406097.0</t>
  </si>
  <si>
    <t>5225673805.0</t>
  </si>
  <si>
    <t>2065945707.0</t>
  </si>
  <si>
    <t>1955081542.0</t>
  </si>
  <si>
    <t>1169941594.0</t>
  </si>
  <si>
    <t>2338167.0</t>
  </si>
  <si>
    <t>1719851.0</t>
  </si>
  <si>
    <t>422437.0</t>
  </si>
  <si>
    <t>5227030991.0</t>
  </si>
  <si>
    <t>2068507986.0</t>
  </si>
  <si>
    <t>1957604099.0</t>
  </si>
  <si>
    <t>1174498051.0</t>
  </si>
  <si>
    <t>2052694.0</t>
  </si>
  <si>
    <t>1795305.0</t>
  </si>
  <si>
    <t>425903.0</t>
  </si>
  <si>
    <t>5228429293.0</t>
  </si>
  <si>
    <t>2068535463.0</t>
  </si>
  <si>
    <t>1957656421.0</t>
  </si>
  <si>
    <t>1174988587.0</t>
  </si>
  <si>
    <t>2086637.0</t>
  </si>
  <si>
    <t>1739673.0</t>
  </si>
  <si>
    <t>432127.0</t>
  </si>
  <si>
    <t>5230169638.0</t>
  </si>
  <si>
    <t>2071086738.0</t>
  </si>
  <si>
    <t>1958266726.0</t>
  </si>
  <si>
    <t>1176366178.0</t>
  </si>
  <si>
    <t>2233793.0</t>
  </si>
  <si>
    <t>1829620.0</t>
  </si>
  <si>
    <t>441870.0</t>
  </si>
  <si>
    <t>5231132474.0</t>
  </si>
  <si>
    <t>2071105803.0</t>
  </si>
  <si>
    <t>1958298956.0</t>
  </si>
  <si>
    <t>1176631456.0</t>
  </si>
  <si>
    <t>1659837.0</t>
  </si>
  <si>
    <t>1891168.0</t>
  </si>
  <si>
    <t>434467.0</t>
  </si>
  <si>
    <t>5235738551.0</t>
  </si>
  <si>
    <t>2071375461.0</t>
  </si>
  <si>
    <t>1958842379.0</t>
  </si>
  <si>
    <t>1176865762.0</t>
  </si>
  <si>
    <t>1459768.0</t>
  </si>
  <si>
    <t>1960201.0</t>
  </si>
  <si>
    <t>428187.0</t>
  </si>
  <si>
    <t>5236998208.0</t>
  </si>
  <si>
    <t>2071396571.0</t>
  </si>
  <si>
    <t>1958875277.0</t>
  </si>
  <si>
    <t>1177305872.0</t>
  </si>
  <si>
    <t>1626729.0</t>
  </si>
  <si>
    <t>1922387.0</t>
  </si>
  <si>
    <t>485035.0</t>
  </si>
  <si>
    <t>5238761293.0</t>
  </si>
  <si>
    <t>2071533539.0</t>
  </si>
  <si>
    <t>1958959564.0</t>
  </si>
  <si>
    <t>1178038823.0</t>
  </si>
  <si>
    <t>1704010.0</t>
  </si>
  <si>
    <t>1831817.0</t>
  </si>
  <si>
    <t>529654.0</t>
  </si>
  <si>
    <t>5240376127.0</t>
  </si>
  <si>
    <t>2072937976.0</t>
  </si>
  <si>
    <t>1960252742.0</t>
  </si>
  <si>
    <t>1178544174.0</t>
  </si>
  <si>
    <t>1658049.0</t>
  </si>
  <si>
    <t>1775459.0</t>
  </si>
  <si>
    <t>595157.0</t>
  </si>
  <si>
    <t>5241653439.0</t>
  </si>
  <si>
    <t>2072956872.0</t>
  </si>
  <si>
    <t>1960281076.0</t>
  </si>
  <si>
    <t>1178894393.0</t>
  </si>
  <si>
    <t>1580538.0</t>
  </si>
  <si>
    <t>1703186.0</t>
  </si>
  <si>
    <t>585107.0</t>
  </si>
  <si>
    <t>5243804621.0</t>
  </si>
  <si>
    <t>2073100826.0</t>
  </si>
  <si>
    <t>1960448551.0</t>
  </si>
  <si>
    <t>1179548090.0</t>
  </si>
  <si>
    <t>1671684.0</t>
  </si>
  <si>
    <t>1622901.0</t>
  </si>
  <si>
    <t>573699.0</t>
  </si>
  <si>
    <t>5244889714.0</t>
  </si>
  <si>
    <t>2073113441.0</t>
  </si>
  <si>
    <t>1960469226.0</t>
  </si>
  <si>
    <t>1179732470.0</t>
  </si>
  <si>
    <t>1580260.0</t>
  </si>
  <si>
    <t>578445.0</t>
  </si>
  <si>
    <t>5246409390.0</t>
  </si>
  <si>
    <t>2073177841.0</t>
  </si>
  <si>
    <t>1960538644.0</t>
  </si>
  <si>
    <t>1180386841.0</t>
  </si>
  <si>
    <t>1183179.0</t>
  </si>
  <si>
    <t>1540769.0</t>
  </si>
  <si>
    <t>583652.0</t>
  </si>
  <si>
    <t>5247214471.0</t>
  </si>
  <si>
    <t>2073192255.0</t>
  </si>
  <si>
    <t>1960559592.0</t>
  </si>
  <si>
    <t>1180694803.0</t>
  </si>
  <si>
    <t>1061582.0</t>
  </si>
  <si>
    <t>1460031.0</t>
  </si>
  <si>
    <t>520106.0</t>
  </si>
  <si>
    <t>5248640511.0</t>
  </si>
  <si>
    <t>2073383427.0</t>
  </si>
  <si>
    <t>1960606402.0</t>
  </si>
  <si>
    <t>1181458733.0</t>
  </si>
  <si>
    <t>1063362.0</t>
  </si>
  <si>
    <t>1368512.0</t>
  </si>
  <si>
    <t>5249565584.0</t>
  </si>
  <si>
    <t>2073446879.0</t>
  </si>
  <si>
    <t>1960697558.0</t>
  </si>
  <si>
    <t>1181811090.0</t>
  </si>
  <si>
    <t>1132396.0</t>
  </si>
  <si>
    <t>1293418.0</t>
  </si>
  <si>
    <t>390511.0</t>
  </si>
  <si>
    <t>5250387901.0</t>
  </si>
  <si>
    <t>2073470494.0</t>
  </si>
  <si>
    <t>1960732956.0</t>
  </si>
  <si>
    <t>1182123552.0</t>
  </si>
  <si>
    <t>1264949.0</t>
  </si>
  <si>
    <t>1248332.0</t>
  </si>
  <si>
    <t>398156.0</t>
  </si>
  <si>
    <t>5252140508.0</t>
  </si>
  <si>
    <t>2075463318.0</t>
  </si>
  <si>
    <t>1961052167.0</t>
  </si>
  <si>
    <t>1182875606.0</t>
  </si>
  <si>
    <t>1322122.0</t>
  </si>
  <si>
    <t>1198393.0</t>
  </si>
  <si>
    <t>207.93</t>
  </si>
  <si>
    <t>406900.0</t>
  </si>
  <si>
    <t>5252594312.0</t>
  </si>
  <si>
    <t>2075478051.0</t>
  </si>
  <si>
    <t>1961071604.0</t>
  </si>
  <si>
    <t>1183025694.0</t>
  </si>
  <si>
    <t>652100.0</t>
  </si>
  <si>
    <t>1097098.0</t>
  </si>
  <si>
    <t>5252958393.0</t>
  </si>
  <si>
    <t>2075521536.0</t>
  </si>
  <si>
    <t>1961103608.0</t>
  </si>
  <si>
    <t>1183138853.0</t>
  </si>
  <si>
    <t>494349.0</t>
  </si>
  <si>
    <t>998696.0</t>
  </si>
  <si>
    <t>392765.0</t>
  </si>
  <si>
    <t>5254032431.0</t>
  </si>
  <si>
    <t>2076190520.0</t>
  </si>
  <si>
    <t>1961825834.0</t>
  </si>
  <si>
    <t>1185546016.0</t>
  </si>
  <si>
    <t>874725.0</t>
  </si>
  <si>
    <t>972002.0</t>
  </si>
  <si>
    <t>386637.0</t>
  </si>
  <si>
    <t>5255032556.0</t>
  </si>
  <si>
    <t>2079003029.0</t>
  </si>
  <si>
    <t>1965351883.0</t>
  </si>
  <si>
    <t>1190194437.0</t>
  </si>
  <si>
    <t>1113461.0</t>
  </si>
  <si>
    <t>979155.0</t>
  </si>
  <si>
    <t>376557.0</t>
  </si>
  <si>
    <t>5255880376.0</t>
  </si>
  <si>
    <t>2079071295.0</t>
  </si>
  <si>
    <t>1965423383.0</t>
  </si>
  <si>
    <t>1190590206.0</t>
  </si>
  <si>
    <t>1105040.0</t>
  </si>
  <si>
    <t>975249.0</t>
  </si>
  <si>
    <t>350117.0</t>
  </si>
  <si>
    <t>5257171822.0</t>
  </si>
  <si>
    <t>2079126674.0</t>
  </si>
  <si>
    <t>1965474915.0</t>
  </si>
  <si>
    <t>1191392101.0</t>
  </si>
  <si>
    <t>1473179.0</t>
  </si>
  <si>
    <t>1004996.0</t>
  </si>
  <si>
    <t>5258485923.0</t>
  </si>
  <si>
    <t>2079929161.0</t>
  </si>
  <si>
    <t>1965627041.0</t>
  </si>
  <si>
    <t>1192020752.0</t>
  </si>
  <si>
    <t>1393249.0</t>
  </si>
  <si>
    <t>1015160.0</t>
  </si>
  <si>
    <t>306845.0</t>
  </si>
  <si>
    <t>5258938123.0</t>
  </si>
  <si>
    <t>2079943003.0</t>
  </si>
  <si>
    <t>1965645405.0</t>
  </si>
  <si>
    <t>1192200151.0</t>
  </si>
  <si>
    <t>819440.0</t>
  </si>
  <si>
    <t>1039064.0</t>
  </si>
  <si>
    <t>289733.0</t>
  </si>
  <si>
    <t>5259982841.0</t>
  </si>
  <si>
    <t>2080248496.0</t>
  </si>
  <si>
    <t>1965748221.0</t>
  </si>
  <si>
    <t>1192660321.0</t>
  </si>
  <si>
    <t>653202.0</t>
  </si>
  <si>
    <t>1061756.0</t>
  </si>
  <si>
    <t>272402.0</t>
  </si>
  <si>
    <t>5260681153.0</t>
  </si>
  <si>
    <t>2080281531.0</t>
  </si>
  <si>
    <t>1965799364.0</t>
  </si>
  <si>
    <t>1192944884.0</t>
  </si>
  <si>
    <t>870396.0</t>
  </si>
  <si>
    <t>1061139.0</t>
  </si>
  <si>
    <t>249180.0</t>
  </si>
  <si>
    <t>5261349645.0</t>
  </si>
  <si>
    <t>2080305041.0</t>
  </si>
  <si>
    <t>1965828785.0</t>
  </si>
  <si>
    <t>1193209030.0</t>
  </si>
  <si>
    <t>1206959.0</t>
  </si>
  <si>
    <t>1074496.0</t>
  </si>
  <si>
    <t>232153.0</t>
  </si>
  <si>
    <t>5262059079.0</t>
  </si>
  <si>
    <t>2080358253.0</t>
  </si>
  <si>
    <t>1965892618.0</t>
  </si>
  <si>
    <t>1193457065.0</t>
  </si>
  <si>
    <t>1233792.0</t>
  </si>
  <si>
    <t>1092890.0</t>
  </si>
  <si>
    <t>226340.0</t>
  </si>
  <si>
    <t>5263891224.0</t>
  </si>
  <si>
    <t>2080468756.0</t>
  </si>
  <si>
    <t>1966066475.0</t>
  </si>
  <si>
    <t>1194636399.0</t>
  </si>
  <si>
    <t>1247355.0</t>
  </si>
  <si>
    <t>1060629.0</t>
  </si>
  <si>
    <t>215039.0</t>
  </si>
  <si>
    <t>5265466984.0</t>
  </si>
  <si>
    <t>2081088022.0</t>
  </si>
  <si>
    <t>1966290164.0</t>
  </si>
  <si>
    <t>1195317881.0</t>
  </si>
  <si>
    <t>975635.0</t>
  </si>
  <si>
    <t>198665.0</t>
  </si>
  <si>
    <t>5265974205.0</t>
  </si>
  <si>
    <t>2081137213.0</t>
  </si>
  <si>
    <t>1966324727.0</t>
  </si>
  <si>
    <t>1195498125.0</t>
  </si>
  <si>
    <t>791353.0</t>
  </si>
  <si>
    <t>996958.0</t>
  </si>
  <si>
    <t>207865.0</t>
  </si>
  <si>
    <t>5267330158.0</t>
  </si>
  <si>
    <t>2081193240.0</t>
  </si>
  <si>
    <t>1966361454.0</t>
  </si>
  <si>
    <t>1196580962.0</t>
  </si>
  <si>
    <t>586202.0</t>
  </si>
  <si>
    <t>987385.0</t>
  </si>
  <si>
    <t>213828.0</t>
  </si>
  <si>
    <t>5268502147.0</t>
  </si>
  <si>
    <t>2081384923.0</t>
  </si>
  <si>
    <t>1966656007.0</t>
  </si>
  <si>
    <t>1196928157.0</t>
  </si>
  <si>
    <t>896475.0</t>
  </si>
  <si>
    <t>990028.0</t>
  </si>
  <si>
    <t>225868.0</t>
  </si>
  <si>
    <t>5269287803.0</t>
  </si>
  <si>
    <t>2081537898.0</t>
  </si>
  <si>
    <t>1966721982.0</t>
  </si>
  <si>
    <t>1197142328.0</t>
  </si>
  <si>
    <t>1134896.0</t>
  </si>
  <si>
    <t>979912.0</t>
  </si>
  <si>
    <t>255818.0</t>
  </si>
  <si>
    <t>5270545964.0</t>
  </si>
  <si>
    <t>2081761178.0</t>
  </si>
  <si>
    <t>1966800445.0</t>
  </si>
  <si>
    <t>1197619674.0</t>
  </si>
  <si>
    <t>1080458.0</t>
  </si>
  <si>
    <t>958191.0</t>
  </si>
  <si>
    <t>275514.0</t>
  </si>
  <si>
    <t>5271303916.0</t>
  </si>
  <si>
    <t>2081958135.0</t>
  </si>
  <si>
    <t>1966894739.0</t>
  </si>
  <si>
    <t>1197895115.0</t>
  </si>
  <si>
    <t>969019.0</t>
  </si>
  <si>
    <t>918608.0</t>
  </si>
  <si>
    <t>303272.0</t>
  </si>
  <si>
    <t>5272131172.0</t>
  </si>
  <si>
    <t>2082932438.0</t>
  </si>
  <si>
    <t>1966975138.0</t>
  </si>
  <si>
    <t>1198214149.0</t>
  </si>
  <si>
    <t>837185.0</t>
  </si>
  <si>
    <t>899008.0</t>
  </si>
  <si>
    <t>311034.0</t>
  </si>
  <si>
    <t>5272522807.0</t>
  </si>
  <si>
    <t>2082950745.0</t>
  </si>
  <si>
    <t>1967002592.0</t>
  </si>
  <si>
    <t>1198329549.0</t>
  </si>
  <si>
    <t>871414.0</t>
  </si>
  <si>
    <t>5272805617.0</t>
  </si>
  <si>
    <t>2082957580.0</t>
  </si>
  <si>
    <t>1967010882.0</t>
  </si>
  <si>
    <t>1198406833.0</t>
  </si>
  <si>
    <t>853697.0</t>
  </si>
  <si>
    <t>283321.0</t>
  </si>
  <si>
    <t>5274706146.0</t>
  </si>
  <si>
    <t>2083155457.0</t>
  </si>
  <si>
    <t>1967231732.0</t>
  </si>
  <si>
    <t>1199585126.0</t>
  </si>
  <si>
    <t>1900587.0</t>
  </si>
  <si>
    <t>996008.0</t>
  </si>
  <si>
    <t>279303.0</t>
  </si>
  <si>
    <t>5275821180.0</t>
  </si>
  <si>
    <t>2083512223.0</t>
  </si>
  <si>
    <t>1967435193.0</t>
  </si>
  <si>
    <t>1199830675.0</t>
  </si>
  <si>
    <t>1245519.0</t>
  </si>
  <si>
    <t>1011990.0</t>
  </si>
  <si>
    <t>5277180110.0</t>
  </si>
  <si>
    <t>2083637619.0</t>
  </si>
  <si>
    <t>1968045061.0</t>
  </si>
  <si>
    <t>1200142731.0</t>
  </si>
  <si>
    <t>1063290.0</t>
  </si>
  <si>
    <t>273246.0</t>
  </si>
  <si>
    <t>5277666530.0</t>
  </si>
  <si>
    <t>2083672712.0</t>
  </si>
  <si>
    <t>1968105487.0</t>
  </si>
  <si>
    <t>1200327992.0</t>
  </si>
  <si>
    <t>775676.0</t>
  </si>
  <si>
    <t>1035848.0</t>
  </si>
  <si>
    <t>244033.0</t>
  </si>
  <si>
    <t>5278384832.0</t>
  </si>
  <si>
    <t>2084197322.0</t>
  </si>
  <si>
    <t>1968267526.0</t>
  </si>
  <si>
    <t>1200586050.0</t>
  </si>
  <si>
    <t>664654.0</t>
  </si>
  <si>
    <t>1011400.0</t>
  </si>
  <si>
    <t>235963.0</t>
  </si>
  <si>
    <t>5278970012.0</t>
  </si>
  <si>
    <t>2084226556.0</t>
  </si>
  <si>
    <t>1968321807.0</t>
  </si>
  <si>
    <t>1200839965.0</t>
  </si>
  <si>
    <t>614246.0</t>
  </si>
  <si>
    <t>1014011.0</t>
  </si>
  <si>
    <t>5285878972.0</t>
  </si>
  <si>
    <t>2085058518.0</t>
  </si>
  <si>
    <t>1969167614.0</t>
  </si>
  <si>
    <t>1203441302.0</t>
  </si>
  <si>
    <t>362467.0</t>
  </si>
  <si>
    <t>1000150.0</t>
  </si>
  <si>
    <t>226442.0</t>
  </si>
  <si>
    <t>5286226710.0</t>
  </si>
  <si>
    <t>2085074657.0</t>
  </si>
  <si>
    <t>1969189710.0</t>
  </si>
  <si>
    <t>1203565468.0</t>
  </si>
  <si>
    <t>466450.0</t>
  </si>
  <si>
    <t>765263.0</t>
  </si>
  <si>
    <t>5286675522.0</t>
  </si>
  <si>
    <t>2085115389.0</t>
  </si>
  <si>
    <t>1969236933.0</t>
  </si>
  <si>
    <t>1203730499.0</t>
  </si>
  <si>
    <t>567317.0</t>
  </si>
  <si>
    <t>5287029629.0</t>
  </si>
  <si>
    <t>2086515538.0</t>
  </si>
  <si>
    <t>1971626905.0</t>
  </si>
  <si>
    <t>1207381550.0</t>
  </si>
  <si>
    <t>473842.0</t>
  </si>
  <si>
    <t>540650.0</t>
  </si>
  <si>
    <t>5287385901.0</t>
  </si>
  <si>
    <t>2086536861.0</t>
  </si>
  <si>
    <t>1971654925.0</t>
  </si>
  <si>
    <t>1207508337.0</t>
  </si>
  <si>
    <t>475647.0</t>
  </si>
  <si>
    <t>502793.0</t>
  </si>
  <si>
    <t>137126.0</t>
  </si>
  <si>
    <t>5288026533.0</t>
  </si>
  <si>
    <t>2086598635.0</t>
  </si>
  <si>
    <t>1971733295.0</t>
  </si>
  <si>
    <t>1207796930.0</t>
  </si>
  <si>
    <t>636500.0</t>
  </si>
  <si>
    <t>503777.0</t>
  </si>
  <si>
    <t>127168.0</t>
  </si>
  <si>
    <t>5288228436.0</t>
  </si>
  <si>
    <t>2086615921.0</t>
  </si>
  <si>
    <t>1971759315.0</t>
  </si>
  <si>
    <t>1207906614.0</t>
  </si>
  <si>
    <t>315172.0</t>
  </si>
  <si>
    <t>466053.0</t>
  </si>
  <si>
    <t>209.36</t>
  </si>
  <si>
    <t>121122.0</t>
  </si>
  <si>
    <t>5288399567.0</t>
  </si>
  <si>
    <t>2086634777.0</t>
  </si>
  <si>
    <t>1971771366.0</t>
  </si>
  <si>
    <t>1207959537.0</t>
  </si>
  <si>
    <t>256616.0</t>
  </si>
  <si>
    <t>455935.0</t>
  </si>
  <si>
    <t>116356.0</t>
  </si>
  <si>
    <t>5288851385.0</t>
  </si>
  <si>
    <t>2086714946.0</t>
  </si>
  <si>
    <t>1971870723.0</t>
  </si>
  <si>
    <t>1208121985.0</t>
  </si>
  <si>
    <t>391932.0</t>
  </si>
  <si>
    <t>209.38</t>
  </si>
  <si>
    <t>112481.0</t>
  </si>
  <si>
    <t>5289683433.0</t>
  </si>
  <si>
    <t>2086766991.0</t>
  </si>
  <si>
    <t>1971946867.0</t>
  </si>
  <si>
    <t>1208258908.0</t>
  </si>
  <si>
    <t>924795.0</t>
  </si>
  <si>
    <t>496357.0</t>
  </si>
  <si>
    <t>117733.0</t>
  </si>
  <si>
    <t>5290207019.0</t>
  </si>
  <si>
    <t>2086800676.0</t>
  </si>
  <si>
    <t>1972002289.0</t>
  </si>
  <si>
    <t>1208765246.0</t>
  </si>
  <si>
    <t>617206.0</t>
  </si>
  <si>
    <t>516839.0</t>
  </si>
  <si>
    <t>123394.0</t>
  </si>
  <si>
    <t>5290787624.0</t>
  </si>
  <si>
    <t>2087013647.0</t>
  </si>
  <si>
    <t>1972165330.0</t>
  </si>
  <si>
    <t>1208999503.0</t>
  </si>
  <si>
    <t>659325.0</t>
  </si>
  <si>
    <t>131955.0</t>
  </si>
  <si>
    <t>5291481250.0</t>
  </si>
  <si>
    <t>2087726775.0</t>
  </si>
  <si>
    <t>1972259138.0</t>
  </si>
  <si>
    <t>1209273547.0</t>
  </si>
  <si>
    <t>509358.0</t>
  </si>
  <si>
    <t>524911.0</t>
  </si>
  <si>
    <t>131867.0</t>
  </si>
  <si>
    <t>5291878903.0</t>
  </si>
  <si>
    <t>2087747928.0</t>
  </si>
  <si>
    <t>1972296918.0</t>
  </si>
  <si>
    <t>1209461279.0</t>
  </si>
  <si>
    <t>1278984.0</t>
  </si>
  <si>
    <t>662599.0</t>
  </si>
  <si>
    <t>137553.0</t>
  </si>
  <si>
    <t>5292497934.0</t>
  </si>
  <si>
    <t>2087766521.0</t>
  </si>
  <si>
    <t>1972319158.0</t>
  </si>
  <si>
    <t>1209904387.0</t>
  </si>
  <si>
    <t>1067199.0</t>
  </si>
  <si>
    <t>778402.0</t>
  </si>
  <si>
    <t>143202.0</t>
  </si>
  <si>
    <t>5293219114.0</t>
  </si>
  <si>
    <t>2088004969.0</t>
  </si>
  <si>
    <t>1972354942.0</t>
  </si>
  <si>
    <t>1210200975.0</t>
  </si>
  <si>
    <t>1169299.0</t>
  </si>
  <si>
    <t>889451.0</t>
  </si>
  <si>
    <t>5293854866.0</t>
  </si>
  <si>
    <t>2088075859.0</t>
  </si>
  <si>
    <t>1972433622.0</t>
  </si>
  <si>
    <t>1210533908.0</t>
  </si>
  <si>
    <t>1369562.0</t>
  </si>
  <si>
    <t>952989.0</t>
  </si>
  <si>
    <t>137492.0</t>
  </si>
  <si>
    <t>5294376205.0</t>
  </si>
  <si>
    <t>2088181584.0</t>
  </si>
  <si>
    <t>1972515170.0</t>
  </si>
  <si>
    <t>1210708825.0</t>
  </si>
  <si>
    <t>1254803.0</t>
  </si>
  <si>
    <t>1044073.0</t>
  </si>
  <si>
    <t>5294849077.0</t>
  </si>
  <si>
    <t>2088245223.0</t>
  </si>
  <si>
    <t>1972597466.0</t>
  </si>
  <si>
    <t>1210900015.0</t>
  </si>
  <si>
    <t>1247570.0</t>
  </si>
  <si>
    <t>1128112.0</t>
  </si>
  <si>
    <t>5295424389.0</t>
  </si>
  <si>
    <t>2088308159.0</t>
  </si>
  <si>
    <t>1972682029.0</t>
  </si>
  <si>
    <t>1211148276.0</t>
  </si>
  <si>
    <t>1310907.0</t>
  </si>
  <si>
    <t>1242615.0</t>
  </si>
  <si>
    <t>126155.0</t>
  </si>
  <si>
    <t>5295706265.0</t>
  </si>
  <si>
    <t>2088323013.0</t>
  </si>
  <si>
    <t>1972706574.0</t>
  </si>
  <si>
    <t>1211260795.0</t>
  </si>
  <si>
    <t>1243838.0</t>
  </si>
  <si>
    <t>1237597.0</t>
  </si>
  <si>
    <t>124578.0</t>
  </si>
  <si>
    <t>5296168175.0</t>
  </si>
  <si>
    <t>2088336096.0</t>
  </si>
  <si>
    <t>1972721101.0</t>
  </si>
  <si>
    <t>1211549676.0</t>
  </si>
  <si>
    <t>1143272.0</t>
  </si>
  <si>
    <t>1248466.0</t>
  </si>
  <si>
    <t>123487.0</t>
  </si>
  <si>
    <t>5297581971.0</t>
  </si>
  <si>
    <t>2089069864.0</t>
  </si>
  <si>
    <t>1972841065.0</t>
  </si>
  <si>
    <t>1211969611.0</t>
  </si>
  <si>
    <t>1586378.0</t>
  </si>
  <si>
    <t>1308050.0</t>
  </si>
  <si>
    <t>183614.0</t>
  </si>
  <si>
    <t>5297856849.0</t>
  </si>
  <si>
    <t>2089088562.0</t>
  </si>
  <si>
    <t>1972867778.0</t>
  </si>
  <si>
    <t>1212054480.0</t>
  </si>
  <si>
    <t>1048340.0</t>
  </si>
  <si>
    <t>1262163.0</t>
  </si>
  <si>
    <t>179116.0</t>
  </si>
  <si>
    <t>5298311351.0</t>
  </si>
  <si>
    <t>2089160770.0</t>
  </si>
  <si>
    <t>1973659570.0</t>
  </si>
  <si>
    <t>1213563749.0</t>
  </si>
  <si>
    <t>1138704.0</t>
  </si>
  <si>
    <t>1245573.0</t>
  </si>
  <si>
    <t>5298680499.0</t>
  </si>
  <si>
    <t>2089209177.0</t>
  </si>
  <si>
    <t>1973673953.0</t>
  </si>
  <si>
    <t>1213669405.0</t>
  </si>
  <si>
    <t>1085708.0</t>
  </si>
  <si>
    <t>1222449.0</t>
  </si>
  <si>
    <t>172084.0</t>
  </si>
  <si>
    <t>5299208873.0</t>
  </si>
  <si>
    <t>2089387311.0</t>
  </si>
  <si>
    <t>1973742456.0</t>
  </si>
  <si>
    <t>1213928427.0</t>
  </si>
  <si>
    <t>1186089.0</t>
  </si>
  <si>
    <t>1204619.0</t>
  </si>
  <si>
    <t>179875.0</t>
  </si>
  <si>
    <t>5299298683.0</t>
  </si>
  <si>
    <t>2089389761.0</t>
  </si>
  <si>
    <t>1973744918.0</t>
  </si>
  <si>
    <t>1213953282.0</t>
  </si>
  <si>
    <t>894799.0</t>
  </si>
  <si>
    <t>1138551.0</t>
  </si>
  <si>
    <t>174682.0</t>
  </si>
  <si>
    <t>5299374019.0</t>
  </si>
  <si>
    <t>2089474877.0</t>
  </si>
  <si>
    <t>1973750680.0</t>
  </si>
  <si>
    <t>1214009902.0</t>
  </si>
  <si>
    <t>870674.0</t>
  </si>
  <si>
    <t>1101072.0</t>
  </si>
  <si>
    <t>171897.0</t>
  </si>
  <si>
    <t>5299715418.0</t>
  </si>
  <si>
    <t>2089635408.0</t>
  </si>
  <si>
    <t>1973777431.0</t>
  </si>
  <si>
    <t>1214086183.0</t>
  </si>
  <si>
    <t>930368.0</t>
  </si>
  <si>
    <t>1008839.0</t>
  </si>
  <si>
    <t>106792.0</t>
  </si>
  <si>
    <t>5300230826.0</t>
  </si>
  <si>
    <t>2089673051.0</t>
  </si>
  <si>
    <t>1974062080.0</t>
  </si>
  <si>
    <t>1214194332.0</t>
  </si>
  <si>
    <t>1235799.0</t>
  </si>
  <si>
    <t>1038121.0</t>
  </si>
  <si>
    <t>106317.0</t>
  </si>
  <si>
    <t>5300505952.0</t>
  </si>
  <si>
    <t>2089718715.0</t>
  </si>
  <si>
    <t>1974151184.0</t>
  </si>
  <si>
    <t>1214265841.0</t>
  </si>
  <si>
    <t>1005296.0</t>
  </si>
  <si>
    <t>1021591.0</t>
  </si>
  <si>
    <t>106630.0</t>
  </si>
  <si>
    <t>5300648687.0</t>
  </si>
  <si>
    <t>2089726222.0</t>
  </si>
  <si>
    <t>1974159271.0</t>
  </si>
  <si>
    <t>1214312301.0</t>
  </si>
  <si>
    <t>879737.0</t>
  </si>
  <si>
    <t>995286.0</t>
  </si>
  <si>
    <t>5315692563.0</t>
  </si>
  <si>
    <t>2090099356.0</t>
  </si>
  <si>
    <t>1976335303.0</t>
  </si>
  <si>
    <t>1214944786.0</t>
  </si>
  <si>
    <t>854981.0</t>
  </si>
  <si>
    <t>952950.0</t>
  </si>
  <si>
    <t>81310.0</t>
  </si>
  <si>
    <t>5315817177.0</t>
  </si>
  <si>
    <t>2090103777.0</t>
  </si>
  <si>
    <t>1976339892.0</t>
  </si>
  <si>
    <t>1214963408.0</t>
  </si>
  <si>
    <t>283059.0</t>
  </si>
  <si>
    <t>865630.0</t>
  </si>
  <si>
    <t>5315932024.0</t>
  </si>
  <si>
    <t>2090123676.0</t>
  </si>
  <si>
    <t>1976367136.0</t>
  </si>
  <si>
    <t>1214974702.0</t>
  </si>
  <si>
    <t>246758.0</t>
  </si>
  <si>
    <t>776570.0</t>
  </si>
  <si>
    <t>78553.0</t>
  </si>
  <si>
    <t>5316146253.0</t>
  </si>
  <si>
    <t>2090157348.0</t>
  </si>
  <si>
    <t>1976403857.0</t>
  </si>
  <si>
    <t>1215017125.0</t>
  </si>
  <si>
    <t>307507.0</t>
  </si>
  <si>
    <t>78880.0</t>
  </si>
  <si>
    <t>5316331181.0</t>
  </si>
  <si>
    <t>2090165848.0</t>
  </si>
  <si>
    <t>1976411784.0</t>
  </si>
  <si>
    <t>1215061135.0</t>
  </si>
  <si>
    <t>319036.0</t>
  </si>
  <si>
    <t>82254.0</t>
  </si>
  <si>
    <t>5316572210.0</t>
  </si>
  <si>
    <t>2090200709.0</t>
  </si>
  <si>
    <t>1976744932.0</t>
  </si>
  <si>
    <t>1215806691.0</t>
  </si>
  <si>
    <t>462599.0</t>
  </si>
  <si>
    <t>5317050555.0</t>
  </si>
  <si>
    <t>2090266316.0</t>
  </si>
  <si>
    <t>1976778690.0</t>
  </si>
  <si>
    <t>1216055156.0</t>
  </si>
  <si>
    <t>596611.0</t>
  </si>
  <si>
    <t>422156.0</t>
  </si>
  <si>
    <t>97958.0</t>
  </si>
  <si>
    <t>5317681740.0</t>
  </si>
  <si>
    <t>2090341344.0</t>
  </si>
  <si>
    <t>1976871015.0</t>
  </si>
  <si>
    <t>1216265274.0</t>
  </si>
  <si>
    <t>456597.0</t>
  </si>
  <si>
    <t>365095.0</t>
  </si>
  <si>
    <t>5317840524.0</t>
  </si>
  <si>
    <t>2090348297.0</t>
  </si>
  <si>
    <t>1976876352.0</t>
  </si>
  <si>
    <t>1216291417.0</t>
  </si>
  <si>
    <t>390601.0</t>
  </si>
  <si>
    <t>380481.0</t>
  </si>
  <si>
    <t>129598.0</t>
  </si>
  <si>
    <t>5318295702.0</t>
  </si>
  <si>
    <t>2090437712.0</t>
  </si>
  <si>
    <t>1976966432.0</t>
  </si>
  <si>
    <t>1216623250.0</t>
  </si>
  <si>
    <t>322491.0</t>
  </si>
  <si>
    <t>391325.0</t>
  </si>
  <si>
    <t>142170.0</t>
  </si>
  <si>
    <t>5318940270.0</t>
  </si>
  <si>
    <t>2090783638.0</t>
  </si>
  <si>
    <t>1977013695.0</t>
  </si>
  <si>
    <t>1216765453.0</t>
  </si>
  <si>
    <t>388672.0</t>
  </si>
  <si>
    <t>402946.0</t>
  </si>
  <si>
    <t>151625.0</t>
  </si>
  <si>
    <t>5319128786.0</t>
  </si>
  <si>
    <t>2090793764.0</t>
  </si>
  <si>
    <t>1977039244.0</t>
  </si>
  <si>
    <t>1216804615.0</t>
  </si>
  <si>
    <t>402776.0</t>
  </si>
  <si>
    <t>150806.0</t>
  </si>
  <si>
    <t>5319305763.0</t>
  </si>
  <si>
    <t>2090804117.0</t>
  </si>
  <si>
    <t>1977047411.0</t>
  </si>
  <si>
    <t>1216844387.0</t>
  </si>
  <si>
    <t>306196.0</t>
  </si>
  <si>
    <t>396957.0</t>
  </si>
  <si>
    <t>149327.0</t>
  </si>
  <si>
    <t>5319474628.0</t>
  </si>
  <si>
    <t>2090814883.0</t>
  </si>
  <si>
    <t>1977060196.0</t>
  </si>
  <si>
    <t>1216883933.0</t>
  </si>
  <si>
    <t>309740.0</t>
  </si>
  <si>
    <t>355997.0</t>
  </si>
  <si>
    <t>141963.0</t>
  </si>
  <si>
    <t>5319981890.0</t>
  </si>
  <si>
    <t>2090903034.0</t>
  </si>
  <si>
    <t>1977149507.0</t>
  </si>
  <si>
    <t>1217028277.0</t>
  </si>
  <si>
    <t>324838.0</t>
  </si>
  <si>
    <t>337180.0</t>
  </si>
  <si>
    <t>129202.0</t>
  </si>
  <si>
    <t>5320121007.0</t>
  </si>
  <si>
    <t>2090909130.0</t>
  </si>
  <si>
    <t>1977152423.0</t>
  </si>
  <si>
    <t>1217051283.0</t>
  </si>
  <si>
    <t>255860.0</t>
  </si>
  <si>
    <t>317925.0</t>
  </si>
  <si>
    <t>115873.0</t>
  </si>
  <si>
    <t>5320318511.0</t>
  </si>
  <si>
    <t>2090969295.0</t>
  </si>
  <si>
    <t>1977191581.0</t>
  </si>
  <si>
    <t>1217075057.0</t>
  </si>
  <si>
    <t>205552.0</t>
  </si>
  <si>
    <t>102693.0</t>
  </si>
  <si>
    <t>5320489229.0</t>
  </si>
  <si>
    <t>2090988620.0</t>
  </si>
  <si>
    <t>1977207405.0</t>
  </si>
  <si>
    <t>1217109042.0</t>
  </si>
  <si>
    <t>254278.0</t>
  </si>
  <si>
    <t>90716.0</t>
  </si>
  <si>
    <t>5320667270.0</t>
  </si>
  <si>
    <t>2090998327.0</t>
  </si>
  <si>
    <t>1977214981.0</t>
  </si>
  <si>
    <t>1217147669.0</t>
  </si>
  <si>
    <t>406345.0</t>
  </si>
  <si>
    <t>294684.0</t>
  </si>
  <si>
    <t>5320819245.0</t>
  </si>
  <si>
    <t>2091009705.0</t>
  </si>
  <si>
    <t>1977223950.0</t>
  </si>
  <si>
    <t>1217182769.0</t>
  </si>
  <si>
    <t>393773.0</t>
  </si>
  <si>
    <t>307194.0</t>
  </si>
  <si>
    <t>89554.0</t>
  </si>
  <si>
    <t>5321397472.0</t>
  </si>
  <si>
    <t>2091041933.0</t>
  </si>
  <si>
    <t>1977263407.0</t>
  </si>
  <si>
    <t>1217558081.0</t>
  </si>
  <si>
    <t>407112.0</t>
  </si>
  <si>
    <t>321108.0</t>
  </si>
  <si>
    <t>88791.0</t>
  </si>
  <si>
    <t>5321704106.0</t>
  </si>
  <si>
    <t>2091073430.0</t>
  </si>
  <si>
    <t>1977307876.0</t>
  </si>
  <si>
    <t>1217646571.0</t>
  </si>
  <si>
    <t>336966.0</t>
  </si>
  <si>
    <t>322841.0</t>
  </si>
  <si>
    <t>5321873621.0</t>
  </si>
  <si>
    <t>2091084751.0</t>
  </si>
  <si>
    <t>1977313847.0</t>
  </si>
  <si>
    <t>1217682448.0</t>
  </si>
  <si>
    <t>328899.0</t>
  </si>
  <si>
    <t>90121.0</t>
  </si>
  <si>
    <t>5322215146.0</t>
  </si>
  <si>
    <t>2091099190.0</t>
  </si>
  <si>
    <t>1977323193.0</t>
  </si>
  <si>
    <t>1217926381.0</t>
  </si>
  <si>
    <t>260044.0</t>
  </si>
  <si>
    <t>91222.0</t>
  </si>
  <si>
    <t>5322539507.0</t>
  </si>
  <si>
    <t>2091153841.0</t>
  </si>
  <si>
    <t>1977328666.0</t>
  </si>
  <si>
    <t>1218079358.0</t>
  </si>
  <si>
    <t>297445.0</t>
  </si>
  <si>
    <t>342854.0</t>
  </si>
  <si>
    <t>5322683105.0</t>
  </si>
  <si>
    <t>2091159093.0</t>
  </si>
  <si>
    <t>1977333954.0</t>
  </si>
  <si>
    <t>1218098291.0</t>
  </si>
  <si>
    <t>296286.0</t>
  </si>
  <si>
    <t>327125.0</t>
  </si>
  <si>
    <t>93395.0</t>
  </si>
  <si>
    <t>5322832853.0</t>
  </si>
  <si>
    <t>2091165705.0</t>
  </si>
  <si>
    <t>1977339846.0</t>
  </si>
  <si>
    <t>1218126009.0</t>
  </si>
  <si>
    <t>320940.0</t>
  </si>
  <si>
    <t>316724.0</t>
  </si>
  <si>
    <t>94954.0</t>
  </si>
  <si>
    <t>5323162042.0</t>
  </si>
  <si>
    <t>2091242117.0</t>
  </si>
  <si>
    <t>1977417379.0</t>
  </si>
  <si>
    <t>1218176646.0</t>
  </si>
  <si>
    <t>330293.0</t>
  </si>
  <si>
    <t>305747.0</t>
  </si>
  <si>
    <t>97810.0</t>
  </si>
  <si>
    <t>5323454954.0</t>
  </si>
  <si>
    <t>2092338233.0</t>
  </si>
  <si>
    <t>1977962965.0</t>
  </si>
  <si>
    <t>1219724276.0</t>
  </si>
  <si>
    <t>362519.0</t>
  </si>
  <si>
    <t>309399.0</t>
  </si>
  <si>
    <t>99491.0</t>
  </si>
  <si>
    <t>5323609403.0</t>
  </si>
  <si>
    <t>2092345742.0</t>
  </si>
  <si>
    <t>1977967914.0</t>
  </si>
  <si>
    <t>1219747627.0</t>
  </si>
  <si>
    <t>334891.0</t>
  </si>
  <si>
    <t>314629.0</t>
  </si>
  <si>
    <t>210.76</t>
  </si>
  <si>
    <t>5323703534.0</t>
  </si>
  <si>
    <t>2092347921.0</t>
  </si>
  <si>
    <t>1977969347.0</t>
  </si>
  <si>
    <t>1219761715.0</t>
  </si>
  <si>
    <t>272689.0</t>
  </si>
  <si>
    <t>316436.0</t>
  </si>
  <si>
    <t>105275.0</t>
  </si>
  <si>
    <t>5323917500.0</t>
  </si>
  <si>
    <t>2092384836.0</t>
  </si>
  <si>
    <t>1977987755.0</t>
  </si>
  <si>
    <t>1219808864.0</t>
  </si>
  <si>
    <t>342659.0</t>
  </si>
  <si>
    <t>322897.0</t>
  </si>
  <si>
    <t>210.77</t>
  </si>
  <si>
    <t>108742.0</t>
  </si>
  <si>
    <t>5324098694.0</t>
  </si>
  <si>
    <t>2092393679.0</t>
  </si>
  <si>
    <t>1977995167.0</t>
  </si>
  <si>
    <t>1219854813.0</t>
  </si>
  <si>
    <t>332063.0</t>
  </si>
  <si>
    <t>5324296144.0</t>
  </si>
  <si>
    <t>2092404868.0</t>
  </si>
  <si>
    <t>1978004185.0</t>
  </si>
  <si>
    <t>1219904841.0</t>
  </si>
  <si>
    <t>372446.0</t>
  </si>
  <si>
    <t>339421.0</t>
  </si>
  <si>
    <t>5324490277.0</t>
  </si>
  <si>
    <t>2092415602.0</t>
  </si>
  <si>
    <t>1978011963.0</t>
  </si>
  <si>
    <t>1219955540.0</t>
  </si>
  <si>
    <t>376402.0</t>
  </si>
  <si>
    <t>346004.0</t>
  </si>
  <si>
    <t>5325597993.0</t>
  </si>
  <si>
    <t>2092660274.0</t>
  </si>
  <si>
    <t>1978474974.0</t>
  </si>
  <si>
    <t>1220144480.0</t>
  </si>
  <si>
    <t>391813.0</t>
  </si>
  <si>
    <t>350193.0</t>
  </si>
  <si>
    <t>210.84</t>
  </si>
  <si>
    <t>5325767711.0</t>
  </si>
  <si>
    <t>2092669137.0</t>
  </si>
  <si>
    <t>1978481115.0</t>
  </si>
  <si>
    <t>1220178131.0</t>
  </si>
  <si>
    <t>293713.0</t>
  </si>
  <si>
    <t>344303.0</t>
  </si>
  <si>
    <t>114170.0</t>
  </si>
  <si>
    <t>5325905768.0</t>
  </si>
  <si>
    <t>2092766316.0</t>
  </si>
  <si>
    <t>1978520787.0</t>
  </si>
  <si>
    <t>1220249675.0</t>
  </si>
  <si>
    <t>338310.0</t>
  </si>
  <si>
    <t>111899.0</t>
  </si>
  <si>
    <t>5326112531.0</t>
  </si>
  <si>
    <t>2092773374.0</t>
  </si>
  <si>
    <t>1978531337.0</t>
  </si>
  <si>
    <t>1220301979.0</t>
  </si>
  <si>
    <t>352200.0</t>
  </si>
  <si>
    <t>109320.0</t>
  </si>
  <si>
    <t>5326357014.0</t>
  </si>
  <si>
    <t>2092783778.0</t>
  </si>
  <si>
    <t>1978539211.0</t>
  </si>
  <si>
    <t>1220361053.0</t>
  </si>
  <si>
    <t>554804.0</t>
  </si>
  <si>
    <t>367440.0</t>
  </si>
  <si>
    <t>5326966386.0</t>
  </si>
  <si>
    <t>2093077917.0</t>
  </si>
  <si>
    <t>1978875853.0</t>
  </si>
  <si>
    <t>1220428359.0</t>
  </si>
  <si>
    <t>396951.0</t>
  </si>
  <si>
    <t>144356.0</t>
  </si>
  <si>
    <t>5327242700.0</t>
  </si>
  <si>
    <t>2093103749.0</t>
  </si>
  <si>
    <t>1978888559.0</t>
  </si>
  <si>
    <t>1220486834.0</t>
  </si>
  <si>
    <t>401934.0</t>
  </si>
  <si>
    <t>141631.0</t>
  </si>
  <si>
    <t>5329177340.0</t>
  </si>
  <si>
    <t>2095051255.0</t>
  </si>
  <si>
    <t>1979695385.0</t>
  </si>
  <si>
    <t>1221981237.0</t>
  </si>
  <si>
    <t>458061.0</t>
  </si>
  <si>
    <t>411401.0</t>
  </si>
  <si>
    <t>5329401612.0</t>
  </si>
  <si>
    <t>2095059693.0</t>
  </si>
  <si>
    <t>1979701842.0</t>
  </si>
  <si>
    <t>1222016440.0</t>
  </si>
  <si>
    <t>519480.0</t>
  </si>
  <si>
    <t>443651.0</t>
  </si>
  <si>
    <t>5330229858.0</t>
  </si>
  <si>
    <t>2095068812.0</t>
  </si>
  <si>
    <t>1979710906.0</t>
  </si>
  <si>
    <t>1222486205.0</t>
  </si>
  <si>
    <t>442225.0</t>
  </si>
  <si>
    <t>473867.0</t>
  </si>
  <si>
    <t>161251.0</t>
  </si>
  <si>
    <t>5330446737.0</t>
  </si>
  <si>
    <t>2095074199.0</t>
  </si>
  <si>
    <t>1979719462.0</t>
  </si>
  <si>
    <t>1222517132.0</t>
  </si>
  <si>
    <t>498925.0</t>
  </si>
  <si>
    <t>494827.0</t>
  </si>
  <si>
    <t>172514.0</t>
  </si>
  <si>
    <t>5330730807.0</t>
  </si>
  <si>
    <t>2095087179.0</t>
  </si>
  <si>
    <t>1979732379.0</t>
  </si>
  <si>
    <t>1222625194.0</t>
  </si>
  <si>
    <t>498501.0</t>
  </si>
  <si>
    <t>486782.0</t>
  </si>
  <si>
    <t>163808.0</t>
  </si>
  <si>
    <t>5331739942.0</t>
  </si>
  <si>
    <t>2095717677.0</t>
  </si>
  <si>
    <t>1979892107.0</t>
  </si>
  <si>
    <t>1222680343.0</t>
  </si>
  <si>
    <t>514744.0</t>
  </si>
  <si>
    <t>154883.0</t>
  </si>
  <si>
    <t>5331957750.0</t>
  </si>
  <si>
    <t>2095726656.0</t>
  </si>
  <si>
    <t>1979900747.0</t>
  </si>
  <si>
    <t>1222738094.0</t>
  </si>
  <si>
    <t>165305.0</t>
  </si>
  <si>
    <t>5332396277.0</t>
  </si>
  <si>
    <t>2095767922.0</t>
  </si>
  <si>
    <t>1979954374.0</t>
  </si>
  <si>
    <t>1222886972.0</t>
  </si>
  <si>
    <t>433929.0</t>
  </si>
  <si>
    <t>473716.0</t>
  </si>
  <si>
    <t>5332584469.0</t>
  </si>
  <si>
    <t>2096130230.0</t>
  </si>
  <si>
    <t>1979962296.0</t>
  </si>
  <si>
    <t>1223069249.0</t>
  </si>
  <si>
    <t>380845.0</t>
  </si>
  <si>
    <t>454376.0</t>
  </si>
  <si>
    <t>5332731131.0</t>
  </si>
  <si>
    <t>2096141841.0</t>
  </si>
  <si>
    <t>1979979490.0</t>
  </si>
  <si>
    <t>1223111386.0</t>
  </si>
  <si>
    <t>330835.0</t>
  </si>
  <si>
    <t>160666.0</t>
  </si>
  <si>
    <t>5332929871.0</t>
  </si>
  <si>
    <t>2096947677.0</t>
  </si>
  <si>
    <t>1980588168.0</t>
  </si>
  <si>
    <t>1225049535.0</t>
  </si>
  <si>
    <t>975718.0</t>
  </si>
  <si>
    <t>507419.0</t>
  </si>
  <si>
    <t>168875.0</t>
  </si>
  <si>
    <t>5334344994.0</t>
  </si>
  <si>
    <t>2097302607.0</t>
  </si>
  <si>
    <t>1981112813.0</t>
  </si>
  <si>
    <t>1225477492.0</t>
  </si>
  <si>
    <t>985210.0</t>
  </si>
  <si>
    <t>577307.0</t>
  </si>
  <si>
    <t>196810.0</t>
  </si>
  <si>
    <t>5336295815.0</t>
  </si>
  <si>
    <t>2097360967.0</t>
  </si>
  <si>
    <t>1982067757.0</t>
  </si>
  <si>
    <t>1226220323.0</t>
  </si>
  <si>
    <t>2153440.0</t>
  </si>
  <si>
    <t>811440.0</t>
  </si>
  <si>
    <t>209082.0</t>
  </si>
  <si>
    <t>5336617000.0</t>
  </si>
  <si>
    <t>2097389998.0</t>
  </si>
  <si>
    <t>1982093058.0</t>
  </si>
  <si>
    <t>1226347214.0</t>
  </si>
  <si>
    <t>508723.0</t>
  </si>
  <si>
    <t>823974.0</t>
  </si>
  <si>
    <t>217389.0</t>
  </si>
  <si>
    <t>5339333461.0</t>
  </si>
  <si>
    <t>2097645261.0</t>
  </si>
  <si>
    <t>1982986809.0</t>
  </si>
  <si>
    <t>1226786035.0</t>
  </si>
  <si>
    <t>830106.0</t>
  </si>
  <si>
    <t>5340362180.0</t>
  </si>
  <si>
    <t>2097661407.0</t>
  </si>
  <si>
    <t>1983126753.0</t>
  </si>
  <si>
    <t>1226851111.0</t>
  </si>
  <si>
    <t>384537.0</t>
  </si>
  <si>
    <t>830666.0</t>
  </si>
  <si>
    <t>230593.0</t>
  </si>
  <si>
    <t>5341170257.0</t>
  </si>
  <si>
    <t>2097727189.0</t>
  </si>
  <si>
    <t>1983144666.0</t>
  </si>
  <si>
    <t>1227427430.0</t>
  </si>
  <si>
    <t>310885.0</t>
  </si>
  <si>
    <t>827851.0</t>
  </si>
  <si>
    <t>250338.0</t>
  </si>
  <si>
    <t>5341595854.0</t>
  </si>
  <si>
    <t>2097745701.0</t>
  </si>
  <si>
    <t>1983162325.0</t>
  </si>
  <si>
    <t>1227561601.0</t>
  </si>
  <si>
    <t>457855.0</t>
  </si>
  <si>
    <t>719168.0</t>
  </si>
  <si>
    <t>244819.0</t>
  </si>
  <si>
    <t>5342115546.0</t>
  </si>
  <si>
    <t>2097754610.0</t>
  </si>
  <si>
    <t>1983169675.0</t>
  </si>
  <si>
    <t>1227706651.0</t>
  </si>
  <si>
    <t>596377.0</t>
  </si>
  <si>
    <t>669408.0</t>
  </si>
  <si>
    <t>219814.0</t>
  </si>
  <si>
    <t>5342917024.0</t>
  </si>
  <si>
    <t>2097787862.0</t>
  </si>
  <si>
    <t>1983201831.0</t>
  </si>
  <si>
    <t>1227942876.0</t>
  </si>
  <si>
    <t>731873.0</t>
  </si>
  <si>
    <t>472117.0</t>
  </si>
  <si>
    <t>210393.0</t>
  </si>
  <si>
    <t>5343697986.0</t>
  </si>
  <si>
    <t>2097792229.0</t>
  </si>
  <si>
    <t>1983205284.0</t>
  </si>
  <si>
    <t>1227977470.0</t>
  </si>
  <si>
    <t>838902.0</t>
  </si>
  <si>
    <t>525072.0</t>
  </si>
  <si>
    <t>204615.0</t>
  </si>
  <si>
    <t>5344817045.0</t>
  </si>
  <si>
    <t>2097806753.0</t>
  </si>
  <si>
    <t>1983218522.0</t>
  </si>
  <si>
    <t>1228047327.0</t>
  </si>
  <si>
    <t>1109130.0</t>
  </si>
  <si>
    <t>200480.0</t>
  </si>
  <si>
    <t>5345914890.0</t>
  </si>
  <si>
    <t>2097816774.0</t>
  </si>
  <si>
    <t>1983227511.0</t>
  </si>
  <si>
    <t>1228099733.0</t>
  </si>
  <si>
    <t>1141599.0</t>
  </si>
  <si>
    <t>735156.0</t>
  </si>
  <si>
    <t>196673.0</t>
  </si>
  <si>
    <t>5346866693.0</t>
  </si>
  <si>
    <t>2097872935.0</t>
  </si>
  <si>
    <t>1983279488.0</t>
  </si>
  <si>
    <t>1228125233.0</t>
  </si>
  <si>
    <t>885260.0</t>
  </si>
  <si>
    <t>822999.0</t>
  </si>
  <si>
    <t>192950.0</t>
  </si>
  <si>
    <t>5348308927.0</t>
  </si>
  <si>
    <t>2097885557.0</t>
  </si>
  <si>
    <t>1983292672.0</t>
  </si>
  <si>
    <t>1228283930.0</t>
  </si>
  <si>
    <t>1651322.0</t>
  </si>
  <si>
    <t>992626.0</t>
  </si>
  <si>
    <t>204552.0</t>
  </si>
  <si>
    <t>5349920921.0</t>
  </si>
  <si>
    <t>2100490130.0</t>
  </si>
  <si>
    <t>1984493229.0</t>
  </si>
  <si>
    <t>1232973785.0</t>
  </si>
  <si>
    <t>1820744.0</t>
  </si>
  <si>
    <t>1167682.0</t>
  </si>
  <si>
    <t>5352099280.0</t>
  </si>
  <si>
    <t>2100760974.0</t>
  </si>
  <si>
    <t>1984774915.0</t>
  </si>
  <si>
    <t>1233112568.0</t>
  </si>
  <si>
    <t>1852043.0</t>
  </si>
  <si>
    <t>1327851.0</t>
  </si>
  <si>
    <t>5353759204.0</t>
  </si>
  <si>
    <t>2100775407.0</t>
  </si>
  <si>
    <t>1984791050.0</t>
  </si>
  <si>
    <t>1233340229.0</t>
  </si>
  <si>
    <t>1601957.0</t>
  </si>
  <si>
    <t>1437002.0</t>
  </si>
  <si>
    <t>52632.0</t>
  </si>
  <si>
    <t>5357013486.0</t>
  </si>
  <si>
    <t>2100987055.0</t>
  </si>
  <si>
    <t>1985121268.0</t>
  </si>
  <si>
    <t>1234675897.0</t>
  </si>
  <si>
    <t>3049038.0</t>
  </si>
  <si>
    <t>1714275.0</t>
  </si>
  <si>
    <t>76439.0</t>
  </si>
  <si>
    <t>5358041837.0</t>
  </si>
  <si>
    <t>2100995708.0</t>
  </si>
  <si>
    <t>1985130324.0</t>
  </si>
  <si>
    <t>1234740076.0</t>
  </si>
  <si>
    <t>1042099.0</t>
  </si>
  <si>
    <t>1690859.0</t>
  </si>
  <si>
    <t>5360808509.0</t>
  </si>
  <si>
    <t>2102682850.0</t>
  </si>
  <si>
    <t>1986945399.0</t>
  </si>
  <si>
    <t>1236239235.0</t>
  </si>
  <si>
    <t>2754377.0</t>
  </si>
  <si>
    <t>1959579.0</t>
  </si>
  <si>
    <t>313395.0</t>
  </si>
  <si>
    <t>5361850638.0</t>
  </si>
  <si>
    <t>2102687830.0</t>
  </si>
  <si>
    <t>1986950190.0</t>
  </si>
  <si>
    <t>1236344710.0</t>
  </si>
  <si>
    <t>1071334.0</t>
  </si>
  <si>
    <t>1876929.0</t>
  </si>
  <si>
    <t>89139.0</t>
  </si>
  <si>
    <t>5365036442.0</t>
  </si>
  <si>
    <t>2102698510.0</t>
  </si>
  <si>
    <t>1986961827.0</t>
  </si>
  <si>
    <t>1236414220.0</t>
  </si>
  <si>
    <t>3177258.0</t>
  </si>
  <si>
    <t>2072497.0</t>
  </si>
  <si>
    <t>75865.0</t>
  </si>
  <si>
    <t>5368792728.0</t>
  </si>
  <si>
    <t>2102703139.0</t>
  </si>
  <si>
    <t>1986966267.0</t>
  </si>
  <si>
    <t>1236526896.0</t>
  </si>
  <si>
    <t>3781320.0</t>
  </si>
  <si>
    <t>2349894.0</t>
  </si>
  <si>
    <t>5371278016.0</t>
  </si>
  <si>
    <t>2102723883.0</t>
  </si>
  <si>
    <t>1986986332.0</t>
  </si>
  <si>
    <t>1236692944.0</t>
  </si>
  <si>
    <t>2410599.0</t>
  </si>
  <si>
    <t>2467195.0</t>
  </si>
  <si>
    <t>63185.0</t>
  </si>
  <si>
    <t>5373597356.0</t>
  </si>
  <si>
    <t>2102726419.0</t>
  </si>
  <si>
    <t>1986989600.0</t>
  </si>
  <si>
    <t>1236729801.0</t>
  </si>
  <si>
    <t>2326243.0</t>
  </si>
  <si>
    <t>2364309.0</t>
  </si>
  <si>
    <t>37079.0</t>
  </si>
  <si>
    <t>5374945889.0</t>
  </si>
  <si>
    <t>2102736356.0</t>
  </si>
  <si>
    <t>1987000418.0</t>
  </si>
  <si>
    <t>1236774977.0</t>
  </si>
  <si>
    <t>1348461.0</t>
  </si>
  <si>
    <t>2408536.0</t>
  </si>
  <si>
    <t>5375837211.0</t>
  </si>
  <si>
    <t>2102738928.0</t>
  </si>
  <si>
    <t>1987003785.0</t>
  </si>
  <si>
    <t>1236786589.0</t>
  </si>
  <si>
    <t>894737.0</t>
  </si>
  <si>
    <t>2143335.0</t>
  </si>
  <si>
    <t>5377294734.0</t>
  </si>
  <si>
    <t>2102742715.0</t>
  </si>
  <si>
    <t>1987008419.0</t>
  </si>
  <si>
    <t>1236897021.0</t>
  </si>
  <si>
    <t>2199229.0</t>
  </si>
  <si>
    <t>5379111249.0</t>
  </si>
  <si>
    <t>2102815634.0</t>
  </si>
  <si>
    <t>1987425226.0</t>
  </si>
  <si>
    <t>1237065731.0</t>
  </si>
  <si>
    <t>1816230.0</t>
  </si>
  <si>
    <t>2003557.0</t>
  </si>
  <si>
    <t>5380314592.0</t>
  </si>
  <si>
    <t>2102820006.0</t>
  </si>
  <si>
    <t>1987430351.0</t>
  </si>
  <si>
    <t>1237181148.0</t>
  </si>
  <si>
    <t>1640920.0</t>
  </si>
  <si>
    <t>5381518369.0</t>
  </si>
  <si>
    <t>2102826715.0</t>
  </si>
  <si>
    <t>1987439190.0</t>
  </si>
  <si>
    <t>1237287821.0</t>
  </si>
  <si>
    <t>1190930.0</t>
  </si>
  <si>
    <t>1467352.0</t>
  </si>
  <si>
    <t>5382560931.0</t>
  </si>
  <si>
    <t>2102828893.0</t>
  </si>
  <si>
    <t>1987441891.0</t>
  </si>
  <si>
    <t>1237315486.0</t>
  </si>
  <si>
    <t>1060842.0</t>
  </si>
  <si>
    <t>1286926.0</t>
  </si>
  <si>
    <t>5383241094.0</t>
  </si>
  <si>
    <t>2102840786.0</t>
  </si>
  <si>
    <t>1987462824.0</t>
  </si>
  <si>
    <t>1237322636.0</t>
  </si>
  <si>
    <t>5383637448.0</t>
  </si>
  <si>
    <t>2102840935.0</t>
  </si>
  <si>
    <t>1987462958.0</t>
  </si>
  <si>
    <t>1237324707.0</t>
  </si>
  <si>
    <t>5384183528.0</t>
  </si>
  <si>
    <t>2102843214.0</t>
  </si>
  <si>
    <t>1987465610.0</t>
  </si>
  <si>
    <t>1237406924.0</t>
  </si>
  <si>
    <t>5385091753.0</t>
  </si>
  <si>
    <t>2102857964.0</t>
  </si>
  <si>
    <t>1987488412.0</t>
  </si>
  <si>
    <t>1237582771.0</t>
  </si>
  <si>
    <t>5385950157.0</t>
  </si>
  <si>
    <t>2102867260.0</t>
  </si>
  <si>
    <t>1987494994.0</t>
  </si>
  <si>
    <t>1237678327.0</t>
  </si>
  <si>
    <t>5386705181.0</t>
  </si>
  <si>
    <t>2102867383.0</t>
  </si>
  <si>
    <t>1987495161.0</t>
  </si>
  <si>
    <t>1237685873.0</t>
  </si>
  <si>
    <t>URY</t>
  </si>
  <si>
    <t>Uruguay</t>
  </si>
  <si>
    <t>-121.4</t>
  </si>
  <si>
    <t>-35.468079312936</t>
  </si>
  <si>
    <t>-193.6</t>
  </si>
  <si>
    <t>-56.561945263463</t>
  </si>
  <si>
    <t>7.745</t>
  </si>
  <si>
    <t>31301.0</t>
  </si>
  <si>
    <t>10.864</t>
  </si>
  <si>
    <t>37771.0</t>
  </si>
  <si>
    <t>42987.0</t>
  </si>
  <si>
    <t>-457.8</t>
  </si>
  <si>
    <t>-133.750302384366</t>
  </si>
  <si>
    <t>44853.0</t>
  </si>
  <si>
    <t>13.305</t>
  </si>
  <si>
    <t>47105.0</t>
  </si>
  <si>
    <t>13.748</t>
  </si>
  <si>
    <t>247.2</t>
  </si>
  <si>
    <t>51938.0</t>
  </si>
  <si>
    <t>2412.6</t>
  </si>
  <si>
    <t>15.276</t>
  </si>
  <si>
    <t>1608.4</t>
  </si>
  <si>
    <t>15.633</t>
  </si>
  <si>
    <t>2367.1</t>
  </si>
  <si>
    <t>16.044</t>
  </si>
  <si>
    <t>1526.8</t>
  </si>
  <si>
    <t>55310.0</t>
  </si>
  <si>
    <t>16.331</t>
  </si>
  <si>
    <t>16.451</t>
  </si>
  <si>
    <t>16.567</t>
  </si>
  <si>
    <t>57921.0</t>
  </si>
  <si>
    <t>18.884</t>
  </si>
  <si>
    <t>-1067.8</t>
  </si>
  <si>
    <t>-18.39</t>
  </si>
  <si>
    <t>-311.967175373583</t>
  </si>
  <si>
    <t>66609.0</t>
  </si>
  <si>
    <t>67519.0</t>
  </si>
  <si>
    <t>68640.0</t>
  </si>
  <si>
    <t>20.034</t>
  </si>
  <si>
    <t>69552.0</t>
  </si>
  <si>
    <t>70515.0</t>
  </si>
  <si>
    <t>20.581</t>
  </si>
  <si>
    <t>20.857</t>
  </si>
  <si>
    <t>21.212</t>
  </si>
  <si>
    <t>21.492</t>
  </si>
  <si>
    <t>75105.0</t>
  </si>
  <si>
    <t>77187.0</t>
  </si>
  <si>
    <t>77656.0</t>
  </si>
  <si>
    <t>79033.0</t>
  </si>
  <si>
    <t>80516.0</t>
  </si>
  <si>
    <t>81842.0</t>
  </si>
  <si>
    <t>24.329</t>
  </si>
  <si>
    <t>25.224</t>
  </si>
  <si>
    <t>25.592</t>
  </si>
  <si>
    <t>26.186</t>
  </si>
  <si>
    <t>96542.0</t>
  </si>
  <si>
    <t>102073.0</t>
  </si>
  <si>
    <t>29.791</t>
  </si>
  <si>
    <t>104028.0</t>
  </si>
  <si>
    <t>106391.0</t>
  </si>
  <si>
    <t>31.052</t>
  </si>
  <si>
    <t>31.632</t>
  </si>
  <si>
    <t>110021.0</t>
  </si>
  <si>
    <t>112607.0</t>
  </si>
  <si>
    <t>32.866</t>
  </si>
  <si>
    <t>-1480.2</t>
  </si>
  <si>
    <t>-11.54</t>
  </si>
  <si>
    <t>-432.453467866621</t>
  </si>
  <si>
    <t>114270.0</t>
  </si>
  <si>
    <t>33.892</t>
  </si>
  <si>
    <t>121366.0</t>
  </si>
  <si>
    <t>123168.0</t>
  </si>
  <si>
    <t>126026.0</t>
  </si>
  <si>
    <t>127884.0</t>
  </si>
  <si>
    <t>37.325</t>
  </si>
  <si>
    <t>37.895</t>
  </si>
  <si>
    <t>130906.0</t>
  </si>
  <si>
    <t>132307.0</t>
  </si>
  <si>
    <t>38.616</t>
  </si>
  <si>
    <t>39.255</t>
  </si>
  <si>
    <t>136256.0</t>
  </si>
  <si>
    <t>137770.0</t>
  </si>
  <si>
    <t>41.348</t>
  </si>
  <si>
    <t>41.823</t>
  </si>
  <si>
    <t>145336.0</t>
  </si>
  <si>
    <t>42.418</t>
  </si>
  <si>
    <t>146664.0</t>
  </si>
  <si>
    <t>42.806</t>
  </si>
  <si>
    <t>149156.0</t>
  </si>
  <si>
    <t>43.533</t>
  </si>
  <si>
    <t>151191.0</t>
  </si>
  <si>
    <t>44.127</t>
  </si>
  <si>
    <t>153501.0</t>
  </si>
  <si>
    <t>44.801</t>
  </si>
  <si>
    <t>155693.0</t>
  </si>
  <si>
    <t>45.441</t>
  </si>
  <si>
    <t>157772.0</t>
  </si>
  <si>
    <t>46.048</t>
  </si>
  <si>
    <t>159286.0</t>
  </si>
  <si>
    <t>165187.0</t>
  </si>
  <si>
    <t>166786.0</t>
  </si>
  <si>
    <t>48.679</t>
  </si>
  <si>
    <t>170307.0</t>
  </si>
  <si>
    <t>171151.0</t>
  </si>
  <si>
    <t>49.953</t>
  </si>
  <si>
    <t>172257.0</t>
  </si>
  <si>
    <t>50.276</t>
  </si>
  <si>
    <t>-1930.8</t>
  </si>
  <si>
    <t>-13.24</t>
  </si>
  <si>
    <t>-564.100226832099</t>
  </si>
  <si>
    <t>174150.0</t>
  </si>
  <si>
    <t>177699.0</t>
  </si>
  <si>
    <t>51.864</t>
  </si>
  <si>
    <t>179809.0</t>
  </si>
  <si>
    <t>182976.0</t>
  </si>
  <si>
    <t>53.404</t>
  </si>
  <si>
    <t>184780.0</t>
  </si>
  <si>
    <t>53.931</t>
  </si>
  <si>
    <t>185953.0</t>
  </si>
  <si>
    <t>187706.0</t>
  </si>
  <si>
    <t>54.785</t>
  </si>
  <si>
    <t>55.287</t>
  </si>
  <si>
    <t>191648.0</t>
  </si>
  <si>
    <t>194269.0</t>
  </si>
  <si>
    <t>197111.0</t>
  </si>
  <si>
    <t>57.529</t>
  </si>
  <si>
    <t>200505.0</t>
  </si>
  <si>
    <t>202302.0</t>
  </si>
  <si>
    <t>59.045</t>
  </si>
  <si>
    <t>204348.0</t>
  </si>
  <si>
    <t>59.642</t>
  </si>
  <si>
    <t>207363.0</t>
  </si>
  <si>
    <t>60.522</t>
  </si>
  <si>
    <t>209269.0</t>
  </si>
  <si>
    <t>61.078</t>
  </si>
  <si>
    <t>210626.0</t>
  </si>
  <si>
    <t>61.474</t>
  </si>
  <si>
    <t>215428.0</t>
  </si>
  <si>
    <t>217309.0</t>
  </si>
  <si>
    <t>220383.0</t>
  </si>
  <si>
    <t>64.322</t>
  </si>
  <si>
    <t>224873.0</t>
  </si>
  <si>
    <t>227405.0</t>
  </si>
  <si>
    <t>66.371</t>
  </si>
  <si>
    <t>228588.0</t>
  </si>
  <si>
    <t>66.716</t>
  </si>
  <si>
    <t>231429.0</t>
  </si>
  <si>
    <t>67.546</t>
  </si>
  <si>
    <t>232972.0</t>
  </si>
  <si>
    <t>67.996</t>
  </si>
  <si>
    <t>235325.0</t>
  </si>
  <si>
    <t>-2196.6</t>
  </si>
  <si>
    <t>-8.49</t>
  </si>
  <si>
    <t>-641.756038046089</t>
  </si>
  <si>
    <t>69.459</t>
  </si>
  <si>
    <t>70.399</t>
  </si>
  <si>
    <t>244267.0</t>
  </si>
  <si>
    <t>71.293</t>
  </si>
  <si>
    <t>245836.0</t>
  </si>
  <si>
    <t>247806.0</t>
  </si>
  <si>
    <t>72.326</t>
  </si>
  <si>
    <t>250431.0</t>
  </si>
  <si>
    <t>73.092</t>
  </si>
  <si>
    <t>253250.0</t>
  </si>
  <si>
    <t>73.914</t>
  </si>
  <si>
    <t>255847.0</t>
  </si>
  <si>
    <t>258842.0</t>
  </si>
  <si>
    <t>75.547</t>
  </si>
  <si>
    <t>263157.0</t>
  </si>
  <si>
    <t>265497.0</t>
  </si>
  <si>
    <t>77.489</t>
  </si>
  <si>
    <t>267310.0</t>
  </si>
  <si>
    <t>269850.0</t>
  </si>
  <si>
    <t>78.759</t>
  </si>
  <si>
    <t>275629.0</t>
  </si>
  <si>
    <t>80.446</t>
  </si>
  <si>
    <t>278230.0</t>
  </si>
  <si>
    <t>280319.0</t>
  </si>
  <si>
    <t>81.815</t>
  </si>
  <si>
    <t>282974.0</t>
  </si>
  <si>
    <t>289165.0</t>
  </si>
  <si>
    <t>84.397</t>
  </si>
  <si>
    <t>291595.0</t>
  </si>
  <si>
    <t>85.106</t>
  </si>
  <si>
    <t>294649.0</t>
  </si>
  <si>
    <t>85.997</t>
  </si>
  <si>
    <t>298270.0</t>
  </si>
  <si>
    <t>87.054</t>
  </si>
  <si>
    <t>301404.0</t>
  </si>
  <si>
    <t>87.969</t>
  </si>
  <si>
    <t>303885.0</t>
  </si>
  <si>
    <t>306323.0</t>
  </si>
  <si>
    <t>89.404</t>
  </si>
  <si>
    <t>310033.0</t>
  </si>
  <si>
    <t>90.487</t>
  </si>
  <si>
    <t>313890.0</t>
  </si>
  <si>
    <t>91.613</t>
  </si>
  <si>
    <t>316586.0</t>
  </si>
  <si>
    <t>93.297</t>
  </si>
  <si>
    <t>-2361.0</t>
  </si>
  <si>
    <t>-689.786946110724</t>
  </si>
  <si>
    <t>323000.0</t>
  </si>
  <si>
    <t>94.272</t>
  </si>
  <si>
    <t>324214.0</t>
  </si>
  <si>
    <t>326864.0</t>
  </si>
  <si>
    <t>329945.0</t>
  </si>
  <si>
    <t>96.299</t>
  </si>
  <si>
    <t>97.254</t>
  </si>
  <si>
    <t>98.142</t>
  </si>
  <si>
    <t>339194.0</t>
  </si>
  <si>
    <t>98.998</t>
  </si>
  <si>
    <t>343420.0</t>
  </si>
  <si>
    <t>100.232</t>
  </si>
  <si>
    <t>346414.0</t>
  </si>
  <si>
    <t>101.106</t>
  </si>
  <si>
    <t>349699.0</t>
  </si>
  <si>
    <t>102.064</t>
  </si>
  <si>
    <t>354040.0</t>
  </si>
  <si>
    <t>103.331</t>
  </si>
  <si>
    <t>357842.0</t>
  </si>
  <si>
    <t>361025.0</t>
  </si>
  <si>
    <t>106.714</t>
  </si>
  <si>
    <t>369458.0</t>
  </si>
  <si>
    <t>372265.0</t>
  </si>
  <si>
    <t>108.651</t>
  </si>
  <si>
    <t>376393.0</t>
  </si>
  <si>
    <t>109.855</t>
  </si>
  <si>
    <t>381480.0</t>
  </si>
  <si>
    <t>385035.0</t>
  </si>
  <si>
    <t>112.378</t>
  </si>
  <si>
    <t>389774.0</t>
  </si>
  <si>
    <t>113.761</t>
  </si>
  <si>
    <t>393701.0</t>
  </si>
  <si>
    <t>114.907</t>
  </si>
  <si>
    <t>398436.0</t>
  </si>
  <si>
    <t>116.289</t>
  </si>
  <si>
    <t>400567.0</t>
  </si>
  <si>
    <t>116.911</t>
  </si>
  <si>
    <t>118.371</t>
  </si>
  <si>
    <t>411333.0</t>
  </si>
  <si>
    <t>120.053</t>
  </si>
  <si>
    <t>415163.0</t>
  </si>
  <si>
    <t>121.171</t>
  </si>
  <si>
    <t>419492.0</t>
  </si>
  <si>
    <t>423404.0</t>
  </si>
  <si>
    <t>429271.0</t>
  </si>
  <si>
    <t>125.289</t>
  </si>
  <si>
    <t>432969.0</t>
  </si>
  <si>
    <t>126.368</t>
  </si>
  <si>
    <t>-2455.0</t>
  </si>
  <si>
    <t>-717.249874079554</t>
  </si>
  <si>
    <t>436590.0</t>
  </si>
  <si>
    <t>127.425</t>
  </si>
  <si>
    <t>441857.0</t>
  </si>
  <si>
    <t>128.962</t>
  </si>
  <si>
    <t>447456.0</t>
  </si>
  <si>
    <t>454929.0</t>
  </si>
  <si>
    <t>132.777</t>
  </si>
  <si>
    <t>459890.0</t>
  </si>
  <si>
    <t>134.225</t>
  </si>
  <si>
    <t>467252.0</t>
  </si>
  <si>
    <t>136.374</t>
  </si>
  <si>
    <t>471369.0</t>
  </si>
  <si>
    <t>137.575</t>
  </si>
  <si>
    <t>139.216</t>
  </si>
  <si>
    <t>483344.0</t>
  </si>
  <si>
    <t>489729.0</t>
  </si>
  <si>
    <t>142.934</t>
  </si>
  <si>
    <t>495774.0</t>
  </si>
  <si>
    <t>502443.0</t>
  </si>
  <si>
    <t>146.645</t>
  </si>
  <si>
    <t>509101.0</t>
  </si>
  <si>
    <t>148.588</t>
  </si>
  <si>
    <t>520243.0</t>
  </si>
  <si>
    <t>527653.0</t>
  </si>
  <si>
    <t>154.003</t>
  </si>
  <si>
    <t>536348.0</t>
  </si>
  <si>
    <t>543525.0</t>
  </si>
  <si>
    <t>158.635</t>
  </si>
  <si>
    <t>551774.0</t>
  </si>
  <si>
    <t>161.043</t>
  </si>
  <si>
    <t>162.955</t>
  </si>
  <si>
    <t>564277.0</t>
  </si>
  <si>
    <t>164.692</t>
  </si>
  <si>
    <t>571651.0</t>
  </si>
  <si>
    <t>166.844</t>
  </si>
  <si>
    <t>582543.0</t>
  </si>
  <si>
    <t>595889.0</t>
  </si>
  <si>
    <t>173.918</t>
  </si>
  <si>
    <t>602104.0</t>
  </si>
  <si>
    <t>175.732</t>
  </si>
  <si>
    <t>605457.0</t>
  </si>
  <si>
    <t>612449.0</t>
  </si>
  <si>
    <t>178.751</t>
  </si>
  <si>
    <t>617872.0</t>
  </si>
  <si>
    <t>180.334</t>
  </si>
  <si>
    <t>625009.0</t>
  </si>
  <si>
    <t>182.417</t>
  </si>
  <si>
    <t>632419.0</t>
  </si>
  <si>
    <t>639198.0</t>
  </si>
  <si>
    <t>186.559</t>
  </si>
  <si>
    <t>-2292.4</t>
  </si>
  <si>
    <t>-669.744851869641</t>
  </si>
  <si>
    <t>643838.0</t>
  </si>
  <si>
    <t>187.913</t>
  </si>
  <si>
    <t>647811.0</t>
  </si>
  <si>
    <t>189.072</t>
  </si>
  <si>
    <t>653261.0</t>
  </si>
  <si>
    <t>190.663</t>
  </si>
  <si>
    <t>658299.0</t>
  </si>
  <si>
    <t>192.133</t>
  </si>
  <si>
    <t>666186.0</t>
  </si>
  <si>
    <t>194.435</t>
  </si>
  <si>
    <t>672720.0</t>
  </si>
  <si>
    <t>196.342</t>
  </si>
  <si>
    <t>678751.0</t>
  </si>
  <si>
    <t>198.103</t>
  </si>
  <si>
    <t>685966.0</t>
  </si>
  <si>
    <t>200.208</t>
  </si>
  <si>
    <t>692302.0</t>
  </si>
  <si>
    <t>202.058</t>
  </si>
  <si>
    <t>700804.0</t>
  </si>
  <si>
    <t>204.539</t>
  </si>
  <si>
    <t>705737.0</t>
  </si>
  <si>
    <t>205.979</t>
  </si>
  <si>
    <t>713563.0</t>
  </si>
  <si>
    <t>208.263</t>
  </si>
  <si>
    <t>720948.0</t>
  </si>
  <si>
    <t>210.418</t>
  </si>
  <si>
    <t>728588.0</t>
  </si>
  <si>
    <t>212.648</t>
  </si>
  <si>
    <t>737380.0</t>
  </si>
  <si>
    <t>745907.0</t>
  </si>
  <si>
    <t>217.703</t>
  </si>
  <si>
    <t>752154.0</t>
  </si>
  <si>
    <t>219.526</t>
  </si>
  <si>
    <t>756624.0</t>
  </si>
  <si>
    <t>220.831</t>
  </si>
  <si>
    <t>763020.0</t>
  </si>
  <si>
    <t>222.698</t>
  </si>
  <si>
    <t>770867.0</t>
  </si>
  <si>
    <t>224.988</t>
  </si>
  <si>
    <t>778197.0</t>
  </si>
  <si>
    <t>787730.0</t>
  </si>
  <si>
    <t>794242.0</t>
  </si>
  <si>
    <t>800556.0</t>
  </si>
  <si>
    <t>233.653</t>
  </si>
  <si>
    <t>805023.0</t>
  </si>
  <si>
    <t>234.957</t>
  </si>
  <si>
    <t>812331.0</t>
  </si>
  <si>
    <t>819959.0</t>
  </si>
  <si>
    <t>239.316</t>
  </si>
  <si>
    <t>827249.0</t>
  </si>
  <si>
    <t>241.444</t>
  </si>
  <si>
    <t>835717.0</t>
  </si>
  <si>
    <t>243.915</t>
  </si>
  <si>
    <t>245.689</t>
  </si>
  <si>
    <t>847096.0</t>
  </si>
  <si>
    <t>247.236</t>
  </si>
  <si>
    <t>-1850.2</t>
  </si>
  <si>
    <t>-540.552226892868</t>
  </si>
  <si>
    <t>851193.0</t>
  </si>
  <si>
    <t>248.432</t>
  </si>
  <si>
    <t>858297.0</t>
  </si>
  <si>
    <t>250.506</t>
  </si>
  <si>
    <t>866126.0</t>
  </si>
  <si>
    <t>252.791</t>
  </si>
  <si>
    <t>872940.0</t>
  </si>
  <si>
    <t>254.779</t>
  </si>
  <si>
    <t>878732.0</t>
  </si>
  <si>
    <t>883394.0</t>
  </si>
  <si>
    <t>257.83</t>
  </si>
  <si>
    <t>888229.0</t>
  </si>
  <si>
    <t>893861.0</t>
  </si>
  <si>
    <t>260.885</t>
  </si>
  <si>
    <t>900424.0</t>
  </si>
  <si>
    <t>907357.0</t>
  </si>
  <si>
    <t>913483.0</t>
  </si>
  <si>
    <t>266.612</t>
  </si>
  <si>
    <t>919300.0</t>
  </si>
  <si>
    <t>268.31</t>
  </si>
  <si>
    <t>925059.0</t>
  </si>
  <si>
    <t>930673.0</t>
  </si>
  <si>
    <t>271.629</t>
  </si>
  <si>
    <t>934075.0</t>
  </si>
  <si>
    <t>272.622</t>
  </si>
  <si>
    <t>939085.0</t>
  </si>
  <si>
    <t>274.085</t>
  </si>
  <si>
    <t>945117.0</t>
  </si>
  <si>
    <t>275.845</t>
  </si>
  <si>
    <t>951679.0</t>
  </si>
  <si>
    <t>958290.0</t>
  </si>
  <si>
    <t>279.69</t>
  </si>
  <si>
    <t>964649.0</t>
  </si>
  <si>
    <t>281.546</t>
  </si>
  <si>
    <t>969953.0</t>
  </si>
  <si>
    <t>283.094</t>
  </si>
  <si>
    <t>284.514</t>
  </si>
  <si>
    <t>989575.0</t>
  </si>
  <si>
    <t>288.821</t>
  </si>
  <si>
    <t>996609.0</t>
  </si>
  <si>
    <t>290.874</t>
  </si>
  <si>
    <t>1004871.0</t>
  </si>
  <si>
    <t>293.285</t>
  </si>
  <si>
    <t>1011364.0</t>
  </si>
  <si>
    <t>1016904.0</t>
  </si>
  <si>
    <t>296.797</t>
  </si>
  <si>
    <t>-2378.2</t>
  </si>
  <si>
    <t>-5.94</t>
  </si>
  <si>
    <t>-21.95</t>
  </si>
  <si>
    <t>-694.812077611403</t>
  </si>
  <si>
    <t>1022382.0</t>
  </si>
  <si>
    <t>298.396</t>
  </si>
  <si>
    <t>1028930.0</t>
  </si>
  <si>
    <t>300.307</t>
  </si>
  <si>
    <t>33217.0</t>
  </si>
  <si>
    <t>1036048.0</t>
  </si>
  <si>
    <t>302.385</t>
  </si>
  <si>
    <t>1042749.0</t>
  </si>
  <si>
    <t>304.34</t>
  </si>
  <si>
    <t>1049947.0</t>
  </si>
  <si>
    <t>306.441</t>
  </si>
  <si>
    <t>1059265.0</t>
  </si>
  <si>
    <t>309.161</t>
  </si>
  <si>
    <t>72766.0</t>
  </si>
  <si>
    <t>1064668.0</t>
  </si>
  <si>
    <t>310.738</t>
  </si>
  <si>
    <t>1071207.0</t>
  </si>
  <si>
    <t>312.646</t>
  </si>
  <si>
    <t>314.675</t>
  </si>
  <si>
    <t>122806.0</t>
  </si>
  <si>
    <t>1085157.0</t>
  </si>
  <si>
    <t>316.718</t>
  </si>
  <si>
    <t>1097595.0</t>
  </si>
  <si>
    <t>320.348</t>
  </si>
  <si>
    <t>170428.0</t>
  </si>
  <si>
    <t>1110052.0</t>
  </si>
  <si>
    <t>323.984</t>
  </si>
  <si>
    <t>193167.0</t>
  </si>
  <si>
    <t>1126376.0</t>
  </si>
  <si>
    <t>328.748</t>
  </si>
  <si>
    <t>203591.0</t>
  </si>
  <si>
    <t>1136505.0</t>
  </si>
  <si>
    <t>331.704</t>
  </si>
  <si>
    <t>203609.0</t>
  </si>
  <si>
    <t>1146762.0</t>
  </si>
  <si>
    <t>334.698</t>
  </si>
  <si>
    <t>1156597.0</t>
  </si>
  <si>
    <t>337.568</t>
  </si>
  <si>
    <t>1169675.0</t>
  </si>
  <si>
    <t>341.385</t>
  </si>
  <si>
    <t>229511.0</t>
  </si>
  <si>
    <t>11644.0</t>
  </si>
  <si>
    <t>1181137.0</t>
  </si>
  <si>
    <t>344.731</t>
  </si>
  <si>
    <t>266049.0</t>
  </si>
  <si>
    <t>1196139.0</t>
  </si>
  <si>
    <t>349.109</t>
  </si>
  <si>
    <t>302400.0</t>
  </si>
  <si>
    <t>1208146.0</t>
  </si>
  <si>
    <t>352.614</t>
  </si>
  <si>
    <t>314918.0</t>
  </si>
  <si>
    <t>1224454.0</t>
  </si>
  <si>
    <t>357.373</t>
  </si>
  <si>
    <t>314941.0</t>
  </si>
  <si>
    <t>1239406.0</t>
  </si>
  <si>
    <t>361.737</t>
  </si>
  <si>
    <t>353694.0</t>
  </si>
  <si>
    <t>364.976</t>
  </si>
  <si>
    <t>390146.0</t>
  </si>
  <si>
    <t>36452.0</t>
  </si>
  <si>
    <t>1260541.0</t>
  </si>
  <si>
    <t>367.906</t>
  </si>
  <si>
    <t>425549.0</t>
  </si>
  <si>
    <t>35403.0</t>
  </si>
  <si>
    <t>1272198.0</t>
  </si>
  <si>
    <t>469061.0</t>
  </si>
  <si>
    <t>43512.0</t>
  </si>
  <si>
    <t>1291101.0</t>
  </si>
  <si>
    <t>376.825</t>
  </si>
  <si>
    <t>510260.0</t>
  </si>
  <si>
    <t>380.648</t>
  </si>
  <si>
    <t>523442.0</t>
  </si>
  <si>
    <t>1315616.0</t>
  </si>
  <si>
    <t>383.98</t>
  </si>
  <si>
    <t>523459.0</t>
  </si>
  <si>
    <t>1330717.0</t>
  </si>
  <si>
    <t>388.388</t>
  </si>
  <si>
    <t>577780.0</t>
  </si>
  <si>
    <t>560519.0</t>
  </si>
  <si>
    <t>32012.0</t>
  </si>
  <si>
    <t>1348581.0</t>
  </si>
  <si>
    <t>393.601</t>
  </si>
  <si>
    <t>630036.0</t>
  </si>
  <si>
    <t>598735.0</t>
  </si>
  <si>
    <t>1367995.0</t>
  </si>
  <si>
    <t>399.268</t>
  </si>
  <si>
    <t>687991.0</t>
  </si>
  <si>
    <t>636320.0</t>
  </si>
  <si>
    <t>-1944.0</t>
  </si>
  <si>
    <t>-567.956723100062</t>
  </si>
  <si>
    <t>1383099.0</t>
  </si>
  <si>
    <t>403.676</t>
  </si>
  <si>
    <t>736097.0</t>
  </si>
  <si>
    <t>675936.0</t>
  </si>
  <si>
    <t>48106.0</t>
  </si>
  <si>
    <t>1397551.0</t>
  </si>
  <si>
    <t>785266.0</t>
  </si>
  <si>
    <t>68883.0</t>
  </si>
  <si>
    <t>1413452.0</t>
  </si>
  <si>
    <t>412.535</t>
  </si>
  <si>
    <t>797652.0</t>
  </si>
  <si>
    <t>728727.0</t>
  </si>
  <si>
    <t>1427538.0</t>
  </si>
  <si>
    <t>416.646</t>
  </si>
  <si>
    <t>797682.0</t>
  </si>
  <si>
    <t>728745.0</t>
  </si>
  <si>
    <t>1438450.0</t>
  </si>
  <si>
    <t>419.831</t>
  </si>
  <si>
    <t>836071.0</t>
  </si>
  <si>
    <t>739530.0</t>
  </si>
  <si>
    <t>96541.0</t>
  </si>
  <si>
    <t>1452405.0</t>
  </si>
  <si>
    <t>423.904</t>
  </si>
  <si>
    <t>880245.0</t>
  </si>
  <si>
    <t>117787.0</t>
  </si>
  <si>
    <t>35744.0</t>
  </si>
  <si>
    <t>1465800.0</t>
  </si>
  <si>
    <t>427.813</t>
  </si>
  <si>
    <t>926452.0</t>
  </si>
  <si>
    <t>142186.0</t>
  </si>
  <si>
    <t>1484009.0</t>
  </si>
  <si>
    <t>433.128</t>
  </si>
  <si>
    <t>975277.0</t>
  </si>
  <si>
    <t>811783.0</t>
  </si>
  <si>
    <t>163494.0</t>
  </si>
  <si>
    <t>1499824.0</t>
  </si>
  <si>
    <t>437.744</t>
  </si>
  <si>
    <t>1015106.0</t>
  </si>
  <si>
    <t>823569.0</t>
  </si>
  <si>
    <t>191537.0</t>
  </si>
  <si>
    <t>39829.0</t>
  </si>
  <si>
    <t>1515169.0</t>
  </si>
  <si>
    <t>442.222</t>
  </si>
  <si>
    <t>0.2701</t>
  </si>
  <si>
    <t>1042218.0</t>
  </si>
  <si>
    <t>841504.0</t>
  </si>
  <si>
    <t>200714.0</t>
  </si>
  <si>
    <t>1528159.0</t>
  </si>
  <si>
    <t>446.014</t>
  </si>
  <si>
    <t>1042604.0</t>
  </si>
  <si>
    <t>200725.0</t>
  </si>
  <si>
    <t>1539879.0</t>
  </si>
  <si>
    <t>449.434</t>
  </si>
  <si>
    <t>1095875.0</t>
  </si>
  <si>
    <t>887746.0</t>
  </si>
  <si>
    <t>208129.0</t>
  </si>
  <si>
    <t>53271.0</t>
  </si>
  <si>
    <t>1556825.0</t>
  </si>
  <si>
    <t>454.38</t>
  </si>
  <si>
    <t>1153199.0</t>
  </si>
  <si>
    <t>935043.0</t>
  </si>
  <si>
    <t>1571025.0</t>
  </si>
  <si>
    <t>458.525</t>
  </si>
  <si>
    <t>1210989.0</t>
  </si>
  <si>
    <t>982926.0</t>
  </si>
  <si>
    <t>228063.0</t>
  </si>
  <si>
    <t>1589860.0</t>
  </si>
  <si>
    <t>464.022</t>
  </si>
  <si>
    <t>1274768.0</t>
  </si>
  <si>
    <t>1603356.0</t>
  </si>
  <si>
    <t>467.961</t>
  </si>
  <si>
    <t>1337717.0</t>
  </si>
  <si>
    <t>1043455.0</t>
  </si>
  <si>
    <t>294262.0</t>
  </si>
  <si>
    <t>62949.0</t>
  </si>
  <si>
    <t>46087.0</t>
  </si>
  <si>
    <t>1616464.0</t>
  </si>
  <si>
    <t>471.787</t>
  </si>
  <si>
    <t>1372991.0</t>
  </si>
  <si>
    <t>1069230.0</t>
  </si>
  <si>
    <t>303761.0</t>
  </si>
  <si>
    <t>1626229.0</t>
  </si>
  <si>
    <t>474.637</t>
  </si>
  <si>
    <t>1389118.0</t>
  </si>
  <si>
    <t>1085310.0</t>
  </si>
  <si>
    <t>303808.0</t>
  </si>
  <si>
    <t>1637502.0</t>
  </si>
  <si>
    <t>1428093.0</t>
  </si>
  <si>
    <t>1093206.0</t>
  </si>
  <si>
    <t>482.619</t>
  </si>
  <si>
    <t>1474019.0</t>
  </si>
  <si>
    <t>1103336.0</t>
  </si>
  <si>
    <t>370683.0</t>
  </si>
  <si>
    <t>45831.0</t>
  </si>
  <si>
    <t>1671224.0</t>
  </si>
  <si>
    <t>487.769</t>
  </si>
  <si>
    <t>1520840.0</t>
  </si>
  <si>
    <t>1112815.0</t>
  </si>
  <si>
    <t>408025.0</t>
  </si>
  <si>
    <t>1688862.0</t>
  </si>
  <si>
    <t>492.917</t>
  </si>
  <si>
    <t>1572249.0</t>
  </si>
  <si>
    <t>1121896.0</t>
  </si>
  <si>
    <t>450353.0</t>
  </si>
  <si>
    <t>1703143.0</t>
  </si>
  <si>
    <t>497.085</t>
  </si>
  <si>
    <t>1623560.0</t>
  </si>
  <si>
    <t>1133976.0</t>
  </si>
  <si>
    <t>489584.0</t>
  </si>
  <si>
    <t>1716250.0</t>
  </si>
  <si>
    <t>500.911</t>
  </si>
  <si>
    <t>1645947.0</t>
  </si>
  <si>
    <t>1143596.0</t>
  </si>
  <si>
    <t>502351.0</t>
  </si>
  <si>
    <t>1730162.0</t>
  </si>
  <si>
    <t>504.971</t>
  </si>
  <si>
    <t>1646494.0</t>
  </si>
  <si>
    <t>1144112.0</t>
  </si>
  <si>
    <t>502382.0</t>
  </si>
  <si>
    <t>508.16</t>
  </si>
  <si>
    <t>1691842.0</t>
  </si>
  <si>
    <t>1152877.0</t>
  </si>
  <si>
    <t>1755457.0</t>
  </si>
  <si>
    <t>512.354</t>
  </si>
  <si>
    <t>1737014.0</t>
  </si>
  <si>
    <t>1160799.0</t>
  </si>
  <si>
    <t>576215.0</t>
  </si>
  <si>
    <t>1770628.0</t>
  </si>
  <si>
    <t>516.782</t>
  </si>
  <si>
    <t>1781411.0</t>
  </si>
  <si>
    <t>1168537.0</t>
  </si>
  <si>
    <t>612874.0</t>
  </si>
  <si>
    <t>44397.0</t>
  </si>
  <si>
    <t>1784975.0</t>
  </si>
  <si>
    <t>520.969</t>
  </si>
  <si>
    <t>1827669.0</t>
  </si>
  <si>
    <t>1176181.0</t>
  </si>
  <si>
    <t>651488.0</t>
  </si>
  <si>
    <t>1797787.0</t>
  </si>
  <si>
    <t>524.708</t>
  </si>
  <si>
    <t>1875603.0</t>
  </si>
  <si>
    <t>1184178.0</t>
  </si>
  <si>
    <t>-89.5999999999997</t>
  </si>
  <si>
    <t>-26.1774292128423</t>
  </si>
  <si>
    <t>1809949.0</t>
  </si>
  <si>
    <t>528.258</t>
  </si>
  <si>
    <t>1875823.0</t>
  </si>
  <si>
    <t>1184342.0</t>
  </si>
  <si>
    <t>691481.0</t>
  </si>
  <si>
    <t>1816487.0</t>
  </si>
  <si>
    <t>530.166</t>
  </si>
  <si>
    <t>1876079.0</t>
  </si>
  <si>
    <t>1184563.0</t>
  </si>
  <si>
    <t>691516.0</t>
  </si>
  <si>
    <t>1824604.0</t>
  </si>
  <si>
    <t>532.535</t>
  </si>
  <si>
    <t>1908799.0</t>
  </si>
  <si>
    <t>1197901.0</t>
  </si>
  <si>
    <t>710898.0</t>
  </si>
  <si>
    <t>1838498.0</t>
  </si>
  <si>
    <t>1942888.0</t>
  </si>
  <si>
    <t>1210031.0</t>
  </si>
  <si>
    <t>732857.0</t>
  </si>
  <si>
    <t>1852728.0</t>
  </si>
  <si>
    <t>540.744</t>
  </si>
  <si>
    <t>1975445.0</t>
  </si>
  <si>
    <t>1220644.0</t>
  </si>
  <si>
    <t>754801.0</t>
  </si>
  <si>
    <t>32557.0</t>
  </si>
  <si>
    <t>1868707.0</t>
  </si>
  <si>
    <t>545.407</t>
  </si>
  <si>
    <t>2012129.0</t>
  </si>
  <si>
    <t>781378.0</t>
  </si>
  <si>
    <t>1881577.0</t>
  </si>
  <si>
    <t>549.164</t>
  </si>
  <si>
    <t>11970.0</t>
  </si>
  <si>
    <t>2031371.0</t>
  </si>
  <si>
    <t>1240164.0</t>
  </si>
  <si>
    <t>791207.0</t>
  </si>
  <si>
    <t>1893016.0</t>
  </si>
  <si>
    <t>552.502</t>
  </si>
  <si>
    <t>2038582.0</t>
  </si>
  <si>
    <t>1243957.0</t>
  </si>
  <si>
    <t>794625.0</t>
  </si>
  <si>
    <t>1905126.0</t>
  </si>
  <si>
    <t>556.037</t>
  </si>
  <si>
    <t>2038984.0</t>
  </si>
  <si>
    <t>1244004.0</t>
  </si>
  <si>
    <t>794980.0</t>
  </si>
  <si>
    <t>1915358.0</t>
  </si>
  <si>
    <t>559.023</t>
  </si>
  <si>
    <t>2083411.0</t>
  </si>
  <si>
    <t>1251586.0</t>
  </si>
  <si>
    <t>831825.0</t>
  </si>
  <si>
    <t>44427.0</t>
  </si>
  <si>
    <t>1930518.0</t>
  </si>
  <si>
    <t>563.448</t>
  </si>
  <si>
    <t>2126657.0</t>
  </si>
  <si>
    <t>1258115.0</t>
  </si>
  <si>
    <t>868542.0</t>
  </si>
  <si>
    <t>1945324.0</t>
  </si>
  <si>
    <t>567.769</t>
  </si>
  <si>
    <t>2171383.0</t>
  </si>
  <si>
    <t>1265367.0</t>
  </si>
  <si>
    <t>906016.0</t>
  </si>
  <si>
    <t>1961468.0</t>
  </si>
  <si>
    <t>572.481</t>
  </si>
  <si>
    <t>2234097.0</t>
  </si>
  <si>
    <t>1303266.0</t>
  </si>
  <si>
    <t>930831.0</t>
  </si>
  <si>
    <t>1976444.0</t>
  </si>
  <si>
    <t>576.852</t>
  </si>
  <si>
    <t>2294698.0</t>
  </si>
  <si>
    <t>1344521.0</t>
  </si>
  <si>
    <t>950177.0</t>
  </si>
  <si>
    <t>1989293.0</t>
  </si>
  <si>
    <t>580.602</t>
  </si>
  <si>
    <t>2316176.0</t>
  </si>
  <si>
    <t>1362885.0</t>
  </si>
  <si>
    <t>953291.0</t>
  </si>
  <si>
    <t>2000864.0</t>
  </si>
  <si>
    <t>583.979</t>
  </si>
  <si>
    <t>2316962.0</t>
  </si>
  <si>
    <t>1363556.0</t>
  </si>
  <si>
    <t>953406.0</t>
  </si>
  <si>
    <t>2012048.0</t>
  </si>
  <si>
    <t>587.243</t>
  </si>
  <si>
    <t>2370435.0</t>
  </si>
  <si>
    <t>1411942.0</t>
  </si>
  <si>
    <t>958493.0</t>
  </si>
  <si>
    <t>41003.0</t>
  </si>
  <si>
    <t>2026249.0</t>
  </si>
  <si>
    <t>591.388</t>
  </si>
  <si>
    <t>2422419.0</t>
  </si>
  <si>
    <t>1456536.0</t>
  </si>
  <si>
    <t>965883.0</t>
  </si>
  <si>
    <t>42252.0</t>
  </si>
  <si>
    <t>2040309.0</t>
  </si>
  <si>
    <t>595.492</t>
  </si>
  <si>
    <t>2466532.0</t>
  </si>
  <si>
    <t>1494152.0</t>
  </si>
  <si>
    <t>972380.0</t>
  </si>
  <si>
    <t>44113.0</t>
  </si>
  <si>
    <t>2061510.0</t>
  </si>
  <si>
    <t>601.679</t>
  </si>
  <si>
    <t>2514516.0</t>
  </si>
  <si>
    <t>1535545.0</t>
  </si>
  <si>
    <t>978971.0</t>
  </si>
  <si>
    <t>47984.0</t>
  </si>
  <si>
    <t>2079118.0</t>
  </si>
  <si>
    <t>606.819</t>
  </si>
  <si>
    <t>2564075.0</t>
  </si>
  <si>
    <t>1578505.0</t>
  </si>
  <si>
    <t>985570.0</t>
  </si>
  <si>
    <t>49559.0</t>
  </si>
  <si>
    <t>2095539.0</t>
  </si>
  <si>
    <t>611.611</t>
  </si>
  <si>
    <t>2578848.0</t>
  </si>
  <si>
    <t>1590764.0</t>
  </si>
  <si>
    <t>988084.0</t>
  </si>
  <si>
    <t>2108716.0</t>
  </si>
  <si>
    <t>615.457</t>
  </si>
  <si>
    <t>2580426.0</t>
  </si>
  <si>
    <t>1591801.0</t>
  </si>
  <si>
    <t>988625.0</t>
  </si>
  <si>
    <t>32606.0</t>
  </si>
  <si>
    <t>2120439.0</t>
  </si>
  <si>
    <t>618.879</t>
  </si>
  <si>
    <t>2622206.0</t>
  </si>
  <si>
    <t>1628858.0</t>
  </si>
  <si>
    <t>993348.0</t>
  </si>
  <si>
    <t>35967.0</t>
  </si>
  <si>
    <t>30988.0</t>
  </si>
  <si>
    <t>2139618.0</t>
  </si>
  <si>
    <t>624.476</t>
  </si>
  <si>
    <t>2661268.0</t>
  </si>
  <si>
    <t>1664165.0</t>
  </si>
  <si>
    <t>997103.0</t>
  </si>
  <si>
    <t>29661.0</t>
  </si>
  <si>
    <t>2160986.0</t>
  </si>
  <si>
    <t>2699801.0</t>
  </si>
  <si>
    <t>1699432.0</t>
  </si>
  <si>
    <t>1000369.0</t>
  </si>
  <si>
    <t>33324.0</t>
  </si>
  <si>
    <t>2181583.0</t>
  </si>
  <si>
    <t>636.724</t>
  </si>
  <si>
    <t>2739417.0</t>
  </si>
  <si>
    <t>1734983.0</t>
  </si>
  <si>
    <t>1004434.0</t>
  </si>
  <si>
    <t>2206127.0</t>
  </si>
  <si>
    <t>643.888</t>
  </si>
  <si>
    <t>2776669.0</t>
  </si>
  <si>
    <t>1767324.0</t>
  </si>
  <si>
    <t>1009345.0</t>
  </si>
  <si>
    <t>2228036.0</t>
  </si>
  <si>
    <t>650.282</t>
  </si>
  <si>
    <t>2801745.0</t>
  </si>
  <si>
    <t>1779122.0</t>
  </si>
  <si>
    <t>1022623.0</t>
  </si>
  <si>
    <t>2244413.0</t>
  </si>
  <si>
    <t>655.062</t>
  </si>
  <si>
    <t>2803175.0</t>
  </si>
  <si>
    <t>1780393.0</t>
  </si>
  <si>
    <t>1022782.0</t>
  </si>
  <si>
    <t>26942.0</t>
  </si>
  <si>
    <t>2261302.0</t>
  </si>
  <si>
    <t>2849588.0</t>
  </si>
  <si>
    <t>1816120.0</t>
  </si>
  <si>
    <t>1033468.0</t>
  </si>
  <si>
    <t>1706.8</t>
  </si>
  <si>
    <t>498.656653799993</t>
  </si>
  <si>
    <t>2283001.0</t>
  </si>
  <si>
    <t>666.325</t>
  </si>
  <si>
    <t>2895590.0</t>
  </si>
  <si>
    <t>1851488.0</t>
  </si>
  <si>
    <t>1044102.0</t>
  </si>
  <si>
    <t>2306507.0</t>
  </si>
  <si>
    <t>23506.0</t>
  </si>
  <si>
    <t>673.185</t>
  </si>
  <si>
    <t>2940728.0</t>
  </si>
  <si>
    <t>1054929.0</t>
  </si>
  <si>
    <t>34418.0</t>
  </si>
  <si>
    <t>2325117.0</t>
  </si>
  <si>
    <t>678.617</t>
  </si>
  <si>
    <t>2985300.0</t>
  </si>
  <si>
    <t>1919890.0</t>
  </si>
  <si>
    <t>1065410.0</t>
  </si>
  <si>
    <t>44572.0</t>
  </si>
  <si>
    <t>2346509.0</t>
  </si>
  <si>
    <t>684.86</t>
  </si>
  <si>
    <t>3029308.0</t>
  </si>
  <si>
    <t>1953780.0</t>
  </si>
  <si>
    <t>1075528.0</t>
  </si>
  <si>
    <t>26637.0</t>
  </si>
  <si>
    <t>2378828.0</t>
  </si>
  <si>
    <t>694.293</t>
  </si>
  <si>
    <t>3044113.0</t>
  </si>
  <si>
    <t>1965939.0</t>
  </si>
  <si>
    <t>1078174.0</t>
  </si>
  <si>
    <t>34624.0</t>
  </si>
  <si>
    <t>2395043.0</t>
  </si>
  <si>
    <t>699.025</t>
  </si>
  <si>
    <t>3045111.0</t>
  </si>
  <si>
    <t>1966913.0</t>
  </si>
  <si>
    <t>1078198.0</t>
  </si>
  <si>
    <t>2411272.0</t>
  </si>
  <si>
    <t>703.762</t>
  </si>
  <si>
    <t>3085527.0</t>
  </si>
  <si>
    <t>2002461.0</t>
  </si>
  <si>
    <t>1083066.0</t>
  </si>
  <si>
    <t>2434838.0</t>
  </si>
  <si>
    <t>710.64</t>
  </si>
  <si>
    <t>3123541.0</t>
  </si>
  <si>
    <t>2036815.0</t>
  </si>
  <si>
    <t>1086726.0</t>
  </si>
  <si>
    <t>2457358.0</t>
  </si>
  <si>
    <t>717.213</t>
  </si>
  <si>
    <t>3172400.0</t>
  </si>
  <si>
    <t>2079322.0</t>
  </si>
  <si>
    <t>1093078.0</t>
  </si>
  <si>
    <t>48859.0</t>
  </si>
  <si>
    <t>2481328.0</t>
  </si>
  <si>
    <t>724.209</t>
  </si>
  <si>
    <t>3216922.0</t>
  </si>
  <si>
    <t>2092781.0</t>
  </si>
  <si>
    <t>1124141.0</t>
  </si>
  <si>
    <t>2502737.0</t>
  </si>
  <si>
    <t>730.457</t>
  </si>
  <si>
    <t>3257240.0</t>
  </si>
  <si>
    <t>2099057.0</t>
  </si>
  <si>
    <t>1158183.0</t>
  </si>
  <si>
    <t>2523119.0</t>
  </si>
  <si>
    <t>736.406</t>
  </si>
  <si>
    <t>3280461.0</t>
  </si>
  <si>
    <t>2102772.0</t>
  </si>
  <si>
    <t>1177689.0</t>
  </si>
  <si>
    <t>2537099.0</t>
  </si>
  <si>
    <t>740.486</t>
  </si>
  <si>
    <t>3281559.0</t>
  </si>
  <si>
    <t>2103198.0</t>
  </si>
  <si>
    <t>1178361.0</t>
  </si>
  <si>
    <t>2552645.0</t>
  </si>
  <si>
    <t>745.024</t>
  </si>
  <si>
    <t>3339206.0</t>
  </si>
  <si>
    <t>2116932.0</t>
  </si>
  <si>
    <t>1222274.0</t>
  </si>
  <si>
    <t>57647.0</t>
  </si>
  <si>
    <t>97.56</t>
  </si>
  <si>
    <t>2572314.0</t>
  </si>
  <si>
    <t>750.764</t>
  </si>
  <si>
    <t>3394149.0</t>
  </si>
  <si>
    <t>2131863.0</t>
  </si>
  <si>
    <t>1262286.0</t>
  </si>
  <si>
    <t>2592563.0</t>
  </si>
  <si>
    <t>756.674</t>
  </si>
  <si>
    <t>3447552.0</t>
  </si>
  <si>
    <t>2146998.0</t>
  </si>
  <si>
    <t>1300554.0</t>
  </si>
  <si>
    <t>2611478.0</t>
  </si>
  <si>
    <t>762.195</t>
  </si>
  <si>
    <t>3492082.0</t>
  </si>
  <si>
    <t>2150206.0</t>
  </si>
  <si>
    <t>1341876.0</t>
  </si>
  <si>
    <t>2630954.0</t>
  </si>
  <si>
    <t>767.879</t>
  </si>
  <si>
    <t>3539929.0</t>
  </si>
  <si>
    <t>2163520.0</t>
  </si>
  <si>
    <t>1376409.0</t>
  </si>
  <si>
    <t>47847.0</t>
  </si>
  <si>
    <t>40384.0</t>
  </si>
  <si>
    <t>2648282.0</t>
  </si>
  <si>
    <t>772.937</t>
  </si>
  <si>
    <t>3554523.0</t>
  </si>
  <si>
    <t>2166630.0</t>
  </si>
  <si>
    <t>1387893.0</t>
  </si>
  <si>
    <t>2660010.0</t>
  </si>
  <si>
    <t>776.36</t>
  </si>
  <si>
    <t>3555560.0</t>
  </si>
  <si>
    <t>2166663.0</t>
  </si>
  <si>
    <t>1388897.0</t>
  </si>
  <si>
    <t>103.88</t>
  </si>
  <si>
    <t>2671943.0</t>
  </si>
  <si>
    <t>779.842</t>
  </si>
  <si>
    <t>3608144.0</t>
  </si>
  <si>
    <t>2178785.0</t>
  </si>
  <si>
    <t>1429359.0</t>
  </si>
  <si>
    <t>38420.0</t>
  </si>
  <si>
    <t>2689445.0</t>
  </si>
  <si>
    <t>784.951</t>
  </si>
  <si>
    <t>3654739.0</t>
  </si>
  <si>
    <t>2188588.0</t>
  </si>
  <si>
    <t>1466151.0</t>
  </si>
  <si>
    <t>37227.0</t>
  </si>
  <si>
    <t>2706361.0</t>
  </si>
  <si>
    <t>789.888</t>
  </si>
  <si>
    <t>3697579.0</t>
  </si>
  <si>
    <t>2196977.0</t>
  </si>
  <si>
    <t>1500602.0</t>
  </si>
  <si>
    <t>2723312.0</t>
  </si>
  <si>
    <t>794.835</t>
  </si>
  <si>
    <t>3739942.0</t>
  </si>
  <si>
    <t>2206835.0</t>
  </si>
  <si>
    <t>1533107.0</t>
  </si>
  <si>
    <t>2738370.0</t>
  </si>
  <si>
    <t>799.23</t>
  </si>
  <si>
    <t>3779203.0</t>
  </si>
  <si>
    <t>2217128.0</t>
  </si>
  <si>
    <t>1562075.0</t>
  </si>
  <si>
    <t>2752350.0</t>
  </si>
  <si>
    <t>803.31</t>
  </si>
  <si>
    <t>3792367.0</t>
  </si>
  <si>
    <t>2218375.0</t>
  </si>
  <si>
    <t>2762347.0</t>
  </si>
  <si>
    <t>806.228</t>
  </si>
  <si>
    <t>3793646.0</t>
  </si>
  <si>
    <t>2218409.0</t>
  </si>
  <si>
    <t>1575237.0</t>
  </si>
  <si>
    <t>34012.0</t>
  </si>
  <si>
    <t>2773185.0</t>
  </si>
  <si>
    <t>3848160.0</t>
  </si>
  <si>
    <t>2236967.0</t>
  </si>
  <si>
    <t>1611193.0</t>
  </si>
  <si>
    <t>2786369.0</t>
  </si>
  <si>
    <t>813.239</t>
  </si>
  <si>
    <t>3902948.0</t>
  </si>
  <si>
    <t>2256274.0</t>
  </si>
  <si>
    <t>1646674.0</t>
  </si>
  <si>
    <t>35458.0</t>
  </si>
  <si>
    <t>2798530.0</t>
  </si>
  <si>
    <t>816.789</t>
  </si>
  <si>
    <t>3955882.0</t>
  </si>
  <si>
    <t>2275633.0</t>
  </si>
  <si>
    <t>1680249.0</t>
  </si>
  <si>
    <t>2797.4</t>
  </si>
  <si>
    <t>817.285050000059</t>
  </si>
  <si>
    <t>2810994.0</t>
  </si>
  <si>
    <t>820.426</t>
  </si>
  <si>
    <t>4009495.0</t>
  </si>
  <si>
    <t>2291051.0</t>
  </si>
  <si>
    <t>1718444.0</t>
  </si>
  <si>
    <t>2821631.0</t>
  </si>
  <si>
    <t>823.531</t>
  </si>
  <si>
    <t>4063786.0</t>
  </si>
  <si>
    <t>2303340.0</t>
  </si>
  <si>
    <t>1760446.0</t>
  </si>
  <si>
    <t>2831045.0</t>
  </si>
  <si>
    <t>826.279</t>
  </si>
  <si>
    <t>4081963.0</t>
  </si>
  <si>
    <t>2306506.0</t>
  </si>
  <si>
    <t>1775457.0</t>
  </si>
  <si>
    <t>2838647.0</t>
  </si>
  <si>
    <t>828.497</t>
  </si>
  <si>
    <t>4082999.0</t>
  </si>
  <si>
    <t>2306546.0</t>
  </si>
  <si>
    <t>1776453.0</t>
  </si>
  <si>
    <t>119.29</t>
  </si>
  <si>
    <t>2846681.0</t>
  </si>
  <si>
    <t>830.842</t>
  </si>
  <si>
    <t>4133907.0</t>
  </si>
  <si>
    <t>2319089.0</t>
  </si>
  <si>
    <t>1814818.0</t>
  </si>
  <si>
    <t>2857810.0</t>
  </si>
  <si>
    <t>834.09</t>
  </si>
  <si>
    <t>4183202.0</t>
  </si>
  <si>
    <t>2331152.0</t>
  </si>
  <si>
    <t>1852050.0</t>
  </si>
  <si>
    <t>2867253.0</t>
  </si>
  <si>
    <t>836.846</t>
  </si>
  <si>
    <t>4234506.0</t>
  </si>
  <si>
    <t>2340720.0</t>
  </si>
  <si>
    <t>1893786.0</t>
  </si>
  <si>
    <t>2877280.0</t>
  </si>
  <si>
    <t>839.773</t>
  </si>
  <si>
    <t>4264387.0</t>
  </si>
  <si>
    <t>2352938.0</t>
  </si>
  <si>
    <t>1911449.0</t>
  </si>
  <si>
    <t>2886464.0</t>
  </si>
  <si>
    <t>842.453</t>
  </si>
  <si>
    <t>4290218.0</t>
  </si>
  <si>
    <t>2361772.0</t>
  </si>
  <si>
    <t>1928446.0</t>
  </si>
  <si>
    <t>2894650.0</t>
  </si>
  <si>
    <t>844.842</t>
  </si>
  <si>
    <t>4296304.0</t>
  </si>
  <si>
    <t>2364084.0</t>
  </si>
  <si>
    <t>2900631.0</t>
  </si>
  <si>
    <t>846.588</t>
  </si>
  <si>
    <t>4296701.0</t>
  </si>
  <si>
    <t>2364130.0</t>
  </si>
  <si>
    <t>1932571.0</t>
  </si>
  <si>
    <t>2907094.0</t>
  </si>
  <si>
    <t>848.474</t>
  </si>
  <si>
    <t>4348314.0</t>
  </si>
  <si>
    <t>2392768.0</t>
  </si>
  <si>
    <t>1955546.0</t>
  </si>
  <si>
    <t>127.04</t>
  </si>
  <si>
    <t>2916314.0</t>
  </si>
  <si>
    <t>851.165</t>
  </si>
  <si>
    <t>4393170.0</t>
  </si>
  <si>
    <t>2417072.0</t>
  </si>
  <si>
    <t>1976098.0</t>
  </si>
  <si>
    <t>44856.0</t>
  </si>
  <si>
    <t>128.35</t>
  </si>
  <si>
    <t>2925770.0</t>
  </si>
  <si>
    <t>853.925</t>
  </si>
  <si>
    <t>4437466.0</t>
  </si>
  <si>
    <t>2440176.0</t>
  </si>
  <si>
    <t>1997290.0</t>
  </si>
  <si>
    <t>2933026.0</t>
  </si>
  <si>
    <t>856.043</t>
  </si>
  <si>
    <t>4484252.0</t>
  </si>
  <si>
    <t>2458905.0</t>
  </si>
  <si>
    <t>2025347.0</t>
  </si>
  <si>
    <t>2941951.0</t>
  </si>
  <si>
    <t>858.648</t>
  </si>
  <si>
    <t>4533443.0</t>
  </si>
  <si>
    <t>2472511.0</t>
  </si>
  <si>
    <t>2060932.0</t>
  </si>
  <si>
    <t>34746.0</t>
  </si>
  <si>
    <t>132.45</t>
  </si>
  <si>
    <t>2949590.0</t>
  </si>
  <si>
    <t>860.877</t>
  </si>
  <si>
    <t>2474395.0</t>
  </si>
  <si>
    <t>2065888.0</t>
  </si>
  <si>
    <t>2954539.0</t>
  </si>
  <si>
    <t>862.322</t>
  </si>
  <si>
    <t>4540354.0</t>
  </si>
  <si>
    <t>2474422.0</t>
  </si>
  <si>
    <t>2065932.0</t>
  </si>
  <si>
    <t>2960432.0</t>
  </si>
  <si>
    <t>864.042</t>
  </si>
  <si>
    <t>4571369.0</t>
  </si>
  <si>
    <t>2483574.0</t>
  </si>
  <si>
    <t>2087795.0</t>
  </si>
  <si>
    <t>2969545.0</t>
  </si>
  <si>
    <t>866.702</t>
  </si>
  <si>
    <t>4597295.0</t>
  </si>
  <si>
    <t>2493533.0</t>
  </si>
  <si>
    <t>2103762.0</t>
  </si>
  <si>
    <t>2977657.0</t>
  </si>
  <si>
    <t>869.069</t>
  </si>
  <si>
    <t>4621150.0</t>
  </si>
  <si>
    <t>2505897.0</t>
  </si>
  <si>
    <t>2115253.0</t>
  </si>
  <si>
    <t>26241.0</t>
  </si>
  <si>
    <t>2986555.0</t>
  </si>
  <si>
    <t>871.666</t>
  </si>
  <si>
    <t>4648878.0</t>
  </si>
  <si>
    <t>2519831.0</t>
  </si>
  <si>
    <t>2129047.0</t>
  </si>
  <si>
    <t>2995156.0</t>
  </si>
  <si>
    <t>874.177</t>
  </si>
  <si>
    <t>4688759.0</t>
  </si>
  <si>
    <t>2543434.0</t>
  </si>
  <si>
    <t>2145325.0</t>
  </si>
  <si>
    <t>3003340.0</t>
  </si>
  <si>
    <t>876.565</t>
  </si>
  <si>
    <t>4693258.0</t>
  </si>
  <si>
    <t>2545755.0</t>
  </si>
  <si>
    <t>2147503.0</t>
  </si>
  <si>
    <t>3008884.0</t>
  </si>
  <si>
    <t>878.183</t>
  </si>
  <si>
    <t>4694318.0</t>
  </si>
  <si>
    <t>2546762.0</t>
  </si>
  <si>
    <t>2147556.0</t>
  </si>
  <si>
    <t>3016572.0</t>
  </si>
  <si>
    <t>880.427</t>
  </si>
  <si>
    <t>4726531.0</t>
  </si>
  <si>
    <t>2557379.0</t>
  </si>
  <si>
    <t>2169152.0</t>
  </si>
  <si>
    <t>3026242.0</t>
  </si>
  <si>
    <t>883.249</t>
  </si>
  <si>
    <t>4753127.0</t>
  </si>
  <si>
    <t>2563551.0</t>
  </si>
  <si>
    <t>2189576.0</t>
  </si>
  <si>
    <t>138.87</t>
  </si>
  <si>
    <t>3035233.0</t>
  </si>
  <si>
    <t>885.874</t>
  </si>
  <si>
    <t>4775246.0</t>
  </si>
  <si>
    <t>2565340.0</t>
  </si>
  <si>
    <t>2209906.0</t>
  </si>
  <si>
    <t>3044259.0</t>
  </si>
  <si>
    <t>888.508</t>
  </si>
  <si>
    <t>4795327.0</t>
  </si>
  <si>
    <t>2568917.0</t>
  </si>
  <si>
    <t>2226410.0</t>
  </si>
  <si>
    <t>3052370.0</t>
  </si>
  <si>
    <t>890.875</t>
  </si>
  <si>
    <t>4815093.0</t>
  </si>
  <si>
    <t>2574436.0</t>
  </si>
  <si>
    <t>2240657.0</t>
  </si>
  <si>
    <t>3059673.0</t>
  </si>
  <si>
    <t>893.007</t>
  </si>
  <si>
    <t>4820676.0</t>
  </si>
  <si>
    <t>2576733.0</t>
  </si>
  <si>
    <t>2243943.0</t>
  </si>
  <si>
    <t>2895.6</t>
  </si>
  <si>
    <t>845.975044963241</t>
  </si>
  <si>
    <t>3062792.0</t>
  </si>
  <si>
    <t>893.917</t>
  </si>
  <si>
    <t>4820711.0</t>
  </si>
  <si>
    <t>2576743.0</t>
  </si>
  <si>
    <t>2243968.0</t>
  </si>
  <si>
    <t>3070750.0</t>
  </si>
  <si>
    <t>896.24</t>
  </si>
  <si>
    <t>4839060.0</t>
  </si>
  <si>
    <t>2582019.0</t>
  </si>
  <si>
    <t>2257041.0</t>
  </si>
  <si>
    <t>3075699.0</t>
  </si>
  <si>
    <t>897.684</t>
  </si>
  <si>
    <t>4861030.0</t>
  </si>
  <si>
    <t>2588729.0</t>
  </si>
  <si>
    <t>2269530.0</t>
  </si>
  <si>
    <t>3089239.0</t>
  </si>
  <si>
    <t>901.636</t>
  </si>
  <si>
    <t>4877828.0</t>
  </si>
  <si>
    <t>2594296.0</t>
  </si>
  <si>
    <t>2280436.0</t>
  </si>
  <si>
    <t>3102564.0</t>
  </si>
  <si>
    <t>905.525</t>
  </si>
  <si>
    <t>4897833.0</t>
  </si>
  <si>
    <t>2600584.0</t>
  </si>
  <si>
    <t>2294012.0</t>
  </si>
  <si>
    <t>3116342.0</t>
  </si>
  <si>
    <t>909.546</t>
  </si>
  <si>
    <t>4915240.0</t>
  </si>
  <si>
    <t>2608444.0</t>
  </si>
  <si>
    <t>2303419.0</t>
  </si>
  <si>
    <t>3127799.0</t>
  </si>
  <si>
    <t>912.89</t>
  </si>
  <si>
    <t>4918160.0</t>
  </si>
  <si>
    <t>2608959.0</t>
  </si>
  <si>
    <t>2305784.0</t>
  </si>
  <si>
    <t>3137908.0</t>
  </si>
  <si>
    <t>915.841</t>
  </si>
  <si>
    <t>4918286.0</t>
  </si>
  <si>
    <t>2609019.0</t>
  </si>
  <si>
    <t>2305836.0</t>
  </si>
  <si>
    <t>3145617.0</t>
  </si>
  <si>
    <t>918.091</t>
  </si>
  <si>
    <t>4946800.0</t>
  </si>
  <si>
    <t>2610076.0</t>
  </si>
  <si>
    <t>2333139.0</t>
  </si>
  <si>
    <t>3155530.0</t>
  </si>
  <si>
    <t>920.984</t>
  </si>
  <si>
    <t>4970997.0</t>
  </si>
  <si>
    <t>2611227.0</t>
  </si>
  <si>
    <t>2355915.0</t>
  </si>
  <si>
    <t>3166478.0</t>
  </si>
  <si>
    <t>4993928.0</t>
  </si>
  <si>
    <t>2612184.0</t>
  </si>
  <si>
    <t>2377556.0</t>
  </si>
  <si>
    <t>22931.0</t>
  </si>
  <si>
    <t>3177037.0</t>
  </si>
  <si>
    <t>927.261</t>
  </si>
  <si>
    <t>5015606.0</t>
  </si>
  <si>
    <t>2613005.0</t>
  </si>
  <si>
    <t>2396443.0</t>
  </si>
  <si>
    <t>3187267.0</t>
  </si>
  <si>
    <t>930.247</t>
  </si>
  <si>
    <t>5034615.0</t>
  </si>
  <si>
    <t>2613990.0</t>
  </si>
  <si>
    <t>2411004.0</t>
  </si>
  <si>
    <t>3196015.0</t>
  </si>
  <si>
    <t>932.8</t>
  </si>
  <si>
    <t>5036978.0</t>
  </si>
  <si>
    <t>2614075.0</t>
  </si>
  <si>
    <t>2412580.0</t>
  </si>
  <si>
    <t>3202673.0</t>
  </si>
  <si>
    <t>934.743</t>
  </si>
  <si>
    <t>5037095.0</t>
  </si>
  <si>
    <t>2614112.0</t>
  </si>
  <si>
    <t>2412632.0</t>
  </si>
  <si>
    <t>936.704</t>
  </si>
  <si>
    <t>5089082.0</t>
  </si>
  <si>
    <t>2624273.0</t>
  </si>
  <si>
    <t>2423301.0</t>
  </si>
  <si>
    <t>41508.0</t>
  </si>
  <si>
    <t>148.68</t>
  </si>
  <si>
    <t>3219846.0</t>
  </si>
  <si>
    <t>939.755</t>
  </si>
  <si>
    <t>5146595.0</t>
  </si>
  <si>
    <t>2627897.0</t>
  </si>
  <si>
    <t>2432740.0</t>
  </si>
  <si>
    <t>85958.0</t>
  </si>
  <si>
    <t>57513.0</t>
  </si>
  <si>
    <t>3230385.0</t>
  </si>
  <si>
    <t>942.831</t>
  </si>
  <si>
    <t>5204483.0</t>
  </si>
  <si>
    <t>2631026.0</t>
  </si>
  <si>
    <t>2444566.0</t>
  </si>
  <si>
    <t>3240763.0</t>
  </si>
  <si>
    <t>945.86</t>
  </si>
  <si>
    <t>5252033.0</t>
  </si>
  <si>
    <t>2633774.0</t>
  </si>
  <si>
    <t>2457112.0</t>
  </si>
  <si>
    <t>161147.0</t>
  </si>
  <si>
    <t>3250971.0</t>
  </si>
  <si>
    <t>948.84</t>
  </si>
  <si>
    <t>5301392.0</t>
  </si>
  <si>
    <t>2636641.0</t>
  </si>
  <si>
    <t>2479237.0</t>
  </si>
  <si>
    <t>185514.0</t>
  </si>
  <si>
    <t>3259418.0</t>
  </si>
  <si>
    <t>951.305</t>
  </si>
  <si>
    <t>5309782.0</t>
  </si>
  <si>
    <t>2636798.0</t>
  </si>
  <si>
    <t>2481456.0</t>
  </si>
  <si>
    <t>191528.0</t>
  </si>
  <si>
    <t>3266265.0</t>
  </si>
  <si>
    <t>953.303</t>
  </si>
  <si>
    <t>5310738.0</t>
  </si>
  <si>
    <t>2636823.0</t>
  </si>
  <si>
    <t>2482364.0</t>
  </si>
  <si>
    <t>191551.0</t>
  </si>
  <si>
    <t>3272749.0</t>
  </si>
  <si>
    <t>955.196</t>
  </si>
  <si>
    <t>5364591.0</t>
  </si>
  <si>
    <t>2637569.0</t>
  </si>
  <si>
    <t>2492813.0</t>
  </si>
  <si>
    <t>234209.0</t>
  </si>
  <si>
    <t>156.73</t>
  </si>
  <si>
    <t>3281883.0</t>
  </si>
  <si>
    <t>957.862</t>
  </si>
  <si>
    <t>5406633.0</t>
  </si>
  <si>
    <t>2638462.0</t>
  </si>
  <si>
    <t>2498661.0</t>
  </si>
  <si>
    <t>269510.0</t>
  </si>
  <si>
    <t>3289086.0</t>
  </si>
  <si>
    <t>959.964</t>
  </si>
  <si>
    <t>5406706.0</t>
  </si>
  <si>
    <t>2638476.0</t>
  </si>
  <si>
    <t>2498691.0</t>
  </si>
  <si>
    <t>269539.0</t>
  </si>
  <si>
    <t>3294486.0</t>
  </si>
  <si>
    <t>961.54</t>
  </si>
  <si>
    <t>5460842.0</t>
  </si>
  <si>
    <t>2639070.0</t>
  </si>
  <si>
    <t>2503247.0</t>
  </si>
  <si>
    <t>318525.0</t>
  </si>
  <si>
    <t>29830.0</t>
  </si>
  <si>
    <t>3301070.0</t>
  </si>
  <si>
    <t>5504881.0</t>
  </si>
  <si>
    <t>2639670.0</t>
  </si>
  <si>
    <t>2509669.0</t>
  </si>
  <si>
    <t>355542.0</t>
  </si>
  <si>
    <t>3307416.0</t>
  </si>
  <si>
    <t>965.314</t>
  </si>
  <si>
    <t>5512442.0</t>
  </si>
  <si>
    <t>2639736.0</t>
  </si>
  <si>
    <t>2511808.0</t>
  </si>
  <si>
    <t>360898.0</t>
  </si>
  <si>
    <t>3311509.0</t>
  </si>
  <si>
    <t>966.508</t>
  </si>
  <si>
    <t>5513216.0</t>
  </si>
  <si>
    <t>2639741.0</t>
  </si>
  <si>
    <t>2511829.0</t>
  </si>
  <si>
    <t>361646.0</t>
  </si>
  <si>
    <t>28925.0</t>
  </si>
  <si>
    <t>3321241.0</t>
  </si>
  <si>
    <t>969.349</t>
  </si>
  <si>
    <t>5565051.0</t>
  </si>
  <si>
    <t>2642539.0</t>
  </si>
  <si>
    <t>2517514.0</t>
  </si>
  <si>
    <t>404998.0</t>
  </si>
  <si>
    <t>3337941.0</t>
  </si>
  <si>
    <t>974.223</t>
  </si>
  <si>
    <t>5614788.0</t>
  </si>
  <si>
    <t>2643990.0</t>
  </si>
  <si>
    <t>2524009.0</t>
  </si>
  <si>
    <t>446789.0</t>
  </si>
  <si>
    <t>164.04</t>
  </si>
  <si>
    <t>2835.6</t>
  </si>
  <si>
    <t>828.445516472498</t>
  </si>
  <si>
    <t>3348705.0</t>
  </si>
  <si>
    <t>977.365</t>
  </si>
  <si>
    <t>5664740.0</t>
  </si>
  <si>
    <t>2645663.0</t>
  </si>
  <si>
    <t>2529623.0</t>
  </si>
  <si>
    <t>489454.0</t>
  </si>
  <si>
    <t>36862.0</t>
  </si>
  <si>
    <t>3358783.0</t>
  </si>
  <si>
    <t>980.306</t>
  </si>
  <si>
    <t>5714026.0</t>
  </si>
  <si>
    <t>2647448.0</t>
  </si>
  <si>
    <t>2535625.0</t>
  </si>
  <si>
    <t>530953.0</t>
  </si>
  <si>
    <t>3368810.0</t>
  </si>
  <si>
    <t>983.232</t>
  </si>
  <si>
    <t>5762630.0</t>
  </si>
  <si>
    <t>2649321.0</t>
  </si>
  <si>
    <t>2543077.0</t>
  </si>
  <si>
    <t>570232.0</t>
  </si>
  <si>
    <t>3375748.0</t>
  </si>
  <si>
    <t>985.257</t>
  </si>
  <si>
    <t>5769277.0</t>
  </si>
  <si>
    <t>2649590.0</t>
  </si>
  <si>
    <t>2543600.0</t>
  </si>
  <si>
    <t>576087.0</t>
  </si>
  <si>
    <t>3382072.0</t>
  </si>
  <si>
    <t>987.103</t>
  </si>
  <si>
    <t>5769912.0</t>
  </si>
  <si>
    <t>2649720.0</t>
  </si>
  <si>
    <t>2543665.0</t>
  </si>
  <si>
    <t>576527.0</t>
  </si>
  <si>
    <t>3389516.0</t>
  </si>
  <si>
    <t>989.276</t>
  </si>
  <si>
    <t>5809272.0</t>
  </si>
  <si>
    <t>2660024.0</t>
  </si>
  <si>
    <t>2546648.0</t>
  </si>
  <si>
    <t>602600.0</t>
  </si>
  <si>
    <t>3399843.0</t>
  </si>
  <si>
    <t>992.29</t>
  </si>
  <si>
    <t>5844760.0</t>
  </si>
  <si>
    <t>2664664.0</t>
  </si>
  <si>
    <t>2548586.0</t>
  </si>
  <si>
    <t>631510.0</t>
  </si>
  <si>
    <t>35488.0</t>
  </si>
  <si>
    <t>3410169.0</t>
  </si>
  <si>
    <t>995.304</t>
  </si>
  <si>
    <t>5880450.0</t>
  </si>
  <si>
    <t>2668636.0</t>
  </si>
  <si>
    <t>2550312.0</t>
  </si>
  <si>
    <t>661502.0</t>
  </si>
  <si>
    <t>30816.0</t>
  </si>
  <si>
    <t>3419885.0</t>
  </si>
  <si>
    <t>998.139</t>
  </si>
  <si>
    <t>5918734.0</t>
  </si>
  <si>
    <t>2672624.0</t>
  </si>
  <si>
    <t>2551960.0</t>
  </si>
  <si>
    <t>694150.0</t>
  </si>
  <si>
    <t>3428265.0</t>
  </si>
  <si>
    <t>1000.585</t>
  </si>
  <si>
    <t>5948354.0</t>
  </si>
  <si>
    <t>2676123.0</t>
  </si>
  <si>
    <t>2553696.0</t>
  </si>
  <si>
    <t>718535.0</t>
  </si>
  <si>
    <t>3436550.0</t>
  </si>
  <si>
    <t>1003.003</t>
  </si>
  <si>
    <t>5949619.0</t>
  </si>
  <si>
    <t>2676241.0</t>
  </si>
  <si>
    <t>2553746.0</t>
  </si>
  <si>
    <t>719632.0</t>
  </si>
  <si>
    <t>3441678.0</t>
  </si>
  <si>
    <t>1004.5</t>
  </si>
  <si>
    <t>5949636.0</t>
  </si>
  <si>
    <t>2676243.0</t>
  </si>
  <si>
    <t>2553754.0</t>
  </si>
  <si>
    <t>719639.0</t>
  </si>
  <si>
    <t>3448601.0</t>
  </si>
  <si>
    <t>1006.521</t>
  </si>
  <si>
    <t>5972779.0</t>
  </si>
  <si>
    <t>2679841.0</t>
  </si>
  <si>
    <t>2563059.0</t>
  </si>
  <si>
    <t>729879.0</t>
  </si>
  <si>
    <t>3457932.0</t>
  </si>
  <si>
    <t>1009.244</t>
  </si>
  <si>
    <t>5984090.0</t>
  </si>
  <si>
    <t>2680874.0</t>
  </si>
  <si>
    <t>2566551.0</t>
  </si>
  <si>
    <t>736665.0</t>
  </si>
  <si>
    <t>3468284.0</t>
  </si>
  <si>
    <t>1012.265</t>
  </si>
  <si>
    <t>5990977.0</t>
  </si>
  <si>
    <t>2681529.0</t>
  </si>
  <si>
    <t>2568800.0</t>
  </si>
  <si>
    <t>740648.0</t>
  </si>
  <si>
    <t>175.03</t>
  </si>
  <si>
    <t>3475923.0</t>
  </si>
  <si>
    <t>1014.495</t>
  </si>
  <si>
    <t>6015123.0</t>
  </si>
  <si>
    <t>2682613.0</t>
  </si>
  <si>
    <t>2571707.0</t>
  </si>
  <si>
    <t>760803.0</t>
  </si>
  <si>
    <t>3484581.0</t>
  </si>
  <si>
    <t>1017.022</t>
  </si>
  <si>
    <t>6049837.0</t>
  </si>
  <si>
    <t>2684515.0</t>
  </si>
  <si>
    <t>2575011.0</t>
  </si>
  <si>
    <t>790311.0</t>
  </si>
  <si>
    <t>3492663.0</t>
  </si>
  <si>
    <t>1019.381</t>
  </si>
  <si>
    <t>6050124.0</t>
  </si>
  <si>
    <t>2684551.0</t>
  </si>
  <si>
    <t>2575091.0</t>
  </si>
  <si>
    <t>790482.0</t>
  </si>
  <si>
    <t>176.76</t>
  </si>
  <si>
    <t>3498166.0</t>
  </si>
  <si>
    <t>1020.987</t>
  </si>
  <si>
    <t>6050133.0</t>
  </si>
  <si>
    <t>2684552.0</t>
  </si>
  <si>
    <t>2575097.0</t>
  </si>
  <si>
    <t>790484.0</t>
  </si>
  <si>
    <t>3505156.0</t>
  </si>
  <si>
    <t>1023.027</t>
  </si>
  <si>
    <t>6075143.0</t>
  </si>
  <si>
    <t>2687184.0</t>
  </si>
  <si>
    <t>2576099.0</t>
  </si>
  <si>
    <t>3514278.0</t>
  </si>
  <si>
    <t>1025.689</t>
  </si>
  <si>
    <t>6102256.0</t>
  </si>
  <si>
    <t>2688659.0</t>
  </si>
  <si>
    <t>2577095.0</t>
  </si>
  <si>
    <t>836502.0</t>
  </si>
  <si>
    <t>3522695.0</t>
  </si>
  <si>
    <t>1028.146</t>
  </si>
  <si>
    <t>6132707.0</t>
  </si>
  <si>
    <t>2690039.0</t>
  </si>
  <si>
    <t>2577622.0</t>
  </si>
  <si>
    <t>865046.0</t>
  </si>
  <si>
    <t>3529899.0</t>
  </si>
  <si>
    <t>1030.248</t>
  </si>
  <si>
    <t>6162023.0</t>
  </si>
  <si>
    <t>2690873.0</t>
  </si>
  <si>
    <t>2578197.0</t>
  </si>
  <si>
    <t>892953.0</t>
  </si>
  <si>
    <t>3537653.0</t>
  </si>
  <si>
    <t>1032.512</t>
  </si>
  <si>
    <t>6195211.0</t>
  </si>
  <si>
    <t>2692902.0</t>
  </si>
  <si>
    <t>2579068.0</t>
  </si>
  <si>
    <t>923241.0</t>
  </si>
  <si>
    <t>3544067.0</t>
  </si>
  <si>
    <t>1034.384</t>
  </si>
  <si>
    <t>6195808.0</t>
  </si>
  <si>
    <t>2692924.0</t>
  </si>
  <si>
    <t>2579085.0</t>
  </si>
  <si>
    <t>923799.0</t>
  </si>
  <si>
    <t>3549109.0</t>
  </si>
  <si>
    <t>1035.855</t>
  </si>
  <si>
    <t>6196357.0</t>
  </si>
  <si>
    <t>2692993.0</t>
  </si>
  <si>
    <t>2579097.0</t>
  </si>
  <si>
    <t>924267.0</t>
  </si>
  <si>
    <t>3555464.0</t>
  </si>
  <si>
    <t>1037.71</t>
  </si>
  <si>
    <t>6225938.0</t>
  </si>
  <si>
    <t>2696407.0</t>
  </si>
  <si>
    <t>2582252.0</t>
  </si>
  <si>
    <t>947279.0</t>
  </si>
  <si>
    <t>3563395.0</t>
  </si>
  <si>
    <t>1040.025</t>
  </si>
  <si>
    <t>6250225.0</t>
  </si>
  <si>
    <t>2697627.0</t>
  </si>
  <si>
    <t>2583916.0</t>
  </si>
  <si>
    <t>968682.0</t>
  </si>
  <si>
    <t>3571313.0</t>
  </si>
  <si>
    <t>1042.336</t>
  </si>
  <si>
    <t>6274419.0</t>
  </si>
  <si>
    <t>2698406.0</t>
  </si>
  <si>
    <t>2585240.0</t>
  </si>
  <si>
    <t>990773.0</t>
  </si>
  <si>
    <t>3579458.0</t>
  </si>
  <si>
    <t>1044.713</t>
  </si>
  <si>
    <t>6294558.0</t>
  </si>
  <si>
    <t>2699317.0</t>
  </si>
  <si>
    <t>2586949.0</t>
  </si>
  <si>
    <t>1008292.0</t>
  </si>
  <si>
    <t>2742.4</t>
  </si>
  <si>
    <t>801.216315550211</t>
  </si>
  <si>
    <t>3588440.0</t>
  </si>
  <si>
    <t>1047.334</t>
  </si>
  <si>
    <t>6315211.0</t>
  </si>
  <si>
    <t>2700657.0</t>
  </si>
  <si>
    <t>2588606.0</t>
  </si>
  <si>
    <t>1025948.0</t>
  </si>
  <si>
    <t>3595302.0</t>
  </si>
  <si>
    <t>1049.337</t>
  </si>
  <si>
    <t>6316010.0</t>
  </si>
  <si>
    <t>2700729.0</t>
  </si>
  <si>
    <t>2588805.0</t>
  </si>
  <si>
    <t>1026476.0</t>
  </si>
  <si>
    <t>3600506.0</t>
  </si>
  <si>
    <t>1050.856</t>
  </si>
  <si>
    <t>6316446.0</t>
  </si>
  <si>
    <t>2700789.0</t>
  </si>
  <si>
    <t>2588911.0</t>
  </si>
  <si>
    <t>1026746.0</t>
  </si>
  <si>
    <t>184.54</t>
  </si>
  <si>
    <t>3606667.0</t>
  </si>
  <si>
    <t>1052.654</t>
  </si>
  <si>
    <t>6341514.0</t>
  </si>
  <si>
    <t>2702363.0</t>
  </si>
  <si>
    <t>2598207.0</t>
  </si>
  <si>
    <t>1040944.0</t>
  </si>
  <si>
    <t>3614835.0</t>
  </si>
  <si>
    <t>1055.038</t>
  </si>
  <si>
    <t>6365194.0</t>
  </si>
  <si>
    <t>2702768.0</t>
  </si>
  <si>
    <t>2602360.0</t>
  </si>
  <si>
    <t>1060066.0</t>
  </si>
  <si>
    <t>3623831.0</t>
  </si>
  <si>
    <t>1057.664</t>
  </si>
  <si>
    <t>6386549.0</t>
  </si>
  <si>
    <t>2704271.0</t>
  </si>
  <si>
    <t>2605866.0</t>
  </si>
  <si>
    <t>1076412.0</t>
  </si>
  <si>
    <t>3631338.0</t>
  </si>
  <si>
    <t>1059.855</t>
  </si>
  <si>
    <t>6409139.0</t>
  </si>
  <si>
    <t>2705469.0</t>
  </si>
  <si>
    <t>2609401.0</t>
  </si>
  <si>
    <t>1094269.0</t>
  </si>
  <si>
    <t>187.25</t>
  </si>
  <si>
    <t>3639297.0</t>
  </si>
  <si>
    <t>1062.178</t>
  </si>
  <si>
    <t>6434136.0</t>
  </si>
  <si>
    <t>2707158.0</t>
  </si>
  <si>
    <t>2612742.0</t>
  </si>
  <si>
    <t>1114236.0</t>
  </si>
  <si>
    <t>3645959.0</t>
  </si>
  <si>
    <t>1064.122</t>
  </si>
  <si>
    <t>6434868.0</t>
  </si>
  <si>
    <t>2707265.0</t>
  </si>
  <si>
    <t>2612863.0</t>
  </si>
  <si>
    <t>1114740.0</t>
  </si>
  <si>
    <t>3650199.0</t>
  </si>
  <si>
    <t>1065.36</t>
  </si>
  <si>
    <t>6435157.0</t>
  </si>
  <si>
    <t>2707278.0</t>
  </si>
  <si>
    <t>2612876.0</t>
  </si>
  <si>
    <t>1115003.0</t>
  </si>
  <si>
    <t>3654898.0</t>
  </si>
  <si>
    <t>1066.731</t>
  </si>
  <si>
    <t>6442304.0</t>
  </si>
  <si>
    <t>2708452.0</t>
  </si>
  <si>
    <t>2615736.0</t>
  </si>
  <si>
    <t>1118116.0</t>
  </si>
  <si>
    <t>3661835.0</t>
  </si>
  <si>
    <t>1068.756</t>
  </si>
  <si>
    <t>6453898.0</t>
  </si>
  <si>
    <t>2710746.0</t>
  </si>
  <si>
    <t>2617210.0</t>
  </si>
  <si>
    <t>1125942.0</t>
  </si>
  <si>
    <t>3672772.0</t>
  </si>
  <si>
    <t>1071.948</t>
  </si>
  <si>
    <t>6473224.0</t>
  </si>
  <si>
    <t>2711895.0</t>
  </si>
  <si>
    <t>2618187.0</t>
  </si>
  <si>
    <t>1143142.0</t>
  </si>
  <si>
    <t>3682870.0</t>
  </si>
  <si>
    <t>1074.895</t>
  </si>
  <si>
    <t>6495910.0</t>
  </si>
  <si>
    <t>2713444.0</t>
  </si>
  <si>
    <t>2619409.0</t>
  </si>
  <si>
    <t>1163057.0</t>
  </si>
  <si>
    <t>3691420.0</t>
  </si>
  <si>
    <t>1077.391</t>
  </si>
  <si>
    <t>6514225.0</t>
  </si>
  <si>
    <t>2715792.0</t>
  </si>
  <si>
    <t>2621651.0</t>
  </si>
  <si>
    <t>1176782.0</t>
  </si>
  <si>
    <t>190.32</t>
  </si>
  <si>
    <t>3699148.0</t>
  </si>
  <si>
    <t>1079.646</t>
  </si>
  <si>
    <t>6514385.0</t>
  </si>
  <si>
    <t>2715829.0</t>
  </si>
  <si>
    <t>2621681.0</t>
  </si>
  <si>
    <t>1176875.0</t>
  </si>
  <si>
    <t>3704612.0</t>
  </si>
  <si>
    <t>1081.241</t>
  </si>
  <si>
    <t>6514405.0</t>
  </si>
  <si>
    <t>2715833.0</t>
  </si>
  <si>
    <t>1176891.0</t>
  </si>
  <si>
    <t>3711350.0</t>
  </si>
  <si>
    <t>6531505.0</t>
  </si>
  <si>
    <t>2717470.0</t>
  </si>
  <si>
    <t>2624536.0</t>
  </si>
  <si>
    <t>1189499.0</t>
  </si>
  <si>
    <t>3721019.0</t>
  </si>
  <si>
    <t>1086.029</t>
  </si>
  <si>
    <t>6546762.0</t>
  </si>
  <si>
    <t>2718248.0</t>
  </si>
  <si>
    <t>2626021.0</t>
  </si>
  <si>
    <t>1202493.0</t>
  </si>
  <si>
    <t>3731128.0</t>
  </si>
  <si>
    <t>1088.98</t>
  </si>
  <si>
    <t>6549328.0</t>
  </si>
  <si>
    <t>2718406.0</t>
  </si>
  <si>
    <t>2626483.0</t>
  </si>
  <si>
    <t>1204439.0</t>
  </si>
  <si>
    <t>3741274.0</t>
  </si>
  <si>
    <t>1091.941</t>
  </si>
  <si>
    <t>6563878.0</t>
  </si>
  <si>
    <t>2718960.0</t>
  </si>
  <si>
    <t>2627666.0</t>
  </si>
  <si>
    <t>1217252.0</t>
  </si>
  <si>
    <t>3750576.0</t>
  </si>
  <si>
    <t>1094.656</t>
  </si>
  <si>
    <t>6588468.0</t>
  </si>
  <si>
    <t>2720551.0</t>
  </si>
  <si>
    <t>2629934.0</t>
  </si>
  <si>
    <t>1237983.0</t>
  </si>
  <si>
    <t>24590.0</t>
  </si>
  <si>
    <t>3758681.0</t>
  </si>
  <si>
    <t>1097.022</t>
  </si>
  <si>
    <t>6588490.0</t>
  </si>
  <si>
    <t>2720554.0</t>
  </si>
  <si>
    <t>2629943.0</t>
  </si>
  <si>
    <t>1237993.0</t>
  </si>
  <si>
    <t>3764327.0</t>
  </si>
  <si>
    <t>1098.669</t>
  </si>
  <si>
    <t>6588580.0</t>
  </si>
  <si>
    <t>2720559.0</t>
  </si>
  <si>
    <t>2630004.0</t>
  </si>
  <si>
    <t>1238017.0</t>
  </si>
  <si>
    <t>3770902.0</t>
  </si>
  <si>
    <t>1100.588</t>
  </si>
  <si>
    <t>6603465.0</t>
  </si>
  <si>
    <t>2722290.0</t>
  </si>
  <si>
    <t>1248138.0</t>
  </si>
  <si>
    <t>14885.0</t>
  </si>
  <si>
    <t>3781036.0</t>
  </si>
  <si>
    <t>1103.546</t>
  </si>
  <si>
    <t>6615465.0</t>
  </si>
  <si>
    <t>2723022.0</t>
  </si>
  <si>
    <t>1258413.0</t>
  </si>
  <si>
    <t>3791900.0</t>
  </si>
  <si>
    <t>1106.717</t>
  </si>
  <si>
    <t>6627900.0</t>
  </si>
  <si>
    <t>2723434.0</t>
  </si>
  <si>
    <t>2635000.0</t>
  </si>
  <si>
    <t>1269466.0</t>
  </si>
  <si>
    <t>3802549.0</t>
  </si>
  <si>
    <t>1109.825</t>
  </si>
  <si>
    <t>6637843.0</t>
  </si>
  <si>
    <t>2723992.0</t>
  </si>
  <si>
    <t>2635911.0</t>
  </si>
  <si>
    <t>1277940.0</t>
  </si>
  <si>
    <t>3813160.0</t>
  </si>
  <si>
    <t>1112.922</t>
  </si>
  <si>
    <t>6657580.0</t>
  </si>
  <si>
    <t>2725121.0</t>
  </si>
  <si>
    <t>2637658.0</t>
  </si>
  <si>
    <t>1294801.0</t>
  </si>
  <si>
    <t>3823256.0</t>
  </si>
  <si>
    <t>1115.869</t>
  </si>
  <si>
    <t>2725172.0</t>
  </si>
  <si>
    <t>2637704.0</t>
  </si>
  <si>
    <t>1294976.0</t>
  </si>
  <si>
    <t>3830140.0</t>
  </si>
  <si>
    <t>1117.878</t>
  </si>
  <si>
    <t>6657865.0</t>
  </si>
  <si>
    <t>2725175.0</t>
  </si>
  <si>
    <t>2637708.0</t>
  </si>
  <si>
    <t>1294982.0</t>
  </si>
  <si>
    <t>2593.6</t>
  </si>
  <si>
    <t>757.743084893169</t>
  </si>
  <si>
    <t>3837154.0</t>
  </si>
  <si>
    <t>1119.925</t>
  </si>
  <si>
    <t>6665206.0</t>
  </si>
  <si>
    <t>2726949.0</t>
  </si>
  <si>
    <t>2638870.0</t>
  </si>
  <si>
    <t>1299387.0</t>
  </si>
  <si>
    <t>3846650.0</t>
  </si>
  <si>
    <t>1122.696</t>
  </si>
  <si>
    <t>6665231.0</t>
  </si>
  <si>
    <t>2726955.0</t>
  </si>
  <si>
    <t>2638874.0</t>
  </si>
  <si>
    <t>1299402.0</t>
  </si>
  <si>
    <t>3855689.0</t>
  </si>
  <si>
    <t>1125.335</t>
  </si>
  <si>
    <t>6672844.0</t>
  </si>
  <si>
    <t>2727787.0</t>
  </si>
  <si>
    <t>2640273.0</t>
  </si>
  <si>
    <t>1304784.0</t>
  </si>
  <si>
    <t>3868209.0</t>
  </si>
  <si>
    <t>1128.989</t>
  </si>
  <si>
    <t>6682398.0</t>
  </si>
  <si>
    <t>2728619.0</t>
  </si>
  <si>
    <t>2641412.0</t>
  </si>
  <si>
    <t>1312367.0</t>
  </si>
  <si>
    <t>3878440.0</t>
  </si>
  <si>
    <t>1131.975</t>
  </si>
  <si>
    <t>6699517.0</t>
  </si>
  <si>
    <t>2730594.0</t>
  </si>
  <si>
    <t>2643402.0</t>
  </si>
  <si>
    <t>1325521.0</t>
  </si>
  <si>
    <t>195.73</t>
  </si>
  <si>
    <t>3888058.0</t>
  </si>
  <si>
    <t>1134.782</t>
  </si>
  <si>
    <t>6699883.0</t>
  </si>
  <si>
    <t>2643490.0</t>
  </si>
  <si>
    <t>1325763.0</t>
  </si>
  <si>
    <t>195.74</t>
  </si>
  <si>
    <t>3895096.0</t>
  </si>
  <si>
    <t>1136.836</t>
  </si>
  <si>
    <t>6699891.0</t>
  </si>
  <si>
    <t>2643492.0</t>
  </si>
  <si>
    <t>1325769.0</t>
  </si>
  <si>
    <t>3902048.0</t>
  </si>
  <si>
    <t>1138.865</t>
  </si>
  <si>
    <t>6705434.0</t>
  </si>
  <si>
    <t>2730966.0</t>
  </si>
  <si>
    <t>2644791.0</t>
  </si>
  <si>
    <t>1329677.0</t>
  </si>
  <si>
    <t>3912742.0</t>
  </si>
  <si>
    <t>1141.986</t>
  </si>
  <si>
    <t>6713411.0</t>
  </si>
  <si>
    <t>2731516.0</t>
  </si>
  <si>
    <t>2646922.0</t>
  </si>
  <si>
    <t>1334973.0</t>
  </si>
  <si>
    <t>3922559.0</t>
  </si>
  <si>
    <t>1144.852</t>
  </si>
  <si>
    <t>6718795.0</t>
  </si>
  <si>
    <t>2732694.0</t>
  </si>
  <si>
    <t>2648056.0</t>
  </si>
  <si>
    <t>1338045.0</t>
  </si>
  <si>
    <t>3932637.0</t>
  </si>
  <si>
    <t>1147.793</t>
  </si>
  <si>
    <t>6727153.0</t>
  </si>
  <si>
    <t>2733803.0</t>
  </si>
  <si>
    <t>2649638.0</t>
  </si>
  <si>
    <t>1343712.0</t>
  </si>
  <si>
    <t>3942421.0</t>
  </si>
  <si>
    <t>1150.649</t>
  </si>
  <si>
    <t>6739654.0</t>
  </si>
  <si>
    <t>2736179.0</t>
  </si>
  <si>
    <t>2652100.0</t>
  </si>
  <si>
    <t>1351375.0</t>
  </si>
  <si>
    <t>3952285.0</t>
  </si>
  <si>
    <t>1153.527</t>
  </si>
  <si>
    <t>6739782.0</t>
  </si>
  <si>
    <t>2736201.0</t>
  </si>
  <si>
    <t>2652142.0</t>
  </si>
  <si>
    <t>1351439.0</t>
  </si>
  <si>
    <t>3958464.0</t>
  </si>
  <si>
    <t>1155.331</t>
  </si>
  <si>
    <t>6739792.0</t>
  </si>
  <si>
    <t>2736208.0</t>
  </si>
  <si>
    <t>1351442.0</t>
  </si>
  <si>
    <t>3965678.0</t>
  </si>
  <si>
    <t>1157.436</t>
  </si>
  <si>
    <t>6742542.0</t>
  </si>
  <si>
    <t>2736641.0</t>
  </si>
  <si>
    <t>2653350.0</t>
  </si>
  <si>
    <t>1352551.0</t>
  </si>
  <si>
    <t>3974984.0</t>
  </si>
  <si>
    <t>1160.152</t>
  </si>
  <si>
    <t>6745503.0</t>
  </si>
  <si>
    <t>2737385.0</t>
  </si>
  <si>
    <t>2653994.0</t>
  </si>
  <si>
    <t>1354124.0</t>
  </si>
  <si>
    <t>3986157.0</t>
  </si>
  <si>
    <t>1163.413</t>
  </si>
  <si>
    <t>6747894.0</t>
  </si>
  <si>
    <t>2737623.0</t>
  </si>
  <si>
    <t>2654196.0</t>
  </si>
  <si>
    <t>1356075.0</t>
  </si>
  <si>
    <t>197.15</t>
  </si>
  <si>
    <t>3996281.0</t>
  </si>
  <si>
    <t>1166.368</t>
  </si>
  <si>
    <t>6756070.0</t>
  </si>
  <si>
    <t>2738298.0</t>
  </si>
  <si>
    <t>2654898.0</t>
  </si>
  <si>
    <t>1362874.0</t>
  </si>
  <si>
    <t>4006409.0</t>
  </si>
  <si>
    <t>1169.324</t>
  </si>
  <si>
    <t>6766259.0</t>
  </si>
  <si>
    <t>2740666.0</t>
  </si>
  <si>
    <t>2656578.0</t>
  </si>
  <si>
    <t>1369015.0</t>
  </si>
  <si>
    <t>4014988.0</t>
  </si>
  <si>
    <t>1171.828</t>
  </si>
  <si>
    <t>6766281.0</t>
  </si>
  <si>
    <t>2740669.0</t>
  </si>
  <si>
    <t>2656587.0</t>
  </si>
  <si>
    <t>1369025.0</t>
  </si>
  <si>
    <t>4020932.0</t>
  </si>
  <si>
    <t>1173.563</t>
  </si>
  <si>
    <t>6766296.0</t>
  </si>
  <si>
    <t>2740673.0</t>
  </si>
  <si>
    <t>2656592.0</t>
  </si>
  <si>
    <t>1369031.0</t>
  </si>
  <si>
    <t>4028743.0</t>
  </si>
  <si>
    <t>1175.843</t>
  </si>
  <si>
    <t>6769740.0</t>
  </si>
  <si>
    <t>2741432.0</t>
  </si>
  <si>
    <t>2657938.0</t>
  </si>
  <si>
    <t>1370370.0</t>
  </si>
  <si>
    <t>197.78</t>
  </si>
  <si>
    <t>4039011.0</t>
  </si>
  <si>
    <t>1178.84</t>
  </si>
  <si>
    <t>6773200.0</t>
  </si>
  <si>
    <t>2742056.0</t>
  </si>
  <si>
    <t>2658684.0</t>
  </si>
  <si>
    <t>1372460.0</t>
  </si>
  <si>
    <t>4049307.0</t>
  </si>
  <si>
    <t>1181.845</t>
  </si>
  <si>
    <t>6779803.0</t>
  </si>
  <si>
    <t>2742598.0</t>
  </si>
  <si>
    <t>2659150.0</t>
  </si>
  <si>
    <t>1378055.0</t>
  </si>
  <si>
    <t>4060049.0</t>
  </si>
  <si>
    <t>1184.98</t>
  </si>
  <si>
    <t>6788916.0</t>
  </si>
  <si>
    <t>2742921.0</t>
  </si>
  <si>
    <t>2659675.0</t>
  </si>
  <si>
    <t>1386320.0</t>
  </si>
  <si>
    <t>4069987.0</t>
  </si>
  <si>
    <t>1187.88</t>
  </si>
  <si>
    <t>6796494.0</t>
  </si>
  <si>
    <t>2743212.0</t>
  </si>
  <si>
    <t>2660886.0</t>
  </si>
  <si>
    <t>1392396.0</t>
  </si>
  <si>
    <t>4079482.0</t>
  </si>
  <si>
    <t>1190.652</t>
  </si>
  <si>
    <t>6796611.0</t>
  </si>
  <si>
    <t>2743217.0</t>
  </si>
  <si>
    <t>2660932.0</t>
  </si>
  <si>
    <t>1392462.0</t>
  </si>
  <si>
    <t>4086376.0</t>
  </si>
  <si>
    <t>1192.664</t>
  </si>
  <si>
    <t>6796623.0</t>
  </si>
  <si>
    <t>1392474.0</t>
  </si>
  <si>
    <t>4094391.0</t>
  </si>
  <si>
    <t>1195.003</t>
  </si>
  <si>
    <t>6800773.0</t>
  </si>
  <si>
    <t>2743372.0</t>
  </si>
  <si>
    <t>2662422.0</t>
  </si>
  <si>
    <t>1394979.0</t>
  </si>
  <si>
    <t>4104909.0</t>
  </si>
  <si>
    <t>1198.073</t>
  </si>
  <si>
    <t>6804314.0</t>
  </si>
  <si>
    <t>2744534.0</t>
  </si>
  <si>
    <t>2662650.0</t>
  </si>
  <si>
    <t>1397130.0</t>
  </si>
  <si>
    <t>2706.2</t>
  </si>
  <si>
    <t>790.64016669413</t>
  </si>
  <si>
    <t>4114672.0</t>
  </si>
  <si>
    <t>1200.922</t>
  </si>
  <si>
    <t>6810825.0</t>
  </si>
  <si>
    <t>2744674.0</t>
  </si>
  <si>
    <t>2663332.0</t>
  </si>
  <si>
    <t>1402819.0</t>
  </si>
  <si>
    <t>4124654.0</t>
  </si>
  <si>
    <t>1203.836</t>
  </si>
  <si>
    <t>6820556.0</t>
  </si>
  <si>
    <t>2744883.0</t>
  </si>
  <si>
    <t>2664110.0</t>
  </si>
  <si>
    <t>1411563.0</t>
  </si>
  <si>
    <t>4134357.0</t>
  </si>
  <si>
    <t>1206.668</t>
  </si>
  <si>
    <t>6840745.0</t>
  </si>
  <si>
    <t>2745360.0</t>
  </si>
  <si>
    <t>2666181.0</t>
  </si>
  <si>
    <t>1429204.0</t>
  </si>
  <si>
    <t>4141668.0</t>
  </si>
  <si>
    <t>1208.801</t>
  </si>
  <si>
    <t>6840892.0</t>
  </si>
  <si>
    <t>2745366.0</t>
  </si>
  <si>
    <t>2666198.0</t>
  </si>
  <si>
    <t>1429328.0</t>
  </si>
  <si>
    <t>4148165.0</t>
  </si>
  <si>
    <t>1210.698</t>
  </si>
  <si>
    <t>6840906.0</t>
  </si>
  <si>
    <t>2745368.0</t>
  </si>
  <si>
    <t>2666200.0</t>
  </si>
  <si>
    <t>1429338.0</t>
  </si>
  <si>
    <t>4154726.0</t>
  </si>
  <si>
    <t>1212.613</t>
  </si>
  <si>
    <t>6842962.0</t>
  </si>
  <si>
    <t>2746279.0</t>
  </si>
  <si>
    <t>2666440.0</t>
  </si>
  <si>
    <t>1430243.0</t>
  </si>
  <si>
    <t>4163613.0</t>
  </si>
  <si>
    <t>1215.206</t>
  </si>
  <si>
    <t>6846451.0</t>
  </si>
  <si>
    <t>2747270.0</t>
  </si>
  <si>
    <t>2666918.0</t>
  </si>
  <si>
    <t>1432263.0</t>
  </si>
  <si>
    <t>4172603.0</t>
  </si>
  <si>
    <t>1217.83</t>
  </si>
  <si>
    <t>6852667.0</t>
  </si>
  <si>
    <t>2747452.0</t>
  </si>
  <si>
    <t>2668004.0</t>
  </si>
  <si>
    <t>1437211.0</t>
  </si>
  <si>
    <t>4181104.0</t>
  </si>
  <si>
    <t>1220.311</t>
  </si>
  <si>
    <t>6859734.0</t>
  </si>
  <si>
    <t>2747704.0</t>
  </si>
  <si>
    <t>2669030.0</t>
  </si>
  <si>
    <t>1443000.0</t>
  </si>
  <si>
    <t>4191000.0</t>
  </si>
  <si>
    <t>1223.2</t>
  </si>
  <si>
    <t>6871248.0</t>
  </si>
  <si>
    <t>2747953.0</t>
  </si>
  <si>
    <t>2670938.0</t>
  </si>
  <si>
    <t>1452357.0</t>
  </si>
  <si>
    <t>4197967.0</t>
  </si>
  <si>
    <t>1225.233</t>
  </si>
  <si>
    <t>6871347.0</t>
  </si>
  <si>
    <t>2747957.0</t>
  </si>
  <si>
    <t>2670954.0</t>
  </si>
  <si>
    <t>1452436.0</t>
  </si>
  <si>
    <t>4208084.0</t>
  </si>
  <si>
    <t>1228.186</t>
  </si>
  <si>
    <t>2747961.0</t>
  </si>
  <si>
    <t>2670955.0</t>
  </si>
  <si>
    <t>1452440.0</t>
  </si>
  <si>
    <t>4215226.0</t>
  </si>
  <si>
    <t>1230.27</t>
  </si>
  <si>
    <t>6879175.0</t>
  </si>
  <si>
    <t>2749972.0</t>
  </si>
  <si>
    <t>2671441.0</t>
  </si>
  <si>
    <t>1457762.0</t>
  </si>
  <si>
    <t>4226091.0</t>
  </si>
  <si>
    <t>1233.441</t>
  </si>
  <si>
    <t>6887949.0</t>
  </si>
  <si>
    <t>2750643.0</t>
  </si>
  <si>
    <t>2672256.0</t>
  </si>
  <si>
    <t>1465050.0</t>
  </si>
  <si>
    <t>4236075.0</t>
  </si>
  <si>
    <t>1236.355</t>
  </si>
  <si>
    <t>6891911.0</t>
  </si>
  <si>
    <t>2751157.0</t>
  </si>
  <si>
    <t>2672576.0</t>
  </si>
  <si>
    <t>1468178.0</t>
  </si>
  <si>
    <t>4245268.0</t>
  </si>
  <si>
    <t>1239.038</t>
  </si>
  <si>
    <t>6899908.0</t>
  </si>
  <si>
    <t>2752273.0</t>
  </si>
  <si>
    <t>2673231.0</t>
  </si>
  <si>
    <t>1474404.0</t>
  </si>
  <si>
    <t>4255365.0</t>
  </si>
  <si>
    <t>1241.985</t>
  </si>
  <si>
    <t>6913514.0</t>
  </si>
  <si>
    <t>2754383.0</t>
  </si>
  <si>
    <t>2675241.0</t>
  </si>
  <si>
    <t>4265190.0</t>
  </si>
  <si>
    <t>1244.853</t>
  </si>
  <si>
    <t>6913641.0</t>
  </si>
  <si>
    <t>2754412.0</t>
  </si>
  <si>
    <t>2675249.0</t>
  </si>
  <si>
    <t>1483980.0</t>
  </si>
  <si>
    <t>4272302.0</t>
  </si>
  <si>
    <t>1246.929</t>
  </si>
  <si>
    <t>6913648.0</t>
  </si>
  <si>
    <t>2675250.0</t>
  </si>
  <si>
    <t>1483986.0</t>
  </si>
  <si>
    <t>4281924.0</t>
  </si>
  <si>
    <t>1249.737</t>
  </si>
  <si>
    <t>6926763.0</t>
  </si>
  <si>
    <t>2755596.0</t>
  </si>
  <si>
    <t>2676006.0</t>
  </si>
  <si>
    <t>1495161.0</t>
  </si>
  <si>
    <t>202.37</t>
  </si>
  <si>
    <t>4292556.0</t>
  </si>
  <si>
    <t>1252.84</t>
  </si>
  <si>
    <t>6933963.0</t>
  </si>
  <si>
    <t>2755919.0</t>
  </si>
  <si>
    <t>2676681.0</t>
  </si>
  <si>
    <t>1501363.0</t>
  </si>
  <si>
    <t>4303952.0</t>
  </si>
  <si>
    <t>1256.166</t>
  </si>
  <si>
    <t>6945258.0</t>
  </si>
  <si>
    <t>2756575.0</t>
  </si>
  <si>
    <t>2677302.0</t>
  </si>
  <si>
    <t>1511381.0</t>
  </si>
  <si>
    <t>4313388.0</t>
  </si>
  <si>
    <t>1258.92</t>
  </si>
  <si>
    <t>6945749.0</t>
  </si>
  <si>
    <t>2756621.0</t>
  </si>
  <si>
    <t>2677385.0</t>
  </si>
  <si>
    <t>1511743.0</t>
  </si>
  <si>
    <t>4324792.0</t>
  </si>
  <si>
    <t>1262.249</t>
  </si>
  <si>
    <t>6945770.0</t>
  </si>
  <si>
    <t>2756629.0</t>
  </si>
  <si>
    <t>2677387.0</t>
  </si>
  <si>
    <t>1511754.0</t>
  </si>
  <si>
    <t>4330146.0</t>
  </si>
  <si>
    <t>1263.811</t>
  </si>
  <si>
    <t>6945774.0</t>
  </si>
  <si>
    <t>2677388.0</t>
  </si>
  <si>
    <t>1511757.0</t>
  </si>
  <si>
    <t>4333651.0</t>
  </si>
  <si>
    <t>1264.834</t>
  </si>
  <si>
    <t>6945787.0</t>
  </si>
  <si>
    <t>2756637.0</t>
  </si>
  <si>
    <t>1511761.0</t>
  </si>
  <si>
    <t>4343489.0</t>
  </si>
  <si>
    <t>1267.706</t>
  </si>
  <si>
    <t>6954673.0</t>
  </si>
  <si>
    <t>2757580.0</t>
  </si>
  <si>
    <t>2677632.0</t>
  </si>
  <si>
    <t>1519461.0</t>
  </si>
  <si>
    <t>4356536.0</t>
  </si>
  <si>
    <t>1271.514</t>
  </si>
  <si>
    <t>6959006.0</t>
  </si>
  <si>
    <t>2757986.0</t>
  </si>
  <si>
    <t>2678546.0</t>
  </si>
  <si>
    <t>1522474.0</t>
  </si>
  <si>
    <t>4375507.0</t>
  </si>
  <si>
    <t>1277.05</t>
  </si>
  <si>
    <t>6971067.0</t>
  </si>
  <si>
    <t>2758345.0</t>
  </si>
  <si>
    <t>2678816.0</t>
  </si>
  <si>
    <t>1533906.0</t>
  </si>
  <si>
    <t>4389398.0</t>
  </si>
  <si>
    <t>1281.105</t>
  </si>
  <si>
    <t>6974769.0</t>
  </si>
  <si>
    <t>2758492.0</t>
  </si>
  <si>
    <t>2678913.0</t>
  </si>
  <si>
    <t>1537364.0</t>
  </si>
  <si>
    <t>4410719.0</t>
  </si>
  <si>
    <t>1287.328</t>
  </si>
  <si>
    <t>6974810.0</t>
  </si>
  <si>
    <t>2758494.0</t>
  </si>
  <si>
    <t>2678916.0</t>
  </si>
  <si>
    <t>1537400.0</t>
  </si>
  <si>
    <t>3023.4</t>
  </si>
  <si>
    <t>883.312940648522</t>
  </si>
  <si>
    <t>4420664.0</t>
  </si>
  <si>
    <t>1290.23</t>
  </si>
  <si>
    <t>6974814.0</t>
  </si>
  <si>
    <t>2758496.0</t>
  </si>
  <si>
    <t>2678917.0</t>
  </si>
  <si>
    <t>1537401.0</t>
  </si>
  <si>
    <t>4428210.0</t>
  </si>
  <si>
    <t>1292.433</t>
  </si>
  <si>
    <t>6974825.0</t>
  </si>
  <si>
    <t>2758497.0</t>
  </si>
  <si>
    <t>2678918.0</t>
  </si>
  <si>
    <t>1537410.0</t>
  </si>
  <si>
    <t>4441771.0</t>
  </si>
  <si>
    <t>1296.391</t>
  </si>
  <si>
    <t>6983710.0</t>
  </si>
  <si>
    <t>2759309.0</t>
  </si>
  <si>
    <t>2679751.0</t>
  </si>
  <si>
    <t>1544650.0</t>
  </si>
  <si>
    <t>4461068.0</t>
  </si>
  <si>
    <t>1302.023</t>
  </si>
  <si>
    <t>6993198.0</t>
  </si>
  <si>
    <t>2760017.0</t>
  </si>
  <si>
    <t>2680552.0</t>
  </si>
  <si>
    <t>1552629.0</t>
  </si>
  <si>
    <t>4484618.0</t>
  </si>
  <si>
    <t>1308.896</t>
  </si>
  <si>
    <t>7003273.0</t>
  </si>
  <si>
    <t>2760623.0</t>
  </si>
  <si>
    <t>2680719.0</t>
  </si>
  <si>
    <t>1561931.0</t>
  </si>
  <si>
    <t>4509427.0</t>
  </si>
  <si>
    <t>1316.137</t>
  </si>
  <si>
    <t>7003322.0</t>
  </si>
  <si>
    <t>2760637.0</t>
  </si>
  <si>
    <t>2680722.0</t>
  </si>
  <si>
    <t>1561963.0</t>
  </si>
  <si>
    <t>4533294.0</t>
  </si>
  <si>
    <t>1323.103</t>
  </si>
  <si>
    <t>7007978.0</t>
  </si>
  <si>
    <t>2760897.0</t>
  </si>
  <si>
    <t>2680850.0</t>
  </si>
  <si>
    <t>1566231.0</t>
  </si>
  <si>
    <t>4560793.0</t>
  </si>
  <si>
    <t>27499.0</t>
  </si>
  <si>
    <t>1331.129</t>
  </si>
  <si>
    <t>20018.0</t>
  </si>
  <si>
    <t>7008003.0</t>
  </si>
  <si>
    <t>2760899.0</t>
  </si>
  <si>
    <t>2680856.0</t>
  </si>
  <si>
    <t>1566248.0</t>
  </si>
  <si>
    <t>4584994.0</t>
  </si>
  <si>
    <t>1338.192</t>
  </si>
  <si>
    <t>7008010.0</t>
  </si>
  <si>
    <t>2760900.0</t>
  </si>
  <si>
    <t>1566254.0</t>
  </si>
  <si>
    <t>4609671.0</t>
  </si>
  <si>
    <t>24677.0</t>
  </si>
  <si>
    <t>1345.394</t>
  </si>
  <si>
    <t>7.202</t>
  </si>
  <si>
    <t>7035140.0</t>
  </si>
  <si>
    <t>2766184.0</t>
  </si>
  <si>
    <t>2683544.0</t>
  </si>
  <si>
    <t>1585412.0</t>
  </si>
  <si>
    <t>4633690.0</t>
  </si>
  <si>
    <t>1352.405</t>
  </si>
  <si>
    <t>7055874.0</t>
  </si>
  <si>
    <t>2767406.0</t>
  </si>
  <si>
    <t>2684224.0</t>
  </si>
  <si>
    <t>1604244.0</t>
  </si>
  <si>
    <t>4666914.0</t>
  </si>
  <si>
    <t>1362.102</t>
  </si>
  <si>
    <t>7088171.0</t>
  </si>
  <si>
    <t>2780053.0</t>
  </si>
  <si>
    <t>2685176.0</t>
  </si>
  <si>
    <t>1622942.0</t>
  </si>
  <si>
    <t>4703216.0</t>
  </si>
  <si>
    <t>1372.697</t>
  </si>
  <si>
    <t>7119585.0</t>
  </si>
  <si>
    <t>2792289.0</t>
  </si>
  <si>
    <t>2686245.0</t>
  </si>
  <si>
    <t>1641051.0</t>
  </si>
  <si>
    <t>4738387.0</t>
  </si>
  <si>
    <t>1382.962</t>
  </si>
  <si>
    <t>7156067.0</t>
  </si>
  <si>
    <t>2797416.0</t>
  </si>
  <si>
    <t>2688156.0</t>
  </si>
  <si>
    <t>1670495.0</t>
  </si>
  <si>
    <t>4774874.0</t>
  </si>
  <si>
    <t>1393.611</t>
  </si>
  <si>
    <t>10.649</t>
  </si>
  <si>
    <t>7157508.0</t>
  </si>
  <si>
    <t>2797486.0</t>
  </si>
  <si>
    <t>2688221.0</t>
  </si>
  <si>
    <t>1671801.0</t>
  </si>
  <si>
    <t>4801383.0</t>
  </si>
  <si>
    <t>1401.348</t>
  </si>
  <si>
    <t>7157522.0</t>
  </si>
  <si>
    <t>2797487.0</t>
  </si>
  <si>
    <t>2688227.0</t>
  </si>
  <si>
    <t>1671808.0</t>
  </si>
  <si>
    <t>4825988.0</t>
  </si>
  <si>
    <t>1408.529</t>
  </si>
  <si>
    <t>7.181</t>
  </si>
  <si>
    <t>7188302.0</t>
  </si>
  <si>
    <t>2804847.0</t>
  </si>
  <si>
    <t>2689559.0</t>
  </si>
  <si>
    <t>1693896.0</t>
  </si>
  <si>
    <t>4863340.0</t>
  </si>
  <si>
    <t>1419.431</t>
  </si>
  <si>
    <t>7210561.0</t>
  </si>
  <si>
    <t>2814017.0</t>
  </si>
  <si>
    <t>2689970.0</t>
  </si>
  <si>
    <t>1706574.0</t>
  </si>
  <si>
    <t>4895383.0</t>
  </si>
  <si>
    <t>1428.783</t>
  </si>
  <si>
    <t>7239463.0</t>
  </si>
  <si>
    <t>2824062.0</t>
  </si>
  <si>
    <t>2690562.0</t>
  </si>
  <si>
    <t>1724839.0</t>
  </si>
  <si>
    <t>4930666.0</t>
  </si>
  <si>
    <t>1439.081</t>
  </si>
  <si>
    <t>7269056.0</t>
  </si>
  <si>
    <t>2834770.0</t>
  </si>
  <si>
    <t>2690865.0</t>
  </si>
  <si>
    <t>1743421.0</t>
  </si>
  <si>
    <t>4963148.0</t>
  </si>
  <si>
    <t>1448.561</t>
  </si>
  <si>
    <t>32109.0</t>
  </si>
  <si>
    <t>7296097.0</t>
  </si>
  <si>
    <t>2839326.0</t>
  </si>
  <si>
    <t>2691444.0</t>
  </si>
  <si>
    <t>1765327.0</t>
  </si>
  <si>
    <t>4993063.0</t>
  </si>
  <si>
    <t>1457.292</t>
  </si>
  <si>
    <t>31170.0</t>
  </si>
  <si>
    <t>7297866.0</t>
  </si>
  <si>
    <t>2839443.0</t>
  </si>
  <si>
    <t>2691489.0</t>
  </si>
  <si>
    <t>1766934.0</t>
  </si>
  <si>
    <t>213.21</t>
  </si>
  <si>
    <t>5018294.0</t>
  </si>
  <si>
    <t>1464.657</t>
  </si>
  <si>
    <t>0.3511</t>
  </si>
  <si>
    <t>7297877.0</t>
  </si>
  <si>
    <t>2839445.0</t>
  </si>
  <si>
    <t>2691490.0</t>
  </si>
  <si>
    <t>1766942.0</t>
  </si>
  <si>
    <t>5041532.0</t>
  </si>
  <si>
    <t>1471.439</t>
  </si>
  <si>
    <t>7324769.0</t>
  </si>
  <si>
    <t>2848478.0</t>
  </si>
  <si>
    <t>2692533.0</t>
  </si>
  <si>
    <t>1783758.0</t>
  </si>
  <si>
    <t>5072194.0</t>
  </si>
  <si>
    <t>1480.388</t>
  </si>
  <si>
    <t>0.3751</t>
  </si>
  <si>
    <t>7345202.0</t>
  </si>
  <si>
    <t>2856979.0</t>
  </si>
  <si>
    <t>2692965.0</t>
  </si>
  <si>
    <t>1795258.0</t>
  </si>
  <si>
    <t>5095851.0</t>
  </si>
  <si>
    <t>1487.293</t>
  </si>
  <si>
    <t>28638.0</t>
  </si>
  <si>
    <t>7368523.0</t>
  </si>
  <si>
    <t>2867729.0</t>
  </si>
  <si>
    <t>2693661.0</t>
  </si>
  <si>
    <t>5119795.0</t>
  </si>
  <si>
    <t>1494.281</t>
  </si>
  <si>
    <t>7392803.0</t>
  </si>
  <si>
    <t>2878145.0</t>
  </si>
  <si>
    <t>2694025.0</t>
  </si>
  <si>
    <t>1820633.0</t>
  </si>
  <si>
    <t>5153311.0</t>
  </si>
  <si>
    <t>1504.063</t>
  </si>
  <si>
    <t>0.3975</t>
  </si>
  <si>
    <t>7418775.0</t>
  </si>
  <si>
    <t>2883021.0</t>
  </si>
  <si>
    <t>2694711.0</t>
  </si>
  <si>
    <t>1841043.0</t>
  </si>
  <si>
    <t>5179086.0</t>
  </si>
  <si>
    <t>1511.586</t>
  </si>
  <si>
    <t>7418918.0</t>
  </si>
  <si>
    <t>2883043.0</t>
  </si>
  <si>
    <t>2694727.0</t>
  </si>
  <si>
    <t>1841148.0</t>
  </si>
  <si>
    <t>5198327.0</t>
  </si>
  <si>
    <t>1517.202</t>
  </si>
  <si>
    <t>7418933.0</t>
  </si>
  <si>
    <t>2883045.0</t>
  </si>
  <si>
    <t>2694729.0</t>
  </si>
  <si>
    <t>1841159.0</t>
  </si>
  <si>
    <t>5218099.0</t>
  </si>
  <si>
    <t>1522.972</t>
  </si>
  <si>
    <t>7437334.0</t>
  </si>
  <si>
    <t>2891906.0</t>
  </si>
  <si>
    <t>2695414.0</t>
  </si>
  <si>
    <t>1850014.0</t>
  </si>
  <si>
    <t>4062.1</t>
  </si>
  <si>
    <t>1186.7782947041</t>
  </si>
  <si>
    <t>5243143.0</t>
  </si>
  <si>
    <t>1530.282</t>
  </si>
  <si>
    <t>7448245.0</t>
  </si>
  <si>
    <t>2897101.0</t>
  </si>
  <si>
    <t>2695919.0</t>
  </si>
  <si>
    <t>1855225.0</t>
  </si>
  <si>
    <t>217.61</t>
  </si>
  <si>
    <t>5271258.0</t>
  </si>
  <si>
    <t>1538.487</t>
  </si>
  <si>
    <t>7460654.0</t>
  </si>
  <si>
    <t>2903350.0</t>
  </si>
  <si>
    <t>2696479.0</t>
  </si>
  <si>
    <t>1860825.0</t>
  </si>
  <si>
    <t>5298718.0</t>
  </si>
  <si>
    <t>1546.502</t>
  </si>
  <si>
    <t>7476613.0</t>
  </si>
  <si>
    <t>2911781.0</t>
  </si>
  <si>
    <t>2696807.0</t>
  </si>
  <si>
    <t>1868025.0</t>
  </si>
  <si>
    <t>5325168.0</t>
  </si>
  <si>
    <t>1554.222</t>
  </si>
  <si>
    <t>24551.0</t>
  </si>
  <si>
    <t>7496233.0</t>
  </si>
  <si>
    <t>2917704.0</t>
  </si>
  <si>
    <t>2697421.0</t>
  </si>
  <si>
    <t>1881108.0</t>
  </si>
  <si>
    <t>5349534.0</t>
  </si>
  <si>
    <t>1561.333</t>
  </si>
  <si>
    <t>7496244.0</t>
  </si>
  <si>
    <t>2917707.0</t>
  </si>
  <si>
    <t>2697424.0</t>
  </si>
  <si>
    <t>1881113.0</t>
  </si>
  <si>
    <t>5365345.0</t>
  </si>
  <si>
    <t>1565.948</t>
  </si>
  <si>
    <t>7496249.0</t>
  </si>
  <si>
    <t>2917708.0</t>
  </si>
  <si>
    <t>2697427.0</t>
  </si>
  <si>
    <t>1881114.0</t>
  </si>
  <si>
    <t>5383093.0</t>
  </si>
  <si>
    <t>1571.128</t>
  </si>
  <si>
    <t>0.3914</t>
  </si>
  <si>
    <t>7516781.0</t>
  </si>
  <si>
    <t>2925069.0</t>
  </si>
  <si>
    <t>2701222.0</t>
  </si>
  <si>
    <t>1890490.0</t>
  </si>
  <si>
    <t>5407292.0</t>
  </si>
  <si>
    <t>1578.191</t>
  </si>
  <si>
    <t>7522044.0</t>
  </si>
  <si>
    <t>2928183.0</t>
  </si>
  <si>
    <t>2701980.0</t>
  </si>
  <si>
    <t>1891881.0</t>
  </si>
  <si>
    <t>5427838.0</t>
  </si>
  <si>
    <t>1584.187</t>
  </si>
  <si>
    <t>7530114.0</t>
  </si>
  <si>
    <t>2931210.0</t>
  </si>
  <si>
    <t>2702926.0</t>
  </si>
  <si>
    <t>1895978.0</t>
  </si>
  <si>
    <t>5450665.0</t>
  </si>
  <si>
    <t>1590.85</t>
  </si>
  <si>
    <t>7540278.0</t>
  </si>
  <si>
    <t>2935573.0</t>
  </si>
  <si>
    <t>2703588.0</t>
  </si>
  <si>
    <t>5470603.0</t>
  </si>
  <si>
    <t>1596.669</t>
  </si>
  <si>
    <t>7548293.0</t>
  </si>
  <si>
    <t>2938852.0</t>
  </si>
  <si>
    <t>2704128.0</t>
  </si>
  <si>
    <t>1905313.0</t>
  </si>
  <si>
    <t>5488708.0</t>
  </si>
  <si>
    <t>1601.953</t>
  </si>
  <si>
    <t>7548715.0</t>
  </si>
  <si>
    <t>2938922.0</t>
  </si>
  <si>
    <t>2704166.0</t>
  </si>
  <si>
    <t>1905627.0</t>
  </si>
  <si>
    <t>1605.678</t>
  </si>
  <si>
    <t>0.3779</t>
  </si>
  <si>
    <t>7548723.0</t>
  </si>
  <si>
    <t>2938923.0</t>
  </si>
  <si>
    <t>2704168.0</t>
  </si>
  <si>
    <t>1905632.0</t>
  </si>
  <si>
    <t>5514883.0</t>
  </si>
  <si>
    <t>1609.593</t>
  </si>
  <si>
    <t>7560890.0</t>
  </si>
  <si>
    <t>2941601.0</t>
  </si>
  <si>
    <t>2706799.0</t>
  </si>
  <si>
    <t>1912490.0</t>
  </si>
  <si>
    <t>5533231.0</t>
  </si>
  <si>
    <t>1614.948</t>
  </si>
  <si>
    <t>7564294.0</t>
  </si>
  <si>
    <t>2942551.0</t>
  </si>
  <si>
    <t>2707413.0</t>
  </si>
  <si>
    <t>1914330.0</t>
  </si>
  <si>
    <t>5550313.0</t>
  </si>
  <si>
    <t>1619.933</t>
  </si>
  <si>
    <t>7569187.0</t>
  </si>
  <si>
    <t>2943476.0</t>
  </si>
  <si>
    <t>2707732.0</t>
  </si>
  <si>
    <t>1917979.0</t>
  </si>
  <si>
    <t>5566279.0</t>
  </si>
  <si>
    <t>1624.593</t>
  </si>
  <si>
    <t>7573395.0</t>
  </si>
  <si>
    <t>2945821.0</t>
  </si>
  <si>
    <t>2707991.0</t>
  </si>
  <si>
    <t>1919583.0</t>
  </si>
  <si>
    <t>5586703.0</t>
  </si>
  <si>
    <t>1630.554</t>
  </si>
  <si>
    <t>7579202.0</t>
  </si>
  <si>
    <t>2948182.0</t>
  </si>
  <si>
    <t>2708491.0</t>
  </si>
  <si>
    <t>1922529.0</t>
  </si>
  <si>
    <t>5600839.0</t>
  </si>
  <si>
    <t>1634.68</t>
  </si>
  <si>
    <t>7579339.0</t>
  </si>
  <si>
    <t>2948210.0</t>
  </si>
  <si>
    <t>2708528.0</t>
  </si>
  <si>
    <t>1922601.0</t>
  </si>
  <si>
    <t>5610703.0</t>
  </si>
  <si>
    <t>1637.559</t>
  </si>
  <si>
    <t>7579354.0</t>
  </si>
  <si>
    <t>2948211.0</t>
  </si>
  <si>
    <t>2708531.0</t>
  </si>
  <si>
    <t>1922612.0</t>
  </si>
  <si>
    <t>5622201.0</t>
  </si>
  <si>
    <t>1640.915</t>
  </si>
  <si>
    <t>7591057.0</t>
  </si>
  <si>
    <t>2950313.0</t>
  </si>
  <si>
    <t>2711894.0</t>
  </si>
  <si>
    <t>1928850.0</t>
  </si>
  <si>
    <t>5636946.0</t>
  </si>
  <si>
    <t>1645.218</t>
  </si>
  <si>
    <t>7595311.0</t>
  </si>
  <si>
    <t>2952575.0</t>
  </si>
  <si>
    <t>2712890.0</t>
  </si>
  <si>
    <t>1929846.0</t>
  </si>
  <si>
    <t>5651068.0</t>
  </si>
  <si>
    <t>1649.34</t>
  </si>
  <si>
    <t>7606090.0</t>
  </si>
  <si>
    <t>2953593.0</t>
  </si>
  <si>
    <t>2721693.0</t>
  </si>
  <si>
    <t>1930804.0</t>
  </si>
  <si>
    <t>5664769.0</t>
  </si>
  <si>
    <t>1653.339</t>
  </si>
  <si>
    <t>7622290.0</t>
  </si>
  <si>
    <t>2954731.0</t>
  </si>
  <si>
    <t>2730931.0</t>
  </si>
  <si>
    <t>1936628.0</t>
  </si>
  <si>
    <t>5676219.0</t>
  </si>
  <si>
    <t>1656.681</t>
  </si>
  <si>
    <t>7634413.0</t>
  </si>
  <si>
    <t>2955694.0</t>
  </si>
  <si>
    <t>2734805.0</t>
  </si>
  <si>
    <t>1943914.0</t>
  </si>
  <si>
    <t>5686588.0</t>
  </si>
  <si>
    <t>1659.707</t>
  </si>
  <si>
    <t>7635709.0</t>
  </si>
  <si>
    <t>2955708.0</t>
  </si>
  <si>
    <t>2734844.0</t>
  </si>
  <si>
    <t>1945157.0</t>
  </si>
  <si>
    <t>5694478.0</t>
  </si>
  <si>
    <t>1662.01</t>
  </si>
  <si>
    <t>7635712.0</t>
  </si>
  <si>
    <t>2955709.0</t>
  </si>
  <si>
    <t>1945159.0</t>
  </si>
  <si>
    <t>5701266.0</t>
  </si>
  <si>
    <t>1663.991</t>
  </si>
  <si>
    <t>7639548.0</t>
  </si>
  <si>
    <t>2956142.0</t>
  </si>
  <si>
    <t>2738138.0</t>
  </si>
  <si>
    <t>1945268.0</t>
  </si>
  <si>
    <t>5277.6</t>
  </si>
  <si>
    <t>1541.89732604572</t>
  </si>
  <si>
    <t>5708898.0</t>
  </si>
  <si>
    <t>1666.219</t>
  </si>
  <si>
    <t>7645842.0</t>
  </si>
  <si>
    <t>2956671.0</t>
  </si>
  <si>
    <t>2743800.0</t>
  </si>
  <si>
    <t>1945371.0</t>
  </si>
  <si>
    <t>5718934.0</t>
  </si>
  <si>
    <t>0.2808</t>
  </si>
  <si>
    <t>7658130.0</t>
  </si>
  <si>
    <t>2958692.0</t>
  </si>
  <si>
    <t>2752598.0</t>
  </si>
  <si>
    <t>1946840.0</t>
  </si>
  <si>
    <t>5728942.0</t>
  </si>
  <si>
    <t>1672.069</t>
  </si>
  <si>
    <t>7669158.0</t>
  </si>
  <si>
    <t>2959334.0</t>
  </si>
  <si>
    <t>2762217.0</t>
  </si>
  <si>
    <t>1947607.0</t>
  </si>
  <si>
    <t>224.06</t>
  </si>
  <si>
    <t>5738917.0</t>
  </si>
  <si>
    <t>1674.98</t>
  </si>
  <si>
    <t>7683470.0</t>
  </si>
  <si>
    <t>2960891.0</t>
  </si>
  <si>
    <t>2769237.0</t>
  </si>
  <si>
    <t>1953342.0</t>
  </si>
  <si>
    <t>5749046.0</t>
  </si>
  <si>
    <t>1677.936</t>
  </si>
  <si>
    <t>7683518.0</t>
  </si>
  <si>
    <t>2960916.0</t>
  </si>
  <si>
    <t>2769240.0</t>
  </si>
  <si>
    <t>5755067.0</t>
  </si>
  <si>
    <t>1679.694</t>
  </si>
  <si>
    <t>7683520.0</t>
  </si>
  <si>
    <t>1953364.0</t>
  </si>
  <si>
    <t>5762309.0</t>
  </si>
  <si>
    <t>1681.807</t>
  </si>
  <si>
    <t>7716667.0</t>
  </si>
  <si>
    <t>2962016.0</t>
  </si>
  <si>
    <t>2775428.0</t>
  </si>
  <si>
    <t>1979223.0</t>
  </si>
  <si>
    <t>225.45</t>
  </si>
  <si>
    <t>5771496.0</t>
  </si>
  <si>
    <t>1684.489</t>
  </si>
  <si>
    <t>7744088.0</t>
  </si>
  <si>
    <t>2962938.0</t>
  </si>
  <si>
    <t>2781595.0</t>
  </si>
  <si>
    <t>1999555.0</t>
  </si>
  <si>
    <t>5779351.0</t>
  </si>
  <si>
    <t>1686.781</t>
  </si>
  <si>
    <t>7772656.0</t>
  </si>
  <si>
    <t>2964351.0</t>
  </si>
  <si>
    <t>2790056.0</t>
  </si>
  <si>
    <t>2018249.0</t>
  </si>
  <si>
    <t>5788155.0</t>
  </si>
  <si>
    <t>1689.351</t>
  </si>
  <si>
    <t>7800644.0</t>
  </si>
  <si>
    <t>2965160.0</t>
  </si>
  <si>
    <t>2798197.0</t>
  </si>
  <si>
    <t>2037287.0</t>
  </si>
  <si>
    <t>5797243.0</t>
  </si>
  <si>
    <t>1692.003</t>
  </si>
  <si>
    <t>7831480.0</t>
  </si>
  <si>
    <t>2965855.0</t>
  </si>
  <si>
    <t>2802151.0</t>
  </si>
  <si>
    <t>2063474.0</t>
  </si>
  <si>
    <t>5804948.0</t>
  </si>
  <si>
    <t>1694.252</t>
  </si>
  <si>
    <t>7831746.0</t>
  </si>
  <si>
    <t>2965865.0</t>
  </si>
  <si>
    <t>2802179.0</t>
  </si>
  <si>
    <t>2063702.0</t>
  </si>
  <si>
    <t>5811581.0</t>
  </si>
  <si>
    <t>1696.188</t>
  </si>
  <si>
    <t>7831753.0</t>
  </si>
  <si>
    <t>2965866.0</t>
  </si>
  <si>
    <t>2802181.0</t>
  </si>
  <si>
    <t>2063706.0</t>
  </si>
  <si>
    <t>5819148.0</t>
  </si>
  <si>
    <t>1698.397</t>
  </si>
  <si>
    <t>7861189.0</t>
  </si>
  <si>
    <t>2966957.0</t>
  </si>
  <si>
    <t>2807443.0</t>
  </si>
  <si>
    <t>2086789.0</t>
  </si>
  <si>
    <t>5830312.0</t>
  </si>
  <si>
    <t>1701.655</t>
  </si>
  <si>
    <t>7881294.0</t>
  </si>
  <si>
    <t>2967513.0</t>
  </si>
  <si>
    <t>2811265.0</t>
  </si>
  <si>
    <t>2102516.0</t>
  </si>
  <si>
    <t>5841244.0</t>
  </si>
  <si>
    <t>1704.846</t>
  </si>
  <si>
    <t>7897745.0</t>
  </si>
  <si>
    <t>2968231.0</t>
  </si>
  <si>
    <t>2816418.0</t>
  </si>
  <si>
    <t>2113096.0</t>
  </si>
  <si>
    <t>5854395.0</t>
  </si>
  <si>
    <t>1708.684</t>
  </si>
  <si>
    <t>7914631.0</t>
  </si>
  <si>
    <t>2969211.0</t>
  </si>
  <si>
    <t>2822923.0</t>
  </si>
  <si>
    <t>2122497.0</t>
  </si>
  <si>
    <t>231.23</t>
  </si>
  <si>
    <t>5866615.0</t>
  </si>
  <si>
    <t>1712.25</t>
  </si>
  <si>
    <t>7925340.0</t>
  </si>
  <si>
    <t>2969855.0</t>
  </si>
  <si>
    <t>2826889.0</t>
  </si>
  <si>
    <t>2128596.0</t>
  </si>
  <si>
    <t>231.55</t>
  </si>
  <si>
    <t>5876922.0</t>
  </si>
  <si>
    <t>1715.259</t>
  </si>
  <si>
    <t>2969878.0</t>
  </si>
  <si>
    <t>2826930.0</t>
  </si>
  <si>
    <t>2129070.0</t>
  </si>
  <si>
    <t>5884520.0</t>
  </si>
  <si>
    <t>1717.476</t>
  </si>
  <si>
    <t>7925900.0</t>
  </si>
  <si>
    <t>2826931.0</t>
  </si>
  <si>
    <t>2129091.0</t>
  </si>
  <si>
    <t>5892744.0</t>
  </si>
  <si>
    <t>1719.876</t>
  </si>
  <si>
    <t>2971111.0</t>
  </si>
  <si>
    <t>2831500.0</t>
  </si>
  <si>
    <t>2147664.0</t>
  </si>
  <si>
    <t>5904170.0</t>
  </si>
  <si>
    <t>1723.211</t>
  </si>
  <si>
    <t>7963150.0</t>
  </si>
  <si>
    <t>2971546.0</t>
  </si>
  <si>
    <t>2834206.0</t>
  </si>
  <si>
    <t>2157398.0</t>
  </si>
  <si>
    <t>5920074.0</t>
  </si>
  <si>
    <t>1727.853</t>
  </si>
  <si>
    <t>7976426.0</t>
  </si>
  <si>
    <t>2971884.0</t>
  </si>
  <si>
    <t>2836404.0</t>
  </si>
  <si>
    <t>2168138.0</t>
  </si>
  <si>
    <t>5933925.0</t>
  </si>
  <si>
    <t>1731.896</t>
  </si>
  <si>
    <t>7991761.0</t>
  </si>
  <si>
    <t>2972611.0</t>
  </si>
  <si>
    <t>2839843.0</t>
  </si>
  <si>
    <t>2179307.0</t>
  </si>
  <si>
    <t>5945333.0</t>
  </si>
  <si>
    <t>1735.225</t>
  </si>
  <si>
    <t>8009469.0</t>
  </si>
  <si>
    <t>2973085.0</t>
  </si>
  <si>
    <t>2842196.0</t>
  </si>
  <si>
    <t>2194188.0</t>
  </si>
  <si>
    <t>5955157.0</t>
  </si>
  <si>
    <t>1738.093</t>
  </si>
  <si>
    <t>8009798.0</t>
  </si>
  <si>
    <t>2973093.0</t>
  </si>
  <si>
    <t>2842205.0</t>
  </si>
  <si>
    <t>2194500.0</t>
  </si>
  <si>
    <t>5962401.0</t>
  </si>
  <si>
    <t>1740.207</t>
  </si>
  <si>
    <t>8009802.0</t>
  </si>
  <si>
    <t>2194504.0</t>
  </si>
  <si>
    <t>5968549.0</t>
  </si>
  <si>
    <t>1742.001</t>
  </si>
  <si>
    <t>8023626.0</t>
  </si>
  <si>
    <t>2973932.0</t>
  </si>
  <si>
    <t>2843494.0</t>
  </si>
  <si>
    <t>2206200.0</t>
  </si>
  <si>
    <t>234.42</t>
  </si>
  <si>
    <t>5980807.0</t>
  </si>
  <si>
    <t>1745.579</t>
  </si>
  <si>
    <t>8034464.0</t>
  </si>
  <si>
    <t>2974301.0</t>
  </si>
  <si>
    <t>2844155.0</t>
  </si>
  <si>
    <t>2216008.0</t>
  </si>
  <si>
    <t>234.73</t>
  </si>
  <si>
    <t>5991185.0</t>
  </si>
  <si>
    <t>1748.608</t>
  </si>
  <si>
    <t>8045696.0</t>
  </si>
  <si>
    <t>2974908.0</t>
  </si>
  <si>
    <t>2845039.0</t>
  </si>
  <si>
    <t>2225749.0</t>
  </si>
  <si>
    <t>5999792.0</t>
  </si>
  <si>
    <t>1751.12</t>
  </si>
  <si>
    <t>8053006.0</t>
  </si>
  <si>
    <t>2975669.0</t>
  </si>
  <si>
    <t>2846984.0</t>
  </si>
  <si>
    <t>2230353.0</t>
  </si>
  <si>
    <t>5593.3</t>
  </si>
  <si>
    <t>1634.13186178785</t>
  </si>
  <si>
    <t>6007394.0</t>
  </si>
  <si>
    <t>1753.339</t>
  </si>
  <si>
    <t>8075174.0</t>
  </si>
  <si>
    <t>2976229.0</t>
  </si>
  <si>
    <t>2849758.0</t>
  </si>
  <si>
    <t>2249187.0</t>
  </si>
  <si>
    <t>6013908.0</t>
  </si>
  <si>
    <t>1755.24</t>
  </si>
  <si>
    <t>8075180.0</t>
  </si>
  <si>
    <t>2849762.0</t>
  </si>
  <si>
    <t>2249189.0</t>
  </si>
  <si>
    <t>6018019.0</t>
  </si>
  <si>
    <t>1756.44</t>
  </si>
  <si>
    <t>2976230.0</t>
  </si>
  <si>
    <t>2849763.0</t>
  </si>
  <si>
    <t>2249198.0</t>
  </si>
  <si>
    <t>6024057.0</t>
  </si>
  <si>
    <t>1758.202</t>
  </si>
  <si>
    <t>8084384.0</t>
  </si>
  <si>
    <t>2976451.0</t>
  </si>
  <si>
    <t>2850729.0</t>
  </si>
  <si>
    <t>2257204.0</t>
  </si>
  <si>
    <t>236.19</t>
  </si>
  <si>
    <t>6032841.0</t>
  </si>
  <si>
    <t>1760.766</t>
  </si>
  <si>
    <t>8089898.0</t>
  </si>
  <si>
    <t>2977011.0</t>
  </si>
  <si>
    <t>2852972.0</t>
  </si>
  <si>
    <t>2259915.0</t>
  </si>
  <si>
    <t>6041292.0</t>
  </si>
  <si>
    <t>1763.232</t>
  </si>
  <si>
    <t>8092925.0</t>
  </si>
  <si>
    <t>2977383.0</t>
  </si>
  <si>
    <t>2853736.0</t>
  </si>
  <si>
    <t>2261806.0</t>
  </si>
  <si>
    <t>236.44</t>
  </si>
  <si>
    <t>6048640.0</t>
  </si>
  <si>
    <t>1765.377</t>
  </si>
  <si>
    <t>8096152.0</t>
  </si>
  <si>
    <t>2977757.0</t>
  </si>
  <si>
    <t>2854824.0</t>
  </si>
  <si>
    <t>2263571.0</t>
  </si>
  <si>
    <t>6054815.0</t>
  </si>
  <si>
    <t>1767.179</t>
  </si>
  <si>
    <t>8115065.0</t>
  </si>
  <si>
    <t>2978438.0</t>
  </si>
  <si>
    <t>2856353.0</t>
  </si>
  <si>
    <t>2280274.0</t>
  </si>
  <si>
    <t>6061050.0</t>
  </si>
  <si>
    <t>1768.999</t>
  </si>
  <si>
    <t>8115079.0</t>
  </si>
  <si>
    <t>2978439.0</t>
  </si>
  <si>
    <t>2856355.0</t>
  </si>
  <si>
    <t>2280285.0</t>
  </si>
  <si>
    <t>6064516.0</t>
  </si>
  <si>
    <t>1770.01</t>
  </si>
  <si>
    <t>8115081.0</t>
  </si>
  <si>
    <t>2280287.0</t>
  </si>
  <si>
    <t>6068259.0</t>
  </si>
  <si>
    <t>1771.103</t>
  </si>
  <si>
    <t>8115609.0</t>
  </si>
  <si>
    <t>2978496.0</t>
  </si>
  <si>
    <t>2856392.0</t>
  </si>
  <si>
    <t>2280721.0</t>
  </si>
  <si>
    <t>6073109.0</t>
  </si>
  <si>
    <t>1772.518</t>
  </si>
  <si>
    <t>8116358.0</t>
  </si>
  <si>
    <t>2978543.0</t>
  </si>
  <si>
    <t>2856455.0</t>
  </si>
  <si>
    <t>2281360.0</t>
  </si>
  <si>
    <t>6077113.0</t>
  </si>
  <si>
    <t>1773.687</t>
  </si>
  <si>
    <t>8117361.0</t>
  </si>
  <si>
    <t>2978610.0</t>
  </si>
  <si>
    <t>2856532.0</t>
  </si>
  <si>
    <t>2282219.0</t>
  </si>
  <si>
    <t>6080291.0</t>
  </si>
  <si>
    <t>1774.615</t>
  </si>
  <si>
    <t>8117369.0</t>
  </si>
  <si>
    <t>2978611.0</t>
  </si>
  <si>
    <t>2856533.0</t>
  </si>
  <si>
    <t>2282225.0</t>
  </si>
  <si>
    <t>6082609.0</t>
  </si>
  <si>
    <t>1775.291</t>
  </si>
  <si>
    <t>8117370.0</t>
  </si>
  <si>
    <t>2282226.0</t>
  </si>
  <si>
    <t>6084763.0</t>
  </si>
  <si>
    <t>1775.92</t>
  </si>
  <si>
    <t>8117371.0</t>
  </si>
  <si>
    <t>2856534.0</t>
  </si>
  <si>
    <t>6086835.0</t>
  </si>
  <si>
    <t>1776.525</t>
  </si>
  <si>
    <t>8117374.0</t>
  </si>
  <si>
    <t>2282229.0</t>
  </si>
  <si>
    <t>8117444.0</t>
  </si>
  <si>
    <t>2978640.0</t>
  </si>
  <si>
    <t>2856551.0</t>
  </si>
  <si>
    <t>2282253.0</t>
  </si>
  <si>
    <t>8125835.0</t>
  </si>
  <si>
    <t>2979131.0</t>
  </si>
  <si>
    <t>2857607.0</t>
  </si>
  <si>
    <t>2289097.0</t>
  </si>
  <si>
    <t>8134100.0</t>
  </si>
  <si>
    <t>2980297.0</t>
  </si>
  <si>
    <t>2859255.0</t>
  </si>
  <si>
    <t>2294548.0</t>
  </si>
  <si>
    <t>8141766.0</t>
  </si>
  <si>
    <t>2980853.0</t>
  </si>
  <si>
    <t>2860298.0</t>
  </si>
  <si>
    <t>2300615.0</t>
  </si>
  <si>
    <t>8155881.0</t>
  </si>
  <si>
    <t>2981674.0</t>
  </si>
  <si>
    <t>2860981.0</t>
  </si>
  <si>
    <t>2313226.0</t>
  </si>
  <si>
    <t>8155999.0</t>
  </si>
  <si>
    <t>2981678.0</t>
  </si>
  <si>
    <t>2860986.0</t>
  </si>
  <si>
    <t>2313335.0</t>
  </si>
  <si>
    <t>8156000.0</t>
  </si>
  <si>
    <t>2860987.0</t>
  </si>
  <si>
    <t>8161155.0</t>
  </si>
  <si>
    <t>2982237.0</t>
  </si>
  <si>
    <t>2861673.0</t>
  </si>
  <si>
    <t>2317245.0</t>
  </si>
  <si>
    <t>8163343.0</t>
  </si>
  <si>
    <t>2982598.0</t>
  </si>
  <si>
    <t>2861954.0</t>
  </si>
  <si>
    <t>2318791.0</t>
  </si>
  <si>
    <t>8166158.0</t>
  </si>
  <si>
    <t>2983161.0</t>
  </si>
  <si>
    <t>2862388.0</t>
  </si>
  <si>
    <t>2320609.0</t>
  </si>
  <si>
    <t>8170207.0</t>
  </si>
  <si>
    <t>2984015.0</t>
  </si>
  <si>
    <t>2322604.0</t>
  </si>
  <si>
    <t>8178552.0</t>
  </si>
  <si>
    <t>2984702.0</t>
  </si>
  <si>
    <t>2864369.0</t>
  </si>
  <si>
    <t>2329481.0</t>
  </si>
  <si>
    <t>8178557.0</t>
  </si>
  <si>
    <t>2984704.0</t>
  </si>
  <si>
    <t>2864370.0</t>
  </si>
  <si>
    <t>2329483.0</t>
  </si>
  <si>
    <t>5842.2</t>
  </si>
  <si>
    <t>1706.85018914361</t>
  </si>
  <si>
    <t>8178560.0</t>
  </si>
  <si>
    <t>2864371.0</t>
  </si>
  <si>
    <t>8183523.0</t>
  </si>
  <si>
    <t>2985147.0</t>
  </si>
  <si>
    <t>2864915.0</t>
  </si>
  <si>
    <t>2333461.0</t>
  </si>
  <si>
    <t>8186587.0</t>
  </si>
  <si>
    <t>2985573.0</t>
  </si>
  <si>
    <t>2865460.0</t>
  </si>
  <si>
    <t>2335554.0</t>
  </si>
  <si>
    <t>8189736.0</t>
  </si>
  <si>
    <t>2985761.0</t>
  </si>
  <si>
    <t>2865763.0</t>
  </si>
  <si>
    <t>2338212.0</t>
  </si>
  <si>
    <t>8194288.0</t>
  </si>
  <si>
    <t>2986304.0</t>
  </si>
  <si>
    <t>2866586.0</t>
  </si>
  <si>
    <t>2341398.0</t>
  </si>
  <si>
    <t>8202456.0</t>
  </si>
  <si>
    <t>2986712.0</t>
  </si>
  <si>
    <t>2867240.0</t>
  </si>
  <si>
    <t>2348504.0</t>
  </si>
  <si>
    <t>8202649.0</t>
  </si>
  <si>
    <t>2986720.0</t>
  </si>
  <si>
    <t>2867252.0</t>
  </si>
  <si>
    <t>2348677.0</t>
  </si>
  <si>
    <t>8202651.0</t>
  </si>
  <si>
    <t>2986721.0</t>
  </si>
  <si>
    <t>2348678.0</t>
  </si>
  <si>
    <t>8216685.0</t>
  </si>
  <si>
    <t>2987253.0</t>
  </si>
  <si>
    <t>2867674.0</t>
  </si>
  <si>
    <t>2361758.0</t>
  </si>
  <si>
    <t>240.06</t>
  </si>
  <si>
    <t>8228362.0</t>
  </si>
  <si>
    <t>2987469.0</t>
  </si>
  <si>
    <t>2868258.0</t>
  </si>
  <si>
    <t>2372635.0</t>
  </si>
  <si>
    <t>8241888.0</t>
  </si>
  <si>
    <t>2987624.0</t>
  </si>
  <si>
    <t>2868733.0</t>
  </si>
  <si>
    <t>2385531.0</t>
  </si>
  <si>
    <t>8248043.0</t>
  </si>
  <si>
    <t>2987866.0</t>
  </si>
  <si>
    <t>2869721.0</t>
  </si>
  <si>
    <t>2390456.0</t>
  </si>
  <si>
    <t>8268735.0</t>
  </si>
  <si>
    <t>2988126.0</t>
  </si>
  <si>
    <t>2870157.0</t>
  </si>
  <si>
    <t>2410452.0</t>
  </si>
  <si>
    <t>241.58</t>
  </si>
  <si>
    <t>8269032.0</t>
  </si>
  <si>
    <t>2988129.0</t>
  </si>
  <si>
    <t>2870161.0</t>
  </si>
  <si>
    <t>2410742.0</t>
  </si>
  <si>
    <t>8269039.0</t>
  </si>
  <si>
    <t>2410749.0</t>
  </si>
  <si>
    <t>8269060.0</t>
  </si>
  <si>
    <t>2988130.0</t>
  </si>
  <si>
    <t>2870163.0</t>
  </si>
  <si>
    <t>2410767.0</t>
  </si>
  <si>
    <t>8272792.0</t>
  </si>
  <si>
    <t>2988396.0</t>
  </si>
  <si>
    <t>2870934.0</t>
  </si>
  <si>
    <t>8284671.0</t>
  </si>
  <si>
    <t>2988585.0</t>
  </si>
  <si>
    <t>2871619.0</t>
  </si>
  <si>
    <t>2424467.0</t>
  </si>
  <si>
    <t>242.04</t>
  </si>
  <si>
    <t>8294489.0</t>
  </si>
  <si>
    <t>2988983.0</t>
  </si>
  <si>
    <t>2872325.0</t>
  </si>
  <si>
    <t>2433181.0</t>
  </si>
  <si>
    <t>8307952.0</t>
  </si>
  <si>
    <t>2989306.0</t>
  </si>
  <si>
    <t>2872969.0</t>
  </si>
  <si>
    <t>2445677.0</t>
  </si>
  <si>
    <t>8308000.0</t>
  </si>
  <si>
    <t>2989313.0</t>
  </si>
  <si>
    <t>2872994.0</t>
  </si>
  <si>
    <t>2445693.0</t>
  </si>
  <si>
    <t>8308005.0</t>
  </si>
  <si>
    <t>2445698.0</t>
  </si>
  <si>
    <t>8326416.0</t>
  </si>
  <si>
    <t>2989905.0</t>
  </si>
  <si>
    <t>2873474.0</t>
  </si>
  <si>
    <t>2463037.0</t>
  </si>
  <si>
    <t>8340163.0</t>
  </si>
  <si>
    <t>2990115.0</t>
  </si>
  <si>
    <t>2874223.0</t>
  </si>
  <si>
    <t>2475825.0</t>
  </si>
  <si>
    <t>8356588.0</t>
  </si>
  <si>
    <t>2990282.0</t>
  </si>
  <si>
    <t>2874710.0</t>
  </si>
  <si>
    <t>2491596.0</t>
  </si>
  <si>
    <t>8369961.0</t>
  </si>
  <si>
    <t>2990757.0</t>
  </si>
  <si>
    <t>2875100.0</t>
  </si>
  <si>
    <t>2504104.0</t>
  </si>
  <si>
    <t>244.54</t>
  </si>
  <si>
    <t>8392956.0</t>
  </si>
  <si>
    <t>2991064.0</t>
  </si>
  <si>
    <t>2875624.0</t>
  </si>
  <si>
    <t>2526268.0</t>
  </si>
  <si>
    <t>8393497.0</t>
  </si>
  <si>
    <t>2991082.0</t>
  </si>
  <si>
    <t>2875648.0</t>
  </si>
  <si>
    <t>2526767.0</t>
  </si>
  <si>
    <t>245.22</t>
  </si>
  <si>
    <t>8393498.0</t>
  </si>
  <si>
    <t>2875649.0</t>
  </si>
  <si>
    <t>8401475.0</t>
  </si>
  <si>
    <t>2875906.0</t>
  </si>
  <si>
    <t>2533855.0</t>
  </si>
  <si>
    <t>245.46</t>
  </si>
  <si>
    <t>8414546.0</t>
  </si>
  <si>
    <t>2992182.0</t>
  </si>
  <si>
    <t>2876504.0</t>
  </si>
  <si>
    <t>2545860.0</t>
  </si>
  <si>
    <t>6106.1</t>
  </si>
  <si>
    <t>1783.95089862206</t>
  </si>
  <si>
    <t>8428609.0</t>
  </si>
  <si>
    <t>2877535.0</t>
  </si>
  <si>
    <t>2558202.0</t>
  </si>
  <si>
    <t>8442207.0</t>
  </si>
  <si>
    <t>2993371.0</t>
  </si>
  <si>
    <t>2878447.0</t>
  </si>
  <si>
    <t>2570389.0</t>
  </si>
  <si>
    <t>8459899.0</t>
  </si>
  <si>
    <t>2993694.0</t>
  </si>
  <si>
    <t>2879199.0</t>
  </si>
  <si>
    <t>2587006.0</t>
  </si>
  <si>
    <t>8460213.0</t>
  </si>
  <si>
    <t>2993702.0</t>
  </si>
  <si>
    <t>2879235.0</t>
  </si>
  <si>
    <t>2587276.0</t>
  </si>
  <si>
    <t>8476298.0</t>
  </si>
  <si>
    <t>2994319.0</t>
  </si>
  <si>
    <t>2880028.0</t>
  </si>
  <si>
    <t>2601951.0</t>
  </si>
  <si>
    <t>8489286.0</t>
  </si>
  <si>
    <t>2994520.0</t>
  </si>
  <si>
    <t>2880377.0</t>
  </si>
  <si>
    <t>2614389.0</t>
  </si>
  <si>
    <t>12988.0</t>
  </si>
  <si>
    <t>8504852.0</t>
  </si>
  <si>
    <t>2994660.0</t>
  </si>
  <si>
    <t>2880981.0</t>
  </si>
  <si>
    <t>2629211.0</t>
  </si>
  <si>
    <t>8512138.0</t>
  </si>
  <si>
    <t>2994862.0</t>
  </si>
  <si>
    <t>2881957.0</t>
  </si>
  <si>
    <t>2635319.0</t>
  </si>
  <si>
    <t>248.69</t>
  </si>
  <si>
    <t>8534845.0</t>
  </si>
  <si>
    <t>2995133.0</t>
  </si>
  <si>
    <t>2882672.0</t>
  </si>
  <si>
    <t>2657040.0</t>
  </si>
  <si>
    <t>8534871.0</t>
  </si>
  <si>
    <t>2995134.0</t>
  </si>
  <si>
    <t>2882673.0</t>
  </si>
  <si>
    <t>2657064.0</t>
  </si>
  <si>
    <t>8534892.0</t>
  </si>
  <si>
    <t>2657085.0</t>
  </si>
  <si>
    <t>8543089.0</t>
  </si>
  <si>
    <t>2995270.0</t>
  </si>
  <si>
    <t>2882926.0</t>
  </si>
  <si>
    <t>2664893.0</t>
  </si>
  <si>
    <t>8554497.0</t>
  </si>
  <si>
    <t>2995445.0</t>
  </si>
  <si>
    <t>2883269.0</t>
  </si>
  <si>
    <t>2675783.0</t>
  </si>
  <si>
    <t>8568084.0</t>
  </si>
  <si>
    <t>2995703.0</t>
  </si>
  <si>
    <t>2883597.0</t>
  </si>
  <si>
    <t>2688784.0</t>
  </si>
  <si>
    <t>8573484.0</t>
  </si>
  <si>
    <t>2995881.0</t>
  </si>
  <si>
    <t>2884602.0</t>
  </si>
  <si>
    <t>2693001.0</t>
  </si>
  <si>
    <t>8591071.0</t>
  </si>
  <si>
    <t>2996107.0</t>
  </si>
  <si>
    <t>2885018.0</t>
  </si>
  <si>
    <t>2709946.0</t>
  </si>
  <si>
    <t>8591078.0</t>
  </si>
  <si>
    <t>2709953.0</t>
  </si>
  <si>
    <t>8591079.0</t>
  </si>
  <si>
    <t>2709954.0</t>
  </si>
  <si>
    <t>8602221.0</t>
  </si>
  <si>
    <t>2996319.0</t>
  </si>
  <si>
    <t>2885540.0</t>
  </si>
  <si>
    <t>2720362.0</t>
  </si>
  <si>
    <t>8612291.0</t>
  </si>
  <si>
    <t>2996398.0</t>
  </si>
  <si>
    <t>2885669.0</t>
  </si>
  <si>
    <t>2730224.0</t>
  </si>
  <si>
    <t>8622113.0</t>
  </si>
  <si>
    <t>2996486.0</t>
  </si>
  <si>
    <t>2885833.0</t>
  </si>
  <si>
    <t>2739794.0</t>
  </si>
  <si>
    <t>8634309.0</t>
  </si>
  <si>
    <t>2996804.0</t>
  </si>
  <si>
    <t>2886487.0</t>
  </si>
  <si>
    <t>2751018.0</t>
  </si>
  <si>
    <t>252.26</t>
  </si>
  <si>
    <t>8649524.0</t>
  </si>
  <si>
    <t>2997049.0</t>
  </si>
  <si>
    <t>2886814.0</t>
  </si>
  <si>
    <t>2765661.0</t>
  </si>
  <si>
    <t>8649527.0</t>
  </si>
  <si>
    <t>2997050.0</t>
  </si>
  <si>
    <t>2765663.0</t>
  </si>
  <si>
    <t>8649549.0</t>
  </si>
  <si>
    <t>2997052.0</t>
  </si>
  <si>
    <t>2765683.0</t>
  </si>
  <si>
    <t>8661737.0</t>
  </si>
  <si>
    <t>2997420.0</t>
  </si>
  <si>
    <t>2887203.0</t>
  </si>
  <si>
    <t>2777114.0</t>
  </si>
  <si>
    <t>8670956.0</t>
  </si>
  <si>
    <t>2997507.0</t>
  </si>
  <si>
    <t>2887384.0</t>
  </si>
  <si>
    <t>2786065.0</t>
  </si>
  <si>
    <t>8679950.0</t>
  </si>
  <si>
    <t>2997617.0</t>
  </si>
  <si>
    <t>2887520.0</t>
  </si>
  <si>
    <t>2794813.0</t>
  </si>
  <si>
    <t>253.59</t>
  </si>
  <si>
    <t>8687435.0</t>
  </si>
  <si>
    <t>2997940.0</t>
  </si>
  <si>
    <t>2888264.0</t>
  </si>
  <si>
    <t>2801231.0</t>
  </si>
  <si>
    <t>6697.2</t>
  </si>
  <si>
    <t>1956.6459701367</t>
  </si>
  <si>
    <t>8688036.0</t>
  </si>
  <si>
    <t>2997995.0</t>
  </si>
  <si>
    <t>2888315.0</t>
  </si>
  <si>
    <t>2801726.0</t>
  </si>
  <si>
    <t>8688042.0</t>
  </si>
  <si>
    <t>2888316.0</t>
  </si>
  <si>
    <t>2801731.0</t>
  </si>
  <si>
    <t>8688043.0</t>
  </si>
  <si>
    <t>2801732.0</t>
  </si>
  <si>
    <t>8689996.0</t>
  </si>
  <si>
    <t>2998055.0</t>
  </si>
  <si>
    <t>2888489.0</t>
  </si>
  <si>
    <t>2803452.0</t>
  </si>
  <si>
    <t>8694883.0</t>
  </si>
  <si>
    <t>2998176.0</t>
  </si>
  <si>
    <t>2888785.0</t>
  </si>
  <si>
    <t>2807922.0</t>
  </si>
  <si>
    <t>254.03</t>
  </si>
  <si>
    <t>8697821.0</t>
  </si>
  <si>
    <t>2998237.0</t>
  </si>
  <si>
    <t>2888865.0</t>
  </si>
  <si>
    <t>2810719.0</t>
  </si>
  <si>
    <t>254.11</t>
  </si>
  <si>
    <t>8700112.0</t>
  </si>
  <si>
    <t>2998406.0</t>
  </si>
  <si>
    <t>2889244.0</t>
  </si>
  <si>
    <t>2812462.0</t>
  </si>
  <si>
    <t>8702076.0</t>
  </si>
  <si>
    <t>2998453.0</t>
  </si>
  <si>
    <t>2889309.0</t>
  </si>
  <si>
    <t>2814314.0</t>
  </si>
  <si>
    <t>254.24</t>
  </si>
  <si>
    <t>8702113.0</t>
  </si>
  <si>
    <t>2998454.0</t>
  </si>
  <si>
    <t>2889310.0</t>
  </si>
  <si>
    <t>2814349.0</t>
  </si>
  <si>
    <t>8702114.0</t>
  </si>
  <si>
    <t>2814350.0</t>
  </si>
  <si>
    <t>8703992.0</t>
  </si>
  <si>
    <t>2998505.0</t>
  </si>
  <si>
    <t>2889358.0</t>
  </si>
  <si>
    <t>2816129.0</t>
  </si>
  <si>
    <t>8707368.0</t>
  </si>
  <si>
    <t>2998608.0</t>
  </si>
  <si>
    <t>2889501.0</t>
  </si>
  <si>
    <t>2819259.0</t>
  </si>
  <si>
    <t>8709263.0</t>
  </si>
  <si>
    <t>2998665.0</t>
  </si>
  <si>
    <t>2889581.0</t>
  </si>
  <si>
    <t>2821017.0</t>
  </si>
  <si>
    <t>8710387.0</t>
  </si>
  <si>
    <t>2998711.0</t>
  </si>
  <si>
    <t>2889616.0</t>
  </si>
  <si>
    <t>8711625.0</t>
  </si>
  <si>
    <t>2889664.0</t>
  </si>
  <si>
    <t>2823208.0</t>
  </si>
  <si>
    <t>254.52</t>
  </si>
  <si>
    <t>8711632.0</t>
  </si>
  <si>
    <t>2889666.0</t>
  </si>
  <si>
    <t>2823213.0</t>
  </si>
  <si>
    <t>8711633.0</t>
  </si>
  <si>
    <t>2889667.0</t>
  </si>
  <si>
    <t>8711634.0</t>
  </si>
  <si>
    <t>2823214.0</t>
  </si>
  <si>
    <t>8713547.0</t>
  </si>
  <si>
    <t>2998866.0</t>
  </si>
  <si>
    <t>2889814.0</t>
  </si>
  <si>
    <t>2824867.0</t>
  </si>
  <si>
    <t>8714337.0</t>
  </si>
  <si>
    <t>2998921.0</t>
  </si>
  <si>
    <t>2889863.0</t>
  </si>
  <si>
    <t>2825553.0</t>
  </si>
  <si>
    <t>8715431.0</t>
  </si>
  <si>
    <t>2999025.0</t>
  </si>
  <si>
    <t>2889943.0</t>
  </si>
  <si>
    <t>2826463.0</t>
  </si>
  <si>
    <t>8716540.0</t>
  </si>
  <si>
    <t>2999085.0</t>
  </si>
  <si>
    <t>2890026.0</t>
  </si>
  <si>
    <t>2827429.0</t>
  </si>
  <si>
    <t>254.66</t>
  </si>
  <si>
    <t>8716596.0</t>
  </si>
  <si>
    <t>2999089.0</t>
  </si>
  <si>
    <t>2890027.0</t>
  </si>
  <si>
    <t>2827480.0</t>
  </si>
  <si>
    <t>8716932.0</t>
  </si>
  <si>
    <t>2999099.0</t>
  </si>
  <si>
    <t>2890053.0</t>
  </si>
  <si>
    <t>2827780.0</t>
  </si>
  <si>
    <t>8718812.0</t>
  </si>
  <si>
    <t>2999242.0</t>
  </si>
  <si>
    <t>2890195.0</t>
  </si>
  <si>
    <t>2829375.0</t>
  </si>
  <si>
    <t>254.73</t>
  </si>
  <si>
    <t>8719577.0</t>
  </si>
  <si>
    <t>2999287.0</t>
  </si>
  <si>
    <t>2890250.0</t>
  </si>
  <si>
    <t>2830040.0</t>
  </si>
  <si>
    <t>254.75</t>
  </si>
  <si>
    <t>8720391.0</t>
  </si>
  <si>
    <t>2999376.0</t>
  </si>
  <si>
    <t>2890441.0</t>
  </si>
  <si>
    <t>2830574.0</t>
  </si>
  <si>
    <t>8721198.0</t>
  </si>
  <si>
    <t>2999472.0</t>
  </si>
  <si>
    <t>2890573.0</t>
  </si>
  <si>
    <t>2831153.0</t>
  </si>
  <si>
    <t>8721252.0</t>
  </si>
  <si>
    <t>2999478.0</t>
  </si>
  <si>
    <t>2890577.0</t>
  </si>
  <si>
    <t>2831197.0</t>
  </si>
  <si>
    <t>8721254.0</t>
  </si>
  <si>
    <t>2890578.0</t>
  </si>
  <si>
    <t>2831198.0</t>
  </si>
  <si>
    <t>6858.9</t>
  </si>
  <si>
    <t>2003.88804941925</t>
  </si>
  <si>
    <t>8721795.0</t>
  </si>
  <si>
    <t>2999526.0</t>
  </si>
  <si>
    <t>2890614.0</t>
  </si>
  <si>
    <t>2831655.0</t>
  </si>
  <si>
    <t>8723527.0</t>
  </si>
  <si>
    <t>2999660.0</t>
  </si>
  <si>
    <t>2890766.0</t>
  </si>
  <si>
    <t>2833101.0</t>
  </si>
  <si>
    <t>254.87</t>
  </si>
  <si>
    <t>8724084.0</t>
  </si>
  <si>
    <t>2999701.0</t>
  </si>
  <si>
    <t>2833569.0</t>
  </si>
  <si>
    <t>254.88</t>
  </si>
  <si>
    <t>8724964.0</t>
  </si>
  <si>
    <t>2999856.0</t>
  </si>
  <si>
    <t>2891155.0</t>
  </si>
  <si>
    <t>2833953.0</t>
  </si>
  <si>
    <t>8725648.0</t>
  </si>
  <si>
    <t>2999920.0</t>
  </si>
  <si>
    <t>2891261.0</t>
  </si>
  <si>
    <t>2834467.0</t>
  </si>
  <si>
    <t>254.93</t>
  </si>
  <si>
    <t>8725686.0</t>
  </si>
  <si>
    <t>2999921.0</t>
  </si>
  <si>
    <t>2891263.0</t>
  </si>
  <si>
    <t>2834502.0</t>
  </si>
  <si>
    <t>8725688.0</t>
  </si>
  <si>
    <t>2834504.0</t>
  </si>
  <si>
    <t>8726074.0</t>
  </si>
  <si>
    <t>2999953.0</t>
  </si>
  <si>
    <t>2891289.0</t>
  </si>
  <si>
    <t>2834832.0</t>
  </si>
  <si>
    <t>254.94</t>
  </si>
  <si>
    <t>8727195.0</t>
  </si>
  <si>
    <t>3000056.0</t>
  </si>
  <si>
    <t>2891419.0</t>
  </si>
  <si>
    <t>2835720.0</t>
  </si>
  <si>
    <t>8727732.0</t>
  </si>
  <si>
    <t>3000080.0</t>
  </si>
  <si>
    <t>2891451.0</t>
  </si>
  <si>
    <t>2836201.0</t>
  </si>
  <si>
    <t>254.99</t>
  </si>
  <si>
    <t>8728624.0</t>
  </si>
  <si>
    <t>3000254.0</t>
  </si>
  <si>
    <t>2891730.0</t>
  </si>
  <si>
    <t>2836640.0</t>
  </si>
  <si>
    <t>8729214.0</t>
  </si>
  <si>
    <t>3000301.0</t>
  </si>
  <si>
    <t>2891835.0</t>
  </si>
  <si>
    <t>2837078.0</t>
  </si>
  <si>
    <t>255.03</t>
  </si>
  <si>
    <t>8729252.0</t>
  </si>
  <si>
    <t>3000302.0</t>
  </si>
  <si>
    <t>2891839.0</t>
  </si>
  <si>
    <t>2837111.0</t>
  </si>
  <si>
    <t>8729253.0</t>
  </si>
  <si>
    <t>2837112.0</t>
  </si>
  <si>
    <t>8729657.0</t>
  </si>
  <si>
    <t>3000337.0</t>
  </si>
  <si>
    <t>2891859.0</t>
  </si>
  <si>
    <t>2837461.0</t>
  </si>
  <si>
    <t>8730859.0</t>
  </si>
  <si>
    <t>3000452.0</t>
  </si>
  <si>
    <t>2891965.0</t>
  </si>
  <si>
    <t>2838442.0</t>
  </si>
  <si>
    <t>8731546.0</t>
  </si>
  <si>
    <t>2891999.0</t>
  </si>
  <si>
    <t>2839054.0</t>
  </si>
  <si>
    <t>8732230.0</t>
  </si>
  <si>
    <t>3000609.0</t>
  </si>
  <si>
    <t>2892216.0</t>
  </si>
  <si>
    <t>2839405.0</t>
  </si>
  <si>
    <t>255.12</t>
  </si>
  <si>
    <t>8732869.0</t>
  </si>
  <si>
    <t>3000674.0</t>
  </si>
  <si>
    <t>2892289.0</t>
  </si>
  <si>
    <t>2839906.0</t>
  </si>
  <si>
    <t>255.14</t>
  </si>
  <si>
    <t>8732899.0</t>
  </si>
  <si>
    <t>3000676.0</t>
  </si>
  <si>
    <t>2892290.0</t>
  </si>
  <si>
    <t>2839933.0</t>
  </si>
  <si>
    <t>8733313.0</t>
  </si>
  <si>
    <t>3000715.0</t>
  </si>
  <si>
    <t>2892314.0</t>
  </si>
  <si>
    <t>2840284.0</t>
  </si>
  <si>
    <t>255.15</t>
  </si>
  <si>
    <t>8734673.0</t>
  </si>
  <si>
    <t>3000838.0</t>
  </si>
  <si>
    <t>2892436.0</t>
  </si>
  <si>
    <t>2841399.0</t>
  </si>
  <si>
    <t>8735107.0</t>
  </si>
  <si>
    <t>3000869.0</t>
  </si>
  <si>
    <t>2892485.0</t>
  </si>
  <si>
    <t>2841753.0</t>
  </si>
  <si>
    <t>8735109.0</t>
  </si>
  <si>
    <t>2892487.0</t>
  </si>
  <si>
    <t>8735660.0</t>
  </si>
  <si>
    <t>3000937.0</t>
  </si>
  <si>
    <t>2892572.0</t>
  </si>
  <si>
    <t>2842151.0</t>
  </si>
  <si>
    <t>8735697.0</t>
  </si>
  <si>
    <t>3000939.0</t>
  </si>
  <si>
    <t>2892581.0</t>
  </si>
  <si>
    <t>2842177.0</t>
  </si>
  <si>
    <t>8736013.0</t>
  </si>
  <si>
    <t>3000965.0</t>
  </si>
  <si>
    <t>2892602.0</t>
  </si>
  <si>
    <t>2842446.0</t>
  </si>
  <si>
    <t>8737128.0</t>
  </si>
  <si>
    <t>3001071.0</t>
  </si>
  <si>
    <t>2892709.0</t>
  </si>
  <si>
    <t>2843348.0</t>
  </si>
  <si>
    <t>8737844.0</t>
  </si>
  <si>
    <t>3001136.0</t>
  </si>
  <si>
    <t>2892771.0</t>
  </si>
  <si>
    <t>2843937.0</t>
  </si>
  <si>
    <t>6822.4</t>
  </si>
  <si>
    <t>1993.22425292071</t>
  </si>
  <si>
    <t>8738444.0</t>
  </si>
  <si>
    <t>3001233.0</t>
  </si>
  <si>
    <t>2892958.0</t>
  </si>
  <si>
    <t>2844253.0</t>
  </si>
  <si>
    <t>8738906.0</t>
  </si>
  <si>
    <t>3001311.0</t>
  </si>
  <si>
    <t>2893040.0</t>
  </si>
  <si>
    <t>2844555.0</t>
  </si>
  <si>
    <t>255.31</t>
  </si>
  <si>
    <t>8738951.0</t>
  </si>
  <si>
    <t>3001312.0</t>
  </si>
  <si>
    <t>2893046.0</t>
  </si>
  <si>
    <t>2844593.0</t>
  </si>
  <si>
    <t>8739287.0</t>
  </si>
  <si>
    <t>3001338.0</t>
  </si>
  <si>
    <t>2893070.0</t>
  </si>
  <si>
    <t>2844879.0</t>
  </si>
  <si>
    <t>255.33</t>
  </si>
  <si>
    <t>8740397.0</t>
  </si>
  <si>
    <t>3001453.0</t>
  </si>
  <si>
    <t>2893206.0</t>
  </si>
  <si>
    <t>2845738.0</t>
  </si>
  <si>
    <t>255.36</t>
  </si>
  <si>
    <t>8740805.0</t>
  </si>
  <si>
    <t>3001490.0</t>
  </si>
  <si>
    <t>2893244.0</t>
  </si>
  <si>
    <t>2846071.0</t>
  </si>
  <si>
    <t>255.37</t>
  </si>
  <si>
    <t>8741422.0</t>
  </si>
  <si>
    <t>3001590.0</t>
  </si>
  <si>
    <t>2893404.0</t>
  </si>
  <si>
    <t>2846428.0</t>
  </si>
  <si>
    <t>255.39</t>
  </si>
  <si>
    <t>8741882.0</t>
  </si>
  <si>
    <t>3001642.0</t>
  </si>
  <si>
    <t>2893463.0</t>
  </si>
  <si>
    <t>2846777.0</t>
  </si>
  <si>
    <t>8741911.0</t>
  </si>
  <si>
    <t>3001645.0</t>
  </si>
  <si>
    <t>2893465.0</t>
  </si>
  <si>
    <t>2846801.0</t>
  </si>
  <si>
    <t>8742266.0</t>
  </si>
  <si>
    <t>3001680.0</t>
  </si>
  <si>
    <t>2893495.0</t>
  </si>
  <si>
    <t>2847091.0</t>
  </si>
  <si>
    <t>8743198.0</t>
  </si>
  <si>
    <t>3001756.0</t>
  </si>
  <si>
    <t>2893604.0</t>
  </si>
  <si>
    <t>2847838.0</t>
  </si>
  <si>
    <t>8743524.0</t>
  </si>
  <si>
    <t>3001781.0</t>
  </si>
  <si>
    <t>2893640.0</t>
  </si>
  <si>
    <t>2848103.0</t>
  </si>
  <si>
    <t>255.45</t>
  </si>
  <si>
    <t>8743829.0</t>
  </si>
  <si>
    <t>3001831.0</t>
  </si>
  <si>
    <t>2893713.0</t>
  </si>
  <si>
    <t>2848285.0</t>
  </si>
  <si>
    <t>255.46</t>
  </si>
  <si>
    <t>8744418.0</t>
  </si>
  <si>
    <t>3001879.0</t>
  </si>
  <si>
    <t>2893782.0</t>
  </si>
  <si>
    <t>2848757.0</t>
  </si>
  <si>
    <t>255.48</t>
  </si>
  <si>
    <t>8744437.0</t>
  </si>
  <si>
    <t>2893783.0</t>
  </si>
  <si>
    <t>2848775.0</t>
  </si>
  <si>
    <t>8744737.0</t>
  </si>
  <si>
    <t>3001897.0</t>
  </si>
  <si>
    <t>2849027.0</t>
  </si>
  <si>
    <t>8745514.0</t>
  </si>
  <si>
    <t>3001942.0</t>
  </si>
  <si>
    <t>2849643.0</t>
  </si>
  <si>
    <t>255.51</t>
  </si>
  <si>
    <t>8745888.0</t>
  </si>
  <si>
    <t>3001969.0</t>
  </si>
  <si>
    <t>2893968.0</t>
  </si>
  <si>
    <t>2849951.0</t>
  </si>
  <si>
    <t>255.52</t>
  </si>
  <si>
    <t>8746233.0</t>
  </si>
  <si>
    <t>3002015.0</t>
  </si>
  <si>
    <t>2894063.0</t>
  </si>
  <si>
    <t>2850155.0</t>
  </si>
  <si>
    <t>8746610.0</t>
  </si>
  <si>
    <t>3002043.0</t>
  </si>
  <si>
    <t>2894134.0</t>
  </si>
  <si>
    <t>2850433.0</t>
  </si>
  <si>
    <t>8746617.0</t>
  </si>
  <si>
    <t>3002044.0</t>
  </si>
  <si>
    <t>2894135.0</t>
  </si>
  <si>
    <t>2850438.0</t>
  </si>
  <si>
    <t>8746918.0</t>
  </si>
  <si>
    <t>3002062.0</t>
  </si>
  <si>
    <t>2894166.0</t>
  </si>
  <si>
    <t>2850690.0</t>
  </si>
  <si>
    <t>255.55</t>
  </si>
  <si>
    <t>8747630.0</t>
  </si>
  <si>
    <t>3002115.0</t>
  </si>
  <si>
    <t>2894245.0</t>
  </si>
  <si>
    <t>2851270.0</t>
  </si>
  <si>
    <t>255.57</t>
  </si>
  <si>
    <t>8747940.0</t>
  </si>
  <si>
    <t>3002138.0</t>
  </si>
  <si>
    <t>2894274.0</t>
  </si>
  <si>
    <t>2851528.0</t>
  </si>
  <si>
    <t>255.58</t>
  </si>
  <si>
    <t>8748447.0</t>
  </si>
  <si>
    <t>3002214.0</t>
  </si>
  <si>
    <t>2894405.0</t>
  </si>
  <si>
    <t>2851828.0</t>
  </si>
  <si>
    <t>255.59</t>
  </si>
  <si>
    <t>8748779.0</t>
  </si>
  <si>
    <t>3002257.0</t>
  </si>
  <si>
    <t>2894442.0</t>
  </si>
  <si>
    <t>2852080.0</t>
  </si>
  <si>
    <t>8748949.0</t>
  </si>
  <si>
    <t>3002269.0</t>
  </si>
  <si>
    <t>2894452.0</t>
  </si>
  <si>
    <t>2852228.0</t>
  </si>
  <si>
    <t>255.61</t>
  </si>
  <si>
    <t>8749560.0</t>
  </si>
  <si>
    <t>3002328.0</t>
  </si>
  <si>
    <t>2894544.0</t>
  </si>
  <si>
    <t>2852688.0</t>
  </si>
  <si>
    <t>255.63</t>
  </si>
  <si>
    <t>8749809.0</t>
  </si>
  <si>
    <t>3002341.0</t>
  </si>
  <si>
    <t>2894576.0</t>
  </si>
  <si>
    <t>2852892.0</t>
  </si>
  <si>
    <t>8750066.0</t>
  </si>
  <si>
    <t>3002357.0</t>
  </si>
  <si>
    <t>2894602.0</t>
  </si>
  <si>
    <t>2853107.0</t>
  </si>
  <si>
    <t>255.64</t>
  </si>
  <si>
    <t>8750283.0</t>
  </si>
  <si>
    <t>3002370.0</t>
  </si>
  <si>
    <t>2894627.0</t>
  </si>
  <si>
    <t>2853286.0</t>
  </si>
  <si>
    <t>255.65</t>
  </si>
  <si>
    <t>8750306.0</t>
  </si>
  <si>
    <t>3002371.0</t>
  </si>
  <si>
    <t>2894629.0</t>
  </si>
  <si>
    <t>2853306.0</t>
  </si>
  <si>
    <t>8750307.0</t>
  </si>
  <si>
    <t>2853307.0</t>
  </si>
  <si>
    <t>8750311.0</t>
  </si>
  <si>
    <t>3002372.0</t>
  </si>
  <si>
    <t>2894630.0</t>
  </si>
  <si>
    <t>2853309.0</t>
  </si>
  <si>
    <t>8750842.0</t>
  </si>
  <si>
    <t>3002409.0</t>
  </si>
  <si>
    <t>2894741.0</t>
  </si>
  <si>
    <t>2853692.0</t>
  </si>
  <si>
    <t>8751070.0</t>
  </si>
  <si>
    <t>3002433.0</t>
  </si>
  <si>
    <t>2894761.0</t>
  </si>
  <si>
    <t>2853876.0</t>
  </si>
  <si>
    <t>8751217.0</t>
  </si>
  <si>
    <t>3002445.0</t>
  </si>
  <si>
    <t>2894772.0</t>
  </si>
  <si>
    <t>2854000.0</t>
  </si>
  <si>
    <t>8751429.0</t>
  </si>
  <si>
    <t>3002453.0</t>
  </si>
  <si>
    <t>2894797.0</t>
  </si>
  <si>
    <t>2854179.0</t>
  </si>
  <si>
    <t>8751445.0</t>
  </si>
  <si>
    <t>3002456.0</t>
  </si>
  <si>
    <t>2894798.0</t>
  </si>
  <si>
    <t>2854191.0</t>
  </si>
  <si>
    <t>8751595.0</t>
  </si>
  <si>
    <t>3002471.0</t>
  </si>
  <si>
    <t>2894816.0</t>
  </si>
  <si>
    <t>2854308.0</t>
  </si>
  <si>
    <t>255.69</t>
  </si>
  <si>
    <t>8752038.0</t>
  </si>
  <si>
    <t>3002502.0</t>
  </si>
  <si>
    <t>2894859.0</t>
  </si>
  <si>
    <t>2854677.0</t>
  </si>
  <si>
    <t>8752176.0</t>
  </si>
  <si>
    <t>3002515.0</t>
  </si>
  <si>
    <t>2894878.0</t>
  </si>
  <si>
    <t>2854783.0</t>
  </si>
  <si>
    <t>8752211.0</t>
  </si>
  <si>
    <t>2854818.0</t>
  </si>
  <si>
    <t>8752484.0</t>
  </si>
  <si>
    <t>3002541.0</t>
  </si>
  <si>
    <t>2894906.0</t>
  </si>
  <si>
    <t>2855037.0</t>
  </si>
  <si>
    <t>8752502.0</t>
  </si>
  <si>
    <t>3002550.0</t>
  </si>
  <si>
    <t>2894907.0</t>
  </si>
  <si>
    <t>2855045.0</t>
  </si>
  <si>
    <t>8752643.0</t>
  </si>
  <si>
    <t>3002568.0</t>
  </si>
  <si>
    <t>2894921.0</t>
  </si>
  <si>
    <t>2855154.0</t>
  </si>
  <si>
    <t>255.72</t>
  </si>
  <si>
    <t>8753161.0</t>
  </si>
  <si>
    <t>3002632.0</t>
  </si>
  <si>
    <t>2894982.0</t>
  </si>
  <si>
    <t>2855547.0</t>
  </si>
  <si>
    <t>255.73</t>
  </si>
  <si>
    <t>8753364.0</t>
  </si>
  <si>
    <t>3002662.0</t>
  </si>
  <si>
    <t>2895013.0</t>
  </si>
  <si>
    <t>2855689.0</t>
  </si>
  <si>
    <t>8753659.0</t>
  </si>
  <si>
    <t>3002696.0</t>
  </si>
  <si>
    <t>2895047.0</t>
  </si>
  <si>
    <t>2855916.0</t>
  </si>
  <si>
    <t>8753859.0</t>
  </si>
  <si>
    <t>3002713.0</t>
  </si>
  <si>
    <t>2895079.0</t>
  </si>
  <si>
    <t>2856067.0</t>
  </si>
  <si>
    <t>8753876.0</t>
  </si>
  <si>
    <t>2895081.0</t>
  </si>
  <si>
    <t>2856082.0</t>
  </si>
  <si>
    <t>8754037.0</t>
  </si>
  <si>
    <t>3002732.0</t>
  </si>
  <si>
    <t>2895101.0</t>
  </si>
  <si>
    <t>2856204.0</t>
  </si>
  <si>
    <t>255.76</t>
  </si>
  <si>
    <t>8754421.0</t>
  </si>
  <si>
    <t>3002793.0</t>
  </si>
  <si>
    <t>2895145.0</t>
  </si>
  <si>
    <t>2856483.0</t>
  </si>
  <si>
    <t>8754422.0</t>
  </si>
  <si>
    <t>2856484.0</t>
  </si>
  <si>
    <t>8754576.0</t>
  </si>
  <si>
    <t>3002807.0</t>
  </si>
  <si>
    <t>2895165.0</t>
  </si>
  <si>
    <t>2856604.0</t>
  </si>
  <si>
    <t>8754747.0</t>
  </si>
  <si>
    <t>3002827.0</t>
  </si>
  <si>
    <t>2895186.0</t>
  </si>
  <si>
    <t>2856734.0</t>
  </si>
  <si>
    <t>255.78</t>
  </si>
  <si>
    <t>8754760.0</t>
  </si>
  <si>
    <t>2895187.0</t>
  </si>
  <si>
    <t>2856746.0</t>
  </si>
  <si>
    <t>8754875.0</t>
  </si>
  <si>
    <t>3002842.0</t>
  </si>
  <si>
    <t>2856838.0</t>
  </si>
  <si>
    <t>3002909.0</t>
  </si>
  <si>
    <t>2895238.0</t>
  </si>
  <si>
    <t>2857109.0</t>
  </si>
  <si>
    <t>255.79</t>
  </si>
  <si>
    <t>8755407.0</t>
  </si>
  <si>
    <t>3002919.0</t>
  </si>
  <si>
    <t>2895253.0</t>
  </si>
  <si>
    <t>2857235.0</t>
  </si>
  <si>
    <t>8755547.0</t>
  </si>
  <si>
    <t>3002952.0</t>
  </si>
  <si>
    <t>2895265.0</t>
  </si>
  <si>
    <t>2857330.0</t>
  </si>
  <si>
    <t>8755707.0</t>
  </si>
  <si>
    <t>3002964.0</t>
  </si>
  <si>
    <t>2895285.0</t>
  </si>
  <si>
    <t>2857458.0</t>
  </si>
  <si>
    <t>8755714.0</t>
  </si>
  <si>
    <t>2895286.0</t>
  </si>
  <si>
    <t>2857464.0</t>
  </si>
  <si>
    <t>8755852.0</t>
  </si>
  <si>
    <t>3002974.0</t>
  </si>
  <si>
    <t>2895296.0</t>
  </si>
  <si>
    <t>2857582.0</t>
  </si>
  <si>
    <t>8756273.0</t>
  </si>
  <si>
    <t>3003028.0</t>
  </si>
  <si>
    <t>2895363.0</t>
  </si>
  <si>
    <t>2857882.0</t>
  </si>
  <si>
    <t>255.82</t>
  </si>
  <si>
    <t>8756420.0</t>
  </si>
  <si>
    <t>3003044.0</t>
  </si>
  <si>
    <t>2895375.0</t>
  </si>
  <si>
    <t>2858001.0</t>
  </si>
  <si>
    <t>8756590.0</t>
  </si>
  <si>
    <t>3003072.0</t>
  </si>
  <si>
    <t>2895393.0</t>
  </si>
  <si>
    <t>2858125.0</t>
  </si>
  <si>
    <t>8756701.0</t>
  </si>
  <si>
    <t>3003086.0</t>
  </si>
  <si>
    <t>2895406.0</t>
  </si>
  <si>
    <t>2858209.0</t>
  </si>
  <si>
    <t>8756708.0</t>
  </si>
  <si>
    <t>2895407.0</t>
  </si>
  <si>
    <t>2858214.0</t>
  </si>
  <si>
    <t>8756801.0</t>
  </si>
  <si>
    <t>3003098.0</t>
  </si>
  <si>
    <t>2895413.0</t>
  </si>
  <si>
    <t>2858290.0</t>
  </si>
  <si>
    <t>8757170.0</t>
  </si>
  <si>
    <t>3003150.0</t>
  </si>
  <si>
    <t>2895461.0</t>
  </si>
  <si>
    <t>2858559.0</t>
  </si>
  <si>
    <t>8757303.0</t>
  </si>
  <si>
    <t>3003163.0</t>
  </si>
  <si>
    <t>2895475.0</t>
  </si>
  <si>
    <t>2858665.0</t>
  </si>
  <si>
    <t>8757424.0</t>
  </si>
  <si>
    <t>3003177.0</t>
  </si>
  <si>
    <t>2895496.0</t>
  </si>
  <si>
    <t>2858751.0</t>
  </si>
  <si>
    <t>8757548.0</t>
  </si>
  <si>
    <t>3003184.0</t>
  </si>
  <si>
    <t>2895503.0</t>
  </si>
  <si>
    <t>2858861.0</t>
  </si>
  <si>
    <t>8757566.0</t>
  </si>
  <si>
    <t>3003186.0</t>
  </si>
  <si>
    <t>2895506.0</t>
  </si>
  <si>
    <t>2858874.0</t>
  </si>
  <si>
    <t>8757669.0</t>
  </si>
  <si>
    <t>3003193.0</t>
  </si>
  <si>
    <t>2895519.0</t>
  </si>
  <si>
    <t>2858957.0</t>
  </si>
  <si>
    <t>8758181.0</t>
  </si>
  <si>
    <t>3003259.0</t>
  </si>
  <si>
    <t>2895581.0</t>
  </si>
  <si>
    <t>2859341.0</t>
  </si>
  <si>
    <t>255.88</t>
  </si>
  <si>
    <t>8758398.0</t>
  </si>
  <si>
    <t>3003275.0</t>
  </si>
  <si>
    <t>2895597.0</t>
  </si>
  <si>
    <t>2859526.0</t>
  </si>
  <si>
    <t>8758592.0</t>
  </si>
  <si>
    <t>3003297.0</t>
  </si>
  <si>
    <t>2895612.0</t>
  </si>
  <si>
    <t>2859683.0</t>
  </si>
  <si>
    <t>8758778.0</t>
  </si>
  <si>
    <t>2895629.0</t>
  </si>
  <si>
    <t>2859810.0</t>
  </si>
  <si>
    <t>8758794.0</t>
  </si>
  <si>
    <t>3003341.0</t>
  </si>
  <si>
    <t>2895630.0</t>
  </si>
  <si>
    <t>2859823.0</t>
  </si>
  <si>
    <t>8758987.0</t>
  </si>
  <si>
    <t>3003358.0</t>
  </si>
  <si>
    <t>2895642.0</t>
  </si>
  <si>
    <t>2859987.0</t>
  </si>
  <si>
    <t>8759567.0</t>
  </si>
  <si>
    <t>3003425.0</t>
  </si>
  <si>
    <t>2895694.0</t>
  </si>
  <si>
    <t>2860448.0</t>
  </si>
  <si>
    <t>8759772.0</t>
  </si>
  <si>
    <t>3003440.0</t>
  </si>
  <si>
    <t>2895704.0</t>
  </si>
  <si>
    <t>2860628.0</t>
  </si>
  <si>
    <t>8760199.0</t>
  </si>
  <si>
    <t>3003494.0</t>
  </si>
  <si>
    <t>2895756.0</t>
  </si>
  <si>
    <t>2860949.0</t>
  </si>
  <si>
    <t>8760500.0</t>
  </si>
  <si>
    <t>3003522.0</t>
  </si>
  <si>
    <t>2895778.0</t>
  </si>
  <si>
    <t>2861200.0</t>
  </si>
  <si>
    <t>255.95</t>
  </si>
  <si>
    <t>8760521.0</t>
  </si>
  <si>
    <t>3003526.0</t>
  </si>
  <si>
    <t>2895780.0</t>
  </si>
  <si>
    <t>2861215.0</t>
  </si>
  <si>
    <t>8760830.0</t>
  </si>
  <si>
    <t>3003552.0</t>
  </si>
  <si>
    <t>2895806.0</t>
  </si>
  <si>
    <t>2861472.0</t>
  </si>
  <si>
    <t>8761777.0</t>
  </si>
  <si>
    <t>3003604.0</t>
  </si>
  <si>
    <t>2895864.0</t>
  </si>
  <si>
    <t>2862309.0</t>
  </si>
  <si>
    <t>255.98</t>
  </si>
  <si>
    <t>8762265.0</t>
  </si>
  <si>
    <t>3003619.0</t>
  </si>
  <si>
    <t>2895886.0</t>
  </si>
  <si>
    <t>2862760.0</t>
  </si>
  <si>
    <t>8763021.0</t>
  </si>
  <si>
    <t>3003698.0</t>
  </si>
  <si>
    <t>2895968.0</t>
  </si>
  <si>
    <t>2863355.0</t>
  </si>
  <si>
    <t>8763650.0</t>
  </si>
  <si>
    <t>3003734.0</t>
  </si>
  <si>
    <t>2896003.0</t>
  </si>
  <si>
    <t>2863913.0</t>
  </si>
  <si>
    <t>256.04</t>
  </si>
  <si>
    <t>8763689.0</t>
  </si>
  <si>
    <t>3003736.0</t>
  </si>
  <si>
    <t>2896004.0</t>
  </si>
  <si>
    <t>2863949.0</t>
  </si>
  <si>
    <t>8764052.0</t>
  </si>
  <si>
    <t>3003743.0</t>
  </si>
  <si>
    <t>2896028.0</t>
  </si>
  <si>
    <t>2864281.0</t>
  </si>
  <si>
    <t>8765480.0</t>
  </si>
  <si>
    <t>3003810.0</t>
  </si>
  <si>
    <t>2896102.0</t>
  </si>
  <si>
    <t>2865568.0</t>
  </si>
  <si>
    <t>256.09</t>
  </si>
  <si>
    <t>8766096.0</t>
  </si>
  <si>
    <t>3003836.0</t>
  </si>
  <si>
    <t>2896130.0</t>
  </si>
  <si>
    <t>2866130.0</t>
  </si>
  <si>
    <t>256.11</t>
  </si>
  <si>
    <t>8766986.0</t>
  </si>
  <si>
    <t>3003921.0</t>
  </si>
  <si>
    <t>2896211.0</t>
  </si>
  <si>
    <t>2866854.0</t>
  </si>
  <si>
    <t>256.14</t>
  </si>
  <si>
    <t>8767473.0</t>
  </si>
  <si>
    <t>3003952.0</t>
  </si>
  <si>
    <t>2896232.0</t>
  </si>
  <si>
    <t>2867289.0</t>
  </si>
  <si>
    <t>8768103.0</t>
  </si>
  <si>
    <t>3003975.0</t>
  </si>
  <si>
    <t>2896243.0</t>
  </si>
  <si>
    <t>2867885.0</t>
  </si>
  <si>
    <t>8770790.0</t>
  </si>
  <si>
    <t>3004056.0</t>
  </si>
  <si>
    <t>2896347.0</t>
  </si>
  <si>
    <t>2870387.0</t>
  </si>
  <si>
    <t>256.25</t>
  </si>
  <si>
    <t>8772118.0</t>
  </si>
  <si>
    <t>3004105.0</t>
  </si>
  <si>
    <t>2896411.0</t>
  </si>
  <si>
    <t>2871602.0</t>
  </si>
  <si>
    <t>256.29</t>
  </si>
  <si>
    <t>8773554.0</t>
  </si>
  <si>
    <t>3004202.0</t>
  </si>
  <si>
    <t>2896500.0</t>
  </si>
  <si>
    <t>2872852.0</t>
  </si>
  <si>
    <t>256.33</t>
  </si>
  <si>
    <t>8774333.0</t>
  </si>
  <si>
    <t>3004226.0</t>
  </si>
  <si>
    <t>2896529.0</t>
  </si>
  <si>
    <t>2873578.0</t>
  </si>
  <si>
    <t>256.35</t>
  </si>
  <si>
    <t>8776518.0</t>
  </si>
  <si>
    <t>3004313.0</t>
  </si>
  <si>
    <t>2896611.0</t>
  </si>
  <si>
    <t>2875594.0</t>
  </si>
  <si>
    <t>256.41</t>
  </si>
  <si>
    <t>8779971.0</t>
  </si>
  <si>
    <t>3004402.0</t>
  </si>
  <si>
    <t>2896699.0</t>
  </si>
  <si>
    <t>2878870.0</t>
  </si>
  <si>
    <t>256.51</t>
  </si>
  <si>
    <t>8783072.0</t>
  </si>
  <si>
    <t>3004485.0</t>
  </si>
  <si>
    <t>2896791.0</t>
  </si>
  <si>
    <t>2881796.0</t>
  </si>
  <si>
    <t>8832581.0</t>
  </si>
  <si>
    <t>3004604.0</t>
  </si>
  <si>
    <t>2896924.0</t>
  </si>
  <si>
    <t>2931053.0</t>
  </si>
  <si>
    <t>49509.0</t>
  </si>
  <si>
    <t>UZB</t>
  </si>
  <si>
    <t>Uzbekistan</t>
  </si>
  <si>
    <t>1.90599142049729</t>
  </si>
  <si>
    <t>-1468.8</t>
  </si>
  <si>
    <t>-11.67</t>
  </si>
  <si>
    <t>-42.4169727034305</t>
  </si>
  <si>
    <t>-2700.0</t>
  </si>
  <si>
    <t>-9.45</t>
  </si>
  <si>
    <t>-77.9723762930708</t>
  </si>
  <si>
    <t>-1204.8</t>
  </si>
  <si>
    <t>-34.7930070214414</t>
  </si>
  <si>
    <t>2278.6</t>
  </si>
  <si>
    <t>65.8029098597745</t>
  </si>
  <si>
    <t>306.171530910791</t>
  </si>
  <si>
    <t>368.953733155656</t>
  </si>
  <si>
    <t>16357.4</t>
  </si>
  <si>
    <t>472.379758509732</t>
  </si>
  <si>
    <t>17601.2</t>
  </si>
  <si>
    <t>508.29903318874</t>
  </si>
  <si>
    <t>539.2511787113</t>
  </si>
  <si>
    <t>20242.1</t>
  </si>
  <si>
    <t>584.564680800729</t>
  </si>
  <si>
    <t>21404.6</t>
  </si>
  <si>
    <t>618.136120593579</t>
  </si>
  <si>
    <t>21373.1</t>
  </si>
  <si>
    <t>617.22644287016</t>
  </si>
  <si>
    <t>148642.0</t>
  </si>
  <si>
    <t>17901.0</t>
  </si>
  <si>
    <t>256958.0</t>
  </si>
  <si>
    <t>335610.0</t>
  </si>
  <si>
    <t>458555.0</t>
  </si>
  <si>
    <t>31256.0</t>
  </si>
  <si>
    <t>544529.0</t>
  </si>
  <si>
    <t>600369.0</t>
  </si>
  <si>
    <t>595.304653668652</t>
  </si>
  <si>
    <t>1173978.0</t>
  </si>
  <si>
    <t>1057094.0</t>
  </si>
  <si>
    <t>116884.0</t>
  </si>
  <si>
    <t>1285215.0</t>
  </si>
  <si>
    <t>1095112.0</t>
  </si>
  <si>
    <t>190103.0</t>
  </si>
  <si>
    <t>37576.0</t>
  </si>
  <si>
    <t>34299.0</t>
  </si>
  <si>
    <t>1412312.0</t>
  </si>
  <si>
    <t>1125995.0</t>
  </si>
  <si>
    <t>1600504.0</t>
  </si>
  <si>
    <t>1183943.0</t>
  </si>
  <si>
    <t>416561.0</t>
  </si>
  <si>
    <t>1642744.0</t>
  </si>
  <si>
    <t>1199354.0</t>
  </si>
  <si>
    <t>443390.0</t>
  </si>
  <si>
    <t>32919.0</t>
  </si>
  <si>
    <t>47013.0</t>
  </si>
  <si>
    <t>63468.0</t>
  </si>
  <si>
    <t>19987.5</t>
  </si>
  <si>
    <t>577.212174502871</t>
  </si>
  <si>
    <t>2136423.0</t>
  </si>
  <si>
    <t>57401.0</t>
  </si>
  <si>
    <t>53027.0</t>
  </si>
  <si>
    <t>2695058.0</t>
  </si>
  <si>
    <t>1623764.0</t>
  </si>
  <si>
    <t>46889.0</t>
  </si>
  <si>
    <t>53875.0</t>
  </si>
  <si>
    <t>60861.0</t>
  </si>
  <si>
    <t>81819.0</t>
  </si>
  <si>
    <t>52950.0</t>
  </si>
  <si>
    <t>88806.0</t>
  </si>
  <si>
    <t>58406.0</t>
  </si>
  <si>
    <t>22281.4</t>
  </si>
  <si>
    <t>643.456927828306</t>
  </si>
  <si>
    <t>5803255.0</t>
  </si>
  <si>
    <t>3667979.0</t>
  </si>
  <si>
    <t>84918.0</t>
  </si>
  <si>
    <t>135032.0</t>
  </si>
  <si>
    <t>146588.0</t>
  </si>
  <si>
    <t>102593.0</t>
  </si>
  <si>
    <t>158145.0</t>
  </si>
  <si>
    <t>111430.0</t>
  </si>
  <si>
    <t>169702.0</t>
  </si>
  <si>
    <t>120267.0</t>
  </si>
  <si>
    <t>26046.5</t>
  </si>
  <si>
    <t>752.187962636099</t>
  </si>
  <si>
    <t>8009376.0</t>
  </si>
  <si>
    <t>5231451.0</t>
  </si>
  <si>
    <t>1232807.0</t>
  </si>
  <si>
    <t>126532.0</t>
  </si>
  <si>
    <t>183760.0</t>
  </si>
  <si>
    <t>132797.0</t>
  </si>
  <si>
    <t>8666096.0</t>
  </si>
  <si>
    <t>5723820.0</t>
  </si>
  <si>
    <t>139062.0</t>
  </si>
  <si>
    <t>231267.0</t>
  </si>
  <si>
    <t>174513.0</t>
  </si>
  <si>
    <t>271744.0</t>
  </si>
  <si>
    <t>209963.0</t>
  </si>
  <si>
    <t>10025226.0</t>
  </si>
  <si>
    <t>6829079.0</t>
  </si>
  <si>
    <t>312222.0</t>
  </si>
  <si>
    <t>245414.0</t>
  </si>
  <si>
    <t>333554.0</t>
  </si>
  <si>
    <t>268119.0</t>
  </si>
  <si>
    <t>10663284.0</t>
  </si>
  <si>
    <t>7387495.0</t>
  </si>
  <si>
    <t>347857.0</t>
  </si>
  <si>
    <t>284560.0</t>
  </si>
  <si>
    <t>11085505.0</t>
  </si>
  <si>
    <t>7776523.0</t>
  </si>
  <si>
    <t>422221.0</t>
  </si>
  <si>
    <t>376902.0</t>
  </si>
  <si>
    <t>316689.0</t>
  </si>
  <si>
    <t>11382468.0</t>
  </si>
  <si>
    <t>8049126.0</t>
  </si>
  <si>
    <t>332187.0</t>
  </si>
  <si>
    <t>12103334.0</t>
  </si>
  <si>
    <t>8569841.0</t>
  </si>
  <si>
    <t>720866.0</t>
  </si>
  <si>
    <t>426314.0</t>
  </si>
  <si>
    <t>353943.0</t>
  </si>
  <si>
    <t>369342.0</t>
  </si>
  <si>
    <t>305669.0</t>
  </si>
  <si>
    <t>312370.0</t>
  </si>
  <si>
    <t>257395.0</t>
  </si>
  <si>
    <t>12266057.0</t>
  </si>
  <si>
    <t>8661349.0</t>
  </si>
  <si>
    <t>274543.0</t>
  </si>
  <si>
    <t>221866.0</t>
  </si>
  <si>
    <t>12390770.0</t>
  </si>
  <si>
    <t>8728529.0</t>
  </si>
  <si>
    <t>246784.0</t>
  </si>
  <si>
    <t>191576.0</t>
  </si>
  <si>
    <t>12498144.0</t>
  </si>
  <si>
    <t>8790112.0</t>
  </si>
  <si>
    <t>107374.0</t>
  </si>
  <si>
    <t>201806.0</t>
  </si>
  <si>
    <t>171378.0</t>
  </si>
  <si>
    <t>12750044.0</t>
  </si>
  <si>
    <t>8929405.0</t>
  </si>
  <si>
    <t>45163.0</t>
  </si>
  <si>
    <t>12831577.0</t>
  </si>
  <si>
    <t>8964572.0</t>
  </si>
  <si>
    <t>80789.0</t>
  </si>
  <si>
    <t>12959828.0</t>
  </si>
  <si>
    <t>9016316.0</t>
  </si>
  <si>
    <t>128251.0</t>
  </si>
  <si>
    <t>13166524.0</t>
  </si>
  <si>
    <t>9093178.0</t>
  </si>
  <si>
    <t>206696.0</t>
  </si>
  <si>
    <t>95483.0</t>
  </si>
  <si>
    <t>43295.0</t>
  </si>
  <si>
    <t>13468108.0</t>
  </si>
  <si>
    <t>9188876.0</t>
  </si>
  <si>
    <t>301584.0</t>
  </si>
  <si>
    <t>126571.0</t>
  </si>
  <si>
    <t>154534.0</t>
  </si>
  <si>
    <t>58203.0</t>
  </si>
  <si>
    <t>14027520.0</t>
  </si>
  <si>
    <t>9391909.0</t>
  </si>
  <si>
    <t>182497.0</t>
  </si>
  <si>
    <t>14338693.0</t>
  </si>
  <si>
    <t>9490884.0</t>
  </si>
  <si>
    <t>215302.0</t>
  </si>
  <si>
    <t>14629853.0</t>
  </si>
  <si>
    <t>9567976.0</t>
  </si>
  <si>
    <t>291160.0</t>
  </si>
  <si>
    <t>34828.6</t>
  </si>
  <si>
    <t>1005.80322405957</t>
  </si>
  <si>
    <t>222440.0</t>
  </si>
  <si>
    <t>192750.0</t>
  </si>
  <si>
    <t>166184.0</t>
  </si>
  <si>
    <t>15004856.0</t>
  </si>
  <si>
    <t>9647200.0</t>
  </si>
  <si>
    <t>139619.0</t>
  </si>
  <si>
    <t>142626.0</t>
  </si>
  <si>
    <t>15358115.0</t>
  </si>
  <si>
    <t>9691440.0</t>
  </si>
  <si>
    <t>145632.0</t>
  </si>
  <si>
    <t>15697086.0</t>
  </si>
  <si>
    <t>9739950.0</t>
  </si>
  <si>
    <t>338971.0</t>
  </si>
  <si>
    <t>152462.0</t>
  </si>
  <si>
    <t>15978140.0</t>
  </si>
  <si>
    <t>9787973.0</t>
  </si>
  <si>
    <t>179219.0</t>
  </si>
  <si>
    <t>2884433.0</t>
  </si>
  <si>
    <t>195565.0</t>
  </si>
  <si>
    <t>211910.0</t>
  </si>
  <si>
    <t>228256.0</t>
  </si>
  <si>
    <t>232761.0</t>
  </si>
  <si>
    <t>237267.0</t>
  </si>
  <si>
    <t>218581.0</t>
  </si>
  <si>
    <t>17435318.0</t>
  </si>
  <si>
    <t>3345225.0</t>
  </si>
  <si>
    <t>208168.0</t>
  </si>
  <si>
    <t>209865.0</t>
  </si>
  <si>
    <t>211562.0</t>
  </si>
  <si>
    <t>213258.0</t>
  </si>
  <si>
    <t>214955.0</t>
  </si>
  <si>
    <t>216652.0</t>
  </si>
  <si>
    <t>18755587.0</t>
  </si>
  <si>
    <t>10591499.0</t>
  </si>
  <si>
    <t>3842737.0</t>
  </si>
  <si>
    <t>218348.0</t>
  </si>
  <si>
    <t>220529.0</t>
  </si>
  <si>
    <t>68254.0</t>
  </si>
  <si>
    <t>19425897.0</t>
  </si>
  <si>
    <t>10844590.0</t>
  </si>
  <si>
    <t>4095845.0</t>
  </si>
  <si>
    <t>19669106.0</t>
  </si>
  <si>
    <t>10946587.0</t>
  </si>
  <si>
    <t>4186586.0</t>
  </si>
  <si>
    <t>243209.0</t>
  </si>
  <si>
    <t>224808.0</t>
  </si>
  <si>
    <t>77217.0</t>
  </si>
  <si>
    <t>214818.0</t>
  </si>
  <si>
    <t>19969345.0</t>
  </si>
  <si>
    <t>11085296.0</t>
  </si>
  <si>
    <t>4283645.0</t>
  </si>
  <si>
    <t>204829.0</t>
  </si>
  <si>
    <t>20219087.0</t>
  </si>
  <si>
    <t>11196460.0</t>
  </si>
  <si>
    <t>4372030.0</t>
  </si>
  <si>
    <t>249742.0</t>
  </si>
  <si>
    <t>209071.0</t>
  </si>
  <si>
    <t>86423.0</t>
  </si>
  <si>
    <t>20505369.0</t>
  </si>
  <si>
    <t>11345355.0</t>
  </si>
  <si>
    <t>4458166.0</t>
  </si>
  <si>
    <t>286282.0</t>
  </si>
  <si>
    <t>218049.0</t>
  </si>
  <si>
    <t>95642.0</t>
  </si>
  <si>
    <t>20781994.0</t>
  </si>
  <si>
    <t>11491111.0</t>
  </si>
  <si>
    <t>4539621.0</t>
  </si>
  <si>
    <t>276625.0</t>
  </si>
  <si>
    <t>225648.0</t>
  </si>
  <si>
    <t>37254.3</t>
  </si>
  <si>
    <t>1075.85418449442</t>
  </si>
  <si>
    <t>101576.0</t>
  </si>
  <si>
    <t>21035121.0</t>
  </si>
  <si>
    <t>11620140.0</t>
  </si>
  <si>
    <t>4613029.0</t>
  </si>
  <si>
    <t>195145.0</t>
  </si>
  <si>
    <t>96222.0</t>
  </si>
  <si>
    <t>192048.0</t>
  </si>
  <si>
    <t>21292009.0</t>
  </si>
  <si>
    <t>11728726.0</t>
  </si>
  <si>
    <t>4700231.0</t>
  </si>
  <si>
    <t>188952.0</t>
  </si>
  <si>
    <t>21521904.0</t>
  </si>
  <si>
    <t>11827764.0</t>
  </si>
  <si>
    <t>4781754.0</t>
  </si>
  <si>
    <t>229895.0</t>
  </si>
  <si>
    <t>186117.0</t>
  </si>
  <si>
    <t>90186.0</t>
  </si>
  <si>
    <t>21745580.0</t>
  </si>
  <si>
    <t>11923044.0</t>
  </si>
  <si>
    <t>4861151.0</t>
  </si>
  <si>
    <t>223676.0</t>
  </si>
  <si>
    <t>177173.0</t>
  </si>
  <si>
    <t>21978290.0</t>
  </si>
  <si>
    <t>12025985.0</t>
  </si>
  <si>
    <t>4941860.0</t>
  </si>
  <si>
    <t>170899.0</t>
  </si>
  <si>
    <t>76411.0</t>
  </si>
  <si>
    <t>170502.0</t>
  </si>
  <si>
    <t>170106.0</t>
  </si>
  <si>
    <t>79301.0</t>
  </si>
  <si>
    <t>168774.0</t>
  </si>
  <si>
    <t>76783.0</t>
  </si>
  <si>
    <t>22721000.0</t>
  </si>
  <si>
    <t>23183452.0</t>
  </si>
  <si>
    <t>12500946.0</t>
  </si>
  <si>
    <t>5421471.0</t>
  </si>
  <si>
    <t>462452.0</t>
  </si>
  <si>
    <t>172166.0</t>
  </si>
  <si>
    <t>23416745.0</t>
  </si>
  <si>
    <t>12595716.0</t>
  </si>
  <si>
    <t>5514287.0</t>
  </si>
  <si>
    <t>233293.0</t>
  </si>
  <si>
    <t>187810.0</t>
  </si>
  <si>
    <t>23645856.0</t>
  </si>
  <si>
    <t>12692440.0</t>
  </si>
  <si>
    <t>5605575.0</t>
  </si>
  <si>
    <t>229111.0</t>
  </si>
  <si>
    <t>202857.0</t>
  </si>
  <si>
    <t>75822.0</t>
  </si>
  <si>
    <t>23846899.0</t>
  </si>
  <si>
    <t>12772433.0</t>
  </si>
  <si>
    <t>5688341.0</t>
  </si>
  <si>
    <t>213893.0</t>
  </si>
  <si>
    <t>77556.0</t>
  </si>
  <si>
    <t>74211.0</t>
  </si>
  <si>
    <t>24087004.0</t>
  </si>
  <si>
    <t>12861301.0</t>
  </si>
  <si>
    <t>5789691.0</t>
  </si>
  <si>
    <t>212827.0</t>
  </si>
  <si>
    <t>24300975.0</t>
  </si>
  <si>
    <t>12938201.0</t>
  </si>
  <si>
    <t>5882086.0</t>
  </si>
  <si>
    <t>213971.0</t>
  </si>
  <si>
    <t>24506587.0</t>
  </si>
  <si>
    <t>13011465.0</t>
  </si>
  <si>
    <t>205612.0</t>
  </si>
  <si>
    <t>189019.0</t>
  </si>
  <si>
    <t>24710357.0</t>
  </si>
  <si>
    <t>13081265.0</t>
  </si>
  <si>
    <t>184802.0</t>
  </si>
  <si>
    <t>69364.0</t>
  </si>
  <si>
    <t>24909801.0</t>
  </si>
  <si>
    <t>13149792.0</t>
  </si>
  <si>
    <t>199444.0</t>
  </si>
  <si>
    <t>25101646.0</t>
  </si>
  <si>
    <t>13213836.0</t>
  </si>
  <si>
    <t>191845.0</t>
  </si>
  <si>
    <t>179250.0</t>
  </si>
  <si>
    <t>176078.0</t>
  </si>
  <si>
    <t>25297345.0</t>
  </si>
  <si>
    <t>13272675.0</t>
  </si>
  <si>
    <t>172906.0</t>
  </si>
  <si>
    <t>25473920.0</t>
  </si>
  <si>
    <t>13325043.0</t>
  </si>
  <si>
    <t>167564.0</t>
  </si>
  <si>
    <t>25656772.0</t>
  </si>
  <si>
    <t>13379855.0</t>
  </si>
  <si>
    <t>182852.0</t>
  </si>
  <si>
    <t>164312.0</t>
  </si>
  <si>
    <t>25834091.0</t>
  </si>
  <si>
    <t>13433632.0</t>
  </si>
  <si>
    <t>160533.0</t>
  </si>
  <si>
    <t>50338.0</t>
  </si>
  <si>
    <t>26032029.0</t>
  </si>
  <si>
    <t>13499070.0</t>
  </si>
  <si>
    <t>197938.0</t>
  </si>
  <si>
    <t>153753.0</t>
  </si>
  <si>
    <t>38864.4</t>
  </si>
  <si>
    <t>1122.35171155719</t>
  </si>
  <si>
    <t>160616.0</t>
  </si>
  <si>
    <t>26469699.0</t>
  </si>
  <si>
    <t>13692645.0</t>
  </si>
  <si>
    <t>167479.0</t>
  </si>
  <si>
    <t>59996.0</t>
  </si>
  <si>
    <t>26728397.0</t>
  </si>
  <si>
    <t>13827346.0</t>
  </si>
  <si>
    <t>179211.0</t>
  </si>
  <si>
    <t>86183.0</t>
  </si>
  <si>
    <t>100755.0</t>
  </si>
  <si>
    <t>219174.0</t>
  </si>
  <si>
    <t>27845532.0</t>
  </si>
  <si>
    <t>14450493.0</t>
  </si>
  <si>
    <t>238230.0</t>
  </si>
  <si>
    <t>126700.0</t>
  </si>
  <si>
    <t>240629.0</t>
  </si>
  <si>
    <t>131683.0</t>
  </si>
  <si>
    <t>28170887.0</t>
  </si>
  <si>
    <t>14649315.0</t>
  </si>
  <si>
    <t>136667.0</t>
  </si>
  <si>
    <t>28494503.0</t>
  </si>
  <si>
    <t>14834189.0</t>
  </si>
  <si>
    <t>323616.0</t>
  </si>
  <si>
    <t>252301.0</t>
  </si>
  <si>
    <t>143835.0</t>
  </si>
  <si>
    <t>28821483.0</t>
  </si>
  <si>
    <t>15021836.0</t>
  </si>
  <si>
    <t>326980.0</t>
  </si>
  <si>
    <t>148386.0</t>
  </si>
  <si>
    <t>29136572.0</t>
  </si>
  <si>
    <t>15199786.0</t>
  </si>
  <si>
    <t>264230.0</t>
  </si>
  <si>
    <t>151552.0</t>
  </si>
  <si>
    <t>29454296.0</t>
  </si>
  <si>
    <t>15390593.0</t>
  </si>
  <si>
    <t>317724.0</t>
  </si>
  <si>
    <t>269721.0</t>
  </si>
  <si>
    <t>156555.0</t>
  </si>
  <si>
    <t>29735466.0</t>
  </si>
  <si>
    <t>15554597.0</t>
  </si>
  <si>
    <t>281170.0</t>
  </si>
  <si>
    <t>269991.0</t>
  </si>
  <si>
    <t>266491.0</t>
  </si>
  <si>
    <t>153978.0</t>
  </si>
  <si>
    <t>30011822.0</t>
  </si>
  <si>
    <t>15700898.0</t>
  </si>
  <si>
    <t>262991.0</t>
  </si>
  <si>
    <t>150226.0</t>
  </si>
  <si>
    <t>30317119.0</t>
  </si>
  <si>
    <t>15858048.0</t>
  </si>
  <si>
    <t>305297.0</t>
  </si>
  <si>
    <t>146266.0</t>
  </si>
  <si>
    <t>30592189.0</t>
  </si>
  <si>
    <t>16002047.0</t>
  </si>
  <si>
    <t>275070.0</t>
  </si>
  <si>
    <t>252958.0</t>
  </si>
  <si>
    <t>140030.0</t>
  </si>
  <si>
    <t>30889942.0</t>
  </si>
  <si>
    <t>16153695.0</t>
  </si>
  <si>
    <t>297753.0</t>
  </si>
  <si>
    <t>250481.0</t>
  </si>
  <si>
    <t>136273.0</t>
  </si>
  <si>
    <t>31192046.0</t>
  </si>
  <si>
    <t>16303310.0</t>
  </si>
  <si>
    <t>302104.0</t>
  </si>
  <si>
    <t>248250.0</t>
  </si>
  <si>
    <t>31489773.0</t>
  </si>
  <si>
    <t>16452251.0</t>
  </si>
  <si>
    <t>297727.0</t>
  </si>
  <si>
    <t>250615.0</t>
  </si>
  <si>
    <t>128236.0</t>
  </si>
  <si>
    <t>253309.0</t>
  </si>
  <si>
    <t>128827.0</t>
  </si>
  <si>
    <t>31803843.0</t>
  </si>
  <si>
    <t>16606819.0</t>
  </si>
  <si>
    <t>129417.0</t>
  </si>
  <si>
    <t>130363.0</t>
  </si>
  <si>
    <t>268281.0</t>
  </si>
  <si>
    <t>133187.0</t>
  </si>
  <si>
    <t>32803308.0</t>
  </si>
  <si>
    <t>17098127.0</t>
  </si>
  <si>
    <t>273338.0</t>
  </si>
  <si>
    <t>134919.0</t>
  </si>
  <si>
    <t>33121735.0</t>
  </si>
  <si>
    <t>17252391.0</t>
  </si>
  <si>
    <t>318427.0</t>
  </si>
  <si>
    <t>275670.0</t>
  </si>
  <si>
    <t>135583.0</t>
  </si>
  <si>
    <t>33407074.0</t>
  </si>
  <si>
    <t>17378302.0</t>
  </si>
  <si>
    <t>273900.0</t>
  </si>
  <si>
    <t>270427.0</t>
  </si>
  <si>
    <t>129052.0</t>
  </si>
  <si>
    <t>33672515.0</t>
  </si>
  <si>
    <t>17487499.0</t>
  </si>
  <si>
    <t>266953.0</t>
  </si>
  <si>
    <t>38841.9</t>
  </si>
  <si>
    <t>1121.70194175475</t>
  </si>
  <si>
    <t>255768.0</t>
  </si>
  <si>
    <t>34182226.0</t>
  </si>
  <si>
    <t>17687886.0</t>
  </si>
  <si>
    <t>244582.0</t>
  </si>
  <si>
    <t>107647.0</t>
  </si>
  <si>
    <t>231177.0</t>
  </si>
  <si>
    <t>34660874.0</t>
  </si>
  <si>
    <t>17849571.0</t>
  </si>
  <si>
    <t>85311.0</t>
  </si>
  <si>
    <t>34874583.0</t>
  </si>
  <si>
    <t>17917259.0</t>
  </si>
  <si>
    <t>213709.0</t>
  </si>
  <si>
    <t>209644.0</t>
  </si>
  <si>
    <t>76994.0</t>
  </si>
  <si>
    <t>208014.0</t>
  </si>
  <si>
    <t>74187.0</t>
  </si>
  <si>
    <t>35117208.0</t>
  </si>
  <si>
    <t>17987159.0</t>
  </si>
  <si>
    <t>206385.0</t>
  </si>
  <si>
    <t>71380.0</t>
  </si>
  <si>
    <t>35353114.0</t>
  </si>
  <si>
    <t>18056727.0</t>
  </si>
  <si>
    <t>203678.0</t>
  </si>
  <si>
    <t>185638.0</t>
  </si>
  <si>
    <t>52732.0</t>
  </si>
  <si>
    <t>35610274.0</t>
  </si>
  <si>
    <t>169818.0</t>
  </si>
  <si>
    <t>35845059.0</t>
  </si>
  <si>
    <t>234785.0</t>
  </si>
  <si>
    <t>160517.0</t>
  </si>
  <si>
    <t>36304489.0</t>
  </si>
  <si>
    <t>169612.0</t>
  </si>
  <si>
    <t>36534484.0</t>
  </si>
  <si>
    <t>168767.0</t>
  </si>
  <si>
    <t>36747947.0</t>
  </si>
  <si>
    <t>213463.0</t>
  </si>
  <si>
    <t>36948391.0</t>
  </si>
  <si>
    <t>200444.0</t>
  </si>
  <si>
    <t>37152708.0</t>
  </si>
  <si>
    <t>204317.0</t>
  </si>
  <si>
    <t>186807.0</t>
  </si>
  <si>
    <t>37347464.0</t>
  </si>
  <si>
    <t>192752.0</t>
  </si>
  <si>
    <t>185091.0</t>
  </si>
  <si>
    <t>37546496.0</t>
  </si>
  <si>
    <t>177430.0</t>
  </si>
  <si>
    <t>37745967.0</t>
  </si>
  <si>
    <t>173069.0</t>
  </si>
  <si>
    <t>109.01</t>
  </si>
  <si>
    <t>37937396.0</t>
  </si>
  <si>
    <t>169921.0</t>
  </si>
  <si>
    <t>38129555.0</t>
  </si>
  <si>
    <t>192159.0</t>
  </si>
  <si>
    <t>168738.0</t>
  </si>
  <si>
    <t>38321155.0</t>
  </si>
  <si>
    <t>191600.0</t>
  </si>
  <si>
    <t>166921.0</t>
  </si>
  <si>
    <t>156263.0</t>
  </si>
  <si>
    <t>38681611.0</t>
  </si>
  <si>
    <t>162159.0</t>
  </si>
  <si>
    <t>38864733.0</t>
  </si>
  <si>
    <t>39036802.0</t>
  </si>
  <si>
    <t>172069.0</t>
  </si>
  <si>
    <t>157058.0</t>
  </si>
  <si>
    <t>136106.0</t>
  </si>
  <si>
    <t>35729.4</t>
  </si>
  <si>
    <t>-16.46</t>
  </si>
  <si>
    <t>1031.81711908357</t>
  </si>
  <si>
    <t>115234.0</t>
  </si>
  <si>
    <t>104568.0</t>
  </si>
  <si>
    <t>93903.0</t>
  </si>
  <si>
    <t>83238.0</t>
  </si>
  <si>
    <t>39355263.0</t>
  </si>
  <si>
    <t>39504910.0</t>
  </si>
  <si>
    <t>149647.0</t>
  </si>
  <si>
    <t>39658934.0</t>
  </si>
  <si>
    <t>154024.0</t>
  </si>
  <si>
    <t>90532.0</t>
  </si>
  <si>
    <t>39949291.0</t>
  </si>
  <si>
    <t>97860.0</t>
  </si>
  <si>
    <t>40094604.0</t>
  </si>
  <si>
    <t>145313.0</t>
  </si>
  <si>
    <t>112119.0</t>
  </si>
  <si>
    <t>85370.0</t>
  </si>
  <si>
    <t>63930.0</t>
  </si>
  <si>
    <t>50667.0</t>
  </si>
  <si>
    <t>40165642.0</t>
  </si>
  <si>
    <t>18071812.0</t>
  </si>
  <si>
    <t>11925969.0</t>
  </si>
  <si>
    <t>37182.3</t>
  </si>
  <si>
    <t>1073.77492112661</t>
  </si>
  <si>
    <t>87084.0</t>
  </si>
  <si>
    <t>40872222.0</t>
  </si>
  <si>
    <t>18221843.0</t>
  </si>
  <si>
    <t>12598509.0</t>
  </si>
  <si>
    <t>100940.0</t>
  </si>
  <si>
    <t>99977.0</t>
  </si>
  <si>
    <t>99014.0</t>
  </si>
  <si>
    <t>98532.0</t>
  </si>
  <si>
    <t>41555204.0</t>
  </si>
  <si>
    <t>18328631.0</t>
  </si>
  <si>
    <t>12866678.0</t>
  </si>
  <si>
    <t>95195.0</t>
  </si>
  <si>
    <t>90447.0</t>
  </si>
  <si>
    <t>42121870.0</t>
  </si>
  <si>
    <t>18446210.0</t>
  </si>
  <si>
    <t>13160671.0</t>
  </si>
  <si>
    <t>84109.0</t>
  </si>
  <si>
    <t>93579.0</t>
  </si>
  <si>
    <t>96736.0</t>
  </si>
  <si>
    <t>99893.0</t>
  </si>
  <si>
    <t>38211.6</t>
  </si>
  <si>
    <t>1103.499723689</t>
  </si>
  <si>
    <t>43564564.0</t>
  </si>
  <si>
    <t>18579474.0</t>
  </si>
  <si>
    <t>13564885.0</t>
  </si>
  <si>
    <t>98608.0</t>
  </si>
  <si>
    <t>96388.0</t>
  </si>
  <si>
    <t>91947.0</t>
  </si>
  <si>
    <t>89726.0</t>
  </si>
  <si>
    <t>44177104.0</t>
  </si>
  <si>
    <t>18633103.0</t>
  </si>
  <si>
    <t>13852504.0</t>
  </si>
  <si>
    <t>1949455.0</t>
  </si>
  <si>
    <t>84254.0</t>
  </si>
  <si>
    <t>81001.0</t>
  </si>
  <si>
    <t>77749.0</t>
  </si>
  <si>
    <t>71245.0</t>
  </si>
  <si>
    <t>45083468.0</t>
  </si>
  <si>
    <t>18633930.0</t>
  </si>
  <si>
    <t>14038721.0</t>
  </si>
  <si>
    <t>2576183.0</t>
  </si>
  <si>
    <t>75797.0</t>
  </si>
  <si>
    <t>38484.9</t>
  </si>
  <si>
    <t>1111.39226088933</t>
  </si>
  <si>
    <t>97911.0</t>
  </si>
  <si>
    <t>45807547.0</t>
  </si>
  <si>
    <t>18711434.0</t>
  </si>
  <si>
    <t>14190099.0</t>
  </si>
  <si>
    <t>3023717.0</t>
  </si>
  <si>
    <t>105004.0</t>
  </si>
  <si>
    <t>105786.0</t>
  </si>
  <si>
    <t>106568.0</t>
  </si>
  <si>
    <t>46569941.0</t>
  </si>
  <si>
    <t>18866465.0</t>
  </si>
  <si>
    <t>14317528.0</t>
  </si>
  <si>
    <t>3462935.0</t>
  </si>
  <si>
    <t>110672.0</t>
  </si>
  <si>
    <t>112430.0</t>
  </si>
  <si>
    <t>117704.0</t>
  </si>
  <si>
    <t>119463.0</t>
  </si>
  <si>
    <t>47418486.0</t>
  </si>
  <si>
    <t>19028496.0</t>
  </si>
  <si>
    <t>14440696.0</t>
  </si>
  <si>
    <t>3989799.0</t>
  </si>
  <si>
    <t>121995.0</t>
  </si>
  <si>
    <t>122382.0</t>
  </si>
  <si>
    <t>122769.0</t>
  </si>
  <si>
    <t>20996.0</t>
  </si>
  <si>
    <t>48286000.0</t>
  </si>
  <si>
    <t>19169443.0</t>
  </si>
  <si>
    <t>14551774.0</t>
  </si>
  <si>
    <t>4571851.0</t>
  </si>
  <si>
    <t>123931.0</t>
  </si>
  <si>
    <t>120841.0</t>
  </si>
  <si>
    <t>117752.0</t>
  </si>
  <si>
    <t>111574.0</t>
  </si>
  <si>
    <t>105395.0</t>
  </si>
  <si>
    <t>38012.6</t>
  </si>
  <si>
    <t>1097.75287076962</t>
  </si>
  <si>
    <t>50434421.0</t>
  </si>
  <si>
    <t>14838975.0</t>
  </si>
  <si>
    <t>6181833.0</t>
  </si>
  <si>
    <t>112334.0</t>
  </si>
  <si>
    <t>117348.0</t>
  </si>
  <si>
    <t>122362.0</t>
  </si>
  <si>
    <t>132390.0</t>
  </si>
  <si>
    <t>51396252.0</t>
  </si>
  <si>
    <t>19408304.0</t>
  </si>
  <si>
    <t>15040927.0</t>
  </si>
  <si>
    <t>6874855.0</t>
  </si>
  <si>
    <t>138112.0</t>
  </si>
  <si>
    <t>138819.0</t>
  </si>
  <si>
    <t>140234.0</t>
  </si>
  <si>
    <t>140941.0</t>
  </si>
  <si>
    <t>141649.0</t>
  </si>
  <si>
    <t>52392744.0</t>
  </si>
  <si>
    <t>19463364.0</t>
  </si>
  <si>
    <t>15232341.0</t>
  </si>
  <si>
    <t>7592571.0</t>
  </si>
  <si>
    <t>142356.0</t>
  </si>
  <si>
    <t>37749.9</t>
  </si>
  <si>
    <t>1090.16644734289</t>
  </si>
  <si>
    <t>128326.0</t>
  </si>
  <si>
    <t>123649.0</t>
  </si>
  <si>
    <t>114296.0</t>
  </si>
  <si>
    <t>53160080.0</t>
  </si>
  <si>
    <t>19509330.0</t>
  </si>
  <si>
    <t>15319040.0</t>
  </si>
  <si>
    <t>8195045.0</t>
  </si>
  <si>
    <t>116840.0</t>
  </si>
  <si>
    <t>118646.0</t>
  </si>
  <si>
    <t>122256.0</t>
  </si>
  <si>
    <t>54871667.0</t>
  </si>
  <si>
    <t>19611361.0</t>
  </si>
  <si>
    <t>15485377.0</t>
  </si>
  <si>
    <t>9586944.0</t>
  </si>
  <si>
    <t>125656.0</t>
  </si>
  <si>
    <t>129056.0</t>
  </si>
  <si>
    <t>55782994.0</t>
  </si>
  <si>
    <t>19699111.0</t>
  </si>
  <si>
    <t>15571588.0</t>
  </si>
  <si>
    <t>10296725.0</t>
  </si>
  <si>
    <t>130190.0</t>
  </si>
  <si>
    <t>142136.0</t>
  </si>
  <si>
    <t>148109.0</t>
  </si>
  <si>
    <t>154082.0</t>
  </si>
  <si>
    <t>40188.6</t>
  </si>
  <si>
    <t>1160.59283033026</t>
  </si>
  <si>
    <t>160055.0</t>
  </si>
  <si>
    <t>166029.0</t>
  </si>
  <si>
    <t>172002.0</t>
  </si>
  <si>
    <t>58191020.0</t>
  </si>
  <si>
    <t>19890447.0</t>
  </si>
  <si>
    <t>15794134.0</t>
  </si>
  <si>
    <t>12184343.0</t>
  </si>
  <si>
    <t>165895.0</t>
  </si>
  <si>
    <t>159789.0</t>
  </si>
  <si>
    <t>153683.0</t>
  </si>
  <si>
    <t>141470.0</t>
  </si>
  <si>
    <t>135363.0</t>
  </si>
  <si>
    <t>43509.5</t>
  </si>
  <si>
    <t>1256.49596530495</t>
  </si>
  <si>
    <t>63619811.0</t>
  </si>
  <si>
    <t>20652199.0</t>
  </si>
  <si>
    <t>16403073.0</t>
  </si>
  <si>
    <t>13085004.0</t>
  </si>
  <si>
    <t>128285.0</t>
  </si>
  <si>
    <t>127313.0</t>
  </si>
  <si>
    <t>126341.0</t>
  </si>
  <si>
    <t>125369.0</t>
  </si>
  <si>
    <t>124397.0</t>
  </si>
  <si>
    <t>123425.0</t>
  </si>
  <si>
    <t>122452.0</t>
  </si>
  <si>
    <t>49811.4</t>
  </si>
  <si>
    <t>1438.48637943877</t>
  </si>
  <si>
    <t>65334146.0</t>
  </si>
  <si>
    <t>16495460.0</t>
  </si>
  <si>
    <t>13316693.0</t>
  </si>
  <si>
    <t>120814.0</t>
  </si>
  <si>
    <t>117537.0</t>
  </si>
  <si>
    <t>114261.0</t>
  </si>
  <si>
    <t>110984.0</t>
  </si>
  <si>
    <t>52226.9</t>
  </si>
  <si>
    <t>1508.24277756318</t>
  </si>
  <si>
    <t>69218586.0</t>
  </si>
  <si>
    <t>21037140.0</t>
  </si>
  <si>
    <t>17201955.0</t>
  </si>
  <si>
    <t>14334007.0</t>
  </si>
  <si>
    <t>105185.0</t>
  </si>
  <si>
    <t>93586.0</t>
  </si>
  <si>
    <t>81988.0</t>
  </si>
  <si>
    <t>70696770.0</t>
  </si>
  <si>
    <t>21247096.0</t>
  </si>
  <si>
    <t>17529078.0</t>
  </si>
  <si>
    <t>14528732.0</t>
  </si>
  <si>
    <t>52378.0</t>
  </si>
  <si>
    <t>40370.0</t>
  </si>
  <si>
    <t>71888007.0</t>
  </si>
  <si>
    <t>21283789.0</t>
  </si>
  <si>
    <t>17707137.0</t>
  </si>
  <si>
    <t>14721017.0</t>
  </si>
  <si>
    <t>VUT</t>
  </si>
  <si>
    <t>Vanuatu</t>
  </si>
  <si>
    <t>73744.0</t>
  </si>
  <si>
    <t>87583.0</t>
  </si>
  <si>
    <t>59215.0</t>
  </si>
  <si>
    <t>65982.0</t>
  </si>
  <si>
    <t>105012.0</t>
  </si>
  <si>
    <t>122867.0</t>
  </si>
  <si>
    <t>36891.0</t>
  </si>
  <si>
    <t>129582.0</t>
  </si>
  <si>
    <t>141490.0</t>
  </si>
  <si>
    <t>45349.0</t>
  </si>
  <si>
    <t>147609.0</t>
  </si>
  <si>
    <t>152711.0</t>
  </si>
  <si>
    <t>102308.0</t>
  </si>
  <si>
    <t>178464.0</t>
  </si>
  <si>
    <t>69288.0</t>
  </si>
  <si>
    <t>110235.0</t>
  </si>
  <si>
    <t>73810.0</t>
  </si>
  <si>
    <t>189138.0</t>
  </si>
  <si>
    <t>110907.0</t>
  </si>
  <si>
    <t>37.567</t>
  </si>
  <si>
    <t>199464.0</t>
  </si>
  <si>
    <t>114284.0</t>
  </si>
  <si>
    <t>199810.0</t>
  </si>
  <si>
    <t>261709.0</t>
  </si>
  <si>
    <t>118158.0</t>
  </si>
  <si>
    <t>276709.0</t>
  </si>
  <si>
    <t>139508.0</t>
  </si>
  <si>
    <t>126591.0</t>
  </si>
  <si>
    <t>281014.0</t>
  </si>
  <si>
    <t>141230.0</t>
  </si>
  <si>
    <t>129174.0</t>
  </si>
  <si>
    <t>282447.0</t>
  </si>
  <si>
    <t>130607.0</t>
  </si>
  <si>
    <t>287803.0</t>
  </si>
  <si>
    <t>289912.0</t>
  </si>
  <si>
    <t>292146.0</t>
  </si>
  <si>
    <t>144290.0</t>
  </si>
  <si>
    <t>131300.0</t>
  </si>
  <si>
    <t>293584.0</t>
  </si>
  <si>
    <t>144824.0</t>
  </si>
  <si>
    <t>VAT</t>
  </si>
  <si>
    <t>Vatican</t>
  </si>
  <si>
    <t>VEN</t>
  </si>
  <si>
    <t>Venezuela</t>
  </si>
  <si>
    <t>316000.0</t>
  </si>
  <si>
    <t>739962.0</t>
  </si>
  <si>
    <t>588066.0</t>
  </si>
  <si>
    <t>151896.0</t>
  </si>
  <si>
    <t>53862.0</t>
  </si>
  <si>
    <t>71576.0</t>
  </si>
  <si>
    <t>61821.0</t>
  </si>
  <si>
    <t>1302992.0</t>
  </si>
  <si>
    <t>1079134.0</t>
  </si>
  <si>
    <t>223858.0</t>
  </si>
  <si>
    <t>64146.0</t>
  </si>
  <si>
    <t>47859.0</t>
  </si>
  <si>
    <t>1466988.0</t>
  </si>
  <si>
    <t>1223130.0</t>
  </si>
  <si>
    <t>34956.0</t>
  </si>
  <si>
    <t>46483.0</t>
  </si>
  <si>
    <t>57235.0</t>
  </si>
  <si>
    <t>93900.0</t>
  </si>
  <si>
    <t>104121.0</t>
  </si>
  <si>
    <t>2508201.0</t>
  </si>
  <si>
    <t>2284343.0</t>
  </si>
  <si>
    <t>119692.0</t>
  </si>
  <si>
    <t>100930.0</t>
  </si>
  <si>
    <t>150833.0</t>
  </si>
  <si>
    <t>166403.0</t>
  </si>
  <si>
    <t>181973.0</t>
  </si>
  <si>
    <t>93143.0</t>
  </si>
  <si>
    <t>197544.0</t>
  </si>
  <si>
    <t>90547.0</t>
  </si>
  <si>
    <t>4000000.0</t>
  </si>
  <si>
    <t>2900000.0</t>
  </si>
  <si>
    <t>1100000.0</t>
  </si>
  <si>
    <t>185360.0</t>
  </si>
  <si>
    <t>157606.0</t>
  </si>
  <si>
    <t>82116.0</t>
  </si>
  <si>
    <t>129852.0</t>
  </si>
  <si>
    <t>79198.0</t>
  </si>
  <si>
    <t>102098.0</t>
  </si>
  <si>
    <t>76280.0</t>
  </si>
  <si>
    <t>74344.0</t>
  </si>
  <si>
    <t>4678086.0</t>
  </si>
  <si>
    <t>146732.0</t>
  </si>
  <si>
    <t>210680.0</t>
  </si>
  <si>
    <t>274629.0</t>
  </si>
  <si>
    <t>338577.0</t>
  </si>
  <si>
    <t>402525.0</t>
  </si>
  <si>
    <t>466473.0</t>
  </si>
  <si>
    <t>9342817.0</t>
  </si>
  <si>
    <t>6006270.0</t>
  </si>
  <si>
    <t>3336547.0</t>
  </si>
  <si>
    <t>417705.0</t>
  </si>
  <si>
    <t>66213.0</t>
  </si>
  <si>
    <t>368938.0</t>
  </si>
  <si>
    <t>320170.0</t>
  </si>
  <si>
    <t>271402.0</t>
  </si>
  <si>
    <t>222635.0</t>
  </si>
  <si>
    <t>60954.0</t>
  </si>
  <si>
    <t>59639.0</t>
  </si>
  <si>
    <t>125099.0</t>
  </si>
  <si>
    <t>11094206.0</t>
  </si>
  <si>
    <t>6822809.0</t>
  </si>
  <si>
    <t>4271397.0</t>
  </si>
  <si>
    <t>145615.0</t>
  </si>
  <si>
    <t>166130.0</t>
  </si>
  <si>
    <t>93016.0</t>
  </si>
  <si>
    <t>110362.0</t>
  </si>
  <si>
    <t>207162.0</t>
  </si>
  <si>
    <t>127707.0</t>
  </si>
  <si>
    <t>227677.0</t>
  </si>
  <si>
    <t>145053.0</t>
  </si>
  <si>
    <t>248193.0</t>
  </si>
  <si>
    <t>162399.0</t>
  </si>
  <si>
    <t>268709.0</t>
  </si>
  <si>
    <t>179745.0</t>
  </si>
  <si>
    <t>14050000.0</t>
  </si>
  <si>
    <t>8800000.0</t>
  </si>
  <si>
    <t>5250000.0</t>
  </si>
  <si>
    <t>176253.0</t>
  </si>
  <si>
    <t>271214.0</t>
  </si>
  <si>
    <t>172761.0</t>
  </si>
  <si>
    <t>272466.0</t>
  </si>
  <si>
    <t>169269.0</t>
  </si>
  <si>
    <t>273719.0</t>
  </si>
  <si>
    <t>165777.0</t>
  </si>
  <si>
    <t>274971.0</t>
  </si>
  <si>
    <t>162285.0</t>
  </si>
  <si>
    <t>15714857.0</t>
  </si>
  <si>
    <t>9731808.0</t>
  </si>
  <si>
    <t>5983049.0</t>
  </si>
  <si>
    <t>276224.0</t>
  </si>
  <si>
    <t>243192.0</t>
  </si>
  <si>
    <t>135645.0</t>
  </si>
  <si>
    <t>208909.0</t>
  </si>
  <si>
    <t>115989.0</t>
  </si>
  <si>
    <t>174625.0</t>
  </si>
  <si>
    <t>96333.0</t>
  </si>
  <si>
    <t>71773.0</t>
  </si>
  <si>
    <t>16127242.0</t>
  </si>
  <si>
    <t>9926613.0</t>
  </si>
  <si>
    <t>6190629.0</t>
  </si>
  <si>
    <t>98510.0</t>
  </si>
  <si>
    <t>70295.0</t>
  </si>
  <si>
    <t>190040.0</t>
  </si>
  <si>
    <t>220550.0</t>
  </si>
  <si>
    <t>122880.0</t>
  </si>
  <si>
    <t>23156914.0</t>
  </si>
  <si>
    <t>13858057.0</t>
  </si>
  <si>
    <t>9271857.0</t>
  </si>
  <si>
    <t>233989.0</t>
  </si>
  <si>
    <t>216917.0</t>
  </si>
  <si>
    <t>130740.0</t>
  </si>
  <si>
    <t>199846.0</t>
  </si>
  <si>
    <t>125905.0</t>
  </si>
  <si>
    <t>182775.0</t>
  </si>
  <si>
    <t>121071.0</t>
  </si>
  <si>
    <t>165704.0</t>
  </si>
  <si>
    <t>148633.0</t>
  </si>
  <si>
    <t>131562.0</t>
  </si>
  <si>
    <t>26314390.0</t>
  </si>
  <si>
    <t>16415684.0</t>
  </si>
  <si>
    <t>9858581.0</t>
  </si>
  <si>
    <t>142412.0</t>
  </si>
  <si>
    <t>107041.0</t>
  </si>
  <si>
    <t>153263.0</t>
  </si>
  <si>
    <t>107514.0</t>
  </si>
  <si>
    <t>164114.0</t>
  </si>
  <si>
    <t>107987.0</t>
  </si>
  <si>
    <t>185816.0</t>
  </si>
  <si>
    <t>108933.0</t>
  </si>
  <si>
    <t>109407.0</t>
  </si>
  <si>
    <t>207518.0</t>
  </si>
  <si>
    <t>109880.0</t>
  </si>
  <si>
    <t>30049714.0</t>
  </si>
  <si>
    <t>18393519.0</t>
  </si>
  <si>
    <t>11608305.0</t>
  </si>
  <si>
    <t>195910.0</t>
  </si>
  <si>
    <t>102493.0</t>
  </si>
  <si>
    <t>184302.0</t>
  </si>
  <si>
    <t>172694.0</t>
  </si>
  <si>
    <t>161085.0</t>
  </si>
  <si>
    <t>149477.0</t>
  </si>
  <si>
    <t>137869.0</t>
  </si>
  <si>
    <t>65557.0</t>
  </si>
  <si>
    <t>126261.0</t>
  </si>
  <si>
    <t>35352675.0</t>
  </si>
  <si>
    <t>20836636.0</t>
  </si>
  <si>
    <t>13669072.0</t>
  </si>
  <si>
    <t>141072.0</t>
  </si>
  <si>
    <t>68249.0</t>
  </si>
  <si>
    <t>155884.0</t>
  </si>
  <si>
    <t>170695.0</t>
  </si>
  <si>
    <t>88409.0</t>
  </si>
  <si>
    <t>185506.0</t>
  </si>
  <si>
    <t>200318.0</t>
  </si>
  <si>
    <t>108569.0</t>
  </si>
  <si>
    <t>215129.0</t>
  </si>
  <si>
    <t>118649.0</t>
  </si>
  <si>
    <t>36962256.0</t>
  </si>
  <si>
    <t>21737740.0</t>
  </si>
  <si>
    <t>14138736.0</t>
  </si>
  <si>
    <t>410887.0</t>
  </si>
  <si>
    <t>229940.0</t>
  </si>
  <si>
    <t>128729.0</t>
  </si>
  <si>
    <t>215433.0</t>
  </si>
  <si>
    <t>118900.0</t>
  </si>
  <si>
    <t>200926.0</t>
  </si>
  <si>
    <t>109072.0</t>
  </si>
  <si>
    <t>186419.0</t>
  </si>
  <si>
    <t>99243.0</t>
  </si>
  <si>
    <t>171912.0</t>
  </si>
  <si>
    <t>89414.0</t>
  </si>
  <si>
    <t>157405.0</t>
  </si>
  <si>
    <t>79585.0</t>
  </si>
  <si>
    <t>142898.0</t>
  </si>
  <si>
    <t>37860994.0</t>
  </si>
  <si>
    <t>22157232.0</t>
  </si>
  <si>
    <t>14287370.0</t>
  </si>
  <si>
    <t>110050.0</t>
  </si>
  <si>
    <t>91708.0</t>
  </si>
  <si>
    <t>73366.0</t>
  </si>
  <si>
    <t>651502.0</t>
  </si>
  <si>
    <t>14966671.0</t>
  </si>
  <si>
    <t>VNM</t>
  </si>
  <si>
    <t>Vietnam</t>
  </si>
  <si>
    <t>52091.0</t>
  </si>
  <si>
    <t>52413.0</t>
  </si>
  <si>
    <t>52868.0</t>
  </si>
  <si>
    <t>56359.0</t>
  </si>
  <si>
    <t>58037.0</t>
  </si>
  <si>
    <t>67789.0</t>
  </si>
  <si>
    <t>79182.0</t>
  </si>
  <si>
    <t>209632.0</t>
  </si>
  <si>
    <t>318792.0</t>
  </si>
  <si>
    <t>45249.0</t>
  </si>
  <si>
    <t>506435.0</t>
  </si>
  <si>
    <t>80797.0</t>
  </si>
  <si>
    <t>53975.0</t>
  </si>
  <si>
    <t>519262.0</t>
  </si>
  <si>
    <t>509855.0</t>
  </si>
  <si>
    <t>511435.0</t>
  </si>
  <si>
    <t>532247.0</t>
  </si>
  <si>
    <t>54895.0</t>
  </si>
  <si>
    <t>53069.0</t>
  </si>
  <si>
    <t>585539.0</t>
  </si>
  <si>
    <t>49964.0</t>
  </si>
  <si>
    <t>675956.0</t>
  </si>
  <si>
    <t>40031.0</t>
  </si>
  <si>
    <t>747827.0</t>
  </si>
  <si>
    <t>801957.0</t>
  </si>
  <si>
    <t>832635.0</t>
  </si>
  <si>
    <t>45886.0</t>
  </si>
  <si>
    <t>851513.0</t>
  </si>
  <si>
    <t>47221.0</t>
  </si>
  <si>
    <t>887705.0</t>
  </si>
  <si>
    <t>942030.0</t>
  </si>
  <si>
    <t>33152.0</t>
  </si>
  <si>
    <t>959182.0</t>
  </si>
  <si>
    <t>969697.0</t>
  </si>
  <si>
    <t>948655.0</t>
  </si>
  <si>
    <t>977032.0</t>
  </si>
  <si>
    <t>954520.0</t>
  </si>
  <si>
    <t>979238.0</t>
  </si>
  <si>
    <t>956677.0</t>
  </si>
  <si>
    <t>1011395.0</t>
  </si>
  <si>
    <t>982543.0</t>
  </si>
  <si>
    <t>28852.0</t>
  </si>
  <si>
    <t>1027659.0</t>
  </si>
  <si>
    <t>998698.0</t>
  </si>
  <si>
    <t>1034867.0</t>
  </si>
  <si>
    <t>1005906.0</t>
  </si>
  <si>
    <t>1071497.0</t>
  </si>
  <si>
    <t>1110111.0</t>
  </si>
  <si>
    <t>1078934.0</t>
  </si>
  <si>
    <t>1156056.0</t>
  </si>
  <si>
    <t>1124505.0</t>
  </si>
  <si>
    <t>31551.0</t>
  </si>
  <si>
    <t>1217607.0</t>
  </si>
  <si>
    <t>1185206.0</t>
  </si>
  <si>
    <t>1243304.0</t>
  </si>
  <si>
    <t>1214916.0</t>
  </si>
  <si>
    <t>1340098.0</t>
  </si>
  <si>
    <t>1301932.0</t>
  </si>
  <si>
    <t>91539.0</t>
  </si>
  <si>
    <t>1354856.0</t>
  </si>
  <si>
    <t>1312741.0</t>
  </si>
  <si>
    <t>1389887.0</t>
  </si>
  <si>
    <t>1342708.0</t>
  </si>
  <si>
    <t>39968.0</t>
  </si>
  <si>
    <t>1411548.0</t>
  </si>
  <si>
    <t>1361525.0</t>
  </si>
  <si>
    <t>50023.0</t>
  </si>
  <si>
    <t>1445723.0</t>
  </si>
  <si>
    <t>1392596.0</t>
  </si>
  <si>
    <t>1454221.0</t>
  </si>
  <si>
    <t>1399836.0</t>
  </si>
  <si>
    <t>54385.0</t>
  </si>
  <si>
    <t>1498323.0</t>
  </si>
  <si>
    <t>1443058.0</t>
  </si>
  <si>
    <t>55265.0</t>
  </si>
  <si>
    <t>1552651.0</t>
  </si>
  <si>
    <t>1493043.0</t>
  </si>
  <si>
    <t>1648072.0</t>
  </si>
  <si>
    <t>1584436.0</t>
  </si>
  <si>
    <t>41888.0</t>
  </si>
  <si>
    <t>1773297.0</t>
  </si>
  <si>
    <t>1700972.0</t>
  </si>
  <si>
    <t>72325.0</t>
  </si>
  <si>
    <t>54773.0</t>
  </si>
  <si>
    <t>1991059.0</t>
  </si>
  <si>
    <t>1901226.0</t>
  </si>
  <si>
    <t>217762.0</t>
  </si>
  <si>
    <t>77100.0</t>
  </si>
  <si>
    <t>2233208.0</t>
  </si>
  <si>
    <t>2127352.0</t>
  </si>
  <si>
    <t>105856.0</t>
  </si>
  <si>
    <t>112498.0</t>
  </si>
  <si>
    <t>2359376.0</t>
  </si>
  <si>
    <t>2244061.0</t>
  </si>
  <si>
    <t>115315.0</t>
  </si>
  <si>
    <t>126168.0</t>
  </si>
  <si>
    <t>2422643.0</t>
  </si>
  <si>
    <t>2300960.0</t>
  </si>
  <si>
    <t>121683.0</t>
  </si>
  <si>
    <t>63267.0</t>
  </si>
  <si>
    <t>132046.0</t>
  </si>
  <si>
    <t>122557.0</t>
  </si>
  <si>
    <t>134750.0</t>
  </si>
  <si>
    <t>125013.0</t>
  </si>
  <si>
    <t>2569156.0</t>
  </si>
  <si>
    <t>2435313.0</t>
  </si>
  <si>
    <t>133843.0</t>
  </si>
  <si>
    <t>131583.0</t>
  </si>
  <si>
    <t>2626337.0</t>
  </si>
  <si>
    <t>2488655.0</t>
  </si>
  <si>
    <t>137682.0</t>
  </si>
  <si>
    <t>121863.0</t>
  </si>
  <si>
    <t>2920248.0</t>
  </si>
  <si>
    <t>2777127.0</t>
  </si>
  <si>
    <t>143121.0</t>
  </si>
  <si>
    <t>293911.0</t>
  </si>
  <si>
    <t>132741.0</t>
  </si>
  <si>
    <t>125129.0</t>
  </si>
  <si>
    <t>3087580.0</t>
  </si>
  <si>
    <t>2937264.0</t>
  </si>
  <si>
    <t>150316.0</t>
  </si>
  <si>
    <t>115702.0</t>
  </si>
  <si>
    <t>3299232.0</t>
  </si>
  <si>
    <t>3143744.0</t>
  </si>
  <si>
    <t>155488.0</t>
  </si>
  <si>
    <t>3386607.0</t>
  </si>
  <si>
    <t>3229471.0</t>
  </si>
  <si>
    <t>157136.0</t>
  </si>
  <si>
    <t>137709.0</t>
  </si>
  <si>
    <t>3497104.0</t>
  </si>
  <si>
    <t>3324110.0</t>
  </si>
  <si>
    <t>143029.0</t>
  </si>
  <si>
    <t>136568.0</t>
  </si>
  <si>
    <t>3593970.0</t>
  </si>
  <si>
    <t>3411489.0</t>
  </si>
  <si>
    <t>182481.0</t>
  </si>
  <si>
    <t>146402.0</t>
  </si>
  <si>
    <t>139454.0</t>
  </si>
  <si>
    <t>3583939.0</t>
  </si>
  <si>
    <t>193041.0</t>
  </si>
  <si>
    <t>183010.0</t>
  </si>
  <si>
    <t>164378.0</t>
  </si>
  <si>
    <t>156469.0</t>
  </si>
  <si>
    <t>3813767.0</t>
  </si>
  <si>
    <t>3609761.0</t>
  </si>
  <si>
    <t>204006.0</t>
  </si>
  <si>
    <t>118948.0</t>
  </si>
  <si>
    <t>3842646.0</t>
  </si>
  <si>
    <t>3628241.0</t>
  </si>
  <si>
    <t>214405.0</t>
  </si>
  <si>
    <t>98711.0</t>
  </si>
  <si>
    <t>3867407.0</t>
  </si>
  <si>
    <t>3648805.0</t>
  </si>
  <si>
    <t>218602.0</t>
  </si>
  <si>
    <t>24761.0</t>
  </si>
  <si>
    <t>3890855.0</t>
  </si>
  <si>
    <t>3667519.0</t>
  </si>
  <si>
    <t>223336.0</t>
  </si>
  <si>
    <t>72035.0</t>
  </si>
  <si>
    <t>62578.0</t>
  </si>
  <si>
    <t>3903105.0</t>
  </si>
  <si>
    <t>3676247.0</t>
  </si>
  <si>
    <t>226858.0</t>
  </si>
  <si>
    <t>50305.0</t>
  </si>
  <si>
    <t>3928001.0</t>
  </si>
  <si>
    <t>3692431.0</t>
  </si>
  <si>
    <t>47719.0</t>
  </si>
  <si>
    <t>3960956.0</t>
  </si>
  <si>
    <t>3719043.0</t>
  </si>
  <si>
    <t>241913.0</t>
  </si>
  <si>
    <t>3983800.0</t>
  </si>
  <si>
    <t>3734268.0</t>
  </si>
  <si>
    <t>249532.0</t>
  </si>
  <si>
    <t>4010786.0</t>
  </si>
  <si>
    <t>3752512.0</t>
  </si>
  <si>
    <t>258274.0</t>
  </si>
  <si>
    <t>4040783.0</t>
  </si>
  <si>
    <t>3769374.0</t>
  </si>
  <si>
    <t>271409.0</t>
  </si>
  <si>
    <t>4051585.0</t>
  </si>
  <si>
    <t>277447.0</t>
  </si>
  <si>
    <t>4063872.0</t>
  </si>
  <si>
    <t>3783505.0</t>
  </si>
  <si>
    <t>3795182.0</t>
  </si>
  <si>
    <t>4146767.0</t>
  </si>
  <si>
    <t>3859995.0</t>
  </si>
  <si>
    <t>286772.0</t>
  </si>
  <si>
    <t>67701.0</t>
  </si>
  <si>
    <t>4185623.0</t>
  </si>
  <si>
    <t>3890947.0</t>
  </si>
  <si>
    <t>294676.0</t>
  </si>
  <si>
    <t>4233896.0</t>
  </si>
  <si>
    <t>3935719.0</t>
  </si>
  <si>
    <t>298177.0</t>
  </si>
  <si>
    <t>4261252.0</t>
  </si>
  <si>
    <t>304998.0</t>
  </si>
  <si>
    <t>27356.0</t>
  </si>
  <si>
    <t>4283906.0</t>
  </si>
  <si>
    <t>3977431.0</t>
  </si>
  <si>
    <t>306475.0</t>
  </si>
  <si>
    <t>4305501.0</t>
  </si>
  <si>
    <t>3995710.0</t>
  </si>
  <si>
    <t>309791.0</t>
  </si>
  <si>
    <t>30315.0</t>
  </si>
  <si>
    <t>4336833.0</t>
  </si>
  <si>
    <t>317672.0</t>
  </si>
  <si>
    <t>4367939.0</t>
  </si>
  <si>
    <t>4042984.0</t>
  </si>
  <si>
    <t>324955.0</t>
  </si>
  <si>
    <t>31596.0</t>
  </si>
  <si>
    <t>4411659.0</t>
  </si>
  <si>
    <t>4077099.0</t>
  </si>
  <si>
    <t>334560.0</t>
  </si>
  <si>
    <t>4478757.0</t>
  </si>
  <si>
    <t>4125156.0</t>
  </si>
  <si>
    <t>353601.0</t>
  </si>
  <si>
    <t>4535741.0</t>
  </si>
  <si>
    <t>4163388.0</t>
  </si>
  <si>
    <t>372353.0</t>
  </si>
  <si>
    <t>4613491.0</t>
  </si>
  <si>
    <t>4223628.0</t>
  </si>
  <si>
    <t>4746642.0</t>
  </si>
  <si>
    <t>4323571.0</t>
  </si>
  <si>
    <t>423071.0</t>
  </si>
  <si>
    <t>63020.0</t>
  </si>
  <si>
    <t>46837.0</t>
  </si>
  <si>
    <t>5013175.0</t>
  </si>
  <si>
    <t>4562339.0</t>
  </si>
  <si>
    <t>266533.0</t>
  </si>
  <si>
    <t>5321839.0</t>
  </si>
  <si>
    <t>4825209.0</t>
  </si>
  <si>
    <t>496630.0</t>
  </si>
  <si>
    <t>308664.0</t>
  </si>
  <si>
    <t>136271.0</t>
  </si>
  <si>
    <t>5529898.0</t>
  </si>
  <si>
    <t>4983496.0</t>
  </si>
  <si>
    <t>546402.0</t>
  </si>
  <si>
    <t>208059.0</t>
  </si>
  <si>
    <t>159748.0</t>
  </si>
  <si>
    <t>129485.0</t>
  </si>
  <si>
    <t>5931376.0</t>
  </si>
  <si>
    <t>5342483.0</t>
  </si>
  <si>
    <t>588893.0</t>
  </si>
  <si>
    <t>401478.0</t>
  </si>
  <si>
    <t>207517.0</t>
  </si>
  <si>
    <t>173904.0</t>
  </si>
  <si>
    <t>6203866.0</t>
  </si>
  <si>
    <t>5583255.0</t>
  </si>
  <si>
    <t>238304.0</t>
  </si>
  <si>
    <t>202838.0</t>
  </si>
  <si>
    <t>6415219.0</t>
  </si>
  <si>
    <t>5756155.0</t>
  </si>
  <si>
    <t>659064.0</t>
  </si>
  <si>
    <t>211353.0</t>
  </si>
  <si>
    <t>257390.0</t>
  </si>
  <si>
    <t>218932.0</t>
  </si>
  <si>
    <t>6959197.0</t>
  </si>
  <si>
    <t>6246333.0</t>
  </si>
  <si>
    <t>712864.0</t>
  </si>
  <si>
    <t>543978.0</t>
  </si>
  <si>
    <t>274680.0</t>
  </si>
  <si>
    <t>7291808.0</t>
  </si>
  <si>
    <t>6547477.0</t>
  </si>
  <si>
    <t>744331.0</t>
  </si>
  <si>
    <t>332611.0</t>
  </si>
  <si>
    <t>325519.0</t>
  </si>
  <si>
    <t>283591.0</t>
  </si>
  <si>
    <t>7553318.0</t>
  </si>
  <si>
    <t>6774332.0</t>
  </si>
  <si>
    <t>778986.0</t>
  </si>
  <si>
    <t>261510.0</t>
  </si>
  <si>
    <t>318783.0</t>
  </si>
  <si>
    <t>278446.0</t>
  </si>
  <si>
    <t>8061116.0</t>
  </si>
  <si>
    <t>7241093.0</t>
  </si>
  <si>
    <t>820023.0</t>
  </si>
  <si>
    <t>507798.0</t>
  </si>
  <si>
    <t>361603.0</t>
  </si>
  <si>
    <t>322514.0</t>
  </si>
  <si>
    <t>8528267.0</t>
  </si>
  <si>
    <t>7664944.0</t>
  </si>
  <si>
    <t>863323.0</t>
  </si>
  <si>
    <t>467151.0</t>
  </si>
  <si>
    <t>370984.0</t>
  </si>
  <si>
    <t>331780.0</t>
  </si>
  <si>
    <t>8896615.0</t>
  </si>
  <si>
    <t>8008156.0</t>
  </si>
  <si>
    <t>888459.0</t>
  </si>
  <si>
    <t>368348.0</t>
  </si>
  <si>
    <t>384678.0</t>
  </si>
  <si>
    <t>9405819.0</t>
  </si>
  <si>
    <t>8460013.0</t>
  </si>
  <si>
    <t>945806.0</t>
  </si>
  <si>
    <t>509204.0</t>
  </si>
  <si>
    <t>427229.0</t>
  </si>
  <si>
    <t>386265.0</t>
  </si>
  <si>
    <t>9987587.0</t>
  </si>
  <si>
    <t>8984300.0</t>
  </si>
  <si>
    <t>581768.0</t>
  </si>
  <si>
    <t>432627.0</t>
  </si>
  <si>
    <t>391138.0</t>
  </si>
  <si>
    <t>11341864.0</t>
  </si>
  <si>
    <t>10305762.0</t>
  </si>
  <si>
    <t>1036102.0</t>
  </si>
  <si>
    <t>1354277.0</t>
  </si>
  <si>
    <t>578579.0</t>
  </si>
  <si>
    <t>536898.0</t>
  </si>
  <si>
    <t>12098821.0</t>
  </si>
  <si>
    <t>11006121.0</t>
  </si>
  <si>
    <t>1092700.0</t>
  </si>
  <si>
    <t>756957.0</t>
  </si>
  <si>
    <t>649358.0</t>
  </si>
  <si>
    <t>604541.0</t>
  </si>
  <si>
    <t>13256472.0</t>
  </si>
  <si>
    <t>12064617.0</t>
  </si>
  <si>
    <t>1191855.0</t>
  </si>
  <si>
    <t>1157651.0</t>
  </si>
  <si>
    <t>742194.0</t>
  </si>
  <si>
    <t>689075.0</t>
  </si>
  <si>
    <t>13772920.0</t>
  </si>
  <si>
    <t>12500947.0</t>
  </si>
  <si>
    <t>1271973.0</t>
  </si>
  <si>
    <t>516448.0</t>
  </si>
  <si>
    <t>749236.0</t>
  </si>
  <si>
    <t>690858.0</t>
  </si>
  <si>
    <t>14434017.0</t>
  </si>
  <si>
    <t>13078340.0</t>
  </si>
  <si>
    <t>1355677.0</t>
  </si>
  <si>
    <t>661097.0</t>
  </si>
  <si>
    <t>791057.0</t>
  </si>
  <si>
    <t>724312.0</t>
  </si>
  <si>
    <t>14666708.0</t>
  </si>
  <si>
    <t>13287434.0</t>
  </si>
  <si>
    <t>1379274.0</t>
  </si>
  <si>
    <t>232691.0</t>
  </si>
  <si>
    <t>751556.0</t>
  </si>
  <si>
    <t>689632.0</t>
  </si>
  <si>
    <t>15271562.0</t>
  </si>
  <si>
    <t>13869728.0</t>
  </si>
  <si>
    <t>1401834.0</t>
  </si>
  <si>
    <t>604854.0</t>
  </si>
  <si>
    <t>754854.0</t>
  </si>
  <si>
    <t>15518869.0</t>
  </si>
  <si>
    <t>14032444.0</t>
  </si>
  <si>
    <t>1486425.0</t>
  </si>
  <si>
    <t>247307.0</t>
  </si>
  <si>
    <t>596715.0</t>
  </si>
  <si>
    <t>532383.0</t>
  </si>
  <si>
    <t>15922537.0</t>
  </si>
  <si>
    <t>14359868.0</t>
  </si>
  <si>
    <t>1562669.0</t>
  </si>
  <si>
    <t>403668.0</t>
  </si>
  <si>
    <t>546245.0</t>
  </si>
  <si>
    <t>16306199.0</t>
  </si>
  <si>
    <t>14669827.0</t>
  </si>
  <si>
    <t>1636372.0</t>
  </si>
  <si>
    <t>383662.0</t>
  </si>
  <si>
    <t>435675.0</t>
  </si>
  <si>
    <t>372173.0</t>
  </si>
  <si>
    <t>16494665.0</t>
  </si>
  <si>
    <t>14787599.0</t>
  </si>
  <si>
    <t>1707066.0</t>
  </si>
  <si>
    <t>388821.0</t>
  </si>
  <si>
    <t>17065896.0</t>
  </si>
  <si>
    <t>15274648.0</t>
  </si>
  <si>
    <t>1791248.0</t>
  </si>
  <si>
    <t>571231.0</t>
  </si>
  <si>
    <t>375983.0</t>
  </si>
  <si>
    <t>17364569.0</t>
  </si>
  <si>
    <t>15530221.0</t>
  </si>
  <si>
    <t>1834348.0</t>
  </si>
  <si>
    <t>298673.0</t>
  </si>
  <si>
    <t>385409.0</t>
  </si>
  <si>
    <t>320398.0</t>
  </si>
  <si>
    <t>17647353.0</t>
  </si>
  <si>
    <t>15725040.0</t>
  </si>
  <si>
    <t>339399.0</t>
  </si>
  <si>
    <t>265045.0</t>
  </si>
  <si>
    <t>18095473.0</t>
  </si>
  <si>
    <t>16056222.0</t>
  </si>
  <si>
    <t>2039251.0</t>
  </si>
  <si>
    <t>448120.0</t>
  </si>
  <si>
    <t>368086.0</t>
  </si>
  <si>
    <t>289111.0</t>
  </si>
  <si>
    <t>18522203.0</t>
  </si>
  <si>
    <t>16382658.0</t>
  </si>
  <si>
    <t>2139545.0</t>
  </si>
  <si>
    <t>426730.0</t>
  </si>
  <si>
    <t>371381.0</t>
  </si>
  <si>
    <t>18843004.0</t>
  </si>
  <si>
    <t>16607991.0</t>
  </si>
  <si>
    <t>2235013.0</t>
  </si>
  <si>
    <t>320801.0</t>
  </si>
  <si>
    <t>362401.0</t>
  </si>
  <si>
    <t>276881.0</t>
  </si>
  <si>
    <t>19151122.0</t>
  </si>
  <si>
    <t>16822691.0</t>
  </si>
  <si>
    <t>2328431.0</t>
  </si>
  <si>
    <t>308118.0</t>
  </si>
  <si>
    <t>379494.0</t>
  </si>
  <si>
    <t>290727.0</t>
  </si>
  <si>
    <t>19431093.0</t>
  </si>
  <si>
    <t>16999888.0</t>
  </si>
  <si>
    <t>2431205.0</t>
  </si>
  <si>
    <t>279971.0</t>
  </si>
  <si>
    <t>337885.0</t>
  </si>
  <si>
    <t>19710560.0</t>
  </si>
  <si>
    <t>17186153.0</t>
  </si>
  <si>
    <t>2524407.0</t>
  </si>
  <si>
    <t>335142.0</t>
  </si>
  <si>
    <t>236562.0</t>
  </si>
  <si>
    <t>19966724.0</t>
  </si>
  <si>
    <t>17347538.0</t>
  </si>
  <si>
    <t>2619186.0</t>
  </si>
  <si>
    <t>331339.0</t>
  </si>
  <si>
    <t>231785.0</t>
  </si>
  <si>
    <t>20210381.0</t>
  </si>
  <si>
    <t>17483818.0</t>
  </si>
  <si>
    <t>2726563.0</t>
  </si>
  <si>
    <t>243657.0</t>
  </si>
  <si>
    <t>302130.0</t>
  </si>
  <si>
    <t>20542325.0</t>
  </si>
  <si>
    <t>17660772.0</t>
  </si>
  <si>
    <t>2881553.0</t>
  </si>
  <si>
    <t>331944.0</t>
  </si>
  <si>
    <t>20831478.0</t>
  </si>
  <si>
    <t>17872356.0</t>
  </si>
  <si>
    <t>2959122.0</t>
  </si>
  <si>
    <t>180624.0</t>
  </si>
  <si>
    <t>21046279.0</t>
  </si>
  <si>
    <t>17998754.0</t>
  </si>
  <si>
    <t>3047525.0</t>
  </si>
  <si>
    <t>214801.0</t>
  </si>
  <si>
    <t>270737.0</t>
  </si>
  <si>
    <t>168009.0</t>
  </si>
  <si>
    <t>21445181.0</t>
  </si>
  <si>
    <t>18246636.0</t>
  </si>
  <si>
    <t>3198545.0</t>
  </si>
  <si>
    <t>287727.0</t>
  </si>
  <si>
    <t>178107.0</t>
  </si>
  <si>
    <t>22012123.0</t>
  </si>
  <si>
    <t>18673340.0</t>
  </si>
  <si>
    <t>3338783.0</t>
  </si>
  <si>
    <t>566942.0</t>
  </si>
  <si>
    <t>328795.0</t>
  </si>
  <si>
    <t>212455.0</t>
  </si>
  <si>
    <t>22675644.0</t>
  </si>
  <si>
    <t>19231238.0</t>
  </si>
  <si>
    <t>3444406.0</t>
  </si>
  <si>
    <t>663521.0</t>
  </si>
  <si>
    <t>386989.0</t>
  </si>
  <si>
    <t>269100.0</t>
  </si>
  <si>
    <t>23577917.0</t>
  </si>
  <si>
    <t>19809234.0</t>
  </si>
  <si>
    <t>902273.0</t>
  </si>
  <si>
    <t>481077.0</t>
  </si>
  <si>
    <t>332202.0</t>
  </si>
  <si>
    <t>24781185.0</t>
  </si>
  <si>
    <t>20591403.0</t>
  </si>
  <si>
    <t>4189782.0</t>
  </si>
  <si>
    <t>1203268.0</t>
  </si>
  <si>
    <t>605551.0</t>
  </si>
  <si>
    <t>418662.0</t>
  </si>
  <si>
    <t>25926688.0</t>
  </si>
  <si>
    <t>21459102.0</t>
  </si>
  <si>
    <t>4467586.0</t>
  </si>
  <si>
    <t>1145503.0</t>
  </si>
  <si>
    <t>727887.0</t>
  </si>
  <si>
    <t>512392.0</t>
  </si>
  <si>
    <t>27108588.0</t>
  </si>
  <si>
    <t>22367824.0</t>
  </si>
  <si>
    <t>4740764.0</t>
  </si>
  <si>
    <t>1181900.0</t>
  </si>
  <si>
    <t>866044.0</t>
  </si>
  <si>
    <t>28213392.0</t>
  </si>
  <si>
    <t>23157067.0</t>
  </si>
  <si>
    <t>5056325.0</t>
  </si>
  <si>
    <t>1104804.0</t>
  </si>
  <si>
    <t>966887.0</t>
  </si>
  <si>
    <t>701490.0</t>
  </si>
  <si>
    <t>29280307.0</t>
  </si>
  <si>
    <t>23954248.0</t>
  </si>
  <si>
    <t>5326059.0</t>
  </si>
  <si>
    <t>1066915.0</t>
  </si>
  <si>
    <t>1038312.0</t>
  </si>
  <si>
    <t>754415.0</t>
  </si>
  <si>
    <t>30348920.0</t>
  </si>
  <si>
    <t>24727517.0</t>
  </si>
  <si>
    <t>5621403.0</t>
  </si>
  <si>
    <t>1068613.0</t>
  </si>
  <si>
    <t>1096182.0</t>
  </si>
  <si>
    <t>785183.0</t>
  </si>
  <si>
    <t>45095067.0</t>
  </si>
  <si>
    <t>462.665</t>
  </si>
  <si>
    <t>31254856.0</t>
  </si>
  <si>
    <t>25420169.0</t>
  </si>
  <si>
    <t>5834687.0</t>
  </si>
  <si>
    <t>905936.0</t>
  </si>
  <si>
    <t>1096706.0</t>
  </si>
  <si>
    <t>801562.0</t>
  </si>
  <si>
    <t>45813130.0</t>
  </si>
  <si>
    <t>718063.0</t>
  </si>
  <si>
    <t>470.032</t>
  </si>
  <si>
    <t>32296517.0</t>
  </si>
  <si>
    <t>26307653.0</t>
  </si>
  <si>
    <t>5988864.0</t>
  </si>
  <si>
    <t>1041661.0</t>
  </si>
  <si>
    <t>1073619.0</t>
  </si>
  <si>
    <t>816607.0</t>
  </si>
  <si>
    <t>46697477.0</t>
  </si>
  <si>
    <t>884347.0</t>
  </si>
  <si>
    <t>479.106</t>
  </si>
  <si>
    <t>33006632.0</t>
  </si>
  <si>
    <t>26821906.0</t>
  </si>
  <si>
    <t>6184726.0</t>
  </si>
  <si>
    <t>710115.0</t>
  </si>
  <si>
    <t>1011421.0</t>
  </si>
  <si>
    <t>766115.0</t>
  </si>
  <si>
    <t>47492652.0</t>
  </si>
  <si>
    <t>795175.0</t>
  </si>
  <si>
    <t>487.264</t>
  </si>
  <si>
    <t>33555359.0</t>
  </si>
  <si>
    <t>27208264.0</t>
  </si>
  <si>
    <t>6347095.0</t>
  </si>
  <si>
    <t>548727.0</t>
  </si>
  <si>
    <t>920967.0</t>
  </si>
  <si>
    <t>691491.0</t>
  </si>
  <si>
    <t>48052825.0</t>
  </si>
  <si>
    <t>560173.0</t>
  </si>
  <si>
    <t>34095243.0</t>
  </si>
  <si>
    <t>27577472.0</t>
  </si>
  <si>
    <t>6517771.0</t>
  </si>
  <si>
    <t>539884.0</t>
  </si>
  <si>
    <t>840264.0</t>
  </si>
  <si>
    <t>631486.0</t>
  </si>
  <si>
    <t>48496762.0</t>
  </si>
  <si>
    <t>443937.0</t>
  </si>
  <si>
    <t>497.566</t>
  </si>
  <si>
    <t>34553590.0</t>
  </si>
  <si>
    <t>27913529.0</t>
  </si>
  <si>
    <t>6640061.0</t>
  </si>
  <si>
    <t>458347.0</t>
  </si>
  <si>
    <t>753326.0</t>
  </si>
  <si>
    <t>565612.0</t>
  </si>
  <si>
    <t>48910225.0</t>
  </si>
  <si>
    <t>413463.0</t>
  </si>
  <si>
    <t>501.808</t>
  </si>
  <si>
    <t>35071714.0</t>
  </si>
  <si>
    <t>28288007.0</t>
  </si>
  <si>
    <t>6783707.0</t>
  </si>
  <si>
    <t>518124.0</t>
  </si>
  <si>
    <t>674685.0</t>
  </si>
  <si>
    <t>508641.0</t>
  </si>
  <si>
    <t>49303660.0</t>
  </si>
  <si>
    <t>393435.0</t>
  </si>
  <si>
    <t>505.844</t>
  </si>
  <si>
    <t>601228.0</t>
  </si>
  <si>
    <t>35675840.0</t>
  </si>
  <si>
    <t>28745680.0</t>
  </si>
  <si>
    <t>6930160.0</t>
  </si>
  <si>
    <t>604126.0</t>
  </si>
  <si>
    <t>631569.0</t>
  </si>
  <si>
    <t>475073.0</t>
  </si>
  <si>
    <t>49735296.0</t>
  </si>
  <si>
    <t>431636.0</t>
  </si>
  <si>
    <t>510.273</t>
  </si>
  <si>
    <t>560309.0</t>
  </si>
  <si>
    <t>36152556.0</t>
  </si>
  <si>
    <t>29094447.0</t>
  </si>
  <si>
    <t>7058109.0</t>
  </si>
  <si>
    <t>476716.0</t>
  </si>
  <si>
    <t>398113.0</t>
  </si>
  <si>
    <t>50304379.0</t>
  </si>
  <si>
    <t>569083.0</t>
  </si>
  <si>
    <t>516.112</t>
  </si>
  <si>
    <t>515272.0</t>
  </si>
  <si>
    <t>36793910.0</t>
  </si>
  <si>
    <t>29534498.0</t>
  </si>
  <si>
    <t>7259412.0</t>
  </si>
  <si>
    <t>641354.0</t>
  </si>
  <si>
    <t>541040.0</t>
  </si>
  <si>
    <t>387513.0</t>
  </si>
  <si>
    <t>50727067.0</t>
  </si>
  <si>
    <t>422688.0</t>
  </si>
  <si>
    <t>462059.0</t>
  </si>
  <si>
    <t>37583248.0</t>
  </si>
  <si>
    <t>30027703.0</t>
  </si>
  <si>
    <t>7555545.0</t>
  </si>
  <si>
    <t>789338.0</t>
  </si>
  <si>
    <t>575413.0</t>
  </si>
  <si>
    <t>402777.0</t>
  </si>
  <si>
    <t>51127500.0</t>
  </si>
  <si>
    <t>400433.0</t>
  </si>
  <si>
    <t>524.557</t>
  </si>
  <si>
    <t>38367246.0</t>
  </si>
  <si>
    <t>30420963.0</t>
  </si>
  <si>
    <t>7946283.0</t>
  </si>
  <si>
    <t>783998.0</t>
  </si>
  <si>
    <t>610286.0</t>
  </si>
  <si>
    <t>406213.0</t>
  </si>
  <si>
    <t>51559933.0</t>
  </si>
  <si>
    <t>432433.0</t>
  </si>
  <si>
    <t>528.993</t>
  </si>
  <si>
    <t>437596.0</t>
  </si>
  <si>
    <t>39232772.0</t>
  </si>
  <si>
    <t>30946214.0</t>
  </si>
  <si>
    <t>8286558.0</t>
  </si>
  <si>
    <t>865526.0</t>
  </si>
  <si>
    <t>668455.0</t>
  </si>
  <si>
    <t>433241.0</t>
  </si>
  <si>
    <t>51904476.0</t>
  </si>
  <si>
    <t>344543.0</t>
  </si>
  <si>
    <t>532.528</t>
  </si>
  <si>
    <t>427750.0</t>
  </si>
  <si>
    <t>40095031.0</t>
  </si>
  <si>
    <t>31497967.0</t>
  </si>
  <si>
    <t>8597064.0</t>
  </si>
  <si>
    <t>862259.0</t>
  </si>
  <si>
    <t>717617.0</t>
  </si>
  <si>
    <t>458566.0</t>
  </si>
  <si>
    <t>52035272.0</t>
  </si>
  <si>
    <t>130796.0</t>
  </si>
  <si>
    <t>533.87</t>
  </si>
  <si>
    <t>390230.0</t>
  </si>
  <si>
    <t>41153041.0</t>
  </si>
  <si>
    <t>32171641.0</t>
  </si>
  <si>
    <t>8981400.0</t>
  </si>
  <si>
    <t>1058010.0</t>
  </si>
  <si>
    <t>782457.0</t>
  </si>
  <si>
    <t>52347113.0</t>
  </si>
  <si>
    <t>311841.0</t>
  </si>
  <si>
    <t>537.07</t>
  </si>
  <si>
    <t>373117.0</t>
  </si>
  <si>
    <t>42165168.0</t>
  </si>
  <si>
    <t>32669057.0</t>
  </si>
  <si>
    <t>9496111.0</t>
  </si>
  <si>
    <t>1012127.0</t>
  </si>
  <si>
    <t>858945.0</t>
  </si>
  <si>
    <t>510659.0</t>
  </si>
  <si>
    <t>52690957.0</t>
  </si>
  <si>
    <t>343844.0</t>
  </si>
  <si>
    <t>540.597</t>
  </si>
  <si>
    <t>340940.0</t>
  </si>
  <si>
    <t>42888157.0</t>
  </si>
  <si>
    <t>33069709.0</t>
  </si>
  <si>
    <t>9818448.0</t>
  </si>
  <si>
    <t>722989.0</t>
  </si>
  <si>
    <t>870607.0</t>
  </si>
  <si>
    <t>505030.0</t>
  </si>
  <si>
    <t>53346601.0</t>
  </si>
  <si>
    <t>655644.0</t>
  </si>
  <si>
    <t>547.324</t>
  </si>
  <si>
    <t>374219.0</t>
  </si>
  <si>
    <t>43658818.0</t>
  </si>
  <si>
    <t>33532395.0</t>
  </si>
  <si>
    <t>10126423.0</t>
  </si>
  <si>
    <t>770661.0</t>
  </si>
  <si>
    <t>500670.0</t>
  </si>
  <si>
    <t>53721020.0</t>
  </si>
  <si>
    <t>374419.0</t>
  </si>
  <si>
    <t>551.166</t>
  </si>
  <si>
    <t>370503.0</t>
  </si>
  <si>
    <t>44637911.0</t>
  </si>
  <si>
    <t>34155519.0</t>
  </si>
  <si>
    <t>10482392.0</t>
  </si>
  <si>
    <t>979093.0</t>
  </si>
  <si>
    <t>895809.0</t>
  </si>
  <si>
    <t>533508.0</t>
  </si>
  <si>
    <t>54013710.0</t>
  </si>
  <si>
    <t>554.168</t>
  </si>
  <si>
    <t>350540.0</t>
  </si>
  <si>
    <t>45496123.0</t>
  </si>
  <si>
    <t>34622194.0</t>
  </si>
  <si>
    <t>10873929.0</t>
  </si>
  <si>
    <t>858212.0</t>
  </si>
  <si>
    <t>894764.0</t>
  </si>
  <si>
    <t>525140.0</t>
  </si>
  <si>
    <t>54311296.0</t>
  </si>
  <si>
    <t>297586.0</t>
  </si>
  <si>
    <t>343831.0</t>
  </si>
  <si>
    <t>46969510.0</t>
  </si>
  <si>
    <t>35355593.0</t>
  </si>
  <si>
    <t>11613917.0</t>
  </si>
  <si>
    <t>1473387.0</t>
  </si>
  <si>
    <t>982068.0</t>
  </si>
  <si>
    <t>551089.0</t>
  </si>
  <si>
    <t>54618740.0</t>
  </si>
  <si>
    <t>307444.0</t>
  </si>
  <si>
    <t>560.376</t>
  </si>
  <si>
    <t>369067.0</t>
  </si>
  <si>
    <t>48155037.0</t>
  </si>
  <si>
    <t>35933360.0</t>
  </si>
  <si>
    <t>12221677.0</t>
  </si>
  <si>
    <t>1185527.0</t>
  </si>
  <si>
    <t>1000285.0</t>
  </si>
  <si>
    <t>537388.0</t>
  </si>
  <si>
    <t>54921059.0</t>
  </si>
  <si>
    <t>302319.0</t>
  </si>
  <si>
    <t>563.478</t>
  </si>
  <si>
    <t>367707.0</t>
  </si>
  <si>
    <t>49254925.0</t>
  </si>
  <si>
    <t>36448527.0</t>
  </si>
  <si>
    <t>12806398.0</t>
  </si>
  <si>
    <t>1099888.0</t>
  </si>
  <si>
    <t>1012822.0</t>
  </si>
  <si>
    <t>539924.0</t>
  </si>
  <si>
    <t>55108805.0</t>
  </si>
  <si>
    <t>565.404</t>
  </si>
  <si>
    <t>345407.0</t>
  </si>
  <si>
    <t>1103337.0</t>
  </si>
  <si>
    <t>573899.0</t>
  </si>
  <si>
    <t>55416974.0</t>
  </si>
  <si>
    <t>308169.0</t>
  </si>
  <si>
    <t>568.566</t>
  </si>
  <si>
    <t>51968108.0</t>
  </si>
  <si>
    <t>37725480.0</t>
  </si>
  <si>
    <t>14242628.0</t>
  </si>
  <si>
    <t>1187041.0</t>
  </si>
  <si>
    <t>599012.0</t>
  </si>
  <si>
    <t>55617772.0</t>
  </si>
  <si>
    <t>200798.0</t>
  </si>
  <si>
    <t>570.626</t>
  </si>
  <si>
    <t>270965.0</t>
  </si>
  <si>
    <t>1212275.0</t>
  </si>
  <si>
    <t>579470.0</t>
  </si>
  <si>
    <t>55969267.0</t>
  </si>
  <si>
    <t>351495.0</t>
  </si>
  <si>
    <t>54279564.0</t>
  </si>
  <si>
    <t>38698136.0</t>
  </si>
  <si>
    <t>15581428.0</t>
  </si>
  <si>
    <t>1254777.0</t>
  </si>
  <si>
    <t>582277.0</t>
  </si>
  <si>
    <t>56174649.0</t>
  </si>
  <si>
    <t>205382.0</t>
  </si>
  <si>
    <t>576.339</t>
  </si>
  <si>
    <t>266193.0</t>
  </si>
  <si>
    <t>55229124.0</t>
  </si>
  <si>
    <t>39088086.0</t>
  </si>
  <si>
    <t>16141038.0</t>
  </si>
  <si>
    <t>949560.0</t>
  </si>
  <si>
    <t>1179945.0</t>
  </si>
  <si>
    <t>533213.0</t>
  </si>
  <si>
    <t>56466729.0</t>
  </si>
  <si>
    <t>579.336</t>
  </si>
  <si>
    <t>263998.0</t>
  </si>
  <si>
    <t>56330750.0</t>
  </si>
  <si>
    <t>39837150.0</t>
  </si>
  <si>
    <t>16493600.0</t>
  </si>
  <si>
    <t>1101626.0</t>
  </si>
  <si>
    <t>1167959.0</t>
  </si>
  <si>
    <t>557684.0</t>
  </si>
  <si>
    <t>56806381.0</t>
  </si>
  <si>
    <t>339652.0</t>
  </si>
  <si>
    <t>582.821</t>
  </si>
  <si>
    <t>269332.0</t>
  </si>
  <si>
    <t>57457092.0</t>
  </si>
  <si>
    <t>40654892.0</t>
  </si>
  <si>
    <t>16802200.0</t>
  </si>
  <si>
    <t>1126342.0</t>
  </si>
  <si>
    <t>1171738.0</t>
  </si>
  <si>
    <t>600909.0</t>
  </si>
  <si>
    <t>57068367.0</t>
  </si>
  <si>
    <t>261986.0</t>
  </si>
  <si>
    <t>585.509</t>
  </si>
  <si>
    <t>279937.0</t>
  </si>
  <si>
    <t>59003239.0</t>
  </si>
  <si>
    <t>41811429.0</t>
  </si>
  <si>
    <t>17191810.0</t>
  </si>
  <si>
    <t>1546147.0</t>
  </si>
  <si>
    <t>1198818.0</t>
  </si>
  <si>
    <t>57279997.0</t>
  </si>
  <si>
    <t>211630.0</t>
  </si>
  <si>
    <t>587.68</t>
  </si>
  <si>
    <t>266146.0</t>
  </si>
  <si>
    <t>1213354.0</t>
  </si>
  <si>
    <t>745054.0</t>
  </si>
  <si>
    <t>57525421.0</t>
  </si>
  <si>
    <t>245424.0</t>
  </si>
  <si>
    <t>590.198</t>
  </si>
  <si>
    <t>272521.0</t>
  </si>
  <si>
    <t>61919937.0</t>
  </si>
  <si>
    <t>44070286.0</t>
  </si>
  <si>
    <t>17849651.0</t>
  </si>
  <si>
    <t>1256586.0</t>
  </si>
  <si>
    <t>836925.0</t>
  </si>
  <si>
    <t>57727568.0</t>
  </si>
  <si>
    <t>202147.0</t>
  </si>
  <si>
    <t>592.272</t>
  </si>
  <si>
    <t>63434180.0</t>
  </si>
  <si>
    <t>45281937.0</t>
  </si>
  <si>
    <t>18152243.0</t>
  </si>
  <si>
    <t>1514243.0</t>
  </si>
  <si>
    <t>1307802.0</t>
  </si>
  <si>
    <t>940543.0</t>
  </si>
  <si>
    <t>64992488.0</t>
  </si>
  <si>
    <t>46493751.0</t>
  </si>
  <si>
    <t>18498737.0</t>
  </si>
  <si>
    <t>1558308.0</t>
  </si>
  <si>
    <t>1394766.0</t>
  </si>
  <si>
    <t>1057952.0</t>
  </si>
  <si>
    <t>58153989.0</t>
  </si>
  <si>
    <t>596.647</t>
  </si>
  <si>
    <t>241037.0</t>
  </si>
  <si>
    <t>67083557.0</t>
  </si>
  <si>
    <t>47997541.0</t>
  </si>
  <si>
    <t>19086016.0</t>
  </si>
  <si>
    <t>2091069.0</t>
  </si>
  <si>
    <t>1536115.0</t>
  </si>
  <si>
    <t>58342779.0</t>
  </si>
  <si>
    <t>188790.0</t>
  </si>
  <si>
    <t>598.584</t>
  </si>
  <si>
    <t>68809880.0</t>
  </si>
  <si>
    <t>49352317.0</t>
  </si>
  <si>
    <t>19457563.0</t>
  </si>
  <si>
    <t>1726323.0</t>
  </si>
  <si>
    <t>1621827.0</t>
  </si>
  <si>
    <t>1242489.0</t>
  </si>
  <si>
    <t>58560149.0</t>
  </si>
  <si>
    <t>217370.0</t>
  </si>
  <si>
    <t>600.814</t>
  </si>
  <si>
    <t>213112.0</t>
  </si>
  <si>
    <t>1620901.0</t>
  </si>
  <si>
    <t>1206232.0</t>
  </si>
  <si>
    <t>58792283.0</t>
  </si>
  <si>
    <t>232134.0</t>
  </si>
  <si>
    <t>603.196</t>
  </si>
  <si>
    <t>71889209.0</t>
  </si>
  <si>
    <t>51157792.0</t>
  </si>
  <si>
    <t>20731417.0</t>
  </si>
  <si>
    <t>1632517.0</t>
  </si>
  <si>
    <t>1173848.0</t>
  </si>
  <si>
    <t>58976825.0</t>
  </si>
  <si>
    <t>184542.0</t>
  </si>
  <si>
    <t>605.089</t>
  </si>
  <si>
    <t>207343.0</t>
  </si>
  <si>
    <t>72929311.0</t>
  </si>
  <si>
    <t>51883474.0</t>
  </si>
  <si>
    <t>21045837.0</t>
  </si>
  <si>
    <t>1040102.0</t>
  </si>
  <si>
    <t>1572768.0</t>
  </si>
  <si>
    <t>1116170.0</t>
  </si>
  <si>
    <t>59163726.0</t>
  </si>
  <si>
    <t>186901.0</t>
  </si>
  <si>
    <t>607.006</t>
  </si>
  <si>
    <t>205165.0</t>
  </si>
  <si>
    <t>1500810.0</t>
  </si>
  <si>
    <t>1031820.0</t>
  </si>
  <si>
    <t>59316823.0</t>
  </si>
  <si>
    <t>608.577</t>
  </si>
  <si>
    <t>196578.0</t>
  </si>
  <si>
    <t>74950393.0</t>
  </si>
  <si>
    <t>53125886.0</t>
  </si>
  <si>
    <t>1422558.0</t>
  </si>
  <si>
    <t>947448.0</t>
  </si>
  <si>
    <t>185258.0</t>
  </si>
  <si>
    <t>75970872.0</t>
  </si>
  <si>
    <t>53738466.0</t>
  </si>
  <si>
    <t>1020479.0</t>
  </si>
  <si>
    <t>1269616.0</t>
  </si>
  <si>
    <t>820132.0</t>
  </si>
  <si>
    <t>59584770.0</t>
  </si>
  <si>
    <t>611.326</t>
  </si>
  <si>
    <t>177427.0</t>
  </si>
  <si>
    <t>77145612.0</t>
  </si>
  <si>
    <t>54520772.0</t>
  </si>
  <si>
    <t>1174740.0</t>
  </si>
  <si>
    <t>1190819.0</t>
  </si>
  <si>
    <t>738351.0</t>
  </si>
  <si>
    <t>59785860.0</t>
  </si>
  <si>
    <t>201090.0</t>
  </si>
  <si>
    <t>613.389</t>
  </si>
  <si>
    <t>175102.0</t>
  </si>
  <si>
    <t>78940403.0</t>
  </si>
  <si>
    <t>55578783.0</t>
  </si>
  <si>
    <t>1794791.0</t>
  </si>
  <si>
    <t>1227266.0</t>
  </si>
  <si>
    <t>760533.0</t>
  </si>
  <si>
    <t>59953593.0</t>
  </si>
  <si>
    <t>615.11</t>
  </si>
  <si>
    <t>165901.0</t>
  </si>
  <si>
    <t>80528570.0</t>
  </si>
  <si>
    <t>56616780.0</t>
  </si>
  <si>
    <t>1588167.0</t>
  </si>
  <si>
    <t>1234194.0</t>
  </si>
  <si>
    <t>779855.0</t>
  </si>
  <si>
    <t>60129489.0</t>
  </si>
  <si>
    <t>175896.0</t>
  </si>
  <si>
    <t>616.915</t>
  </si>
  <si>
    <t>164666.0</t>
  </si>
  <si>
    <t>81375376.0</t>
  </si>
  <si>
    <t>57044159.0</t>
  </si>
  <si>
    <t>846806.0</t>
  </si>
  <si>
    <t>737241.0</t>
  </si>
  <si>
    <t>60364437.0</t>
  </si>
  <si>
    <t>619.326</t>
  </si>
  <si>
    <t>81929875.0</t>
  </si>
  <si>
    <t>57332644.0</t>
  </si>
  <si>
    <t>554499.0</t>
  </si>
  <si>
    <t>1141432.0</t>
  </si>
  <si>
    <t>689709.0</t>
  </si>
  <si>
    <t>60535102.0</t>
  </si>
  <si>
    <t>170665.0</t>
  </si>
  <si>
    <t>621.077</t>
  </si>
  <si>
    <t>174040.0</t>
  </si>
  <si>
    <t>83131464.0</t>
  </si>
  <si>
    <t>58013895.0</t>
  </si>
  <si>
    <t>1201589.0</t>
  </si>
  <si>
    <t>1168724.0</t>
  </si>
  <si>
    <t>698287.0</t>
  </si>
  <si>
    <t>60740162.0</t>
  </si>
  <si>
    <t>205060.0</t>
  </si>
  <si>
    <t>623.18</t>
  </si>
  <si>
    <t>184195.0</t>
  </si>
  <si>
    <t>84090899.0</t>
  </si>
  <si>
    <t>58449622.0</t>
  </si>
  <si>
    <t>959435.0</t>
  </si>
  <si>
    <t>1160004.0</t>
  </si>
  <si>
    <t>673022.0</t>
  </si>
  <si>
    <t>61095672.0</t>
  </si>
  <si>
    <t>355510.0</t>
  </si>
  <si>
    <t>626.828</t>
  </si>
  <si>
    <t>215843.0</t>
  </si>
  <si>
    <t>84884074.0</t>
  </si>
  <si>
    <t>58807646.0</t>
  </si>
  <si>
    <t>793175.0</t>
  </si>
  <si>
    <t>612411.0</t>
  </si>
  <si>
    <t>61289134.0</t>
  </si>
  <si>
    <t>193462.0</t>
  </si>
  <si>
    <t>628.813</t>
  </si>
  <si>
    <t>214753.0</t>
  </si>
  <si>
    <t>86319808.0</t>
  </si>
  <si>
    <t>59355699.0</t>
  </si>
  <si>
    <t>1435734.0</t>
  </si>
  <si>
    <t>1054201.0</t>
  </si>
  <si>
    <t>539559.0</t>
  </si>
  <si>
    <t>61636443.0</t>
  </si>
  <si>
    <t>347309.0</t>
  </si>
  <si>
    <t>632.376</t>
  </si>
  <si>
    <t>240407.0</t>
  </si>
  <si>
    <t>1063098.0</t>
  </si>
  <si>
    <t>61898223.0</t>
  </si>
  <si>
    <t>261780.0</t>
  </si>
  <si>
    <t>635.062</t>
  </si>
  <si>
    <t>252676.0</t>
  </si>
  <si>
    <t>89620701.0</t>
  </si>
  <si>
    <t>60845405.0</t>
  </si>
  <si>
    <t>1177904.0</t>
  </si>
  <si>
    <t>543035.0</t>
  </si>
  <si>
    <t>62212978.0</t>
  </si>
  <si>
    <t>638.291</t>
  </si>
  <si>
    <t>264077.0</t>
  </si>
  <si>
    <t>1283734.0</t>
  </si>
  <si>
    <t>577691.0</t>
  </si>
  <si>
    <t>62456898.0</t>
  </si>
  <si>
    <t>243920.0</t>
  </si>
  <si>
    <t>640.794</t>
  </si>
  <si>
    <t>274542.0</t>
  </si>
  <si>
    <t>92211330.0</t>
  </si>
  <si>
    <t>61907563.0</t>
  </si>
  <si>
    <t>1297124.0</t>
  </si>
  <si>
    <t>556238.0</t>
  </si>
  <si>
    <t>62739785.0</t>
  </si>
  <si>
    <t>643.696</t>
  </si>
  <si>
    <t>285660.0</t>
  </si>
  <si>
    <t>93962665.0</t>
  </si>
  <si>
    <t>62806992.0</t>
  </si>
  <si>
    <t>1751335.0</t>
  </si>
  <si>
    <t>1410252.0</t>
  </si>
  <si>
    <t>622481.0</t>
  </si>
  <si>
    <t>62976831.0</t>
  </si>
  <si>
    <t>237046.0</t>
  </si>
  <si>
    <t>646.128</t>
  </si>
  <si>
    <t>268737.0</t>
  </si>
  <si>
    <t>1482284.0</t>
  </si>
  <si>
    <t>633848.0</t>
  </si>
  <si>
    <t>63383732.0</t>
  </si>
  <si>
    <t>406901.0</t>
  </si>
  <si>
    <t>96557452.0</t>
  </si>
  <si>
    <t>63682168.0</t>
  </si>
  <si>
    <t>1462521.0</t>
  </si>
  <si>
    <t>618067.0</t>
  </si>
  <si>
    <t>63675966.0</t>
  </si>
  <si>
    <t>292234.0</t>
  </si>
  <si>
    <t>653.301</t>
  </si>
  <si>
    <t>97831758.0</t>
  </si>
  <si>
    <t>64073710.0</t>
  </si>
  <si>
    <t>1274306.0</t>
  </si>
  <si>
    <t>1408786.0</t>
  </si>
  <si>
    <t>99.64</t>
  </si>
  <si>
    <t>64055676.0</t>
  </si>
  <si>
    <t>379710.0</t>
  </si>
  <si>
    <t>657.197</t>
  </si>
  <si>
    <t>98930571.0</t>
  </si>
  <si>
    <t>64322087.0</t>
  </si>
  <si>
    <t>1098813.0</t>
  </si>
  <si>
    <t>1329981.0</t>
  </si>
  <si>
    <t>496669.0</t>
  </si>
  <si>
    <t>64276379.0</t>
  </si>
  <si>
    <t>220703.0</t>
  </si>
  <si>
    <t>294772.0</t>
  </si>
  <si>
    <t>99751224.0</t>
  </si>
  <si>
    <t>64467940.0</t>
  </si>
  <si>
    <t>820653.0</t>
  </si>
  <si>
    <t>1262173.0</t>
  </si>
  <si>
    <t>441637.0</t>
  </si>
  <si>
    <t>64476029.0</t>
  </si>
  <si>
    <t>199650.0</t>
  </si>
  <si>
    <t>661.51</t>
  </si>
  <si>
    <t>100862898.0</t>
  </si>
  <si>
    <t>64767521.0</t>
  </si>
  <si>
    <t>1111674.0</t>
  </si>
  <si>
    <t>1235938.0</t>
  </si>
  <si>
    <t>408565.0</t>
  </si>
  <si>
    <t>64714626.0</t>
  </si>
  <si>
    <t>238597.0</t>
  </si>
  <si>
    <t>663.957</t>
  </si>
  <si>
    <t>282120.0</t>
  </si>
  <si>
    <t>102030576.0</t>
  </si>
  <si>
    <t>65222953.0</t>
  </si>
  <si>
    <t>1167678.0</t>
  </si>
  <si>
    <t>1152559.0</t>
  </si>
  <si>
    <t>345137.0</t>
  </si>
  <si>
    <t>64994812.0</t>
  </si>
  <si>
    <t>666.832</t>
  </si>
  <si>
    <t>288283.0</t>
  </si>
  <si>
    <t>103573065.0</t>
  </si>
  <si>
    <t>65772961.0</t>
  </si>
  <si>
    <t>1542489.0</t>
  </si>
  <si>
    <t>1187572.0</t>
  </si>
  <si>
    <t>65195918.0</t>
  </si>
  <si>
    <t>201106.0</t>
  </si>
  <si>
    <t>668.895</t>
  </si>
  <si>
    <t>258884.0</t>
  </si>
  <si>
    <t>1214390.0</t>
  </si>
  <si>
    <t>65475964.0</t>
  </si>
  <si>
    <t>280046.0</t>
  </si>
  <si>
    <t>671.769</t>
  </si>
  <si>
    <t>257143.0</t>
  </si>
  <si>
    <t>106543301.0</t>
  </si>
  <si>
    <t>66483363.0</t>
  </si>
  <si>
    <t>1244506.0</t>
  </si>
  <si>
    <t>344236.0</t>
  </si>
  <si>
    <t>65702260.0</t>
  </si>
  <si>
    <t>226296.0</t>
  </si>
  <si>
    <t>674.09</t>
  </si>
  <si>
    <t>235226.0</t>
  </si>
  <si>
    <t>107861131.0</t>
  </si>
  <si>
    <t>66706890.0</t>
  </si>
  <si>
    <t>1317830.0</t>
  </si>
  <si>
    <t>340686.0</t>
  </si>
  <si>
    <t>65891104.0</t>
  </si>
  <si>
    <t>188844.0</t>
  </si>
  <si>
    <t>676.028</t>
  </si>
  <si>
    <t>230675.0</t>
  </si>
  <si>
    <t>108915813.0</t>
  </si>
  <si>
    <t>66916471.0</t>
  </si>
  <si>
    <t>1054682.0</t>
  </si>
  <si>
    <t>1309227.0</t>
  </si>
  <si>
    <t>349790.0</t>
  </si>
  <si>
    <t>66125473.0</t>
  </si>
  <si>
    <t>234369.0</t>
  </si>
  <si>
    <t>678.432</t>
  </si>
  <si>
    <t>110917609.0</t>
  </si>
  <si>
    <t>67337689.0</t>
  </si>
  <si>
    <t>2001796.0</t>
  </si>
  <si>
    <t>1436387.0</t>
  </si>
  <si>
    <t>367167.0</t>
  </si>
  <si>
    <t>66370020.0</t>
  </si>
  <si>
    <t>244547.0</t>
  </si>
  <si>
    <t>680.941</t>
  </si>
  <si>
    <t>236485.0</t>
  </si>
  <si>
    <t>112944634.0</t>
  </si>
  <si>
    <t>67824005.0</t>
  </si>
  <si>
    <t>2027025.0</t>
  </si>
  <si>
    <t>1559151.0</t>
  </si>
  <si>
    <t>371579.0</t>
  </si>
  <si>
    <t>66686993.0</t>
  </si>
  <si>
    <t>316973.0</t>
  </si>
  <si>
    <t>684.194</t>
  </si>
  <si>
    <t>241740.0</t>
  </si>
  <si>
    <t>114591610.0</t>
  </si>
  <si>
    <t>68490909.0</t>
  </si>
  <si>
    <t>1646976.0</t>
  </si>
  <si>
    <t>1574078.0</t>
  </si>
  <si>
    <t>256610.0</t>
  </si>
  <si>
    <t>116328185.0</t>
  </si>
  <si>
    <t>68934236.0</t>
  </si>
  <si>
    <t>1736575.0</t>
  </si>
  <si>
    <t>1610000.0</t>
  </si>
  <si>
    <t>400868.0</t>
  </si>
  <si>
    <t>260204.0</t>
  </si>
  <si>
    <t>117691092.0</t>
  </si>
  <si>
    <t>69309495.0</t>
  </si>
  <si>
    <t>1362907.0</t>
  </si>
  <si>
    <t>1592542.0</t>
  </si>
  <si>
    <t>403733.0</t>
  </si>
  <si>
    <t>271475.0</t>
  </si>
  <si>
    <t>118768386.0</t>
  </si>
  <si>
    <t>69747303.0</t>
  </si>
  <si>
    <t>1077294.0</t>
  </si>
  <si>
    <t>1558179.0</t>
  </si>
  <si>
    <t>434345.0</t>
  </si>
  <si>
    <t>120644108.0</t>
  </si>
  <si>
    <t>70958765.0</t>
  </si>
  <si>
    <t>1875722.0</t>
  </si>
  <si>
    <t>1675471.0</t>
  </si>
  <si>
    <t>577471.0</t>
  </si>
  <si>
    <t>298216.0</t>
  </si>
  <si>
    <t>122083464.0</t>
  </si>
  <si>
    <t>71143392.0</t>
  </si>
  <si>
    <t>1439356.0</t>
  </si>
  <si>
    <t>1595122.0</t>
  </si>
  <si>
    <t>543672.0</t>
  </si>
  <si>
    <t>1525634.0</t>
  </si>
  <si>
    <t>565934.0</t>
  </si>
  <si>
    <t>305198.0</t>
  </si>
  <si>
    <t>125164684.0</t>
  </si>
  <si>
    <t>72427696.0</t>
  </si>
  <si>
    <t>1510439.0</t>
  </si>
  <si>
    <t>562398.0</t>
  </si>
  <si>
    <t>125955995.0</t>
  </si>
  <si>
    <t>72731280.0</t>
  </si>
  <si>
    <t>53224715.0</t>
  </si>
  <si>
    <t>791311.0</t>
  </si>
  <si>
    <t>1375401.0</t>
  </si>
  <si>
    <t>542435.0</t>
  </si>
  <si>
    <t>69433777.0</t>
  </si>
  <si>
    <t>712.375</t>
  </si>
  <si>
    <t>126846771.0</t>
  </si>
  <si>
    <t>73155299.0</t>
  </si>
  <si>
    <t>890776.0</t>
  </si>
  <si>
    <t>1307954.0</t>
  </si>
  <si>
    <t>549401.0</t>
  </si>
  <si>
    <t>69698432.0</t>
  </si>
  <si>
    <t>264655.0</t>
  </si>
  <si>
    <t>715.09</t>
  </si>
  <si>
    <t>299406.0</t>
  </si>
  <si>
    <t>1224200.0</t>
  </si>
  <si>
    <t>503847.0</t>
  </si>
  <si>
    <t>69737261.0</t>
  </si>
  <si>
    <t>715.489</t>
  </si>
  <si>
    <t>127828796.0</t>
  </si>
  <si>
    <t>73393169.0</t>
  </si>
  <si>
    <t>1026384.0</t>
  </si>
  <si>
    <t>347772.0</t>
  </si>
  <si>
    <t>69947142.0</t>
  </si>
  <si>
    <t>717.642</t>
  </si>
  <si>
    <t>247737.0</t>
  </si>
  <si>
    <t>128675533.0</t>
  </si>
  <si>
    <t>73663229.0</t>
  </si>
  <si>
    <t>846737.0</t>
  </si>
  <si>
    <t>941724.0</t>
  </si>
  <si>
    <t>359977.0</t>
  </si>
  <si>
    <t>70146808.0</t>
  </si>
  <si>
    <t>199666.0</t>
  </si>
  <si>
    <t>719.69</t>
  </si>
  <si>
    <t>232661.0</t>
  </si>
  <si>
    <t>129408202.0</t>
  </si>
  <si>
    <t>73899767.0</t>
  </si>
  <si>
    <t>732669.0</t>
  </si>
  <si>
    <t>826304.0</t>
  </si>
  <si>
    <t>302032.0</t>
  </si>
  <si>
    <t>70427988.0</t>
  </si>
  <si>
    <t>281180.0</t>
  </si>
  <si>
    <t>722.575</t>
  </si>
  <si>
    <t>229230.0</t>
  </si>
  <si>
    <t>129965296.0</t>
  </si>
  <si>
    <t>74039917.0</t>
  </si>
  <si>
    <t>557094.0</t>
  </si>
  <si>
    <t>230317.0</t>
  </si>
  <si>
    <t>70692311.0</t>
  </si>
  <si>
    <t>264323.0</t>
  </si>
  <si>
    <t>725.287</t>
  </si>
  <si>
    <t>131033342.0</t>
  </si>
  <si>
    <t>74647961.0</t>
  </si>
  <si>
    <t>56385381.0</t>
  </si>
  <si>
    <t>725335.0</t>
  </si>
  <si>
    <t>212658.0</t>
  </si>
  <si>
    <t>131816392.0</t>
  </si>
  <si>
    <t>74713350.0</t>
  </si>
  <si>
    <t>783050.0</t>
  </si>
  <si>
    <t>709946.0</t>
  </si>
  <si>
    <t>222579.0</t>
  </si>
  <si>
    <t>71152452.0</t>
  </si>
  <si>
    <t>730.008</t>
  </si>
  <si>
    <t>207717.0</t>
  </si>
  <si>
    <t>132266442.0</t>
  </si>
  <si>
    <t>74832161.0</t>
  </si>
  <si>
    <t>450050.0</t>
  </si>
  <si>
    <t>704094.0</t>
  </si>
  <si>
    <t>71322461.0</t>
  </si>
  <si>
    <t>170009.0</t>
  </si>
  <si>
    <t>731.752</t>
  </si>
  <si>
    <t>132873501.0</t>
  </si>
  <si>
    <t>74907297.0</t>
  </si>
  <si>
    <t>720672.0</t>
  </si>
  <si>
    <t>216304.0</t>
  </si>
  <si>
    <t>71332580.0</t>
  </si>
  <si>
    <t>731.856</t>
  </si>
  <si>
    <t>197920.0</t>
  </si>
  <si>
    <t>766088.0</t>
  </si>
  <si>
    <t>194359.0</t>
  </si>
  <si>
    <t>71472525.0</t>
  </si>
  <si>
    <t>139945.0</t>
  </si>
  <si>
    <t>733.292</t>
  </si>
  <si>
    <t>189388.0</t>
  </si>
  <si>
    <t>135202794.0</t>
  </si>
  <si>
    <t>75140181.0</t>
  </si>
  <si>
    <t>827799.0</t>
  </si>
  <si>
    <t>177202.0</t>
  </si>
  <si>
    <t>71771988.0</t>
  </si>
  <si>
    <t>299463.0</t>
  </si>
  <si>
    <t>736.364</t>
  </si>
  <si>
    <t>135736968.0</t>
  </si>
  <si>
    <t>75215180.0</t>
  </si>
  <si>
    <t>534174.0</t>
  </si>
  <si>
    <t>824525.0</t>
  </si>
  <si>
    <t>167895.0</t>
  </si>
  <si>
    <t>71914717.0</t>
  </si>
  <si>
    <t>142729.0</t>
  </si>
  <si>
    <t>737.829</t>
  </si>
  <si>
    <t>174629.0</t>
  </si>
  <si>
    <t>803207.0</t>
  </si>
  <si>
    <t>110751.0</t>
  </si>
  <si>
    <t>72059048.0</t>
  </si>
  <si>
    <t>739.31</t>
  </si>
  <si>
    <t>162381.0</t>
  </si>
  <si>
    <t>137574609.0</t>
  </si>
  <si>
    <t>75631255.0</t>
  </si>
  <si>
    <t>822602.0</t>
  </si>
  <si>
    <t>72505300.0</t>
  </si>
  <si>
    <t>446252.0</t>
  </si>
  <si>
    <t>743.888</t>
  </si>
  <si>
    <t>193264.0</t>
  </si>
  <si>
    <t>138772562.0</t>
  </si>
  <si>
    <t>75697403.0</t>
  </si>
  <si>
    <t>1197953.0</t>
  </si>
  <si>
    <t>929446.0</t>
  </si>
  <si>
    <t>72701838.0</t>
  </si>
  <si>
    <t>745.904</t>
  </si>
  <si>
    <t>197054.0</t>
  </si>
  <si>
    <t>978377.0</t>
  </si>
  <si>
    <t>72840350.0</t>
  </si>
  <si>
    <t>138512.0</t>
  </si>
  <si>
    <t>747.326</t>
  </si>
  <si>
    <t>947654.0</t>
  </si>
  <si>
    <t>152358.0</t>
  </si>
  <si>
    <t>73037601.0</t>
  </si>
  <si>
    <t>749.349</t>
  </si>
  <si>
    <t>916930.0</t>
  </si>
  <si>
    <t>163783.0</t>
  </si>
  <si>
    <t>73261638.0</t>
  </si>
  <si>
    <t>224037.0</t>
  </si>
  <si>
    <t>751.648</t>
  </si>
  <si>
    <t>212807.0</t>
  </si>
  <si>
    <t>976274.0</t>
  </si>
  <si>
    <t>73432477.0</t>
  </si>
  <si>
    <t>170839.0</t>
  </si>
  <si>
    <t>753.401</t>
  </si>
  <si>
    <t>216823.0</t>
  </si>
  <si>
    <t>143520464.0</t>
  </si>
  <si>
    <t>76679502.0</t>
  </si>
  <si>
    <t>980668.0</t>
  </si>
  <si>
    <t>179469.0</t>
  </si>
  <si>
    <t>73609689.0</t>
  </si>
  <si>
    <t>177212.0</t>
  </si>
  <si>
    <t>755.219</t>
  </si>
  <si>
    <t>221520.0</t>
  </si>
  <si>
    <t>144513779.0</t>
  </si>
  <si>
    <t>76881418.0</t>
  </si>
  <si>
    <t>993315.0</t>
  </si>
  <si>
    <t>991310.0</t>
  </si>
  <si>
    <t>147.18</t>
  </si>
  <si>
    <t>178595.0</t>
  </si>
  <si>
    <t>73824334.0</t>
  </si>
  <si>
    <t>214645.0</t>
  </si>
  <si>
    <t>757.421</t>
  </si>
  <si>
    <t>188433.0</t>
  </si>
  <si>
    <t>145595435.0</t>
  </si>
  <si>
    <t>77074627.0</t>
  </si>
  <si>
    <t>1081656.0</t>
  </si>
  <si>
    <t>974696.0</t>
  </si>
  <si>
    <t>146335052.0</t>
  </si>
  <si>
    <t>77138616.0</t>
  </si>
  <si>
    <t>739617.0</t>
  </si>
  <si>
    <t>944701.0</t>
  </si>
  <si>
    <t>177828.0</t>
  </si>
  <si>
    <t>73996693.0</t>
  </si>
  <si>
    <t>759.189</t>
  </si>
  <si>
    <t>165192.0</t>
  </si>
  <si>
    <t>942176.0</t>
  </si>
  <si>
    <t>165440.0</t>
  </si>
  <si>
    <t>171301.0</t>
  </si>
  <si>
    <t>148198862.0</t>
  </si>
  <si>
    <t>77358030.0</t>
  </si>
  <si>
    <t>939651.0</t>
  </si>
  <si>
    <t>74476728.0</t>
  </si>
  <si>
    <t>764.114</t>
  </si>
  <si>
    <t>173584.0</t>
  </si>
  <si>
    <t>999501.0</t>
  </si>
  <si>
    <t>139098.0</t>
  </si>
  <si>
    <t>74637039.0</t>
  </si>
  <si>
    <t>160311.0</t>
  </si>
  <si>
    <t>765.759</t>
  </si>
  <si>
    <t>150935915.0</t>
  </si>
  <si>
    <t>77555511.0</t>
  </si>
  <si>
    <t>68435813.0</t>
  </si>
  <si>
    <t>1059350.0</t>
  </si>
  <si>
    <t>125144.0</t>
  </si>
  <si>
    <t>1044164.0</t>
  </si>
  <si>
    <t>107775.0</t>
  </si>
  <si>
    <t>74967758.0</t>
  </si>
  <si>
    <t>769.152</t>
  </si>
  <si>
    <t>1016358.0</t>
  </si>
  <si>
    <t>91649.0</t>
  </si>
  <si>
    <t>75084610.0</t>
  </si>
  <si>
    <t>116852.0</t>
  </si>
  <si>
    <t>770.351</t>
  </si>
  <si>
    <t>167728.0</t>
  </si>
  <si>
    <t>153596950.0</t>
  </si>
  <si>
    <t>77796499.0</t>
  </si>
  <si>
    <t>1037414.0</t>
  </si>
  <si>
    <t>75170635.0</t>
  </si>
  <si>
    <t>86025.0</t>
  </si>
  <si>
    <t>771.234</t>
  </si>
  <si>
    <t>167706.0</t>
  </si>
  <si>
    <t>154344391.0</t>
  </si>
  <si>
    <t>77850611.0</t>
  </si>
  <si>
    <t>1011062.0</t>
  </si>
  <si>
    <t>140403.0</t>
  </si>
  <si>
    <t>1060625.0</t>
  </si>
  <si>
    <t>75268432.0</t>
  </si>
  <si>
    <t>772.237</t>
  </si>
  <si>
    <t>156902083.0</t>
  </si>
  <si>
    <t>78110585.0</t>
  </si>
  <si>
    <t>1047814.0</t>
  </si>
  <si>
    <t>93402.0</t>
  </si>
  <si>
    <t>75383396.0</t>
  </si>
  <si>
    <t>773.417</t>
  </si>
  <si>
    <t>157740557.0</t>
  </si>
  <si>
    <t>78146683.0</t>
  </si>
  <si>
    <t>838474.0</t>
  </si>
  <si>
    <t>972092.0</t>
  </si>
  <si>
    <t>84453.0</t>
  </si>
  <si>
    <t>75500440.0</t>
  </si>
  <si>
    <t>117044.0</t>
  </si>
  <si>
    <t>774.617</t>
  </si>
  <si>
    <t>1009135.0</t>
  </si>
  <si>
    <t>80197.0</t>
  </si>
  <si>
    <t>75593528.0</t>
  </si>
  <si>
    <t>93088.0</t>
  </si>
  <si>
    <t>775.573</t>
  </si>
  <si>
    <t>89396.0</t>
  </si>
  <si>
    <t>160033187.0</t>
  </si>
  <si>
    <t>78247751.0</t>
  </si>
  <si>
    <t>1046178.0</t>
  </si>
  <si>
    <t>75685967.0</t>
  </si>
  <si>
    <t>92439.0</t>
  </si>
  <si>
    <t>776.521</t>
  </si>
  <si>
    <t>85908.0</t>
  </si>
  <si>
    <t>161277807.0</t>
  </si>
  <si>
    <t>78291624.0</t>
  </si>
  <si>
    <t>1244620.0</t>
  </si>
  <si>
    <t>70732.0</t>
  </si>
  <si>
    <t>75756397.0</t>
  </si>
  <si>
    <t>70430.0</t>
  </si>
  <si>
    <t>777.244</t>
  </si>
  <si>
    <t>162375421.0</t>
  </si>
  <si>
    <t>78389408.0</t>
  </si>
  <si>
    <t>1097614.0</t>
  </si>
  <si>
    <t>1147290.0</t>
  </si>
  <si>
    <t>165.37</t>
  </si>
  <si>
    <t>76971.0</t>
  </si>
  <si>
    <t>75857329.0</t>
  </si>
  <si>
    <t>100932.0</t>
  </si>
  <si>
    <t>778.279</t>
  </si>
  <si>
    <t>163533682.0</t>
  </si>
  <si>
    <t>78413199.0</t>
  </si>
  <si>
    <t>1158261.0</t>
  </si>
  <si>
    <t>1130064.0</t>
  </si>
  <si>
    <t>61800.0</t>
  </si>
  <si>
    <t>92857.0</t>
  </si>
  <si>
    <t>1089549.0</t>
  </si>
  <si>
    <t>75979528.0</t>
  </si>
  <si>
    <t>779.533</t>
  </si>
  <si>
    <t>165524173.0</t>
  </si>
  <si>
    <t>78527765.0</t>
  </si>
  <si>
    <t>71946807.0</t>
  </si>
  <si>
    <t>1111945.0</t>
  </si>
  <si>
    <t>76057114.0</t>
  </si>
  <si>
    <t>780.329</t>
  </si>
  <si>
    <t>79525.0</t>
  </si>
  <si>
    <t>1103973.0</t>
  </si>
  <si>
    <t>52463.0</t>
  </si>
  <si>
    <t>76176966.0</t>
  </si>
  <si>
    <t>119852.0</t>
  </si>
  <si>
    <t>781.559</t>
  </si>
  <si>
    <t>1096002.0</t>
  </si>
  <si>
    <t>79534.0</t>
  </si>
  <si>
    <t>1073987.0</t>
  </si>
  <si>
    <t>49460.0</t>
  </si>
  <si>
    <t>76308450.0</t>
  </si>
  <si>
    <t>782.907</t>
  </si>
  <si>
    <t>1072972.0</t>
  </si>
  <si>
    <t>76406898.0</t>
  </si>
  <si>
    <t>783.918</t>
  </si>
  <si>
    <t>1063294.0</t>
  </si>
  <si>
    <t>76466675.0</t>
  </si>
  <si>
    <t>784.531</t>
  </si>
  <si>
    <t>1076904.0</t>
  </si>
  <si>
    <t>76534613.0</t>
  </si>
  <si>
    <t>67938.0</t>
  </si>
  <si>
    <t>785.228</t>
  </si>
  <si>
    <t>1090513.0</t>
  </si>
  <si>
    <t>76629452.0</t>
  </si>
  <si>
    <t>94839.0</t>
  </si>
  <si>
    <t>786.201</t>
  </si>
  <si>
    <t>76708909.0</t>
  </si>
  <si>
    <t>79457.0</t>
  </si>
  <si>
    <t>787.016</t>
  </si>
  <si>
    <t>76757999.0</t>
  </si>
  <si>
    <t>787.52</t>
  </si>
  <si>
    <t>176429307.0</t>
  </si>
  <si>
    <t>78894694.0</t>
  </si>
  <si>
    <t>76796163.0</t>
  </si>
  <si>
    <t>787.911</t>
  </si>
  <si>
    <t>69673.0</t>
  </si>
  <si>
    <t>0.2711</t>
  </si>
  <si>
    <t>177388045.0</t>
  </si>
  <si>
    <t>78919564.0</t>
  </si>
  <si>
    <t>1071688.0</t>
  </si>
  <si>
    <t>76827471.0</t>
  </si>
  <si>
    <t>31308.0</t>
  </si>
  <si>
    <t>788.233</t>
  </si>
  <si>
    <t>60082.0</t>
  </si>
  <si>
    <t>1073445.0</t>
  </si>
  <si>
    <t>76930534.0</t>
  </si>
  <si>
    <t>103063.0</t>
  </si>
  <si>
    <t>789.29</t>
  </si>
  <si>
    <t>66266.0</t>
  </si>
  <si>
    <t>179593670.0</t>
  </si>
  <si>
    <t>78987718.0</t>
  </si>
  <si>
    <t>1075202.0</t>
  </si>
  <si>
    <t>34257.0</t>
  </si>
  <si>
    <t>76975916.0</t>
  </si>
  <si>
    <t>789.756</t>
  </si>
  <si>
    <t>1011060.0</t>
  </si>
  <si>
    <t>77059724.0</t>
  </si>
  <si>
    <t>790.615</t>
  </si>
  <si>
    <t>61467.0</t>
  </si>
  <si>
    <t>180876701.0</t>
  </si>
  <si>
    <t>79041734.0</t>
  </si>
  <si>
    <t>946917.0</t>
  </si>
  <si>
    <t>77143753.0</t>
  </si>
  <si>
    <t>791.478</t>
  </si>
  <si>
    <t>181118415.0</t>
  </si>
  <si>
    <t>79055543.0</t>
  </si>
  <si>
    <t>241714.0</t>
  </si>
  <si>
    <t>825660.0</t>
  </si>
  <si>
    <t>77167650.0</t>
  </si>
  <si>
    <t>791.723</t>
  </si>
  <si>
    <t>181280001.0</t>
  </si>
  <si>
    <t>79059864.0</t>
  </si>
  <si>
    <t>161586.0</t>
  </si>
  <si>
    <t>692956.0</t>
  </si>
  <si>
    <t>77211793.0</t>
  </si>
  <si>
    <t>792.176</t>
  </si>
  <si>
    <t>577553.0</t>
  </si>
  <si>
    <t>181581833.0</t>
  </si>
  <si>
    <t>79078859.0</t>
  </si>
  <si>
    <t>441568.0</t>
  </si>
  <si>
    <t>77252039.0</t>
  </si>
  <si>
    <t>792.589</t>
  </si>
  <si>
    <t>45929.0</t>
  </si>
  <si>
    <t>181659091.0</t>
  </si>
  <si>
    <t>79080702.0</t>
  </si>
  <si>
    <t>295060.0</t>
  </si>
  <si>
    <t>77263741.0</t>
  </si>
  <si>
    <t>792.709</t>
  </si>
  <si>
    <t>0.3505</t>
  </si>
  <si>
    <t>181665411.0</t>
  </si>
  <si>
    <t>79080967.0</t>
  </si>
  <si>
    <t>204318.0</t>
  </si>
  <si>
    <t>77273570.0</t>
  </si>
  <si>
    <t>792.809</t>
  </si>
  <si>
    <t>30549.0</t>
  </si>
  <si>
    <t>74187748.0</t>
  </si>
  <si>
    <t>77287961.0</t>
  </si>
  <si>
    <t>792.957</t>
  </si>
  <si>
    <t>0.6558</t>
  </si>
  <si>
    <t>151858.0</t>
  </si>
  <si>
    <t>77305873.0</t>
  </si>
  <si>
    <t>17912.0</t>
  </si>
  <si>
    <t>793.141</t>
  </si>
  <si>
    <t>202490.0</t>
  </si>
  <si>
    <t>77341557.0</t>
  </si>
  <si>
    <t>35684.0</t>
  </si>
  <si>
    <t>793.507</t>
  </si>
  <si>
    <t>0.6401</t>
  </si>
  <si>
    <t>0.5577</t>
  </si>
  <si>
    <t>183729446.0</t>
  </si>
  <si>
    <t>79154392.0</t>
  </si>
  <si>
    <t>306802.0</t>
  </si>
  <si>
    <t>0.5269</t>
  </si>
  <si>
    <t>184129785.0</t>
  </si>
  <si>
    <t>79162150.0</t>
  </si>
  <si>
    <t>400339.0</t>
  </si>
  <si>
    <t>352956.0</t>
  </si>
  <si>
    <t>77518004.0</t>
  </si>
  <si>
    <t>795.317</t>
  </si>
  <si>
    <t>0.4979</t>
  </si>
  <si>
    <t>184868879.0</t>
  </si>
  <si>
    <t>79166489.0</t>
  </si>
  <si>
    <t>76057017.0</t>
  </si>
  <si>
    <t>29629103.0</t>
  </si>
  <si>
    <t>739094.0</t>
  </si>
  <si>
    <t>457638.0</t>
  </si>
  <si>
    <t>45970.0</t>
  </si>
  <si>
    <t>185254387.0</t>
  </si>
  <si>
    <t>79203047.0</t>
  </si>
  <si>
    <t>76112928.0</t>
  </si>
  <si>
    <t>29938412.0</t>
  </si>
  <si>
    <t>385508.0</t>
  </si>
  <si>
    <t>512711.0</t>
  </si>
  <si>
    <t>185731134.0</t>
  </si>
  <si>
    <t>79212013.0</t>
  </si>
  <si>
    <t>76162865.0</t>
  </si>
  <si>
    <t>30356256.0</t>
  </si>
  <si>
    <t>476747.0</t>
  </si>
  <si>
    <t>507102.0</t>
  </si>
  <si>
    <t>186001127.0</t>
  </si>
  <si>
    <t>79216176.0</t>
  </si>
  <si>
    <t>76182386.0</t>
  </si>
  <si>
    <t>30602565.0</t>
  </si>
  <si>
    <t>269993.0</t>
  </si>
  <si>
    <t>471957.0</t>
  </si>
  <si>
    <t>77827425.0</t>
  </si>
  <si>
    <t>798.492</t>
  </si>
  <si>
    <t>69410.0</t>
  </si>
  <si>
    <t>580104.0</t>
  </si>
  <si>
    <t>78053232.0</t>
  </si>
  <si>
    <t>800.809</t>
  </si>
  <si>
    <t>84863.0</t>
  </si>
  <si>
    <t>91172.0</t>
  </si>
  <si>
    <t>78259191.0</t>
  </si>
  <si>
    <t>802.922</t>
  </si>
  <si>
    <t>0.3439</t>
  </si>
  <si>
    <t>745622.0</t>
  </si>
  <si>
    <t>95669.0</t>
  </si>
  <si>
    <t>191368265.0</t>
  </si>
  <si>
    <t>35028147.0</t>
  </si>
  <si>
    <t>805304.0</t>
  </si>
  <si>
    <t>96505.0</t>
  </si>
  <si>
    <t>0.4095</t>
  </si>
  <si>
    <t>191667067.0</t>
  </si>
  <si>
    <t>35300265.0</t>
  </si>
  <si>
    <t>298802.0</t>
  </si>
  <si>
    <t>809420.0</t>
  </si>
  <si>
    <t>78508813.0</t>
  </si>
  <si>
    <t>805.483</t>
  </si>
  <si>
    <t>97341.0</t>
  </si>
  <si>
    <t>0.4316</t>
  </si>
  <si>
    <t>191993381.0</t>
  </si>
  <si>
    <t>35599393.0</t>
  </si>
  <si>
    <t>326314.0</t>
  </si>
  <si>
    <t>728247.0</t>
  </si>
  <si>
    <t>78586958.0</t>
  </si>
  <si>
    <t>0.4925</t>
  </si>
  <si>
    <t>192403472.0</t>
  </si>
  <si>
    <t>35952404.0</t>
  </si>
  <si>
    <t>410091.0</t>
  </si>
  <si>
    <t>659043.0</t>
  </si>
  <si>
    <t>78664831.0</t>
  </si>
  <si>
    <t>77873.0</t>
  </si>
  <si>
    <t>807.083</t>
  </si>
  <si>
    <t>87371.0</t>
  </si>
  <si>
    <t>0.5977</t>
  </si>
  <si>
    <t>192677323.0</t>
  </si>
  <si>
    <t>76747997.0</t>
  </si>
  <si>
    <t>36467189.0</t>
  </si>
  <si>
    <t>273851.0</t>
  </si>
  <si>
    <t>570375.0</t>
  </si>
  <si>
    <t>78754090.0</t>
  </si>
  <si>
    <t>807.999</t>
  </si>
  <si>
    <t>85411.0</t>
  </si>
  <si>
    <t>0.6665</t>
  </si>
  <si>
    <t>192865977.0</t>
  </si>
  <si>
    <t>76764139.0</t>
  </si>
  <si>
    <t>36632448.0</t>
  </si>
  <si>
    <t>469537.0</t>
  </si>
  <si>
    <t>78848051.0</t>
  </si>
  <si>
    <t>93961.0</t>
  </si>
  <si>
    <t>808.963</t>
  </si>
  <si>
    <t>0.7384</t>
  </si>
  <si>
    <t>193274685.0</t>
  </si>
  <si>
    <t>76773585.0</t>
  </si>
  <si>
    <t>37027220.0</t>
  </si>
  <si>
    <t>408708.0</t>
  </si>
  <si>
    <t>400135.0</t>
  </si>
  <si>
    <t>78971531.0</t>
  </si>
  <si>
    <t>123480.0</t>
  </si>
  <si>
    <t>810.23</t>
  </si>
  <si>
    <t>89876.0</t>
  </si>
  <si>
    <t>0.7612</t>
  </si>
  <si>
    <t>193408292.0</t>
  </si>
  <si>
    <t>76783305.0</t>
  </si>
  <si>
    <t>37146717.0</t>
  </si>
  <si>
    <t>133607.0</t>
  </si>
  <si>
    <t>79078763.0</t>
  </si>
  <si>
    <t>811.33</t>
  </si>
  <si>
    <t>93308.0</t>
  </si>
  <si>
    <t>0.8168</t>
  </si>
  <si>
    <t>193625095.0</t>
  </si>
  <si>
    <t>76799876.0</t>
  </si>
  <si>
    <t>37343193.0</t>
  </si>
  <si>
    <t>279718.0</t>
  </si>
  <si>
    <t>79198980.0</t>
  </si>
  <si>
    <t>120217.0</t>
  </si>
  <si>
    <t>812.564</t>
  </si>
  <si>
    <t>98595.0</t>
  </si>
  <si>
    <t>0.8826</t>
  </si>
  <si>
    <t>194970502.0</t>
  </si>
  <si>
    <t>79373871.0</t>
  </si>
  <si>
    <t>77052498.0</t>
  </si>
  <si>
    <t>38544133.0</t>
  </si>
  <si>
    <t>1345407.0</t>
  </si>
  <si>
    <t>425303.0</t>
  </si>
  <si>
    <t>79309194.0</t>
  </si>
  <si>
    <t>110214.0</t>
  </si>
  <si>
    <t>813.694</t>
  </si>
  <si>
    <t>103177.0</t>
  </si>
  <si>
    <t>0.9237</t>
  </si>
  <si>
    <t>195308572.0</t>
  </si>
  <si>
    <t>79381128.0</t>
  </si>
  <si>
    <t>77071397.0</t>
  </si>
  <si>
    <t>38856047.0</t>
  </si>
  <si>
    <t>338070.0</t>
  </si>
  <si>
    <t>415014.0</t>
  </si>
  <si>
    <t>79510748.0</t>
  </si>
  <si>
    <t>201554.0</t>
  </si>
  <si>
    <t>815.762</t>
  </si>
  <si>
    <t>120845.0</t>
  </si>
  <si>
    <t>0.8714</t>
  </si>
  <si>
    <t>195672969.0</t>
  </si>
  <si>
    <t>79416167.0</t>
  </si>
  <si>
    <t>77095637.0</t>
  </si>
  <si>
    <t>39161165.0</t>
  </si>
  <si>
    <t>364397.0</t>
  </si>
  <si>
    <t>427949.0</t>
  </si>
  <si>
    <t>133276.0</t>
  </si>
  <si>
    <t>0.9048</t>
  </si>
  <si>
    <t>491407.0</t>
  </si>
  <si>
    <t>79863303.0</t>
  </si>
  <si>
    <t>819.379</t>
  </si>
  <si>
    <t>145036.0</t>
  </si>
  <si>
    <t>0.9249</t>
  </si>
  <si>
    <t>523428.0</t>
  </si>
  <si>
    <t>79958878.0</t>
  </si>
  <si>
    <t>95575.0</t>
  </si>
  <si>
    <t>820.36</t>
  </si>
  <si>
    <t>141050.0</t>
  </si>
  <si>
    <t>197571534.0</t>
  </si>
  <si>
    <t>79598596.0</t>
  </si>
  <si>
    <t>77419867.0</t>
  </si>
  <si>
    <t>40553071.0</t>
  </si>
  <si>
    <t>594749.0</t>
  </si>
  <si>
    <t>80124769.0</t>
  </si>
  <si>
    <t>822.062</t>
  </si>
  <si>
    <t>149429.0</t>
  </si>
  <si>
    <t>197910353.0</t>
  </si>
  <si>
    <t>79603926.0</t>
  </si>
  <si>
    <t>77454922.0</t>
  </si>
  <si>
    <t>40851505.0</t>
  </si>
  <si>
    <t>338819.0</t>
  </si>
  <si>
    <t>612180.0</t>
  </si>
  <si>
    <t>80329853.0</t>
  </si>
  <si>
    <t>205084.0</t>
  </si>
  <si>
    <t>824.166</t>
  </si>
  <si>
    <t>161553.0</t>
  </si>
  <si>
    <t>198255931.0</t>
  </si>
  <si>
    <t>79610385.0</t>
  </si>
  <si>
    <t>77489877.0</t>
  </si>
  <si>
    <t>41155669.0</t>
  </si>
  <si>
    <t>345578.0</t>
  </si>
  <si>
    <t>469347.0</t>
  </si>
  <si>
    <t>80574910.0</t>
  </si>
  <si>
    <t>245057.0</t>
  </si>
  <si>
    <t>826.68</t>
  </si>
  <si>
    <t>180817.0</t>
  </si>
  <si>
    <t>0.9633</t>
  </si>
  <si>
    <t>198647028.0</t>
  </si>
  <si>
    <t>79623896.0</t>
  </si>
  <si>
    <t>77509406.0</t>
  </si>
  <si>
    <t>41513726.0</t>
  </si>
  <si>
    <t>391097.0</t>
  </si>
  <si>
    <t>476922.0</t>
  </si>
  <si>
    <t>202.32</t>
  </si>
  <si>
    <t>172333.0</t>
  </si>
  <si>
    <t>198904850.0</t>
  </si>
  <si>
    <t>79631424.0</t>
  </si>
  <si>
    <t>77523834.0</t>
  </si>
  <si>
    <t>41749592.0</t>
  </si>
  <si>
    <t>461697.0</t>
  </si>
  <si>
    <t>167460.0</t>
  </si>
  <si>
    <t>431975.0</t>
  </si>
  <si>
    <t>81001418.0</t>
  </si>
  <si>
    <t>831.056</t>
  </si>
  <si>
    <t>162588.0</t>
  </si>
  <si>
    <t>402253.0</t>
  </si>
  <si>
    <t>184046.0</t>
  </si>
  <si>
    <t>200179247.0</t>
  </si>
  <si>
    <t>79660025.0</t>
  </si>
  <si>
    <t>77601333.0</t>
  </si>
  <si>
    <t>42917889.0</t>
  </si>
  <si>
    <t>372530.0</t>
  </si>
  <si>
    <t>195459.0</t>
  </si>
  <si>
    <t>350347.0</t>
  </si>
  <si>
    <t>81738760.0</t>
  </si>
  <si>
    <t>838.621</t>
  </si>
  <si>
    <t>201272.0</t>
  </si>
  <si>
    <t>327198.0</t>
  </si>
  <si>
    <t>190331.0</t>
  </si>
  <si>
    <t>200729854.0</t>
  </si>
  <si>
    <t>79674158.0</t>
  </si>
  <si>
    <t>77637834.0</t>
  </si>
  <si>
    <t>43417862.0</t>
  </si>
  <si>
    <t>297547.0</t>
  </si>
  <si>
    <t>300553.0</t>
  </si>
  <si>
    <t>279706.0</t>
  </si>
  <si>
    <t>82412626.0</t>
  </si>
  <si>
    <t>845.535</t>
  </si>
  <si>
    <t>201601.0</t>
  </si>
  <si>
    <t>201566460.0</t>
  </si>
  <si>
    <t>79690136.0</t>
  </si>
  <si>
    <t>77674112.0</t>
  </si>
  <si>
    <t>44202212.0</t>
  </si>
  <si>
    <t>258859.0</t>
  </si>
  <si>
    <t>198649.0</t>
  </si>
  <si>
    <t>201660445.0</t>
  </si>
  <si>
    <t>79693650.0</t>
  </si>
  <si>
    <t>77677923.0</t>
  </si>
  <si>
    <t>44288872.0</t>
  </si>
  <si>
    <t>93985.0</t>
  </si>
  <si>
    <t>211600.0</t>
  </si>
  <si>
    <t>82862859.0</t>
  </si>
  <si>
    <t>850.154</t>
  </si>
  <si>
    <t>195697.0</t>
  </si>
  <si>
    <t>201828138.0</t>
  </si>
  <si>
    <t>79696647.0</t>
  </si>
  <si>
    <t>77686643.0</t>
  </si>
  <si>
    <t>44444848.0</t>
  </si>
  <si>
    <t>209336.0</t>
  </si>
  <si>
    <t>83048614.0</t>
  </si>
  <si>
    <t>185755.0</t>
  </si>
  <si>
    <t>852.06</t>
  </si>
  <si>
    <t>202029331.0</t>
  </si>
  <si>
    <t>79701388.0</t>
  </si>
  <si>
    <t>77696920.0</t>
  </si>
  <si>
    <t>44631023.0</t>
  </si>
  <si>
    <t>201193.0</t>
  </si>
  <si>
    <t>203144374.0</t>
  </si>
  <si>
    <t>79947189.0</t>
  </si>
  <si>
    <t>77754108.0</t>
  </si>
  <si>
    <t>45443077.0</t>
  </si>
  <si>
    <t>1115043.0</t>
  </si>
  <si>
    <t>344931.0</t>
  </si>
  <si>
    <t>386845.0</t>
  </si>
  <si>
    <t>177214.0</t>
  </si>
  <si>
    <t>428758.0</t>
  </si>
  <si>
    <t>173911.0</t>
  </si>
  <si>
    <t>204861158.0</t>
  </si>
  <si>
    <t>79990487.0</t>
  </si>
  <si>
    <t>77833859.0</t>
  </si>
  <si>
    <t>47036812.0</t>
  </si>
  <si>
    <t>162515.0</t>
  </si>
  <si>
    <t>0.9913</t>
  </si>
  <si>
    <t>205002757.0</t>
  </si>
  <si>
    <t>79997158.0</t>
  </si>
  <si>
    <t>77846543.0</t>
  </si>
  <si>
    <t>47159056.0</t>
  </si>
  <si>
    <t>141599.0</t>
  </si>
  <si>
    <t>83920695.0</t>
  </si>
  <si>
    <t>861.007</t>
  </si>
  <si>
    <t>151119.0</t>
  </si>
  <si>
    <t>0.9958</t>
  </si>
  <si>
    <t>205216774.0</t>
  </si>
  <si>
    <t>80001969.0</t>
  </si>
  <si>
    <t>77853733.0</t>
  </si>
  <si>
    <t>47361072.0</t>
  </si>
  <si>
    <t>214017.0</t>
  </si>
  <si>
    <t>484091.0</t>
  </si>
  <si>
    <t>84027988.0</t>
  </si>
  <si>
    <t>107293.0</t>
  </si>
  <si>
    <t>862.108</t>
  </si>
  <si>
    <t>139911.0</t>
  </si>
  <si>
    <t>205495812.0</t>
  </si>
  <si>
    <t>80011478.0</t>
  </si>
  <si>
    <t>77875771.0</t>
  </si>
  <si>
    <t>47608563.0</t>
  </si>
  <si>
    <t>279038.0</t>
  </si>
  <si>
    <t>132872.0</t>
  </si>
  <si>
    <t>205882049.0</t>
  </si>
  <si>
    <t>80034041.0</t>
  </si>
  <si>
    <t>77907529.0</t>
  </si>
  <si>
    <t>47940479.0</t>
  </si>
  <si>
    <t>386237.0</t>
  </si>
  <si>
    <t>391096.0</t>
  </si>
  <si>
    <t>125833.0</t>
  </si>
  <si>
    <t>341926.0</t>
  </si>
  <si>
    <t>118794.0</t>
  </si>
  <si>
    <t>206338189.0</t>
  </si>
  <si>
    <t>80049781.0</t>
  </si>
  <si>
    <t>77940414.0</t>
  </si>
  <si>
    <t>48347994.0</t>
  </si>
  <si>
    <t>292756.0</t>
  </si>
  <si>
    <t>84412291.0</t>
  </si>
  <si>
    <t>866.051</t>
  </si>
  <si>
    <t>111756.0</t>
  </si>
  <si>
    <t>224354.0</t>
  </si>
  <si>
    <t>84490344.0</t>
  </si>
  <si>
    <t>78053.0</t>
  </si>
  <si>
    <t>866.852</t>
  </si>
  <si>
    <t>102142.0</t>
  </si>
  <si>
    <t>206525077.0</t>
  </si>
  <si>
    <t>80054556.0</t>
  </si>
  <si>
    <t>77953607.0</t>
  </si>
  <si>
    <t>48516914.0</t>
  </si>
  <si>
    <t>210.34</t>
  </si>
  <si>
    <t>84572527.0</t>
  </si>
  <si>
    <t>867.695</t>
  </si>
  <si>
    <t>220712.0</t>
  </si>
  <si>
    <t>0.9602</t>
  </si>
  <si>
    <t>214661.0</t>
  </si>
  <si>
    <t>84690.0</t>
  </si>
  <si>
    <t>0.9034</t>
  </si>
  <si>
    <t>207235119.0</t>
  </si>
  <si>
    <t>80062939.0</t>
  </si>
  <si>
    <t>77975929.0</t>
  </si>
  <si>
    <t>49196251.0</t>
  </si>
  <si>
    <t>193296.0</t>
  </si>
  <si>
    <t>211.06</t>
  </si>
  <si>
    <t>84789075.0</t>
  </si>
  <si>
    <t>869.917</t>
  </si>
  <si>
    <t>81276.0</t>
  </si>
  <si>
    <t>0.8933</t>
  </si>
  <si>
    <t>207379359.0</t>
  </si>
  <si>
    <t>80068494.0</t>
  </si>
  <si>
    <t>77984350.0</t>
  </si>
  <si>
    <t>49326515.0</t>
  </si>
  <si>
    <t>144240.0</t>
  </si>
  <si>
    <t>181320.0</t>
  </si>
  <si>
    <t>84845790.0</t>
  </si>
  <si>
    <t>56715.0</t>
  </si>
  <si>
    <t>870.499</t>
  </si>
  <si>
    <t>75654.0</t>
  </si>
  <si>
    <t>0.9556</t>
  </si>
  <si>
    <t>225985.0</t>
  </si>
  <si>
    <t>0.9951</t>
  </si>
  <si>
    <t>208460812.0</t>
  </si>
  <si>
    <t>80202598.0</t>
  </si>
  <si>
    <t>78392454.0</t>
  </si>
  <si>
    <t>49865760.0</t>
  </si>
  <si>
    <t>289883.0</t>
  </si>
  <si>
    <t>66217.0</t>
  </si>
  <si>
    <t>0.9787</t>
  </si>
  <si>
    <t>208525313.0</t>
  </si>
  <si>
    <t>80204811.0</t>
  </si>
  <si>
    <t>78397756.0</t>
  </si>
  <si>
    <t>49922746.0</t>
  </si>
  <si>
    <t>64501.0</t>
  </si>
  <si>
    <t>285748.0</t>
  </si>
  <si>
    <t>85007902.0</t>
  </si>
  <si>
    <t>872.162</t>
  </si>
  <si>
    <t>71167.0</t>
  </si>
  <si>
    <t>245305.0</t>
  </si>
  <si>
    <t>0.6256</t>
  </si>
  <si>
    <t>208810706.0</t>
  </si>
  <si>
    <t>80208995.0</t>
  </si>
  <si>
    <t>78409260.0</t>
  </si>
  <si>
    <t>50192451.0</t>
  </si>
  <si>
    <t>225084.0</t>
  </si>
  <si>
    <t>89107.0</t>
  </si>
  <si>
    <t>0.5084</t>
  </si>
  <si>
    <t>208967215.0</t>
  </si>
  <si>
    <t>80229360.0</t>
  </si>
  <si>
    <t>78424106.0</t>
  </si>
  <si>
    <t>50313749.0</t>
  </si>
  <si>
    <t>156509.0</t>
  </si>
  <si>
    <t>226837.0</t>
  </si>
  <si>
    <t>85547798.0</t>
  </si>
  <si>
    <t>877.701</t>
  </si>
  <si>
    <t>100287.0</t>
  </si>
  <si>
    <t>209101297.0</t>
  </si>
  <si>
    <t>80231073.0</t>
  </si>
  <si>
    <t>78431645.0</t>
  </si>
  <si>
    <t>50438579.0</t>
  </si>
  <si>
    <t>168744.0</t>
  </si>
  <si>
    <t>99083.0</t>
  </si>
  <si>
    <t>0.3731</t>
  </si>
  <si>
    <t>209301152.0</t>
  </si>
  <si>
    <t>80236365.0</t>
  </si>
  <si>
    <t>78445228.0</t>
  </si>
  <si>
    <t>50619559.0</t>
  </si>
  <si>
    <t>199855.0</t>
  </si>
  <si>
    <t>209483478.0</t>
  </si>
  <si>
    <t>80264244.0</t>
  </si>
  <si>
    <t>78453542.0</t>
  </si>
  <si>
    <t>50765692.0</t>
  </si>
  <si>
    <t>182326.0</t>
  </si>
  <si>
    <t>136881.0</t>
  </si>
  <si>
    <t>85684619.0</t>
  </si>
  <si>
    <t>879.105</t>
  </si>
  <si>
    <t>209638138.0</t>
  </si>
  <si>
    <t>80281024.0</t>
  </si>
  <si>
    <t>78458405.0</t>
  </si>
  <si>
    <t>50898709.0</t>
  </si>
  <si>
    <t>154660.0</t>
  </si>
  <si>
    <t>145385.0</t>
  </si>
  <si>
    <t>0.4029</t>
  </si>
  <si>
    <t>209816927.0</t>
  </si>
  <si>
    <t>80284173.0</t>
  </si>
  <si>
    <t>78466559.0</t>
  </si>
  <si>
    <t>51066195.0</t>
  </si>
  <si>
    <t>178789.0</t>
  </si>
  <si>
    <t>157336.0</t>
  </si>
  <si>
    <t>63345.0</t>
  </si>
  <si>
    <t>0.4879</t>
  </si>
  <si>
    <t>210107957.0</t>
  </si>
  <si>
    <t>80341573.0</t>
  </si>
  <si>
    <t>78481214.0</t>
  </si>
  <si>
    <t>51285170.0</t>
  </si>
  <si>
    <t>291030.0</t>
  </si>
  <si>
    <t>0.6274</t>
  </si>
  <si>
    <t>210560185.0</t>
  </si>
  <si>
    <t>80394594.0</t>
  </si>
  <si>
    <t>78504630.0</t>
  </si>
  <si>
    <t>51660961.0</t>
  </si>
  <si>
    <t>452228.0</t>
  </si>
  <si>
    <t>227567.0</t>
  </si>
  <si>
    <t>211284125.0</t>
  </si>
  <si>
    <t>80527138.0</t>
  </si>
  <si>
    <t>78541527.0</t>
  </si>
  <si>
    <t>52215460.0</t>
  </si>
  <si>
    <t>723940.0</t>
  </si>
  <si>
    <t>311833.0</t>
  </si>
  <si>
    <t>85776230.0</t>
  </si>
  <si>
    <t>880.045</t>
  </si>
  <si>
    <t>0.8193</t>
  </si>
  <si>
    <t>362328.0</t>
  </si>
  <si>
    <t>0.9523</t>
  </si>
  <si>
    <t>212390774.0</t>
  </si>
  <si>
    <t>80893411.0</t>
  </si>
  <si>
    <t>78555290.0</t>
  </si>
  <si>
    <t>52942073.0</t>
  </si>
  <si>
    <t>85789114.0</t>
  </si>
  <si>
    <t>880.177</t>
  </si>
  <si>
    <t>212600099.0</t>
  </si>
  <si>
    <t>80988198.0</t>
  </si>
  <si>
    <t>78558918.0</t>
  </si>
  <si>
    <t>53052983.0</t>
  </si>
  <si>
    <t>209325.0</t>
  </si>
  <si>
    <t>101025.0</t>
  </si>
  <si>
    <t>213061726.0</t>
  </si>
  <si>
    <t>81210568.0</t>
  </si>
  <si>
    <t>78584962.0</t>
  </si>
  <si>
    <t>53266196.0</t>
  </si>
  <si>
    <t>461627.0</t>
  </si>
  <si>
    <t>463543.0</t>
  </si>
  <si>
    <t>213317994.0</t>
  </si>
  <si>
    <t>81344829.0</t>
  </si>
  <si>
    <t>78589545.0</t>
  </si>
  <si>
    <t>53383620.0</t>
  </si>
  <si>
    <t>458577.0</t>
  </si>
  <si>
    <t>217.26</t>
  </si>
  <si>
    <t>143322.0</t>
  </si>
  <si>
    <t>213645290.0</t>
  </si>
  <si>
    <t>81489928.0</t>
  </si>
  <si>
    <t>78594626.0</t>
  </si>
  <si>
    <t>53560736.0</t>
  </si>
  <si>
    <t>327296.0</t>
  </si>
  <si>
    <t>440729.0</t>
  </si>
  <si>
    <t>85795583.0</t>
  </si>
  <si>
    <t>880.243</t>
  </si>
  <si>
    <t>214532764.0</t>
  </si>
  <si>
    <t>81725735.0</t>
  </si>
  <si>
    <t>78603828.0</t>
  </si>
  <si>
    <t>54203201.0</t>
  </si>
  <si>
    <t>887474.0</t>
  </si>
  <si>
    <t>464091.0</t>
  </si>
  <si>
    <t>218.49</t>
  </si>
  <si>
    <t>171228.0</t>
  </si>
  <si>
    <t>214774198.0</t>
  </si>
  <si>
    <t>81820210.0</t>
  </si>
  <si>
    <t>78611036.0</t>
  </si>
  <si>
    <t>54342952.0</t>
  </si>
  <si>
    <t>241434.0</t>
  </si>
  <si>
    <t>158562.0</t>
  </si>
  <si>
    <t>214939202.0</t>
  </si>
  <si>
    <t>81888081.0</t>
  </si>
  <si>
    <t>78618038.0</t>
  </si>
  <si>
    <t>54433083.0</t>
  </si>
  <si>
    <t>165004.0</t>
  </si>
  <si>
    <t>364061.0</t>
  </si>
  <si>
    <t>142096.0</t>
  </si>
  <si>
    <t>85799603.0</t>
  </si>
  <si>
    <t>880.285</t>
  </si>
  <si>
    <t>214991119.0</t>
  </si>
  <si>
    <t>81900697.0</t>
  </si>
  <si>
    <t>78619918.0</t>
  </si>
  <si>
    <t>54470504.0</t>
  </si>
  <si>
    <t>341574.0</t>
  </si>
  <si>
    <t>130357.0</t>
  </si>
  <si>
    <t>215005042.0</t>
  </si>
  <si>
    <t>81910835.0</t>
  </si>
  <si>
    <t>78620138.0</t>
  </si>
  <si>
    <t>54474069.0</t>
  </si>
  <si>
    <t>277617.0</t>
  </si>
  <si>
    <t>100038.0</t>
  </si>
  <si>
    <t>215022051.0</t>
  </si>
  <si>
    <t>81923445.0</t>
  </si>
  <si>
    <t>78620224.0</t>
  </si>
  <si>
    <t>54478382.0</t>
  </si>
  <si>
    <t>82659.0</t>
  </si>
  <si>
    <t>85802635.0</t>
  </si>
  <si>
    <t>880.316</t>
  </si>
  <si>
    <t>215159324.0</t>
  </si>
  <si>
    <t>81986593.0</t>
  </si>
  <si>
    <t>78623354.0</t>
  </si>
  <si>
    <t>54549377.0</t>
  </si>
  <si>
    <t>137273.0</t>
  </si>
  <si>
    <t>216291.0</t>
  </si>
  <si>
    <t>70952.0</t>
  </si>
  <si>
    <t>215350776.0</t>
  </si>
  <si>
    <t>82077999.0</t>
  </si>
  <si>
    <t>78628890.0</t>
  </si>
  <si>
    <t>54643887.0</t>
  </si>
  <si>
    <t>191452.0</t>
  </si>
  <si>
    <t>215539479.0</t>
  </si>
  <si>
    <t>82168259.0</t>
  </si>
  <si>
    <t>78635566.0</t>
  </si>
  <si>
    <t>54735654.0</t>
  </si>
  <si>
    <t>49721.0</t>
  </si>
  <si>
    <t>215688790.0</t>
  </si>
  <si>
    <t>82184499.0</t>
  </si>
  <si>
    <t>78638087.0</t>
  </si>
  <si>
    <t>54866204.0</t>
  </si>
  <si>
    <t>149311.0</t>
  </si>
  <si>
    <t>85805439.0</t>
  </si>
  <si>
    <t>880.344</t>
  </si>
  <si>
    <t>215743796.0</t>
  </si>
  <si>
    <t>82220083.0</t>
  </si>
  <si>
    <t>78641329.0</t>
  </si>
  <si>
    <t>54882384.0</t>
  </si>
  <si>
    <t>107525.0</t>
  </si>
  <si>
    <t>215839208.0</t>
  </si>
  <si>
    <t>82251314.0</t>
  </si>
  <si>
    <t>78643980.0</t>
  </si>
  <si>
    <t>54943914.0</t>
  </si>
  <si>
    <t>119167.0</t>
  </si>
  <si>
    <t>216142873.0</t>
  </si>
  <si>
    <t>82426934.0</t>
  </si>
  <si>
    <t>78649016.0</t>
  </si>
  <si>
    <t>55066923.0</t>
  </si>
  <si>
    <t>303665.0</t>
  </si>
  <si>
    <t>160117.0</t>
  </si>
  <si>
    <t>71927.0</t>
  </si>
  <si>
    <t>85806532.0</t>
  </si>
  <si>
    <t>880.356</t>
  </si>
  <si>
    <t>166914.0</t>
  </si>
  <si>
    <t>216512573.0</t>
  </si>
  <si>
    <t>82574282.0</t>
  </si>
  <si>
    <t>78661636.0</t>
  </si>
  <si>
    <t>55276655.0</t>
  </si>
  <si>
    <t>165971.0</t>
  </si>
  <si>
    <t>70898.0</t>
  </si>
  <si>
    <t>164083.0</t>
  </si>
  <si>
    <t>74954.0</t>
  </si>
  <si>
    <t>167822.0</t>
  </si>
  <si>
    <t>89584.0</t>
  </si>
  <si>
    <t>217039026.0</t>
  </si>
  <si>
    <t>82930237.0</t>
  </si>
  <si>
    <t>78674447.0</t>
  </si>
  <si>
    <t>55434342.0</t>
  </si>
  <si>
    <t>185033.0</t>
  </si>
  <si>
    <t>85811930.0</t>
  </si>
  <si>
    <t>880.411</t>
  </si>
  <si>
    <t>217377159.0</t>
  </si>
  <si>
    <t>83042809.0</t>
  </si>
  <si>
    <t>78687467.0</t>
  </si>
  <si>
    <t>55646883.0</t>
  </si>
  <si>
    <t>338133.0</t>
  </si>
  <si>
    <t>219707.0</t>
  </si>
  <si>
    <t>113071.0</t>
  </si>
  <si>
    <t>217581267.0</t>
  </si>
  <si>
    <t>83171767.0</t>
  </si>
  <si>
    <t>78689815.0</t>
  </si>
  <si>
    <t>55719685.0</t>
  </si>
  <si>
    <t>204108.0</t>
  </si>
  <si>
    <t>218140778.0</t>
  </si>
  <si>
    <t>83444583.0</t>
  </si>
  <si>
    <t>78699867.0</t>
  </si>
  <si>
    <t>55996328.0</t>
  </si>
  <si>
    <t>259008.0</t>
  </si>
  <si>
    <t>85813173.0</t>
  </si>
  <si>
    <t>880.424</t>
  </si>
  <si>
    <t>297386.0</t>
  </si>
  <si>
    <t>148542.0</t>
  </si>
  <si>
    <t>219047772.0</t>
  </si>
  <si>
    <t>83783567.0</t>
  </si>
  <si>
    <t>78727554.0</t>
  </si>
  <si>
    <t>337102.0</t>
  </si>
  <si>
    <t>219084118.0</t>
  </si>
  <si>
    <t>83804555.0</t>
  </si>
  <si>
    <t>78733495.0</t>
  </si>
  <si>
    <t>36346.0</t>
  </si>
  <si>
    <t>317225.0</t>
  </si>
  <si>
    <t>219119853.0</t>
  </si>
  <si>
    <t>83821858.0</t>
  </si>
  <si>
    <t>78738898.0</t>
  </si>
  <si>
    <t>297261.0</t>
  </si>
  <si>
    <t>127374.0</t>
  </si>
  <si>
    <t>219796318.0</t>
  </si>
  <si>
    <t>84086721.0</t>
  </si>
  <si>
    <t>78849132.0</t>
  </si>
  <si>
    <t>220141209.0</t>
  </si>
  <si>
    <t>84207450.0</t>
  </si>
  <si>
    <t>78916464.0</t>
  </si>
  <si>
    <t>285776.0</t>
  </si>
  <si>
    <t>108981.0</t>
  </si>
  <si>
    <t>220441206.0</t>
  </si>
  <si>
    <t>84225184.0</t>
  </si>
  <si>
    <t>78979046.0</t>
  </si>
  <si>
    <t>299997.0</t>
  </si>
  <si>
    <t>220635110.0</t>
  </si>
  <si>
    <t>84298599.0</t>
  </si>
  <si>
    <t>79007965.0</t>
  </si>
  <si>
    <t>193904.0</t>
  </si>
  <si>
    <t>226763.0</t>
  </si>
  <si>
    <t>224.71</t>
  </si>
  <si>
    <t>73576.0</t>
  </si>
  <si>
    <t>85816124.0</t>
  </si>
  <si>
    <t>880.454</t>
  </si>
  <si>
    <t>231885.0</t>
  </si>
  <si>
    <t>73586.0</t>
  </si>
  <si>
    <t>220779518.0</t>
  </si>
  <si>
    <t>84340713.0</t>
  </si>
  <si>
    <t>79046788.0</t>
  </si>
  <si>
    <t>237095.0</t>
  </si>
  <si>
    <t>232801.0</t>
  </si>
  <si>
    <t>64665.0</t>
  </si>
  <si>
    <t>221395862.0</t>
  </si>
  <si>
    <t>84473179.0</t>
  </si>
  <si>
    <t>79244389.0</t>
  </si>
  <si>
    <t>228506.0</t>
  </si>
  <si>
    <t>221558297.0</t>
  </si>
  <si>
    <t>84522854.0</t>
  </si>
  <si>
    <t>79308876.0</t>
  </si>
  <si>
    <t>162435.0</t>
  </si>
  <si>
    <t>85817715.0</t>
  </si>
  <si>
    <t>880.47</t>
  </si>
  <si>
    <t>221658034.0</t>
  </si>
  <si>
    <t>84545834.0</t>
  </si>
  <si>
    <t>79331294.0</t>
  </si>
  <si>
    <t>99737.0</t>
  </si>
  <si>
    <t>173833.0</t>
  </si>
  <si>
    <t>221884464.0</t>
  </si>
  <si>
    <t>84595234.0</t>
  </si>
  <si>
    <t>79373469.0</t>
  </si>
  <si>
    <t>226430.0</t>
  </si>
  <si>
    <t>178479.0</t>
  </si>
  <si>
    <t>42376.0</t>
  </si>
  <si>
    <t>222023219.0</t>
  </si>
  <si>
    <t>84660862.0</t>
  </si>
  <si>
    <t>79407336.0</t>
  </si>
  <si>
    <t>187986.0</t>
  </si>
  <si>
    <t>85818376.0</t>
  </si>
  <si>
    <t>880.477</t>
  </si>
  <si>
    <t>222072995.0</t>
  </si>
  <si>
    <t>84666253.0</t>
  </si>
  <si>
    <t>79411087.0</t>
  </si>
  <si>
    <t>222252825.0</t>
  </si>
  <si>
    <t>84700024.0</t>
  </si>
  <si>
    <t>79425423.0</t>
  </si>
  <si>
    <t>179830.0</t>
  </si>
  <si>
    <t>41868.0</t>
  </si>
  <si>
    <t>222381906.0</t>
  </si>
  <si>
    <t>84738162.0</t>
  </si>
  <si>
    <t>79435135.0</t>
  </si>
  <si>
    <t>140863.0</t>
  </si>
  <si>
    <t>85818823.0</t>
  </si>
  <si>
    <t>880.482</t>
  </si>
  <si>
    <t>222610562.0</t>
  </si>
  <si>
    <t>84802748.0</t>
  </si>
  <si>
    <t>79461389.0</t>
  </si>
  <si>
    <t>150324.0</t>
  </si>
  <si>
    <t>223070073.0</t>
  </si>
  <si>
    <t>84922250.0</t>
  </si>
  <si>
    <t>79501534.0</t>
  </si>
  <si>
    <t>459511.0</t>
  </si>
  <si>
    <t>201720.0</t>
  </si>
  <si>
    <t>227.19</t>
  </si>
  <si>
    <t>223388747.0</t>
  </si>
  <si>
    <t>85000540.0</t>
  </si>
  <si>
    <t>79520223.0</t>
  </si>
  <si>
    <t>318674.0</t>
  </si>
  <si>
    <t>214898.0</t>
  </si>
  <si>
    <t>227.51</t>
  </si>
  <si>
    <t>223511691.0</t>
  </si>
  <si>
    <t>85053787.0</t>
  </si>
  <si>
    <t>79524305.0</t>
  </si>
  <si>
    <t>122944.0</t>
  </si>
  <si>
    <t>227.64</t>
  </si>
  <si>
    <t>56132.0</t>
  </si>
  <si>
    <t>85819388.0</t>
  </si>
  <si>
    <t>880.488</t>
  </si>
  <si>
    <t>223629992.0</t>
  </si>
  <si>
    <t>85085764.0</t>
  </si>
  <si>
    <t>79538300.0</t>
  </si>
  <si>
    <t>118301.0</t>
  </si>
  <si>
    <t>222428.0</t>
  </si>
  <si>
    <t>223974640.0</t>
  </si>
  <si>
    <t>85130811.0</t>
  </si>
  <si>
    <t>79550401.0</t>
  </si>
  <si>
    <t>344648.0</t>
  </si>
  <si>
    <t>245974.0</t>
  </si>
  <si>
    <t>272547.0</t>
  </si>
  <si>
    <t>284896.0</t>
  </si>
  <si>
    <t>224919933.0</t>
  </si>
  <si>
    <t>85334927.0</t>
  </si>
  <si>
    <t>79650792.0</t>
  </si>
  <si>
    <t>225255875.0</t>
  </si>
  <si>
    <t>85418330.0</t>
  </si>
  <si>
    <t>79699783.0</t>
  </si>
  <si>
    <t>335942.0</t>
  </si>
  <si>
    <t>266733.0</t>
  </si>
  <si>
    <t>59684.0</t>
  </si>
  <si>
    <t>225650647.0</t>
  </si>
  <si>
    <t>85506332.0</t>
  </si>
  <si>
    <t>79763349.0</t>
  </si>
  <si>
    <t>394772.0</t>
  </si>
  <si>
    <t>305565.0</t>
  </si>
  <si>
    <t>225836499.0</t>
  </si>
  <si>
    <t>85545084.0</t>
  </si>
  <si>
    <t>79786295.0</t>
  </si>
  <si>
    <t>185852.0</t>
  </si>
  <si>
    <t>315215.0</t>
  </si>
  <si>
    <t>65617.0</t>
  </si>
  <si>
    <t>85824349.0</t>
  </si>
  <si>
    <t>880.538</t>
  </si>
  <si>
    <t>360534.0</t>
  </si>
  <si>
    <t>410073.0</t>
  </si>
  <si>
    <t>459613.0</t>
  </si>
  <si>
    <t>228484003.0</t>
  </si>
  <si>
    <t>85986076.0</t>
  </si>
  <si>
    <t>509153.0</t>
  </si>
  <si>
    <t>229206194.0</t>
  </si>
  <si>
    <t>86060792.0</t>
  </si>
  <si>
    <t>564331.0</t>
  </si>
  <si>
    <t>91780.0</t>
  </si>
  <si>
    <t>229551802.0</t>
  </si>
  <si>
    <t>86088439.0</t>
  </si>
  <si>
    <t>345608.0</t>
  </si>
  <si>
    <t>557308.0</t>
  </si>
  <si>
    <t>229854734.0</t>
  </si>
  <si>
    <t>86109082.0</t>
  </si>
  <si>
    <t>302932.0</t>
  </si>
  <si>
    <t>574034.0</t>
  </si>
  <si>
    <t>80571.0</t>
  </si>
  <si>
    <t>230933469.0</t>
  </si>
  <si>
    <t>86238110.0</t>
  </si>
  <si>
    <t>1078735.0</t>
  </si>
  <si>
    <t>633585.0</t>
  </si>
  <si>
    <t>624209.0</t>
  </si>
  <si>
    <t>232125960.0</t>
  </si>
  <si>
    <t>86384303.0</t>
  </si>
  <si>
    <t>236.41</t>
  </si>
  <si>
    <t>232676319.0</t>
  </si>
  <si>
    <t>86438964.0</t>
  </si>
  <si>
    <t>550359.0</t>
  </si>
  <si>
    <t>598902.0</t>
  </si>
  <si>
    <t>236.97</t>
  </si>
  <si>
    <t>64698.0</t>
  </si>
  <si>
    <t>552293.0</t>
  </si>
  <si>
    <t>233468172.0</t>
  </si>
  <si>
    <t>86501993.0</t>
  </si>
  <si>
    <t>559481.0</t>
  </si>
  <si>
    <t>233534502.0</t>
  </si>
  <si>
    <t>86510260.0</t>
  </si>
  <si>
    <t>66330.0</t>
  </si>
  <si>
    <t>525681.0</t>
  </si>
  <si>
    <t>57311.0</t>
  </si>
  <si>
    <t>418808.0</t>
  </si>
  <si>
    <t>380862.0</t>
  </si>
  <si>
    <t>342916.0</t>
  </si>
  <si>
    <t>234856999.0</t>
  </si>
  <si>
    <t>86785069.0</t>
  </si>
  <si>
    <t>80185029.0</t>
  </si>
  <si>
    <t>239.19</t>
  </si>
  <si>
    <t>322554.0</t>
  </si>
  <si>
    <t>333583.0</t>
  </si>
  <si>
    <t>391697.0</t>
  </si>
  <si>
    <t>412055.0</t>
  </si>
  <si>
    <t>432412.0</t>
  </si>
  <si>
    <t>67191.0</t>
  </si>
  <si>
    <t>452770.0</t>
  </si>
  <si>
    <t>66586.0</t>
  </si>
  <si>
    <t>241480787.0</t>
  </si>
  <si>
    <t>87717272.0</t>
  </si>
  <si>
    <t>81040637.0</t>
  </si>
  <si>
    <t>245.94</t>
  </si>
  <si>
    <t>469270.0</t>
  </si>
  <si>
    <t>465411.0</t>
  </si>
  <si>
    <t>457695.0</t>
  </si>
  <si>
    <t>453837.0</t>
  </si>
  <si>
    <t>55572.0</t>
  </si>
  <si>
    <t>449979.0</t>
  </si>
  <si>
    <t>53369.0</t>
  </si>
  <si>
    <t>446120.0</t>
  </si>
  <si>
    <t>247726474.0</t>
  </si>
  <si>
    <t>88433596.0</t>
  </si>
  <si>
    <t>82004318.0</t>
  </si>
  <si>
    <t>440268.0</t>
  </si>
  <si>
    <t>428562.0</t>
  </si>
  <si>
    <t>54409.0</t>
  </si>
  <si>
    <t>422709.0</t>
  </si>
  <si>
    <t>55490.0</t>
  </si>
  <si>
    <t>416857.0</t>
  </si>
  <si>
    <t>411004.0</t>
  </si>
  <si>
    <t>405151.0</t>
  </si>
  <si>
    <t>253398589.0</t>
  </si>
  <si>
    <t>89255868.0</t>
  </si>
  <si>
    <t>82993225.0</t>
  </si>
  <si>
    <t>258.08</t>
  </si>
  <si>
    <t>387613.0</t>
  </si>
  <si>
    <t>370074.0</t>
  </si>
  <si>
    <t>334997.0</t>
  </si>
  <si>
    <t>317459.0</t>
  </si>
  <si>
    <t>299920.0</t>
  </si>
  <si>
    <t>257351937.0</t>
  </si>
  <si>
    <t>89618505.0</t>
  </si>
  <si>
    <t>83666271.0</t>
  </si>
  <si>
    <t>259838.0</t>
  </si>
  <si>
    <t>237294.0</t>
  </si>
  <si>
    <t>192205.0</t>
  </si>
  <si>
    <t>169661.0</t>
  </si>
  <si>
    <t>258223943.0</t>
  </si>
  <si>
    <t>89753472.0</t>
  </si>
  <si>
    <t>83849273.0</t>
  </si>
  <si>
    <t>124572.0</t>
  </si>
  <si>
    <t>262.99</t>
  </si>
  <si>
    <t>19112.0</t>
  </si>
  <si>
    <t>127859.0</t>
  </si>
  <si>
    <t>129502.0</t>
  </si>
  <si>
    <t>131146.0</t>
  </si>
  <si>
    <t>132789.0</t>
  </si>
  <si>
    <t>134432.0</t>
  </si>
  <si>
    <t>259176472.0</t>
  </si>
  <si>
    <t>89880152.0</t>
  </si>
  <si>
    <t>84072281.0</t>
  </si>
  <si>
    <t>136076.0</t>
  </si>
  <si>
    <t>263.96</t>
  </si>
  <si>
    <t>129248.0</t>
  </si>
  <si>
    <t>122421.0</t>
  </si>
  <si>
    <t>101938.0</t>
  </si>
  <si>
    <t>95110.0</t>
  </si>
  <si>
    <t>259794452.0</t>
  </si>
  <si>
    <t>89975153.0</t>
  </si>
  <si>
    <t>84234230.0</t>
  </si>
  <si>
    <t>88283.0</t>
  </si>
  <si>
    <t>264.59</t>
  </si>
  <si>
    <t>260210114.0</t>
  </si>
  <si>
    <t>84374202.0</t>
  </si>
  <si>
    <t>265.02</t>
  </si>
  <si>
    <t>260246761.0</t>
  </si>
  <si>
    <t>84389728.0</t>
  </si>
  <si>
    <t>260375471.0</t>
  </si>
  <si>
    <t>90028108.0</t>
  </si>
  <si>
    <t>84393196.0</t>
  </si>
  <si>
    <t>41050.0</t>
  </si>
  <si>
    <t>75045.0</t>
  </si>
  <si>
    <t>86377.0</t>
  </si>
  <si>
    <t>261059430.0</t>
  </si>
  <si>
    <t>90044496.0</t>
  </si>
  <si>
    <t>84433722.0</t>
  </si>
  <si>
    <t>56250109.0</t>
  </si>
  <si>
    <t>97708.0</t>
  </si>
  <si>
    <t>93677.0</t>
  </si>
  <si>
    <t>91662.0</t>
  </si>
  <si>
    <t>261694006.0</t>
  </si>
  <si>
    <t>90063216.0</t>
  </si>
  <si>
    <t>84448184.0</t>
  </si>
  <si>
    <t>56525745.0</t>
  </si>
  <si>
    <t>90654.0</t>
  </si>
  <si>
    <t>266.53</t>
  </si>
  <si>
    <t>78900.0</t>
  </si>
  <si>
    <t>262184598.0</t>
  </si>
  <si>
    <t>90067653.0</t>
  </si>
  <si>
    <t>84467885.0</t>
  </si>
  <si>
    <t>56731860.0</t>
  </si>
  <si>
    <t>267.03</t>
  </si>
  <si>
    <t>66251.0</t>
  </si>
  <si>
    <t>64973.0</t>
  </si>
  <si>
    <t>61139.0</t>
  </si>
  <si>
    <t>263040545.0</t>
  </si>
  <si>
    <t>90156999.0</t>
  </si>
  <si>
    <t>84690714.0</t>
  </si>
  <si>
    <t>56988856.0</t>
  </si>
  <si>
    <t>83775.0</t>
  </si>
  <si>
    <t>98865.0</t>
  </si>
  <si>
    <t>106410.0</t>
  </si>
  <si>
    <t>113955.0</t>
  </si>
  <si>
    <t>264635919.0</t>
  </si>
  <si>
    <t>90349305.0</t>
  </si>
  <si>
    <t>85239151.0</t>
  </si>
  <si>
    <t>57360122.0</t>
  </si>
  <si>
    <t>68363.0</t>
  </si>
  <si>
    <t>56964.0</t>
  </si>
  <si>
    <t>34168.0</t>
  </si>
  <si>
    <t>265114272.0</t>
  </si>
  <si>
    <t>90399369.0</t>
  </si>
  <si>
    <t>85553108.0</t>
  </si>
  <si>
    <t>57426889.0</t>
  </si>
  <si>
    <t>OWID_WLS</t>
  </si>
  <si>
    <t>Wales</t>
  </si>
  <si>
    <t>86118.0</t>
  </si>
  <si>
    <t>91336.0</t>
  </si>
  <si>
    <t>91239.0</t>
  </si>
  <si>
    <t>101479.0</t>
  </si>
  <si>
    <t>101371.0</t>
  </si>
  <si>
    <t>126504.0</t>
  </si>
  <si>
    <t>151938.0</t>
  </si>
  <si>
    <t>161932.0</t>
  </si>
  <si>
    <t>175816.0</t>
  </si>
  <si>
    <t>190831.0</t>
  </si>
  <si>
    <t>190435.0</t>
  </si>
  <si>
    <t>212732.0</t>
  </si>
  <si>
    <t>241016.0</t>
  </si>
  <si>
    <t>240547.0</t>
  </si>
  <si>
    <t>265054.0</t>
  </si>
  <si>
    <t>264538.0</t>
  </si>
  <si>
    <t>271376.0</t>
  </si>
  <si>
    <t>270833.0</t>
  </si>
  <si>
    <t>290147.0</t>
  </si>
  <si>
    <t>312944.0</t>
  </si>
  <si>
    <t>312305.0</t>
  </si>
  <si>
    <t>362970.0</t>
  </si>
  <si>
    <t>362253.0</t>
  </si>
  <si>
    <t>378200.0</t>
  </si>
  <si>
    <t>404249.0</t>
  </si>
  <si>
    <t>403463.0</t>
  </si>
  <si>
    <t>417147.0</t>
  </si>
  <si>
    <t>416306.0</t>
  </si>
  <si>
    <t>440706.0</t>
  </si>
  <si>
    <t>439640.0</t>
  </si>
  <si>
    <t>463657.0</t>
  </si>
  <si>
    <t>462497.0</t>
  </si>
  <si>
    <t>491786.0</t>
  </si>
  <si>
    <t>490570.0</t>
  </si>
  <si>
    <t>523042.0</t>
  </si>
  <si>
    <t>559468.0</t>
  </si>
  <si>
    <t>556997.0</t>
  </si>
  <si>
    <t>589622.0</t>
  </si>
  <si>
    <t>606768.0</t>
  </si>
  <si>
    <t>603976.0</t>
  </si>
  <si>
    <t>632251.0</t>
  </si>
  <si>
    <t>628760.0</t>
  </si>
  <si>
    <t>659106.0</t>
  </si>
  <si>
    <t>655419.0</t>
  </si>
  <si>
    <t>687892.0</t>
  </si>
  <si>
    <t>719954.0</t>
  </si>
  <si>
    <t>715944.0</t>
  </si>
  <si>
    <t>753669.0</t>
  </si>
  <si>
    <t>749445.0</t>
  </si>
  <si>
    <t>33715.0</t>
  </si>
  <si>
    <t>776224.0</t>
  </si>
  <si>
    <t>771651.0</t>
  </si>
  <si>
    <t>803178.0</t>
  </si>
  <si>
    <t>795927.0</t>
  </si>
  <si>
    <t>820339.0</t>
  </si>
  <si>
    <t>807351.0</t>
  </si>
  <si>
    <t>841975.0</t>
  </si>
  <si>
    <t>822633.0</t>
  </si>
  <si>
    <t>864498.0</t>
  </si>
  <si>
    <t>839065.0</t>
  </si>
  <si>
    <t>885906.0</t>
  </si>
  <si>
    <t>853904.0</t>
  </si>
  <si>
    <t>897856.0</t>
  </si>
  <si>
    <t>860083.0</t>
  </si>
  <si>
    <t>905000.0</t>
  </si>
  <si>
    <t>919382.0</t>
  </si>
  <si>
    <t>869653.0</t>
  </si>
  <si>
    <t>937785.0</t>
  </si>
  <si>
    <t>878506.0</t>
  </si>
  <si>
    <t>959121.0</t>
  </si>
  <si>
    <t>889270.0</t>
  </si>
  <si>
    <t>69851.0</t>
  </si>
  <si>
    <t>982396.0</t>
  </si>
  <si>
    <t>902334.0</t>
  </si>
  <si>
    <t>1005389.0</t>
  </si>
  <si>
    <t>916336.0</t>
  </si>
  <si>
    <t>89053.0</t>
  </si>
  <si>
    <t>1020023.0</t>
  </si>
  <si>
    <t>923615.0</t>
  </si>
  <si>
    <t>1029488.0</t>
  </si>
  <si>
    <t>925669.0</t>
  </si>
  <si>
    <t>103819.0</t>
  </si>
  <si>
    <t>1045201.0</t>
  </si>
  <si>
    <t>933485.0</t>
  </si>
  <si>
    <t>111716.0</t>
  </si>
  <si>
    <t>1066798.0</t>
  </si>
  <si>
    <t>124781.0</t>
  </si>
  <si>
    <t>1090985.0</t>
  </si>
  <si>
    <t>951540.0</t>
  </si>
  <si>
    <t>1121861.0</t>
  </si>
  <si>
    <t>967042.0</t>
  </si>
  <si>
    <t>154819.0</t>
  </si>
  <si>
    <t>1151582.0</t>
  </si>
  <si>
    <t>983419.0</t>
  </si>
  <si>
    <t>168163.0</t>
  </si>
  <si>
    <t>1171113.0</t>
  </si>
  <si>
    <t>995059.0</t>
  </si>
  <si>
    <t>1182035.0</t>
  </si>
  <si>
    <t>998296.0</t>
  </si>
  <si>
    <t>1199421.0</t>
  </si>
  <si>
    <t>1007391.0</t>
  </si>
  <si>
    <t>192030.0</t>
  </si>
  <si>
    <t>1225604.0</t>
  </si>
  <si>
    <t>1019210.0</t>
  </si>
  <si>
    <t>206394.0</t>
  </si>
  <si>
    <t>1256043.0</t>
  </si>
  <si>
    <t>1034141.0</t>
  </si>
  <si>
    <t>1294144.0</t>
  </si>
  <si>
    <t>1056787.0</t>
  </si>
  <si>
    <t>237357.0</t>
  </si>
  <si>
    <t>38101.0</t>
  </si>
  <si>
    <t>1334355.0</t>
  </si>
  <si>
    <t>1084329.0</t>
  </si>
  <si>
    <t>250026.0</t>
  </si>
  <si>
    <t>1370896.0</t>
  </si>
  <si>
    <t>1113498.0</t>
  </si>
  <si>
    <t>257398.0</t>
  </si>
  <si>
    <t>1387186.0</t>
  </si>
  <si>
    <t>1122931.0</t>
  </si>
  <si>
    <t>264255.0</t>
  </si>
  <si>
    <t>1412849.0</t>
  </si>
  <si>
    <t>1139866.0</t>
  </si>
  <si>
    <t>272983.0</t>
  </si>
  <si>
    <t>1446436.0</t>
  </si>
  <si>
    <t>1157251.0</t>
  </si>
  <si>
    <t>289185.0</t>
  </si>
  <si>
    <t>1484566.0</t>
  </si>
  <si>
    <t>1180155.0</t>
  </si>
  <si>
    <t>304411.0</t>
  </si>
  <si>
    <t>1523077.0</t>
  </si>
  <si>
    <t>1204101.0</t>
  </si>
  <si>
    <t>318976.0</t>
  </si>
  <si>
    <t>1561360.0</t>
  </si>
  <si>
    <t>1231830.0</t>
  </si>
  <si>
    <t>329530.0</t>
  </si>
  <si>
    <t>1597728.0</t>
  </si>
  <si>
    <t>1258769.0</t>
  </si>
  <si>
    <t>338959.0</t>
  </si>
  <si>
    <t>1619244.0</t>
  </si>
  <si>
    <t>1273186.0</t>
  </si>
  <si>
    <t>346058.0</t>
  </si>
  <si>
    <t>1641597.0</t>
  </si>
  <si>
    <t>1288250.0</t>
  </si>
  <si>
    <t>353347.0</t>
  </si>
  <si>
    <t>1669777.0</t>
  </si>
  <si>
    <t>1302974.0</t>
  </si>
  <si>
    <t>366803.0</t>
  </si>
  <si>
    <t>1698983.0</t>
  </si>
  <si>
    <t>1320188.0</t>
  </si>
  <si>
    <t>378795.0</t>
  </si>
  <si>
    <t>1731283.0</t>
  </si>
  <si>
    <t>1341620.0</t>
  </si>
  <si>
    <t>389663.0</t>
  </si>
  <si>
    <t>29744.0</t>
  </si>
  <si>
    <t>1766098.0</t>
  </si>
  <si>
    <t>1365355.0</t>
  </si>
  <si>
    <t>1800246.0</t>
  </si>
  <si>
    <t>1387583.0</t>
  </si>
  <si>
    <t>412663.0</t>
  </si>
  <si>
    <t>34148.0</t>
  </si>
  <si>
    <t>28931.0</t>
  </si>
  <si>
    <t>1817612.0</t>
  </si>
  <si>
    <t>1400750.0</t>
  </si>
  <si>
    <t>416862.0</t>
  </si>
  <si>
    <t>1837726.0</t>
  </si>
  <si>
    <t>1413710.0</t>
  </si>
  <si>
    <t>424016.0</t>
  </si>
  <si>
    <t>1865120.0</t>
  </si>
  <si>
    <t>1427183.0</t>
  </si>
  <si>
    <t>437937.0</t>
  </si>
  <si>
    <t>1893423.0</t>
  </si>
  <si>
    <t>1443885.0</t>
  </si>
  <si>
    <t>449538.0</t>
  </si>
  <si>
    <t>1920657.0</t>
  </si>
  <si>
    <t>1460880.0</t>
  </si>
  <si>
    <t>459777.0</t>
  </si>
  <si>
    <t>1936088.0</t>
  </si>
  <si>
    <t>1472643.0</t>
  </si>
  <si>
    <t>463445.0</t>
  </si>
  <si>
    <t>1949319.0</t>
  </si>
  <si>
    <t>1483201.0</t>
  </si>
  <si>
    <t>1958055.0</t>
  </si>
  <si>
    <t>1490372.0</t>
  </si>
  <si>
    <t>467683.0</t>
  </si>
  <si>
    <t>1962443.0</t>
  </si>
  <si>
    <t>1493192.0</t>
  </si>
  <si>
    <t>469251.0</t>
  </si>
  <si>
    <t>1978211.0</t>
  </si>
  <si>
    <t>1502641.0</t>
  </si>
  <si>
    <t>475570.0</t>
  </si>
  <si>
    <t>2004499.0</t>
  </si>
  <si>
    <t>1519760.0</t>
  </si>
  <si>
    <t>484739.0</t>
  </si>
  <si>
    <t>2035440.0</t>
  </si>
  <si>
    <t>1537122.0</t>
  </si>
  <si>
    <t>498318.0</t>
  </si>
  <si>
    <t>2065794.0</t>
  </si>
  <si>
    <t>1556316.0</t>
  </si>
  <si>
    <t>509478.0</t>
  </si>
  <si>
    <t>2097929.0</t>
  </si>
  <si>
    <t>1572752.0</t>
  </si>
  <si>
    <t>525177.0</t>
  </si>
  <si>
    <t>2116050.0</t>
  </si>
  <si>
    <t>1587851.0</t>
  </si>
  <si>
    <t>528199.0</t>
  </si>
  <si>
    <t>2140134.0</t>
  </si>
  <si>
    <t>1602939.0</t>
  </si>
  <si>
    <t>537195.0</t>
  </si>
  <si>
    <t>2170475.0</t>
  </si>
  <si>
    <t>1621282.0</t>
  </si>
  <si>
    <t>549193.0</t>
  </si>
  <si>
    <t>2199933.0</t>
  </si>
  <si>
    <t>1640045.0</t>
  </si>
  <si>
    <t>559888.0</t>
  </si>
  <si>
    <t>2231618.0</t>
  </si>
  <si>
    <t>1657028.0</t>
  </si>
  <si>
    <t>574590.0</t>
  </si>
  <si>
    <t>2262112.0</t>
  </si>
  <si>
    <t>1673279.0</t>
  </si>
  <si>
    <t>588833.0</t>
  </si>
  <si>
    <t>16709.0</t>
  </si>
  <si>
    <t>2286756.0</t>
  </si>
  <si>
    <t>1685298.0</t>
  </si>
  <si>
    <t>601458.0</t>
  </si>
  <si>
    <t>2295270.0</t>
  </si>
  <si>
    <t>1692463.0</t>
  </si>
  <si>
    <t>2309974.0</t>
  </si>
  <si>
    <t>1699092.0</t>
  </si>
  <si>
    <t>610882.0</t>
  </si>
  <si>
    <t>2334885.0</t>
  </si>
  <si>
    <t>1712372.0</t>
  </si>
  <si>
    <t>622513.0</t>
  </si>
  <si>
    <t>2363110.0</t>
  </si>
  <si>
    <t>1727455.0</t>
  </si>
  <si>
    <t>2395810.0</t>
  </si>
  <si>
    <t>1742273.0</t>
  </si>
  <si>
    <t>653537.0</t>
  </si>
  <si>
    <t>2428519.0</t>
  </si>
  <si>
    <t>1758106.0</t>
  </si>
  <si>
    <t>670413.0</t>
  </si>
  <si>
    <t>2455634.0</t>
  </si>
  <si>
    <t>1768585.0</t>
  </si>
  <si>
    <t>687049.0</t>
  </si>
  <si>
    <t>2466909.0</t>
  </si>
  <si>
    <t>1777375.0</t>
  </si>
  <si>
    <t>689534.0</t>
  </si>
  <si>
    <t>2486446.0</t>
  </si>
  <si>
    <t>1785347.0</t>
  </si>
  <si>
    <t>701099.0</t>
  </si>
  <si>
    <t>2515853.0</t>
  </si>
  <si>
    <t>1800428.0</t>
  </si>
  <si>
    <t>715425.0</t>
  </si>
  <si>
    <t>29407.0</t>
  </si>
  <si>
    <t>2549094.0</t>
  </si>
  <si>
    <t>1816451.0</t>
  </si>
  <si>
    <t>732643.0</t>
  </si>
  <si>
    <t>2579664.0</t>
  </si>
  <si>
    <t>1830964.0</t>
  </si>
  <si>
    <t>748700.0</t>
  </si>
  <si>
    <t>2611925.0</t>
  </si>
  <si>
    <t>1846896.0</t>
  </si>
  <si>
    <t>765029.0</t>
  </si>
  <si>
    <t>2624406.0</t>
  </si>
  <si>
    <t>1854687.0</t>
  </si>
  <si>
    <t>769719.0</t>
  </si>
  <si>
    <t>2632669.0</t>
  </si>
  <si>
    <t>1861391.0</t>
  </si>
  <si>
    <t>771278.0</t>
  </si>
  <si>
    <t>2636927.0</t>
  </si>
  <si>
    <t>1864400.0</t>
  </si>
  <si>
    <t>772527.0</t>
  </si>
  <si>
    <t>2656272.0</t>
  </si>
  <si>
    <t>1873152.0</t>
  </si>
  <si>
    <t>783120.0</t>
  </si>
  <si>
    <t>2683297.0</t>
  </si>
  <si>
    <t>1884372.0</t>
  </si>
  <si>
    <t>798925.0</t>
  </si>
  <si>
    <t>2711041.0</t>
  </si>
  <si>
    <t>1895998.0</t>
  </si>
  <si>
    <t>815043.0</t>
  </si>
  <si>
    <t>2740808.0</t>
  </si>
  <si>
    <t>1909659.0</t>
  </si>
  <si>
    <t>831149.0</t>
  </si>
  <si>
    <t>2764928.0</t>
  </si>
  <si>
    <t>1922881.0</t>
  </si>
  <si>
    <t>842047.0</t>
  </si>
  <si>
    <t>2781183.0</t>
  </si>
  <si>
    <t>1935003.0</t>
  </si>
  <si>
    <t>846180.0</t>
  </si>
  <si>
    <t>2803124.0</t>
  </si>
  <si>
    <t>1948683.0</t>
  </si>
  <si>
    <t>854441.0</t>
  </si>
  <si>
    <t>2825139.0</t>
  </si>
  <si>
    <t>1961670.0</t>
  </si>
  <si>
    <t>2853576.0</t>
  </si>
  <si>
    <t>1975820.0</t>
  </si>
  <si>
    <t>877756.0</t>
  </si>
  <si>
    <t>2882352.0</t>
  </si>
  <si>
    <t>1990783.0</t>
  </si>
  <si>
    <t>891569.0</t>
  </si>
  <si>
    <t>2911799.0</t>
  </si>
  <si>
    <t>2005939.0</t>
  </si>
  <si>
    <t>905860.0</t>
  </si>
  <si>
    <t>29447.0</t>
  </si>
  <si>
    <t>2934834.0</t>
  </si>
  <si>
    <t>2019160.0</t>
  </si>
  <si>
    <t>915674.0</t>
  </si>
  <si>
    <t>2945234.0</t>
  </si>
  <si>
    <t>2027803.0</t>
  </si>
  <si>
    <t>917431.0</t>
  </si>
  <si>
    <t>2963120.0</t>
  </si>
  <si>
    <t>2035905.0</t>
  </si>
  <si>
    <t>927215.0</t>
  </si>
  <si>
    <t>2985083.0</t>
  </si>
  <si>
    <t>2046011.0</t>
  </si>
  <si>
    <t>939072.0</t>
  </si>
  <si>
    <t>3010574.0</t>
  </si>
  <si>
    <t>2058106.0</t>
  </si>
  <si>
    <t>952468.0</t>
  </si>
  <si>
    <t>3039371.0</t>
  </si>
  <si>
    <t>2069689.0</t>
  </si>
  <si>
    <t>969682.0</t>
  </si>
  <si>
    <t>3065687.0</t>
  </si>
  <si>
    <t>2081036.0</t>
  </si>
  <si>
    <t>984651.0</t>
  </si>
  <si>
    <t>3092530.0</t>
  </si>
  <si>
    <t>2091824.0</t>
  </si>
  <si>
    <t>1000706.0</t>
  </si>
  <si>
    <t>3102945.0</t>
  </si>
  <si>
    <t>2099263.0</t>
  </si>
  <si>
    <t>1003682.0</t>
  </si>
  <si>
    <t>3124549.0</t>
  </si>
  <si>
    <t>2105319.0</t>
  </si>
  <si>
    <t>1019230.0</t>
  </si>
  <si>
    <t>3150396.0</t>
  </si>
  <si>
    <t>2112647.0</t>
  </si>
  <si>
    <t>1037749.0</t>
  </si>
  <si>
    <t>3178513.0</t>
  </si>
  <si>
    <t>2120049.0</t>
  </si>
  <si>
    <t>1058464.0</t>
  </si>
  <si>
    <t>3209225.0</t>
  </si>
  <si>
    <t>2128063.0</t>
  </si>
  <si>
    <t>1081162.0</t>
  </si>
  <si>
    <t>3238108.0</t>
  </si>
  <si>
    <t>2135359.0</t>
  </si>
  <si>
    <t>1102749.0</t>
  </si>
  <si>
    <t>28883.0</t>
  </si>
  <si>
    <t>3253356.0</t>
  </si>
  <si>
    <t>2141427.0</t>
  </si>
  <si>
    <t>1111929.0</t>
  </si>
  <si>
    <t>3260040.0</t>
  </si>
  <si>
    <t>2146071.0</t>
  </si>
  <si>
    <t>1113969.0</t>
  </si>
  <si>
    <t>3265670.0</t>
  </si>
  <si>
    <t>2147274.0</t>
  </si>
  <si>
    <t>20160.0</t>
  </si>
  <si>
    <t>3290821.0</t>
  </si>
  <si>
    <t>2152709.0</t>
  </si>
  <si>
    <t>1138112.0</t>
  </si>
  <si>
    <t>3318932.0</t>
  </si>
  <si>
    <t>2161028.0</t>
  </si>
  <si>
    <t>1157904.0</t>
  </si>
  <si>
    <t>3350883.0</t>
  </si>
  <si>
    <t>2169624.0</t>
  </si>
  <si>
    <t>1181259.0</t>
  </si>
  <si>
    <t>3383612.0</t>
  </si>
  <si>
    <t>2175013.0</t>
  </si>
  <si>
    <t>1208599.0</t>
  </si>
  <si>
    <t>3416953.0</t>
  </si>
  <si>
    <t>2179830.0</t>
  </si>
  <si>
    <t>1237123.0</t>
  </si>
  <si>
    <t>3432723.0</t>
  </si>
  <si>
    <t>2183455.0</t>
  </si>
  <si>
    <t>1249268.0</t>
  </si>
  <si>
    <t>108.29</t>
  </si>
  <si>
    <t>3456033.0</t>
  </si>
  <si>
    <t>2185427.0</t>
  </si>
  <si>
    <t>1270606.0</t>
  </si>
  <si>
    <t>3482159.0</t>
  </si>
  <si>
    <t>2190460.0</t>
  </si>
  <si>
    <t>1291699.0</t>
  </si>
  <si>
    <t>3509853.0</t>
  </si>
  <si>
    <t>2195485.0</t>
  </si>
  <si>
    <t>1314368.0</t>
  </si>
  <si>
    <t>3538144.0</t>
  </si>
  <si>
    <t>2201665.0</t>
  </si>
  <si>
    <t>1336479.0</t>
  </si>
  <si>
    <t>3565508.0</t>
  </si>
  <si>
    <t>2207350.0</t>
  </si>
  <si>
    <t>1358158.0</t>
  </si>
  <si>
    <t>3591060.0</t>
  </si>
  <si>
    <t>2213050.0</t>
  </si>
  <si>
    <t>1378010.0</t>
  </si>
  <si>
    <t>3600704.0</t>
  </si>
  <si>
    <t>2216031.0</t>
  </si>
  <si>
    <t>1384673.0</t>
  </si>
  <si>
    <t>3629027.0</t>
  </si>
  <si>
    <t>2218103.0</t>
  </si>
  <si>
    <t>1410924.0</t>
  </si>
  <si>
    <t>3654482.0</t>
  </si>
  <si>
    <t>2222281.0</t>
  </si>
  <si>
    <t>1432201.0</t>
  </si>
  <si>
    <t>25455.0</t>
  </si>
  <si>
    <t>3679563.0</t>
  </si>
  <si>
    <t>2225499.0</t>
  </si>
  <si>
    <t>1454064.0</t>
  </si>
  <si>
    <t>3702459.0</t>
  </si>
  <si>
    <t>2228532.0</t>
  </si>
  <si>
    <t>1473927.0</t>
  </si>
  <si>
    <t>3723782.0</t>
  </si>
  <si>
    <t>2233036.0</t>
  </si>
  <si>
    <t>1490746.0</t>
  </si>
  <si>
    <t>3745235.0</t>
  </si>
  <si>
    <t>2236091.0</t>
  </si>
  <si>
    <t>1509144.0</t>
  </si>
  <si>
    <t>3755314.0</t>
  </si>
  <si>
    <t>2237710.0</t>
  </si>
  <si>
    <t>1517604.0</t>
  </si>
  <si>
    <t>3773644.0</t>
  </si>
  <si>
    <t>2239271.0</t>
  </si>
  <si>
    <t>1534373.0</t>
  </si>
  <si>
    <t>3795573.0</t>
  </si>
  <si>
    <t>2242482.0</t>
  </si>
  <si>
    <t>1553091.0</t>
  </si>
  <si>
    <t>3817594.0</t>
  </si>
  <si>
    <t>2245884.0</t>
  </si>
  <si>
    <t>1571710.0</t>
  </si>
  <si>
    <t>3839334.0</t>
  </si>
  <si>
    <t>2248012.0</t>
  </si>
  <si>
    <t>1591322.0</t>
  </si>
  <si>
    <t>3857911.0</t>
  </si>
  <si>
    <t>2250126.0</t>
  </si>
  <si>
    <t>1607785.0</t>
  </si>
  <si>
    <t>3870746.0</t>
  </si>
  <si>
    <t>2252270.0</t>
  </si>
  <si>
    <t>1618476.0</t>
  </si>
  <si>
    <t>3880456.0</t>
  </si>
  <si>
    <t>2253214.0</t>
  </si>
  <si>
    <t>1627242.0</t>
  </si>
  <si>
    <t>3897827.0</t>
  </si>
  <si>
    <t>2255039.0</t>
  </si>
  <si>
    <t>1642788.0</t>
  </si>
  <si>
    <t>3917491.0</t>
  </si>
  <si>
    <t>2257737.0</t>
  </si>
  <si>
    <t>1659754.0</t>
  </si>
  <si>
    <t>17417.0</t>
  </si>
  <si>
    <t>3937360.0</t>
  </si>
  <si>
    <t>2259622.0</t>
  </si>
  <si>
    <t>1677738.0</t>
  </si>
  <si>
    <t>3956875.0</t>
  </si>
  <si>
    <t>2261056.0</t>
  </si>
  <si>
    <t>1695819.0</t>
  </si>
  <si>
    <t>3974818.0</t>
  </si>
  <si>
    <t>2262284.0</t>
  </si>
  <si>
    <t>1712534.0</t>
  </si>
  <si>
    <t>3987599.0</t>
  </si>
  <si>
    <t>2263775.0</t>
  </si>
  <si>
    <t>1723824.0</t>
  </si>
  <si>
    <t>3995606.0</t>
  </si>
  <si>
    <t>2264974.0</t>
  </si>
  <si>
    <t>1730632.0</t>
  </si>
  <si>
    <t>4012192.0</t>
  </si>
  <si>
    <t>2266056.0</t>
  </si>
  <si>
    <t>1746136.0</t>
  </si>
  <si>
    <t>4032280.0</t>
  </si>
  <si>
    <t>2267640.0</t>
  </si>
  <si>
    <t>1764640.0</t>
  </si>
  <si>
    <t>4052210.0</t>
  </si>
  <si>
    <t>2269131.0</t>
  </si>
  <si>
    <t>1783079.0</t>
  </si>
  <si>
    <t>4068777.0</t>
  </si>
  <si>
    <t>2270517.0</t>
  </si>
  <si>
    <t>1798260.0</t>
  </si>
  <si>
    <t>4082121.0</t>
  </si>
  <si>
    <t>2271925.0</t>
  </si>
  <si>
    <t>1810196.0</t>
  </si>
  <si>
    <t>4098728.0</t>
  </si>
  <si>
    <t>2273561.0</t>
  </si>
  <si>
    <t>1825167.0</t>
  </si>
  <si>
    <t>4106971.0</t>
  </si>
  <si>
    <t>2274421.0</t>
  </si>
  <si>
    <t>1832550.0</t>
  </si>
  <si>
    <t>4121807.0</t>
  </si>
  <si>
    <t>2275764.0</t>
  </si>
  <si>
    <t>1846043.0</t>
  </si>
  <si>
    <t>4138755.0</t>
  </si>
  <si>
    <t>2277055.0</t>
  </si>
  <si>
    <t>1861700.0</t>
  </si>
  <si>
    <t>4154913.0</t>
  </si>
  <si>
    <t>2278204.0</t>
  </si>
  <si>
    <t>1876709.0</t>
  </si>
  <si>
    <t>4171221.0</t>
  </si>
  <si>
    <t>2279139.0</t>
  </si>
  <si>
    <t>1892082.0</t>
  </si>
  <si>
    <t>4186094.0</t>
  </si>
  <si>
    <t>2280674.0</t>
  </si>
  <si>
    <t>1905420.0</t>
  </si>
  <si>
    <t>4199989.0</t>
  </si>
  <si>
    <t>2281644.0</t>
  </si>
  <si>
    <t>1918345.0</t>
  </si>
  <si>
    <t>4207494.0</t>
  </si>
  <si>
    <t>2282410.0</t>
  </si>
  <si>
    <t>1925084.0</t>
  </si>
  <si>
    <t>132.73</t>
  </si>
  <si>
    <t>4216656.0</t>
  </si>
  <si>
    <t>2282992.0</t>
  </si>
  <si>
    <t>1933664.0</t>
  </si>
  <si>
    <t>4230591.0</t>
  </si>
  <si>
    <t>2284065.0</t>
  </si>
  <si>
    <t>1946526.0</t>
  </si>
  <si>
    <t>4244759.0</t>
  </si>
  <si>
    <t>2285118.0</t>
  </si>
  <si>
    <t>1959641.0</t>
  </si>
  <si>
    <t>4259350.0</t>
  </si>
  <si>
    <t>2286154.0</t>
  </si>
  <si>
    <t>1973196.0</t>
  </si>
  <si>
    <t>4272058.0</t>
  </si>
  <si>
    <t>2287011.0</t>
  </si>
  <si>
    <t>1985047.0</t>
  </si>
  <si>
    <t>4282035.0</t>
  </si>
  <si>
    <t>2288219.0</t>
  </si>
  <si>
    <t>1993816.0</t>
  </si>
  <si>
    <t>2289142.0</t>
  </si>
  <si>
    <t>2002162.0</t>
  </si>
  <si>
    <t>4303341.0</t>
  </si>
  <si>
    <t>2290213.0</t>
  </si>
  <si>
    <t>2013128.0</t>
  </si>
  <si>
    <t>4315151.0</t>
  </si>
  <si>
    <t>2291418.0</t>
  </si>
  <si>
    <t>2023733.0</t>
  </si>
  <si>
    <t>4329242.0</t>
  </si>
  <si>
    <t>2292572.0</t>
  </si>
  <si>
    <t>2036670.0</t>
  </si>
  <si>
    <t>4341543.0</t>
  </si>
  <si>
    <t>2293927.0</t>
  </si>
  <si>
    <t>2047616.0</t>
  </si>
  <si>
    <t>4349512.0</t>
  </si>
  <si>
    <t>2294916.0</t>
  </si>
  <si>
    <t>2054596.0</t>
  </si>
  <si>
    <t>4358325.0</t>
  </si>
  <si>
    <t>2295923.0</t>
  </si>
  <si>
    <t>2062402.0</t>
  </si>
  <si>
    <t>4362959.0</t>
  </si>
  <si>
    <t>2296517.0</t>
  </si>
  <si>
    <t>2066442.0</t>
  </si>
  <si>
    <t>4371394.0</t>
  </si>
  <si>
    <t>2297398.0</t>
  </si>
  <si>
    <t>2073996.0</t>
  </si>
  <si>
    <t>4381730.0</t>
  </si>
  <si>
    <t>2298387.0</t>
  </si>
  <si>
    <t>2083343.0</t>
  </si>
  <si>
    <t>4391307.0</t>
  </si>
  <si>
    <t>2299204.0</t>
  </si>
  <si>
    <t>2092103.0</t>
  </si>
  <si>
    <t>4399761.0</t>
  </si>
  <si>
    <t>2300137.0</t>
  </si>
  <si>
    <t>2099624.0</t>
  </si>
  <si>
    <t>4406601.0</t>
  </si>
  <si>
    <t>2301448.0</t>
  </si>
  <si>
    <t>2105153.0</t>
  </si>
  <si>
    <t>4414285.0</t>
  </si>
  <si>
    <t>2302997.0</t>
  </si>
  <si>
    <t>2111288.0</t>
  </si>
  <si>
    <t>4419748.0</t>
  </si>
  <si>
    <t>2304271.0</t>
  </si>
  <si>
    <t>2115477.0</t>
  </si>
  <si>
    <t>4424269.0</t>
  </si>
  <si>
    <t>2305562.0</t>
  </si>
  <si>
    <t>2118707.0</t>
  </si>
  <si>
    <t>4430663.0</t>
  </si>
  <si>
    <t>2307504.0</t>
  </si>
  <si>
    <t>2123159.0</t>
  </si>
  <si>
    <t>4437336.0</t>
  </si>
  <si>
    <t>2309415.0</t>
  </si>
  <si>
    <t>2127921.0</t>
  </si>
  <si>
    <t>4443014.0</t>
  </si>
  <si>
    <t>2310898.0</t>
  </si>
  <si>
    <t>2132116.0</t>
  </si>
  <si>
    <t>4449090.0</t>
  </si>
  <si>
    <t>2312341.0</t>
  </si>
  <si>
    <t>2136749.0</t>
  </si>
  <si>
    <t>4454567.0</t>
  </si>
  <si>
    <t>2313528.0</t>
  </si>
  <si>
    <t>2141039.0</t>
  </si>
  <si>
    <t>140.52</t>
  </si>
  <si>
    <t>4458832.0</t>
  </si>
  <si>
    <t>2314713.0</t>
  </si>
  <si>
    <t>2144119.0</t>
  </si>
  <si>
    <t>4463059.0</t>
  </si>
  <si>
    <t>2316668.0</t>
  </si>
  <si>
    <t>2146391.0</t>
  </si>
  <si>
    <t>4470306.0</t>
  </si>
  <si>
    <t>2320165.0</t>
  </si>
  <si>
    <t>2150141.0</t>
  </si>
  <si>
    <t>4476942.0</t>
  </si>
  <si>
    <t>2323425.0</t>
  </si>
  <si>
    <t>2153517.0</t>
  </si>
  <si>
    <t>4483833.0</t>
  </si>
  <si>
    <t>2327180.0</t>
  </si>
  <si>
    <t>4490373.0</t>
  </si>
  <si>
    <t>2330776.0</t>
  </si>
  <si>
    <t>2159597.0</t>
  </si>
  <si>
    <t>141.65</t>
  </si>
  <si>
    <t>4496930.0</t>
  </si>
  <si>
    <t>2334512.0</t>
  </si>
  <si>
    <t>2162418.0</t>
  </si>
  <si>
    <t>4500692.0</t>
  </si>
  <si>
    <t>2335573.0</t>
  </si>
  <si>
    <t>2165119.0</t>
  </si>
  <si>
    <t>4505822.0</t>
  </si>
  <si>
    <t>2339253.0</t>
  </si>
  <si>
    <t>2166569.0</t>
  </si>
  <si>
    <t>4512729.0</t>
  </si>
  <si>
    <t>2343371.0</t>
  </si>
  <si>
    <t>2169358.0</t>
  </si>
  <si>
    <t>4518499.0</t>
  </si>
  <si>
    <t>2347000.0</t>
  </si>
  <si>
    <t>2171499.0</t>
  </si>
  <si>
    <t>4524205.0</t>
  </si>
  <si>
    <t>2349268.0</t>
  </si>
  <si>
    <t>2174937.0</t>
  </si>
  <si>
    <t>4529190.0</t>
  </si>
  <si>
    <t>2351045.0</t>
  </si>
  <si>
    <t>2178145.0</t>
  </si>
  <si>
    <t>4531581.0</t>
  </si>
  <si>
    <t>2351928.0</t>
  </si>
  <si>
    <t>2179653.0</t>
  </si>
  <si>
    <t>4532928.0</t>
  </si>
  <si>
    <t>2352706.0</t>
  </si>
  <si>
    <t>2180222.0</t>
  </si>
  <si>
    <t>4533090.0</t>
  </si>
  <si>
    <t>2352754.0</t>
  </si>
  <si>
    <t>2180336.0</t>
  </si>
  <si>
    <t>4536358.0</t>
  </si>
  <si>
    <t>2354057.0</t>
  </si>
  <si>
    <t>2182301.0</t>
  </si>
  <si>
    <t>4539655.0</t>
  </si>
  <si>
    <t>2355999.0</t>
  </si>
  <si>
    <t>2183656.0</t>
  </si>
  <si>
    <t>4544842.0</t>
  </si>
  <si>
    <t>2358138.0</t>
  </si>
  <si>
    <t>2186704.0</t>
  </si>
  <si>
    <t>4548821.0</t>
  </si>
  <si>
    <t>2359817.0</t>
  </si>
  <si>
    <t>2189004.0</t>
  </si>
  <si>
    <t>2361119.0</t>
  </si>
  <si>
    <t>2190401.0</t>
  </si>
  <si>
    <t>4553232.0</t>
  </si>
  <si>
    <t>2361787.0</t>
  </si>
  <si>
    <t>2191445.0</t>
  </si>
  <si>
    <t>4554921.0</t>
  </si>
  <si>
    <t>2362580.0</t>
  </si>
  <si>
    <t>2192341.0</t>
  </si>
  <si>
    <t>4557698.0</t>
  </si>
  <si>
    <t>2363623.0</t>
  </si>
  <si>
    <t>2194075.0</t>
  </si>
  <si>
    <t>4559810.0</t>
  </si>
  <si>
    <t>2364393.0</t>
  </si>
  <si>
    <t>2195417.0</t>
  </si>
  <si>
    <t>4562220.0</t>
  </si>
  <si>
    <t>2196957.0</t>
  </si>
  <si>
    <t>4565244.0</t>
  </si>
  <si>
    <t>2198936.0</t>
  </si>
  <si>
    <t>4567552.0</t>
  </si>
  <si>
    <t>2200560.0</t>
  </si>
  <si>
    <t>4568791.0</t>
  </si>
  <si>
    <t>2201389.0</t>
  </si>
  <si>
    <t>4570517.0</t>
  </si>
  <si>
    <t>2202393.0</t>
  </si>
  <si>
    <t>4573151.0</t>
  </si>
  <si>
    <t>2364691.0</t>
  </si>
  <si>
    <t>2208460.0</t>
  </si>
  <si>
    <t>4575185.0</t>
  </si>
  <si>
    <t>2365400.0</t>
  </si>
  <si>
    <t>2209785.0</t>
  </si>
  <si>
    <t>4577269.0</t>
  </si>
  <si>
    <t>2366234.0</t>
  </si>
  <si>
    <t>2211035.0</t>
  </si>
  <si>
    <t>4579794.0</t>
  </si>
  <si>
    <t>2367407.0</t>
  </si>
  <si>
    <t>2212387.0</t>
  </si>
  <si>
    <t>4582013.0</t>
  </si>
  <si>
    <t>2368230.0</t>
  </si>
  <si>
    <t>2213783.0</t>
  </si>
  <si>
    <t>4582823.0</t>
  </si>
  <si>
    <t>2368604.0</t>
  </si>
  <si>
    <t>2214219.0</t>
  </si>
  <si>
    <t>4584861.0</t>
  </si>
  <si>
    <t>2369093.0</t>
  </si>
  <si>
    <t>4586569.0</t>
  </si>
  <si>
    <t>2369657.0</t>
  </si>
  <si>
    <t>2216912.0</t>
  </si>
  <si>
    <t>4588265.0</t>
  </si>
  <si>
    <t>2370309.0</t>
  </si>
  <si>
    <t>2217956.0</t>
  </si>
  <si>
    <t>4589226.0</t>
  </si>
  <si>
    <t>2370711.0</t>
  </si>
  <si>
    <t>2218515.0</t>
  </si>
  <si>
    <t>4590837.0</t>
  </si>
  <si>
    <t>2371364.0</t>
  </si>
  <si>
    <t>2219473.0</t>
  </si>
  <si>
    <t>144.82</t>
  </si>
  <si>
    <t>4593194.0</t>
  </si>
  <si>
    <t>2373120.0</t>
  </si>
  <si>
    <t>2220074.0</t>
  </si>
  <si>
    <t>4595746.0</t>
  </si>
  <si>
    <t>2374984.0</t>
  </si>
  <si>
    <t>2220762.0</t>
  </si>
  <si>
    <t>4597106.0</t>
  </si>
  <si>
    <t>2375494.0</t>
  </si>
  <si>
    <t>2221612.0</t>
  </si>
  <si>
    <t>145.02</t>
  </si>
  <si>
    <t>4598145.0</t>
  </si>
  <si>
    <t>2375943.0</t>
  </si>
  <si>
    <t>2222202.0</t>
  </si>
  <si>
    <t>4599143.0</t>
  </si>
  <si>
    <t>2376313.0</t>
  </si>
  <si>
    <t>2222830.0</t>
  </si>
  <si>
    <t>4600253.0</t>
  </si>
  <si>
    <t>2376708.0</t>
  </si>
  <si>
    <t>2223545.0</t>
  </si>
  <si>
    <t>4601297.0</t>
  </si>
  <si>
    <t>2377101.0</t>
  </si>
  <si>
    <t>2224196.0</t>
  </si>
  <si>
    <t>145.15</t>
  </si>
  <si>
    <t>4605153.0</t>
  </si>
  <si>
    <t>2380492.0</t>
  </si>
  <si>
    <t>2224661.0</t>
  </si>
  <si>
    <t>4609856.0</t>
  </si>
  <si>
    <t>2384331.0</t>
  </si>
  <si>
    <t>2225525.0</t>
  </si>
  <si>
    <t>4611274.0</t>
  </si>
  <si>
    <t>2385134.0</t>
  </si>
  <si>
    <t>2226140.0</t>
  </si>
  <si>
    <t>4612330.0</t>
  </si>
  <si>
    <t>2385622.0</t>
  </si>
  <si>
    <t>2226708.0</t>
  </si>
  <si>
    <t>4615268.0</t>
  </si>
  <si>
    <t>2387746.0</t>
  </si>
  <si>
    <t>2227522.0</t>
  </si>
  <si>
    <t>4617281.0</t>
  </si>
  <si>
    <t>2389159.0</t>
  </si>
  <si>
    <t>2228122.0</t>
  </si>
  <si>
    <t>4618686.0</t>
  </si>
  <si>
    <t>2389900.0</t>
  </si>
  <si>
    <t>2228786.0</t>
  </si>
  <si>
    <t>4624646.0</t>
  </si>
  <si>
    <t>2395138.0</t>
  </si>
  <si>
    <t>2229508.0</t>
  </si>
  <si>
    <t>4630650.0</t>
  </si>
  <si>
    <t>2400694.0</t>
  </si>
  <si>
    <t>2229956.0</t>
  </si>
  <si>
    <t>4632445.0</t>
  </si>
  <si>
    <t>2401771.0</t>
  </si>
  <si>
    <t>2230674.0</t>
  </si>
  <si>
    <t>146.13</t>
  </si>
  <si>
    <t>4635015.0</t>
  </si>
  <si>
    <t>2403211.0</t>
  </si>
  <si>
    <t>2231804.0</t>
  </si>
  <si>
    <t>4637204.0</t>
  </si>
  <si>
    <t>2404237.0</t>
  </si>
  <si>
    <t>2232967.0</t>
  </si>
  <si>
    <t>146.28</t>
  </si>
  <si>
    <t>4639108.0</t>
  </si>
  <si>
    <t>2405335.0</t>
  </si>
  <si>
    <t>2233773.0</t>
  </si>
  <si>
    <t>4641694.0</t>
  </si>
  <si>
    <t>2406747.0</t>
  </si>
  <si>
    <t>2234947.0</t>
  </si>
  <si>
    <t>4647487.0</t>
  </si>
  <si>
    <t>2412040.0</t>
  </si>
  <si>
    <t>2235447.0</t>
  </si>
  <si>
    <t>4652516.0</t>
  </si>
  <si>
    <t>2416793.0</t>
  </si>
  <si>
    <t>2235723.0</t>
  </si>
  <si>
    <t>4654507.0</t>
  </si>
  <si>
    <t>2418115.0</t>
  </si>
  <si>
    <t>2236392.0</t>
  </si>
  <si>
    <t>4656475.0</t>
  </si>
  <si>
    <t>2419276.0</t>
  </si>
  <si>
    <t>2237199.0</t>
  </si>
  <si>
    <t>4658816.0</t>
  </si>
  <si>
    <t>2420558.0</t>
  </si>
  <si>
    <t>2238258.0</t>
  </si>
  <si>
    <t>4983245.0</t>
  </si>
  <si>
    <t>2421700.0</t>
  </si>
  <si>
    <t>2238954.0</t>
  </si>
  <si>
    <t>322591.0</t>
  </si>
  <si>
    <t>324429.0</t>
  </si>
  <si>
    <t>5003783.0</t>
  </si>
  <si>
    <t>2422938.0</t>
  </si>
  <si>
    <t>2239671.0</t>
  </si>
  <si>
    <t>341174.0</t>
  </si>
  <si>
    <t>5018930.0</t>
  </si>
  <si>
    <t>2426859.0</t>
  </si>
  <si>
    <t>2240110.0</t>
  </si>
  <si>
    <t>351961.0</t>
  </si>
  <si>
    <t>5028629.0</t>
  </si>
  <si>
    <t>2429690.0</t>
  </si>
  <si>
    <t>2240432.0</t>
  </si>
  <si>
    <t>358507.0</t>
  </si>
  <si>
    <t>5054813.0</t>
  </si>
  <si>
    <t>2432956.0</t>
  </si>
  <si>
    <t>2240960.0</t>
  </si>
  <si>
    <t>380897.0</t>
  </si>
  <si>
    <t>5070243.0</t>
  </si>
  <si>
    <t>2435396.0</t>
  </si>
  <si>
    <t>2241637.0</t>
  </si>
  <si>
    <t>393210.0</t>
  </si>
  <si>
    <t>5087123.0</t>
  </si>
  <si>
    <t>2437095.0</t>
  </si>
  <si>
    <t>2242337.0</t>
  </si>
  <si>
    <t>407691.0</t>
  </si>
  <si>
    <t>61187.0</t>
  </si>
  <si>
    <t>160.48</t>
  </si>
  <si>
    <t>5104120.0</t>
  </si>
  <si>
    <t>2438707.0</t>
  </si>
  <si>
    <t>2242868.0</t>
  </si>
  <si>
    <t>422545.0</t>
  </si>
  <si>
    <t>5120897.0</t>
  </si>
  <si>
    <t>2440488.0</t>
  </si>
  <si>
    <t>2243421.0</t>
  </si>
  <si>
    <t>436988.0</t>
  </si>
  <si>
    <t>5134665.0</t>
  </si>
  <si>
    <t>2442777.0</t>
  </si>
  <si>
    <t>2243914.0</t>
  </si>
  <si>
    <t>447974.0</t>
  </si>
  <si>
    <t>5144244.0</t>
  </si>
  <si>
    <t>2445438.0</t>
  </si>
  <si>
    <t>2244276.0</t>
  </si>
  <si>
    <t>454530.0</t>
  </si>
  <si>
    <t>5159580.0</t>
  </si>
  <si>
    <t>2446430.0</t>
  </si>
  <si>
    <t>2244886.0</t>
  </si>
  <si>
    <t>468264.0</t>
  </si>
  <si>
    <t>5178049.0</t>
  </si>
  <si>
    <t>2447484.0</t>
  </si>
  <si>
    <t>2245579.0</t>
  </si>
  <si>
    <t>484986.0</t>
  </si>
  <si>
    <t>5194869.0</t>
  </si>
  <si>
    <t>2448204.0</t>
  </si>
  <si>
    <t>2246341.0</t>
  </si>
  <si>
    <t>500324.0</t>
  </si>
  <si>
    <t>5212703.0</t>
  </si>
  <si>
    <t>2448879.0</t>
  </si>
  <si>
    <t>2246996.0</t>
  </si>
  <si>
    <t>516828.0</t>
  </si>
  <si>
    <t>5230943.0</t>
  </si>
  <si>
    <t>2449655.0</t>
  </si>
  <si>
    <t>2247724.0</t>
  </si>
  <si>
    <t>533564.0</t>
  </si>
  <si>
    <t>5246413.0</t>
  </si>
  <si>
    <t>2451358.0</t>
  </si>
  <si>
    <t>2248272.0</t>
  </si>
  <si>
    <t>546783.0</t>
  </si>
  <si>
    <t>5257984.0</t>
  </si>
  <si>
    <t>2452485.0</t>
  </si>
  <si>
    <t>2248786.0</t>
  </si>
  <si>
    <t>556713.0</t>
  </si>
  <si>
    <t>5273634.0</t>
  </si>
  <si>
    <t>2453403.0</t>
  </si>
  <si>
    <t>2249300.0</t>
  </si>
  <si>
    <t>570931.0</t>
  </si>
  <si>
    <t>5291148.0</t>
  </si>
  <si>
    <t>2454261.0</t>
  </si>
  <si>
    <t>586953.0</t>
  </si>
  <si>
    <t>166.91</t>
  </si>
  <si>
    <t>5309697.0</t>
  </si>
  <si>
    <t>2455003.0</t>
  </si>
  <si>
    <t>2250655.0</t>
  </si>
  <si>
    <t>604039.0</t>
  </si>
  <si>
    <t>5327872.0</t>
  </si>
  <si>
    <t>2455557.0</t>
  </si>
  <si>
    <t>2251326.0</t>
  </si>
  <si>
    <t>620989.0</t>
  </si>
  <si>
    <t>5346224.0</t>
  </si>
  <si>
    <t>2456337.0</t>
  </si>
  <si>
    <t>2252067.0</t>
  </si>
  <si>
    <t>637820.0</t>
  </si>
  <si>
    <t>5361917.0</t>
  </si>
  <si>
    <t>2458058.0</t>
  </si>
  <si>
    <t>2252724.0</t>
  </si>
  <si>
    <t>5373781.0</t>
  </si>
  <si>
    <t>2458695.0</t>
  </si>
  <si>
    <t>2253134.0</t>
  </si>
  <si>
    <t>661952.0</t>
  </si>
  <si>
    <t>5386809.0</t>
  </si>
  <si>
    <t>2459583.0</t>
  </si>
  <si>
    <t>2253495.0</t>
  </si>
  <si>
    <t>673731.0</t>
  </si>
  <si>
    <t>5405354.0</t>
  </si>
  <si>
    <t>2460549.0</t>
  </si>
  <si>
    <t>2254184.0</t>
  </si>
  <si>
    <t>690621.0</t>
  </si>
  <si>
    <t>170.52</t>
  </si>
  <si>
    <t>5421373.0</t>
  </si>
  <si>
    <t>2461038.0</t>
  </si>
  <si>
    <t>2254782.0</t>
  </si>
  <si>
    <t>705553.0</t>
  </si>
  <si>
    <t>171.02</t>
  </si>
  <si>
    <t>5440383.0</t>
  </si>
  <si>
    <t>2461876.0</t>
  </si>
  <si>
    <t>2255461.0</t>
  </si>
  <si>
    <t>723046.0</t>
  </si>
  <si>
    <t>5457186.0</t>
  </si>
  <si>
    <t>2462357.0</t>
  </si>
  <si>
    <t>2256144.0</t>
  </si>
  <si>
    <t>738685.0</t>
  </si>
  <si>
    <t>5472001.0</t>
  </si>
  <si>
    <t>2463376.0</t>
  </si>
  <si>
    <t>2256956.0</t>
  </si>
  <si>
    <t>751669.0</t>
  </si>
  <si>
    <t>5486276.0</t>
  </si>
  <si>
    <t>2464221.0</t>
  </si>
  <si>
    <t>2257689.0</t>
  </si>
  <si>
    <t>764366.0</t>
  </si>
  <si>
    <t>5499309.0</t>
  </si>
  <si>
    <t>2464579.0</t>
  </si>
  <si>
    <t>2258309.0</t>
  </si>
  <si>
    <t>776421.0</t>
  </si>
  <si>
    <t>5515695.0</t>
  </si>
  <si>
    <t>2465183.0</t>
  </si>
  <si>
    <t>2259175.0</t>
  </si>
  <si>
    <t>791337.0</t>
  </si>
  <si>
    <t>5531897.0</t>
  </si>
  <si>
    <t>2465562.0</t>
  </si>
  <si>
    <t>2260038.0</t>
  </si>
  <si>
    <t>806297.0</t>
  </si>
  <si>
    <t>5548303.0</t>
  </si>
  <si>
    <t>2465943.0</t>
  </si>
  <si>
    <t>2260662.0</t>
  </si>
  <si>
    <t>821698.0</t>
  </si>
  <si>
    <t>5564767.0</t>
  </si>
  <si>
    <t>2466324.0</t>
  </si>
  <si>
    <t>2261178.0</t>
  </si>
  <si>
    <t>837265.0</t>
  </si>
  <si>
    <t>5582089.0</t>
  </si>
  <si>
    <t>2467828.0</t>
  </si>
  <si>
    <t>2262365.0</t>
  </si>
  <si>
    <t>851896.0</t>
  </si>
  <si>
    <t>5598826.0</t>
  </si>
  <si>
    <t>2468335.0</t>
  </si>
  <si>
    <t>2263540.0</t>
  </si>
  <si>
    <t>866951.0</t>
  </si>
  <si>
    <t>5615851.0</t>
  </si>
  <si>
    <t>2468734.0</t>
  </si>
  <si>
    <t>2264474.0</t>
  </si>
  <si>
    <t>882643.0</t>
  </si>
  <si>
    <t>5634787.0</t>
  </si>
  <si>
    <t>2469217.0</t>
  </si>
  <si>
    <t>2265776.0</t>
  </si>
  <si>
    <t>899794.0</t>
  </si>
  <si>
    <t>5653821.0</t>
  </si>
  <si>
    <t>2469805.0</t>
  </si>
  <si>
    <t>2266994.0</t>
  </si>
  <si>
    <t>917022.0</t>
  </si>
  <si>
    <t>5673108.0</t>
  </si>
  <si>
    <t>2470233.0</t>
  </si>
  <si>
    <t>2267834.0</t>
  </si>
  <si>
    <t>935041.0</t>
  </si>
  <si>
    <t>5690831.0</t>
  </si>
  <si>
    <t>2470669.0</t>
  </si>
  <si>
    <t>2268700.0</t>
  </si>
  <si>
    <t>951462.0</t>
  </si>
  <si>
    <t>179.52</t>
  </si>
  <si>
    <t>5709786.0</t>
  </si>
  <si>
    <t>2471904.0</t>
  </si>
  <si>
    <t>2270779.0</t>
  </si>
  <si>
    <t>967103.0</t>
  </si>
  <si>
    <t>5729274.0</t>
  </si>
  <si>
    <t>2472737.0</t>
  </si>
  <si>
    <t>2272339.0</t>
  </si>
  <si>
    <t>984198.0</t>
  </si>
  <si>
    <t>5748170.0</t>
  </si>
  <si>
    <t>2473150.0</t>
  </si>
  <si>
    <t>2273156.0</t>
  </si>
  <si>
    <t>1001864.0</t>
  </si>
  <si>
    <t>5769010.0</t>
  </si>
  <si>
    <t>2473583.0</t>
  </si>
  <si>
    <t>2274197.0</t>
  </si>
  <si>
    <t>181.99</t>
  </si>
  <si>
    <t>5791140.0</t>
  </si>
  <si>
    <t>2474162.0</t>
  </si>
  <si>
    <t>2275434.0</t>
  </si>
  <si>
    <t>1041544.0</t>
  </si>
  <si>
    <t>5813584.0</t>
  </si>
  <si>
    <t>2474675.0</t>
  </si>
  <si>
    <t>2276428.0</t>
  </si>
  <si>
    <t>1062481.0</t>
  </si>
  <si>
    <t>5834039.0</t>
  </si>
  <si>
    <t>2475102.0</t>
  </si>
  <si>
    <t>2277255.0</t>
  </si>
  <si>
    <t>1081682.0</t>
  </si>
  <si>
    <t>5857230.0</t>
  </si>
  <si>
    <t>2476015.0</t>
  </si>
  <si>
    <t>2279366.0</t>
  </si>
  <si>
    <t>1101849.0</t>
  </si>
  <si>
    <t>5877331.0</t>
  </si>
  <si>
    <t>2477148.0</t>
  </si>
  <si>
    <t>2281161.0</t>
  </si>
  <si>
    <t>1119022.0</t>
  </si>
  <si>
    <t>5905839.0</t>
  </si>
  <si>
    <t>2477721.0</t>
  </si>
  <si>
    <t>2282420.0</t>
  </si>
  <si>
    <t>1145698.0</t>
  </si>
  <si>
    <t>5939285.0</t>
  </si>
  <si>
    <t>2478300.0</t>
  </si>
  <si>
    <t>2283371.0</t>
  </si>
  <si>
    <t>1177614.0</t>
  </si>
  <si>
    <t>5972617.0</t>
  </si>
  <si>
    <t>2479007.0</t>
  </si>
  <si>
    <t>2284785.0</t>
  </si>
  <si>
    <t>6008602.0</t>
  </si>
  <si>
    <t>2479789.0</t>
  </si>
  <si>
    <t>2285976.0</t>
  </si>
  <si>
    <t>1242837.0</t>
  </si>
  <si>
    <t>6045354.0</t>
  </si>
  <si>
    <t>2480580.0</t>
  </si>
  <si>
    <t>2287041.0</t>
  </si>
  <si>
    <t>1277733.0</t>
  </si>
  <si>
    <t>6083498.0</t>
  </si>
  <si>
    <t>2481417.0</t>
  </si>
  <si>
    <t>2288340.0</t>
  </si>
  <si>
    <t>1313741.0</t>
  </si>
  <si>
    <t>6131298.0</t>
  </si>
  <si>
    <t>2482756.0</t>
  </si>
  <si>
    <t>2289735.0</t>
  </si>
  <si>
    <t>1358807.0</t>
  </si>
  <si>
    <t>47800.0</t>
  </si>
  <si>
    <t>36281.0</t>
  </si>
  <si>
    <t>6179743.0</t>
  </si>
  <si>
    <t>2483556.0</t>
  </si>
  <si>
    <t>2291345.0</t>
  </si>
  <si>
    <t>1404842.0</t>
  </si>
  <si>
    <t>6233035.0</t>
  </si>
  <si>
    <t>2484739.0</t>
  </si>
  <si>
    <t>2292930.0</t>
  </si>
  <si>
    <t>1455366.0</t>
  </si>
  <si>
    <t>41964.0</t>
  </si>
  <si>
    <t>6282544.0</t>
  </si>
  <si>
    <t>2485837.0</t>
  </si>
  <si>
    <t>2294701.0</t>
  </si>
  <si>
    <t>1502006.0</t>
  </si>
  <si>
    <t>6323324.0</t>
  </si>
  <si>
    <t>2486737.0</t>
  </si>
  <si>
    <t>1540345.0</t>
  </si>
  <si>
    <t>6336964.0</t>
  </si>
  <si>
    <t>2487015.0</t>
  </si>
  <si>
    <t>2296647.0</t>
  </si>
  <si>
    <t>1553302.0</t>
  </si>
  <si>
    <t>41659.0</t>
  </si>
  <si>
    <t>6336965.0</t>
  </si>
  <si>
    <t>1553303.0</t>
  </si>
  <si>
    <t>6362723.0</t>
  </si>
  <si>
    <t>2299242.0</t>
  </si>
  <si>
    <t>1575920.0</t>
  </si>
  <si>
    <t>200.72</t>
  </si>
  <si>
    <t>6398408.0</t>
  </si>
  <si>
    <t>2488374.0</t>
  </si>
  <si>
    <t>2300054.0</t>
  </si>
  <si>
    <t>6436321.0</t>
  </si>
  <si>
    <t>2489359.0</t>
  </si>
  <si>
    <t>2301312.0</t>
  </si>
  <si>
    <t>1645650.0</t>
  </si>
  <si>
    <t>203.04</t>
  </si>
  <si>
    <t>6469845.0</t>
  </si>
  <si>
    <t>2490223.0</t>
  </si>
  <si>
    <t>2302282.0</t>
  </si>
  <si>
    <t>1677340.0</t>
  </si>
  <si>
    <t>6483034.0</t>
  </si>
  <si>
    <t>2490591.0</t>
  </si>
  <si>
    <t>1689185.0</t>
  </si>
  <si>
    <t>6483056.0</t>
  </si>
  <si>
    <t>2303262.0</t>
  </si>
  <si>
    <t>1689203.0</t>
  </si>
  <si>
    <t>6488802.0</t>
  </si>
  <si>
    <t>2490919.0</t>
  </si>
  <si>
    <t>2303854.0</t>
  </si>
  <si>
    <t>1694029.0</t>
  </si>
  <si>
    <t>6496352.0</t>
  </si>
  <si>
    <t>2491285.0</t>
  </si>
  <si>
    <t>2304792.0</t>
  </si>
  <si>
    <t>1700275.0</t>
  </si>
  <si>
    <t>6519123.0</t>
  </si>
  <si>
    <t>2492440.0</t>
  </si>
  <si>
    <t>2307957.0</t>
  </si>
  <si>
    <t>1718726.0</t>
  </si>
  <si>
    <t>6539021.0</t>
  </si>
  <si>
    <t>2493502.0</t>
  </si>
  <si>
    <t>2311284.0</t>
  </si>
  <si>
    <t>1734235.0</t>
  </si>
  <si>
    <t>6556469.0</t>
  </si>
  <si>
    <t>2494287.0</t>
  </si>
  <si>
    <t>2314745.0</t>
  </si>
  <si>
    <t>1747437.0</t>
  </si>
  <si>
    <t>6574256.0</t>
  </si>
  <si>
    <t>2495183.0</t>
  </si>
  <si>
    <t>2317917.0</t>
  </si>
  <si>
    <t>1761156.0</t>
  </si>
  <si>
    <t>6590943.0</t>
  </si>
  <si>
    <t>2496159.0</t>
  </si>
  <si>
    <t>2324164.0</t>
  </si>
  <si>
    <t>1770620.0</t>
  </si>
  <si>
    <t>6604653.0</t>
  </si>
  <si>
    <t>2496882.0</t>
  </si>
  <si>
    <t>2326390.0</t>
  </si>
  <si>
    <t>1781381.0</t>
  </si>
  <si>
    <t>6618417.0</t>
  </si>
  <si>
    <t>2497658.0</t>
  </si>
  <si>
    <t>2328295.0</t>
  </si>
  <si>
    <t>1792464.0</t>
  </si>
  <si>
    <t>6631045.0</t>
  </si>
  <si>
    <t>2498417.0</t>
  </si>
  <si>
    <t>2330364.0</t>
  </si>
  <si>
    <t>1802264.0</t>
  </si>
  <si>
    <t>6642436.0</t>
  </si>
  <si>
    <t>2499123.0</t>
  </si>
  <si>
    <t>2332336.0</t>
  </si>
  <si>
    <t>1810977.0</t>
  </si>
  <si>
    <t>6651690.0</t>
  </si>
  <si>
    <t>2499752.0</t>
  </si>
  <si>
    <t>2334096.0</t>
  </si>
  <si>
    <t>1817842.0</t>
  </si>
  <si>
    <t>6661935.0</t>
  </si>
  <si>
    <t>2500546.0</t>
  </si>
  <si>
    <t>2335887.0</t>
  </si>
  <si>
    <t>1825502.0</t>
  </si>
  <si>
    <t>6673073.0</t>
  </si>
  <si>
    <t>2501106.0</t>
  </si>
  <si>
    <t>2341616.0</t>
  </si>
  <si>
    <t>1830351.0</t>
  </si>
  <si>
    <t>6681424.0</t>
  </si>
  <si>
    <t>2501748.0</t>
  </si>
  <si>
    <t>2343756.0</t>
  </si>
  <si>
    <t>1835920.0</t>
  </si>
  <si>
    <t>6688070.0</t>
  </si>
  <si>
    <t>2345081.0</t>
  </si>
  <si>
    <t>1840694.0</t>
  </si>
  <si>
    <t>6694630.0</t>
  </si>
  <si>
    <t>2502979.0</t>
  </si>
  <si>
    <t>2346551.0</t>
  </si>
  <si>
    <t>1845100.0</t>
  </si>
  <si>
    <t>6700729.0</t>
  </si>
  <si>
    <t>2503547.0</t>
  </si>
  <si>
    <t>2347972.0</t>
  </si>
  <si>
    <t>1849210.0</t>
  </si>
  <si>
    <t>6707633.0</t>
  </si>
  <si>
    <t>2504081.0</t>
  </si>
  <si>
    <t>2349478.0</t>
  </si>
  <si>
    <t>1854074.0</t>
  </si>
  <si>
    <t>6712438.0</t>
  </si>
  <si>
    <t>2504336.0</t>
  </si>
  <si>
    <t>2350200.0</t>
  </si>
  <si>
    <t>1857902.0</t>
  </si>
  <si>
    <t>6723106.0</t>
  </si>
  <si>
    <t>2505284.0</t>
  </si>
  <si>
    <t>2355492.0</t>
  </si>
  <si>
    <t>1862330.0</t>
  </si>
  <si>
    <t>6731133.0</t>
  </si>
  <si>
    <t>2506016.0</t>
  </si>
  <si>
    <t>2358151.0</t>
  </si>
  <si>
    <t>1866966.0</t>
  </si>
  <si>
    <t>6735687.0</t>
  </si>
  <si>
    <t>2506323.0</t>
  </si>
  <si>
    <t>2359337.0</t>
  </si>
  <si>
    <t>1870027.0</t>
  </si>
  <si>
    <t>6739748.0</t>
  </si>
  <si>
    <t>2506955.0</t>
  </si>
  <si>
    <t>2360321.0</t>
  </si>
  <si>
    <t>1872472.0</t>
  </si>
  <si>
    <t>6743934.0</t>
  </si>
  <si>
    <t>2507419.0</t>
  </si>
  <si>
    <t>2361042.0</t>
  </si>
  <si>
    <t>1875473.0</t>
  </si>
  <si>
    <t>6748194.0</t>
  </si>
  <si>
    <t>2507907.0</t>
  </si>
  <si>
    <t>1878530.0</t>
  </si>
  <si>
    <t>6754043.0</t>
  </si>
  <si>
    <t>2508486.0</t>
  </si>
  <si>
    <t>2362728.0</t>
  </si>
  <si>
    <t>1882829.0</t>
  </si>
  <si>
    <t>6759895.0</t>
  </si>
  <si>
    <t>2509780.0</t>
  </si>
  <si>
    <t>2365580.0</t>
  </si>
  <si>
    <t>1884535.0</t>
  </si>
  <si>
    <t>213.25</t>
  </si>
  <si>
    <t>6764272.0</t>
  </si>
  <si>
    <t>2510515.0</t>
  </si>
  <si>
    <t>2367526.0</t>
  </si>
  <si>
    <t>1886231.0</t>
  </si>
  <si>
    <t>6768192.0</t>
  </si>
  <si>
    <t>2510933.0</t>
  </si>
  <si>
    <t>2368368.0</t>
  </si>
  <si>
    <t>1888891.0</t>
  </si>
  <si>
    <t>6772387.0</t>
  </si>
  <si>
    <t>2511342.0</t>
  </si>
  <si>
    <t>2369003.0</t>
  </si>
  <si>
    <t>1892042.0</t>
  </si>
  <si>
    <t>6776396.0</t>
  </si>
  <si>
    <t>2511694.0</t>
  </si>
  <si>
    <t>2369532.0</t>
  </si>
  <si>
    <t>1895170.0</t>
  </si>
  <si>
    <t>213.77</t>
  </si>
  <si>
    <t>6780869.0</t>
  </si>
  <si>
    <t>2512220.0</t>
  </si>
  <si>
    <t>2370157.0</t>
  </si>
  <si>
    <t>1898492.0</t>
  </si>
  <si>
    <t>6784312.0</t>
  </si>
  <si>
    <t>2512621.0</t>
  </si>
  <si>
    <t>2370772.0</t>
  </si>
  <si>
    <t>1900919.0</t>
  </si>
  <si>
    <t>6787584.0</t>
  </si>
  <si>
    <t>2513486.0</t>
  </si>
  <si>
    <t>2371819.0</t>
  </si>
  <si>
    <t>1902279.0</t>
  </si>
  <si>
    <t>6790509.0</t>
  </si>
  <si>
    <t>2514081.0</t>
  </si>
  <si>
    <t>2372915.0</t>
  </si>
  <si>
    <t>1903513.0</t>
  </si>
  <si>
    <t>6793388.0</t>
  </si>
  <si>
    <t>2514378.0</t>
  </si>
  <si>
    <t>2373251.0</t>
  </si>
  <si>
    <t>1905759.0</t>
  </si>
  <si>
    <t>6796548.0</t>
  </si>
  <si>
    <t>2514744.0</t>
  </si>
  <si>
    <t>2373698.0</t>
  </si>
  <si>
    <t>1908106.0</t>
  </si>
  <si>
    <t>6800038.0</t>
  </si>
  <si>
    <t>2515083.0</t>
  </si>
  <si>
    <t>2374132.0</t>
  </si>
  <si>
    <t>1910823.0</t>
  </si>
  <si>
    <t>6803831.0</t>
  </si>
  <si>
    <t>2515537.0</t>
  </si>
  <si>
    <t>2374949.0</t>
  </si>
  <si>
    <t>1913345.0</t>
  </si>
  <si>
    <t>6807191.0</t>
  </si>
  <si>
    <t>2515814.0</t>
  </si>
  <si>
    <t>2375427.0</t>
  </si>
  <si>
    <t>6809927.0</t>
  </si>
  <si>
    <t>2516214.0</t>
  </si>
  <si>
    <t>2376514.0</t>
  </si>
  <si>
    <t>1917199.0</t>
  </si>
  <si>
    <t>6812386.0</t>
  </si>
  <si>
    <t>2516661.0</t>
  </si>
  <si>
    <t>2377764.0</t>
  </si>
  <si>
    <t>1917961.0</t>
  </si>
  <si>
    <t>6814519.0</t>
  </si>
  <si>
    <t>2516883.0</t>
  </si>
  <si>
    <t>2378179.0</t>
  </si>
  <si>
    <t>1919457.0</t>
  </si>
  <si>
    <t>6840241.0</t>
  </si>
  <si>
    <t>2517081.0</t>
  </si>
  <si>
    <t>2378724.0</t>
  </si>
  <si>
    <t>1944436.0</t>
  </si>
  <si>
    <t>25722.0</t>
  </si>
  <si>
    <t>6842963.0</t>
  </si>
  <si>
    <t>2517309.0</t>
  </si>
  <si>
    <t>2379217.0</t>
  </si>
  <si>
    <t>1946437.0</t>
  </si>
  <si>
    <t>6845920.0</t>
  </si>
  <si>
    <t>2517543.0</t>
  </si>
  <si>
    <t>2379805.0</t>
  </si>
  <si>
    <t>1948572.0</t>
  </si>
  <si>
    <t>6846646.0</t>
  </si>
  <si>
    <t>2517563.0</t>
  </si>
  <si>
    <t>2379968.0</t>
  </si>
  <si>
    <t>1949115.0</t>
  </si>
  <si>
    <t>6849811.0</t>
  </si>
  <si>
    <t>2517850.0</t>
  </si>
  <si>
    <t>2381212.0</t>
  </si>
  <si>
    <t>1950749.0</t>
  </si>
  <si>
    <t>6851201.0</t>
  </si>
  <si>
    <t>2518094.0</t>
  </si>
  <si>
    <t>2381764.0</t>
  </si>
  <si>
    <t>1951343.0</t>
  </si>
  <si>
    <t>6854136.0</t>
  </si>
  <si>
    <t>2518455.0</t>
  </si>
  <si>
    <t>2382278.0</t>
  </si>
  <si>
    <t>1953403.0</t>
  </si>
  <si>
    <t>6856451.0</t>
  </si>
  <si>
    <t>2518753.0</t>
  </si>
  <si>
    <t>2382807.0</t>
  </si>
  <si>
    <t>1954891.0</t>
  </si>
  <si>
    <t>6859296.0</t>
  </si>
  <si>
    <t>2519201.0</t>
  </si>
  <si>
    <t>2383405.0</t>
  </si>
  <si>
    <t>1956690.0</t>
  </si>
  <si>
    <t>216.38</t>
  </si>
  <si>
    <t>6861534.0</t>
  </si>
  <si>
    <t>2519590.0</t>
  </si>
  <si>
    <t>2383980.0</t>
  </si>
  <si>
    <t>1957964.0</t>
  </si>
  <si>
    <t>6864328.0</t>
  </si>
  <si>
    <t>2519944.0</t>
  </si>
  <si>
    <t>2384514.0</t>
  </si>
  <si>
    <t>1959870.0</t>
  </si>
  <si>
    <t>6866512.0</t>
  </si>
  <si>
    <t>2520378.0</t>
  </si>
  <si>
    <t>2385333.0</t>
  </si>
  <si>
    <t>1960801.0</t>
  </si>
  <si>
    <t>6868088.0</t>
  </si>
  <si>
    <t>2520572.0</t>
  </si>
  <si>
    <t>2385800.0</t>
  </si>
  <si>
    <t>1961716.0</t>
  </si>
  <si>
    <t>6870780.0</t>
  </si>
  <si>
    <t>2520766.0</t>
  </si>
  <si>
    <t>2386176.0</t>
  </si>
  <si>
    <t>1963838.0</t>
  </si>
  <si>
    <t>6873862.0</t>
  </si>
  <si>
    <t>2520945.0</t>
  </si>
  <si>
    <t>2386665.0</t>
  </si>
  <si>
    <t>1966252.0</t>
  </si>
  <si>
    <t>6876425.0</t>
  </si>
  <si>
    <t>2521111.0</t>
  </si>
  <si>
    <t>2387141.0</t>
  </si>
  <si>
    <t>1968173.0</t>
  </si>
  <si>
    <t>6878415.0</t>
  </si>
  <si>
    <t>2521301.0</t>
  </si>
  <si>
    <t>2387565.0</t>
  </si>
  <si>
    <t>1969549.0</t>
  </si>
  <si>
    <t>6880918.0</t>
  </si>
  <si>
    <t>2521530.0</t>
  </si>
  <si>
    <t>2388059.0</t>
  </si>
  <si>
    <t>1971329.0</t>
  </si>
  <si>
    <t>6883337.0</t>
  </si>
  <si>
    <t>2521735.0</t>
  </si>
  <si>
    <t>2388842.0</t>
  </si>
  <si>
    <t>1972760.0</t>
  </si>
  <si>
    <t>6885224.0</t>
  </si>
  <si>
    <t>2521885.0</t>
  </si>
  <si>
    <t>2389355.0</t>
  </si>
  <si>
    <t>1973984.0</t>
  </si>
  <si>
    <t>6887226.0</t>
  </si>
  <si>
    <t>2522096.0</t>
  </si>
  <si>
    <t>2389857.0</t>
  </si>
  <si>
    <t>1975273.0</t>
  </si>
  <si>
    <t>6889940.0</t>
  </si>
  <si>
    <t>2522311.0</t>
  </si>
  <si>
    <t>2390625.0</t>
  </si>
  <si>
    <t>1977004.0</t>
  </si>
  <si>
    <t>6892764.0</t>
  </si>
  <si>
    <t>2522561.0</t>
  </si>
  <si>
    <t>2391356.0</t>
  </si>
  <si>
    <t>6895054.0</t>
  </si>
  <si>
    <t>2522808.0</t>
  </si>
  <si>
    <t>2391780.0</t>
  </si>
  <si>
    <t>1980466.0</t>
  </si>
  <si>
    <t>6897493.0</t>
  </si>
  <si>
    <t>2523054.0</t>
  </si>
  <si>
    <t>2392270.0</t>
  </si>
  <si>
    <t>1982169.0</t>
  </si>
  <si>
    <t>6899332.0</t>
  </si>
  <si>
    <t>2523422.0</t>
  </si>
  <si>
    <t>2392797.0</t>
  </si>
  <si>
    <t>1983113.0</t>
  </si>
  <si>
    <t>6901233.0</t>
  </si>
  <si>
    <t>2523649.0</t>
  </si>
  <si>
    <t>2393428.0</t>
  </si>
  <si>
    <t>1984156.0</t>
  </si>
  <si>
    <t>6902863.0</t>
  </si>
  <si>
    <t>2523820.0</t>
  </si>
  <si>
    <t>2393793.0</t>
  </si>
  <si>
    <t>1985250.0</t>
  </si>
  <si>
    <t>6904840.0</t>
  </si>
  <si>
    <t>2523930.0</t>
  </si>
  <si>
    <t>2394178.0</t>
  </si>
  <si>
    <t>1986732.0</t>
  </si>
  <si>
    <t>217.82</t>
  </si>
  <si>
    <t>6907168.0</t>
  </si>
  <si>
    <t>2524176.0</t>
  </si>
  <si>
    <t>2394614.0</t>
  </si>
  <si>
    <t>1988378.0</t>
  </si>
  <si>
    <t>6909259.0</t>
  </si>
  <si>
    <t>2524362.0</t>
  </si>
  <si>
    <t>2395167.0</t>
  </si>
  <si>
    <t>1989730.0</t>
  </si>
  <si>
    <t>6911631.0</t>
  </si>
  <si>
    <t>2524747.0</t>
  </si>
  <si>
    <t>2395523.0</t>
  </si>
  <si>
    <t>1991361.0</t>
  </si>
  <si>
    <t>6913076.0</t>
  </si>
  <si>
    <t>2525165.0</t>
  </si>
  <si>
    <t>2395988.0</t>
  </si>
  <si>
    <t>1991923.0</t>
  </si>
  <si>
    <t>6914650.0</t>
  </si>
  <si>
    <t>2525768.0</t>
  </si>
  <si>
    <t>2396378.0</t>
  </si>
  <si>
    <t>1992504.0</t>
  </si>
  <si>
    <t>6916175.0</t>
  </si>
  <si>
    <t>2526022.0</t>
  </si>
  <si>
    <t>2396755.0</t>
  </si>
  <si>
    <t>1993398.0</t>
  </si>
  <si>
    <t>6917707.0</t>
  </si>
  <si>
    <t>2526343.0</t>
  </si>
  <si>
    <t>2397089.0</t>
  </si>
  <si>
    <t>1994275.0</t>
  </si>
  <si>
    <t>6919439.0</t>
  </si>
  <si>
    <t>2526623.0</t>
  </si>
  <si>
    <t>2397404.0</t>
  </si>
  <si>
    <t>1995412.0</t>
  </si>
  <si>
    <t>6921195.0</t>
  </si>
  <si>
    <t>2526832.0</t>
  </si>
  <si>
    <t>2397677.0</t>
  </si>
  <si>
    <t>1996686.0</t>
  </si>
  <si>
    <t>6923298.0</t>
  </si>
  <si>
    <t>2527100.0</t>
  </si>
  <si>
    <t>2398097.0</t>
  </si>
  <si>
    <t>1998101.0</t>
  </si>
  <si>
    <t>6923706.0</t>
  </si>
  <si>
    <t>2527184.0</t>
  </si>
  <si>
    <t>2398322.0</t>
  </si>
  <si>
    <t>1998200.0</t>
  </si>
  <si>
    <t>6925183.0</t>
  </si>
  <si>
    <t>2528051.0</t>
  </si>
  <si>
    <t>2398676.0</t>
  </si>
  <si>
    <t>1998456.0</t>
  </si>
  <si>
    <t>6927437.0</t>
  </si>
  <si>
    <t>2528664.0</t>
  </si>
  <si>
    <t>2399341.0</t>
  </si>
  <si>
    <t>1999432.0</t>
  </si>
  <si>
    <t>6928861.0</t>
  </si>
  <si>
    <t>2528858.0</t>
  </si>
  <si>
    <t>2399745.0</t>
  </si>
  <si>
    <t>2000258.0</t>
  </si>
  <si>
    <t>6931143.0</t>
  </si>
  <si>
    <t>2529747.0</t>
  </si>
  <si>
    <t>2400096.0</t>
  </si>
  <si>
    <t>2001300.0</t>
  </si>
  <si>
    <t>6933559.0</t>
  </si>
  <si>
    <t>2530166.0</t>
  </si>
  <si>
    <t>2400924.0</t>
  </si>
  <si>
    <t>2002469.0</t>
  </si>
  <si>
    <t>6935443.0</t>
  </si>
  <si>
    <t>2530536.0</t>
  </si>
  <si>
    <t>2401437.0</t>
  </si>
  <si>
    <t>2003470.0</t>
  </si>
  <si>
    <t>6937949.0</t>
  </si>
  <si>
    <t>2531983.0</t>
  </si>
  <si>
    <t>2401969.0</t>
  </si>
  <si>
    <t>2003997.0</t>
  </si>
  <si>
    <t>6939371.0</t>
  </si>
  <si>
    <t>2532759.0</t>
  </si>
  <si>
    <t>2402290.0</t>
  </si>
  <si>
    <t>2004322.0</t>
  </si>
  <si>
    <t>6940831.0</t>
  </si>
  <si>
    <t>2533216.0</t>
  </si>
  <si>
    <t>2402616.0</t>
  </si>
  <si>
    <t>2004999.0</t>
  </si>
  <si>
    <t>6942568.0</t>
  </si>
  <si>
    <t>2533877.0</t>
  </si>
  <si>
    <t>2402919.0</t>
  </si>
  <si>
    <t>2005772.0</t>
  </si>
  <si>
    <t>6944049.0</t>
  </si>
  <si>
    <t>2534232.0</t>
  </si>
  <si>
    <t>2403202.0</t>
  </si>
  <si>
    <t>2006615.0</t>
  </si>
  <si>
    <t>6946146.0</t>
  </si>
  <si>
    <t>2534678.0</t>
  </si>
  <si>
    <t>2403946.0</t>
  </si>
  <si>
    <t>2007522.0</t>
  </si>
  <si>
    <t>6947995.0</t>
  </si>
  <si>
    <t>2535089.0</t>
  </si>
  <si>
    <t>2404313.0</t>
  </si>
  <si>
    <t>2008593.0</t>
  </si>
  <si>
    <t>6950848.0</t>
  </si>
  <si>
    <t>2536735.0</t>
  </si>
  <si>
    <t>2404889.0</t>
  </si>
  <si>
    <t>2009224.0</t>
  </si>
  <si>
    <t>6952855.0</t>
  </si>
  <si>
    <t>2537883.0</t>
  </si>
  <si>
    <t>2405181.0</t>
  </si>
  <si>
    <t>2009791.0</t>
  </si>
  <si>
    <t>6954866.0</t>
  </si>
  <si>
    <t>2538472.0</t>
  </si>
  <si>
    <t>2405595.0</t>
  </si>
  <si>
    <t>2010799.0</t>
  </si>
  <si>
    <t>6956712.0</t>
  </si>
  <si>
    <t>2539060.0</t>
  </si>
  <si>
    <t>2406045.0</t>
  </si>
  <si>
    <t>2011607.0</t>
  </si>
  <si>
    <t>219.45</t>
  </si>
  <si>
    <t>6958515.0</t>
  </si>
  <si>
    <t>2539588.0</t>
  </si>
  <si>
    <t>2406341.0</t>
  </si>
  <si>
    <t>2012586.0</t>
  </si>
  <si>
    <t>6961029.0</t>
  </si>
  <si>
    <t>2540256.0</t>
  </si>
  <si>
    <t>2407108.0</t>
  </si>
  <si>
    <t>2013665.0</t>
  </si>
  <si>
    <t>6961633.0</t>
  </si>
  <si>
    <t>2540551.0</t>
  </si>
  <si>
    <t>2407231.0</t>
  </si>
  <si>
    <t>2013851.0</t>
  </si>
  <si>
    <t>6962177.0</t>
  </si>
  <si>
    <t>2540793.0</t>
  </si>
  <si>
    <t>2407353.0</t>
  </si>
  <si>
    <t>2014031.0</t>
  </si>
  <si>
    <t>6962261.0</t>
  </si>
  <si>
    <t>2540799.0</t>
  </si>
  <si>
    <t>2407385.0</t>
  </si>
  <si>
    <t>2014077.0</t>
  </si>
  <si>
    <t>6962353.0</t>
  </si>
  <si>
    <t>2540811.0</t>
  </si>
  <si>
    <t>2407412.0</t>
  </si>
  <si>
    <t>2014130.0</t>
  </si>
  <si>
    <t>6964913.0</t>
  </si>
  <si>
    <t>2541652.0</t>
  </si>
  <si>
    <t>2408048.0</t>
  </si>
  <si>
    <t>2015213.0</t>
  </si>
  <si>
    <t>6966994.0</t>
  </si>
  <si>
    <t>2542156.0</t>
  </si>
  <si>
    <t>2408499.0</t>
  </si>
  <si>
    <t>2016339.0</t>
  </si>
  <si>
    <t>7093523.0</t>
  </si>
  <si>
    <t>2542933.0</t>
  </si>
  <si>
    <t>2409163.0</t>
  </si>
  <si>
    <t>2017861.0</t>
  </si>
  <si>
    <t>7104236.0</t>
  </si>
  <si>
    <t>2543613.0</t>
  </si>
  <si>
    <t>2409619.0</t>
  </si>
  <si>
    <t>2018798.0</t>
  </si>
  <si>
    <t>224.11</t>
  </si>
  <si>
    <t>7112312.0</t>
  </si>
  <si>
    <t>2544646.0</t>
  </si>
  <si>
    <t>2409962.0</t>
  </si>
  <si>
    <t>2019444.0</t>
  </si>
  <si>
    <t>7118442.0</t>
  </si>
  <si>
    <t>2545128.0</t>
  </si>
  <si>
    <t>2410218.0</t>
  </si>
  <si>
    <t>2020070.0</t>
  </si>
  <si>
    <t>7126175.0</t>
  </si>
  <si>
    <t>2545699.0</t>
  </si>
  <si>
    <t>2410601.0</t>
  </si>
  <si>
    <t>2020917.0</t>
  </si>
  <si>
    <t>7135085.0</t>
  </si>
  <si>
    <t>2546550.0</t>
  </si>
  <si>
    <t>2410975.0</t>
  </si>
  <si>
    <t>2021611.0</t>
  </si>
  <si>
    <t>7143813.0</t>
  </si>
  <si>
    <t>2546837.0</t>
  </si>
  <si>
    <t>2411233.0</t>
  </si>
  <si>
    <t>2022372.0</t>
  </si>
  <si>
    <t>7155750.0</t>
  </si>
  <si>
    <t>2548519.0</t>
  </si>
  <si>
    <t>2412986.0</t>
  </si>
  <si>
    <t>2023910.0</t>
  </si>
  <si>
    <t>7164374.0</t>
  </si>
  <si>
    <t>2548946.0</t>
  </si>
  <si>
    <t>2413245.0</t>
  </si>
  <si>
    <t>2024724.0</t>
  </si>
  <si>
    <t>7170482.0</t>
  </si>
  <si>
    <t>2549555.0</t>
  </si>
  <si>
    <t>2413707.0</t>
  </si>
  <si>
    <t>2025135.0</t>
  </si>
  <si>
    <t>7174166.0</t>
  </si>
  <si>
    <t>2549914.0</t>
  </si>
  <si>
    <t>2413864.0</t>
  </si>
  <si>
    <t>2025472.0</t>
  </si>
  <si>
    <t>7175831.0</t>
  </si>
  <si>
    <t>2550335.0</t>
  </si>
  <si>
    <t>2413916.0</t>
  </si>
  <si>
    <t>2025593.0</t>
  </si>
  <si>
    <t>7183129.0</t>
  </si>
  <si>
    <t>2551207.0</t>
  </si>
  <si>
    <t>2414299.0</t>
  </si>
  <si>
    <t>2026450.0</t>
  </si>
  <si>
    <t>7190823.0</t>
  </si>
  <si>
    <t>2551472.0</t>
  </si>
  <si>
    <t>2414547.0</t>
  </si>
  <si>
    <t>2027294.0</t>
  </si>
  <si>
    <t>7197699.0</t>
  </si>
  <si>
    <t>2551851.0</t>
  </si>
  <si>
    <t>2415101.0</t>
  </si>
  <si>
    <t>2028109.0</t>
  </si>
  <si>
    <t>227.06</t>
  </si>
  <si>
    <t>7203498.0</t>
  </si>
  <si>
    <t>2552206.0</t>
  </si>
  <si>
    <t>2415286.0</t>
  </si>
  <si>
    <t>2028737.0</t>
  </si>
  <si>
    <t>7207690.0</t>
  </si>
  <si>
    <t>2553851.0</t>
  </si>
  <si>
    <t>2415595.0</t>
  </si>
  <si>
    <t>2029125.0</t>
  </si>
  <si>
    <t>227.37</t>
  </si>
  <si>
    <t>7211084.0</t>
  </si>
  <si>
    <t>2554364.0</t>
  </si>
  <si>
    <t>2415797.0</t>
  </si>
  <si>
    <t>7216050.0</t>
  </si>
  <si>
    <t>2554797.0</t>
  </si>
  <si>
    <t>2416024.0</t>
  </si>
  <si>
    <t>7221922.0</t>
  </si>
  <si>
    <t>2555531.0</t>
  </si>
  <si>
    <t>2416253.0</t>
  </si>
  <si>
    <t>2030486.0</t>
  </si>
  <si>
    <t>7227877.0</t>
  </si>
  <si>
    <t>2555948.0</t>
  </si>
  <si>
    <t>2416503.0</t>
  </si>
  <si>
    <t>2031240.0</t>
  </si>
  <si>
    <t>7233379.0</t>
  </si>
  <si>
    <t>2416886.0</t>
  </si>
  <si>
    <t>2032002.0</t>
  </si>
  <si>
    <t>7239012.0</t>
  </si>
  <si>
    <t>2556701.0</t>
  </si>
  <si>
    <t>2417017.0</t>
  </si>
  <si>
    <t>2032587.0</t>
  </si>
  <si>
    <t>228.36</t>
  </si>
  <si>
    <t>7242453.0</t>
  </si>
  <si>
    <t>2558030.0</t>
  </si>
  <si>
    <t>2417309.0</t>
  </si>
  <si>
    <t>2032822.0</t>
  </si>
  <si>
    <t>7245674.0</t>
  </si>
  <si>
    <t>2558319.0</t>
  </si>
  <si>
    <t>2417565.0</t>
  </si>
  <si>
    <t>2033146.0</t>
  </si>
  <si>
    <t>7248918.0</t>
  </si>
  <si>
    <t>2558501.0</t>
  </si>
  <si>
    <t>2417759.0</t>
  </si>
  <si>
    <t>2033804.0</t>
  </si>
  <si>
    <t>228.67</t>
  </si>
  <si>
    <t>7252868.0</t>
  </si>
  <si>
    <t>2558890.0</t>
  </si>
  <si>
    <t>2417921.0</t>
  </si>
  <si>
    <t>2034243.0</t>
  </si>
  <si>
    <t>7257932.0</t>
  </si>
  <si>
    <t>2559001.0</t>
  </si>
  <si>
    <t>2418070.0</t>
  </si>
  <si>
    <t>2034790.0</t>
  </si>
  <si>
    <t>7262870.0</t>
  </si>
  <si>
    <t>2559194.0</t>
  </si>
  <si>
    <t>2418500.0</t>
  </si>
  <si>
    <t>2035695.0</t>
  </si>
  <si>
    <t>7267958.0</t>
  </si>
  <si>
    <t>2559391.0</t>
  </si>
  <si>
    <t>2418733.0</t>
  </si>
  <si>
    <t>2036487.0</t>
  </si>
  <si>
    <t>7271320.0</t>
  </si>
  <si>
    <t>2560491.0</t>
  </si>
  <si>
    <t>2418948.0</t>
  </si>
  <si>
    <t>2036905.0</t>
  </si>
  <si>
    <t>7274208.0</t>
  </si>
  <si>
    <t>2560623.0</t>
  </si>
  <si>
    <t>2419215.0</t>
  </si>
  <si>
    <t>2037167.0</t>
  </si>
  <si>
    <t>7276935.0</t>
  </si>
  <si>
    <t>2419409.0</t>
  </si>
  <si>
    <t>2037674.0</t>
  </si>
  <si>
    <t>7280508.0</t>
  </si>
  <si>
    <t>2419514.0</t>
  </si>
  <si>
    <t>2038116.0</t>
  </si>
  <si>
    <t>7284619.0</t>
  </si>
  <si>
    <t>2038765.0</t>
  </si>
  <si>
    <t>229.8</t>
  </si>
  <si>
    <t>7287216.0</t>
  </si>
  <si>
    <t>2560696.0</t>
  </si>
  <si>
    <t>2419617.0</t>
  </si>
  <si>
    <t>2039100.0</t>
  </si>
  <si>
    <t>229.88</t>
  </si>
  <si>
    <t>7291196.0</t>
  </si>
  <si>
    <t>2560831.0</t>
  </si>
  <si>
    <t>2419761.0</t>
  </si>
  <si>
    <t>2039703.0</t>
  </si>
  <si>
    <t>7293805.0</t>
  </si>
  <si>
    <t>2561746.0</t>
  </si>
  <si>
    <t>2419956.0</t>
  </si>
  <si>
    <t>2040024.0</t>
  </si>
  <si>
    <t>2562007.0</t>
  </si>
  <si>
    <t>2420165.0</t>
  </si>
  <si>
    <t>2040318.0</t>
  </si>
  <si>
    <t>7299777.0</t>
  </si>
  <si>
    <t>2562457.0</t>
  </si>
  <si>
    <t>2420494.0</t>
  </si>
  <si>
    <t>2041041.0</t>
  </si>
  <si>
    <t>7303995.0</t>
  </si>
  <si>
    <t>2420705.0</t>
  </si>
  <si>
    <t>2041725.0</t>
  </si>
  <si>
    <t>7304431.0</t>
  </si>
  <si>
    <t>2562977.0</t>
  </si>
  <si>
    <t>2420735.0</t>
  </si>
  <si>
    <t>2041860.0</t>
  </si>
  <si>
    <t>7308067.0</t>
  </si>
  <si>
    <t>2563308.0</t>
  </si>
  <si>
    <t>2420931.0</t>
  </si>
  <si>
    <t>2042452.0</t>
  </si>
  <si>
    <t>7308069.0</t>
  </si>
  <si>
    <t>2042453.0</t>
  </si>
  <si>
    <t>7308188.0</t>
  </si>
  <si>
    <t>2563311.0</t>
  </si>
  <si>
    <t>2420935.0</t>
  </si>
  <si>
    <t>2042473.0</t>
  </si>
  <si>
    <t>7308709.0</t>
  </si>
  <si>
    <t>2563366.0</t>
  </si>
  <si>
    <t>2421036.0</t>
  </si>
  <si>
    <t>2042508.0</t>
  </si>
  <si>
    <t>230.56</t>
  </si>
  <si>
    <t>7311255.0</t>
  </si>
  <si>
    <t>2563646.0</t>
  </si>
  <si>
    <t>2421260.0</t>
  </si>
  <si>
    <t>2042934.0</t>
  </si>
  <si>
    <t>7314679.0</t>
  </si>
  <si>
    <t>2564333.0</t>
  </si>
  <si>
    <t>2421420.0</t>
  </si>
  <si>
    <t>2043246.0</t>
  </si>
  <si>
    <t>230.75</t>
  </si>
  <si>
    <t>7317660.0</t>
  </si>
  <si>
    <t>2564595.0</t>
  </si>
  <si>
    <t>2043607.0</t>
  </si>
  <si>
    <t>7320486.0</t>
  </si>
  <si>
    <t>2564740.0</t>
  </si>
  <si>
    <t>2421990.0</t>
  </si>
  <si>
    <t>2044182.0</t>
  </si>
  <si>
    <t>7323512.0</t>
  </si>
  <si>
    <t>2564886.0</t>
  </si>
  <si>
    <t>2422159.0</t>
  </si>
  <si>
    <t>2044591.0</t>
  </si>
  <si>
    <t>7325693.0</t>
  </si>
  <si>
    <t>2565753.0</t>
  </si>
  <si>
    <t>2422615.0</t>
  </si>
  <si>
    <t>2044798.0</t>
  </si>
  <si>
    <t>7328373.0</t>
  </si>
  <si>
    <t>2566136.0</t>
  </si>
  <si>
    <t>2423065.0</t>
  </si>
  <si>
    <t>2045125.0</t>
  </si>
  <si>
    <t>7330235.0</t>
  </si>
  <si>
    <t>2566483.0</t>
  </si>
  <si>
    <t>2423248.0</t>
  </si>
  <si>
    <t>2045469.0</t>
  </si>
  <si>
    <t>231.24</t>
  </si>
  <si>
    <t>7332747.0</t>
  </si>
  <si>
    <t>2566957.0</t>
  </si>
  <si>
    <t>2423454.0</t>
  </si>
  <si>
    <t>2046021.0</t>
  </si>
  <si>
    <t>7335666.0</t>
  </si>
  <si>
    <t>2567162.0</t>
  </si>
  <si>
    <t>2423584.0</t>
  </si>
  <si>
    <t>2046431.0</t>
  </si>
  <si>
    <t>7338822.0</t>
  </si>
  <si>
    <t>2567291.0</t>
  </si>
  <si>
    <t>2423893.0</t>
  </si>
  <si>
    <t>2047115.0</t>
  </si>
  <si>
    <t>231.51</t>
  </si>
  <si>
    <t>7341682.0</t>
  </si>
  <si>
    <t>2567389.0</t>
  </si>
  <si>
    <t>2424015.0</t>
  </si>
  <si>
    <t>2047488.0</t>
  </si>
  <si>
    <t>7345287.0</t>
  </si>
  <si>
    <t>2567883.0</t>
  </si>
  <si>
    <t>2424345.0</t>
  </si>
  <si>
    <t>2047814.0</t>
  </si>
  <si>
    <t>7347375.0</t>
  </si>
  <si>
    <t>2568243.0</t>
  </si>
  <si>
    <t>2424821.0</t>
  </si>
  <si>
    <t>2048080.0</t>
  </si>
  <si>
    <t>231.78</t>
  </si>
  <si>
    <t>7348949.0</t>
  </si>
  <si>
    <t>2568709.0</t>
  </si>
  <si>
    <t>2424991.0</t>
  </si>
  <si>
    <t>2048423.0</t>
  </si>
  <si>
    <t>7351826.0</t>
  </si>
  <si>
    <t>2569482.0</t>
  </si>
  <si>
    <t>2425417.0</t>
  </si>
  <si>
    <t>2048823.0</t>
  </si>
  <si>
    <t>7354833.0</t>
  </si>
  <si>
    <t>2570057.0</t>
  </si>
  <si>
    <t>2425607.0</t>
  </si>
  <si>
    <t>2049327.0</t>
  </si>
  <si>
    <t>232.01</t>
  </si>
  <si>
    <t>7357504.0</t>
  </si>
  <si>
    <t>2570552.0</t>
  </si>
  <si>
    <t>2426060.0</t>
  </si>
  <si>
    <t>2049897.0</t>
  </si>
  <si>
    <t>7360130.0</t>
  </si>
  <si>
    <t>2570941.0</t>
  </si>
  <si>
    <t>2426276.0</t>
  </si>
  <si>
    <t>2050424.0</t>
  </si>
  <si>
    <t>7363434.0</t>
  </si>
  <si>
    <t>2572045.0</t>
  </si>
  <si>
    <t>2426762.0</t>
  </si>
  <si>
    <t>2050772.0</t>
  </si>
  <si>
    <t>232.28</t>
  </si>
  <si>
    <t>7366105.0</t>
  </si>
  <si>
    <t>2573073.0</t>
  </si>
  <si>
    <t>2427552.0</t>
  </si>
  <si>
    <t>2051054.0</t>
  </si>
  <si>
    <t>7368063.0</t>
  </si>
  <si>
    <t>2573532.0</t>
  </si>
  <si>
    <t>2427831.0</t>
  </si>
  <si>
    <t>2051490.0</t>
  </si>
  <si>
    <t>7371034.0</t>
  </si>
  <si>
    <t>2574159.0</t>
  </si>
  <si>
    <t>2428303.0</t>
  </si>
  <si>
    <t>2051895.0</t>
  </si>
  <si>
    <t>232.52</t>
  </si>
  <si>
    <t>7373522.0</t>
  </si>
  <si>
    <t>2574534.0</t>
  </si>
  <si>
    <t>2428483.0</t>
  </si>
  <si>
    <t>2052349.0</t>
  </si>
  <si>
    <t>7376421.0</t>
  </si>
  <si>
    <t>2574983.0</t>
  </si>
  <si>
    <t>2428741.0</t>
  </si>
  <si>
    <t>2052952.0</t>
  </si>
  <si>
    <t>7377636.0</t>
  </si>
  <si>
    <t>2575189.0</t>
  </si>
  <si>
    <t>2428910.0</t>
  </si>
  <si>
    <t>7380376.0</t>
  </si>
  <si>
    <t>2575789.0</t>
  </si>
  <si>
    <t>2430622.0</t>
  </si>
  <si>
    <t>2053983.0</t>
  </si>
  <si>
    <t>7381915.0</t>
  </si>
  <si>
    <t>2576089.0</t>
  </si>
  <si>
    <t>2431605.0</t>
  </si>
  <si>
    <t>2054231.0</t>
  </si>
  <si>
    <t>232.87</t>
  </si>
  <si>
    <t>7382990.0</t>
  </si>
  <si>
    <t>2576267.0</t>
  </si>
  <si>
    <t>2431830.0</t>
  </si>
  <si>
    <t>2054757.0</t>
  </si>
  <si>
    <t>7384376.0</t>
  </si>
  <si>
    <t>2576600.0</t>
  </si>
  <si>
    <t>2432162.0</t>
  </si>
  <si>
    <t>2055313.0</t>
  </si>
  <si>
    <t>7385187.0</t>
  </si>
  <si>
    <t>2432376.0</t>
  </si>
  <si>
    <t>2055688.0</t>
  </si>
  <si>
    <t>232.97</t>
  </si>
  <si>
    <t>7386529.0</t>
  </si>
  <si>
    <t>2576685.0</t>
  </si>
  <si>
    <t>2432708.0</t>
  </si>
  <si>
    <t>2056535.0</t>
  </si>
  <si>
    <t>7387354.0</t>
  </si>
  <si>
    <t>2576757.0</t>
  </si>
  <si>
    <t>2432915.0</t>
  </si>
  <si>
    <t>2056946.0</t>
  </si>
  <si>
    <t>7388725.0</t>
  </si>
  <si>
    <t>2577307.0</t>
  </si>
  <si>
    <t>2433449.0</t>
  </si>
  <si>
    <t>2057199.0</t>
  </si>
  <si>
    <t>7389833.0</t>
  </si>
  <si>
    <t>2577821.0</t>
  </si>
  <si>
    <t>2433882.0</t>
  </si>
  <si>
    <t>2057343.0</t>
  </si>
  <si>
    <t>233.12</t>
  </si>
  <si>
    <t>7390581.0</t>
  </si>
  <si>
    <t>2577936.0</t>
  </si>
  <si>
    <t>2434084.0</t>
  </si>
  <si>
    <t>2057686.0</t>
  </si>
  <si>
    <t>7391904.0</t>
  </si>
  <si>
    <t>2434571.0</t>
  </si>
  <si>
    <t>2058150.0</t>
  </si>
  <si>
    <t>7392903.0</t>
  </si>
  <si>
    <t>2578294.0</t>
  </si>
  <si>
    <t>2434827.0</t>
  </si>
  <si>
    <t>2058654.0</t>
  </si>
  <si>
    <t>7394285.0</t>
  </si>
  <si>
    <t>2578392.0</t>
  </si>
  <si>
    <t>2435177.0</t>
  </si>
  <si>
    <t>2059415.0</t>
  </si>
  <si>
    <t>7394993.0</t>
  </si>
  <si>
    <t>2578455.0</t>
  </si>
  <si>
    <t>2435335.0</t>
  </si>
  <si>
    <t>2059761.0</t>
  </si>
  <si>
    <t>7396226.0</t>
  </si>
  <si>
    <t>2578715.0</t>
  </si>
  <si>
    <t>2436134.0</t>
  </si>
  <si>
    <t>2059907.0</t>
  </si>
  <si>
    <t>7397056.0</t>
  </si>
  <si>
    <t>2578872.0</t>
  </si>
  <si>
    <t>2436610.0</t>
  </si>
  <si>
    <t>2060094.0</t>
  </si>
  <si>
    <t>233.35</t>
  </si>
  <si>
    <t>7397996.0</t>
  </si>
  <si>
    <t>2578974.0</t>
  </si>
  <si>
    <t>2436964.0</t>
  </si>
  <si>
    <t>2060504.0</t>
  </si>
  <si>
    <t>7399061.0</t>
  </si>
  <si>
    <t>2437442.0</t>
  </si>
  <si>
    <t>2060914.0</t>
  </si>
  <si>
    <t>7400381.0</t>
  </si>
  <si>
    <t>2579446.0</t>
  </si>
  <si>
    <t>2437882.0</t>
  </si>
  <si>
    <t>2061337.0</t>
  </si>
  <si>
    <t>7401830.0</t>
  </si>
  <si>
    <t>2579771.0</t>
  </si>
  <si>
    <t>2438354.0</t>
  </si>
  <si>
    <t>2061822.0</t>
  </si>
  <si>
    <t>7402828.0</t>
  </si>
  <si>
    <t>2579983.0</t>
  </si>
  <si>
    <t>2438767.0</t>
  </si>
  <si>
    <t>2062061.0</t>
  </si>
  <si>
    <t>7404085.0</t>
  </si>
  <si>
    <t>2580340.0</t>
  </si>
  <si>
    <t>2439502.0</t>
  </si>
  <si>
    <t>2062210.0</t>
  </si>
  <si>
    <t>233.57</t>
  </si>
  <si>
    <t>7404914.0</t>
  </si>
  <si>
    <t>2580692.0</t>
  </si>
  <si>
    <t>2439859.0</t>
  </si>
  <si>
    <t>2062317.0</t>
  </si>
  <si>
    <t>233.59</t>
  </si>
  <si>
    <t>7405936.0</t>
  </si>
  <si>
    <t>2580979.0</t>
  </si>
  <si>
    <t>2440323.0</t>
  </si>
  <si>
    <t>2062530.0</t>
  </si>
  <si>
    <t>233.63</t>
  </si>
  <si>
    <t>7407584.0</t>
  </si>
  <si>
    <t>2581539.0</t>
  </si>
  <si>
    <t>2441155.0</t>
  </si>
  <si>
    <t>2062713.0</t>
  </si>
  <si>
    <t>233.68</t>
  </si>
  <si>
    <t>7408695.0</t>
  </si>
  <si>
    <t>2581871.0</t>
  </si>
  <si>
    <t>2441565.0</t>
  </si>
  <si>
    <t>2062995.0</t>
  </si>
  <si>
    <t>233.71</t>
  </si>
  <si>
    <t>7414107.0</t>
  </si>
  <si>
    <t>2582257.0</t>
  </si>
  <si>
    <t>2442064.0</t>
  </si>
  <si>
    <t>2063432.0</t>
  </si>
  <si>
    <t>7415015.0</t>
  </si>
  <si>
    <t>2582425.0</t>
  </si>
  <si>
    <t>2442478.0</t>
  </si>
  <si>
    <t>2063679.0</t>
  </si>
  <si>
    <t>7416108.0</t>
  </si>
  <si>
    <t>2582667.0</t>
  </si>
  <si>
    <t>2443156.0</t>
  </si>
  <si>
    <t>2063840.0</t>
  </si>
  <si>
    <t>7416889.0</t>
  </si>
  <si>
    <t>2582948.0</t>
  </si>
  <si>
    <t>2443572.0</t>
  </si>
  <si>
    <t>2063917.0</t>
  </si>
  <si>
    <t>7417942.0</t>
  </si>
  <si>
    <t>2583164.0</t>
  </si>
  <si>
    <t>2444149.0</t>
  </si>
  <si>
    <t>2064167.0</t>
  </si>
  <si>
    <t>7419569.0</t>
  </si>
  <si>
    <t>2445266.0</t>
  </si>
  <si>
    <t>2064314.0</t>
  </si>
  <si>
    <t>2445791.0</t>
  </si>
  <si>
    <t>2064635.0</t>
  </si>
  <si>
    <t>7420392.0</t>
  </si>
  <si>
    <t>2583190.0</t>
  </si>
  <si>
    <t>2445887.0</t>
  </si>
  <si>
    <t>2064848.0</t>
  </si>
  <si>
    <t>7421227.0</t>
  </si>
  <si>
    <t>2583397.0</t>
  </si>
  <si>
    <t>2446286.0</t>
  </si>
  <si>
    <t>2065069.0</t>
  </si>
  <si>
    <t>7422278.0</t>
  </si>
  <si>
    <t>2583618.0</t>
  </si>
  <si>
    <t>2446989.0</t>
  </si>
  <si>
    <t>2065189.0</t>
  </si>
  <si>
    <t>7422821.0</t>
  </si>
  <si>
    <t>2583809.0</t>
  </si>
  <si>
    <t>2447257.0</t>
  </si>
  <si>
    <t>2065271.0</t>
  </si>
  <si>
    <t>234.16</t>
  </si>
  <si>
    <t>7423732.0</t>
  </si>
  <si>
    <t>2447715.0</t>
  </si>
  <si>
    <t>2065536.0</t>
  </si>
  <si>
    <t>7424984.0</t>
  </si>
  <si>
    <t>2584257.0</t>
  </si>
  <si>
    <t>2448514.0</t>
  </si>
  <si>
    <t>2065725.0</t>
  </si>
  <si>
    <t>7425890.0</t>
  </si>
  <si>
    <t>2584450.0</t>
  </si>
  <si>
    <t>2448915.0</t>
  </si>
  <si>
    <t>2066035.0</t>
  </si>
  <si>
    <t>234.26</t>
  </si>
  <si>
    <t>7426291.0</t>
  </si>
  <si>
    <t>2584462.0</t>
  </si>
  <si>
    <t>2449238.0</t>
  </si>
  <si>
    <t>2066382.0</t>
  </si>
  <si>
    <t>7426971.0</t>
  </si>
  <si>
    <t>2584630.0</t>
  </si>
  <si>
    <t>2449531.0</t>
  </si>
  <si>
    <t>2066595.0</t>
  </si>
  <si>
    <t>7427067.0</t>
  </si>
  <si>
    <t>2584652.0</t>
  </si>
  <si>
    <t>2449562.0</t>
  </si>
  <si>
    <t>2066638.0</t>
  </si>
  <si>
    <t>7427419.0</t>
  </si>
  <si>
    <t>2584742.0</t>
  </si>
  <si>
    <t>2449763.0</t>
  </si>
  <si>
    <t>2066698.0</t>
  </si>
  <si>
    <t>7428115.0</t>
  </si>
  <si>
    <t>2584917.0</t>
  </si>
  <si>
    <t>2450053.0</t>
  </si>
  <si>
    <t>2066926.0</t>
  </si>
  <si>
    <t>7429102.0</t>
  </si>
  <si>
    <t>2585198.0</t>
  </si>
  <si>
    <t>2450568.0</t>
  </si>
  <si>
    <t>2067112.0</t>
  </si>
  <si>
    <t>7429836.0</t>
  </si>
  <si>
    <t>2585374.0</t>
  </si>
  <si>
    <t>2450819.0</t>
  </si>
  <si>
    <t>2067414.0</t>
  </si>
  <si>
    <t>7430668.0</t>
  </si>
  <si>
    <t>2585502.0</t>
  </si>
  <si>
    <t>2451096.0</t>
  </si>
  <si>
    <t>2067800.0</t>
  </si>
  <si>
    <t>7431185.0</t>
  </si>
  <si>
    <t>2585639.0</t>
  </si>
  <si>
    <t>2451250.0</t>
  </si>
  <si>
    <t>2068023.0</t>
  </si>
  <si>
    <t>7431885.0</t>
  </si>
  <si>
    <t>2585906.0</t>
  </si>
  <si>
    <t>2451550.0</t>
  </si>
  <si>
    <t>2068154.0</t>
  </si>
  <si>
    <t>234.44</t>
  </si>
  <si>
    <t>7432289.0</t>
  </si>
  <si>
    <t>2586029.0</t>
  </si>
  <si>
    <t>2451696.0</t>
  </si>
  <si>
    <t>2068289.0</t>
  </si>
  <si>
    <t>234.46</t>
  </si>
  <si>
    <t>7432997.0</t>
  </si>
  <si>
    <t>2586140.0</t>
  </si>
  <si>
    <t>2452051.0</t>
  </si>
  <si>
    <t>2068524.0</t>
  </si>
  <si>
    <t>7434202.0</t>
  </si>
  <si>
    <t>2586423.0</t>
  </si>
  <si>
    <t>2452871.0</t>
  </si>
  <si>
    <t>2068626.0</t>
  </si>
  <si>
    <t>7434953.0</t>
  </si>
  <si>
    <t>2586542.0</t>
  </si>
  <si>
    <t>2453243.0</t>
  </si>
  <si>
    <t>2068886.0</t>
  </si>
  <si>
    <t>7435766.0</t>
  </si>
  <si>
    <t>2586884.0</t>
  </si>
  <si>
    <t>2453575.0</t>
  </si>
  <si>
    <t>2069064.0</t>
  </si>
  <si>
    <t>7436396.0</t>
  </si>
  <si>
    <t>2587080.0</t>
  </si>
  <si>
    <t>2453771.0</t>
  </si>
  <si>
    <t>2069302.0</t>
  </si>
  <si>
    <t>7436843.0</t>
  </si>
  <si>
    <t>2587183.0</t>
  </si>
  <si>
    <t>2454060.0</t>
  </si>
  <si>
    <t>2069357.0</t>
  </si>
  <si>
    <t>7437014.0</t>
  </si>
  <si>
    <t>2587261.0</t>
  </si>
  <si>
    <t>2454121.0</t>
  </si>
  <si>
    <t>2069389.0</t>
  </si>
  <si>
    <t>7437024.0</t>
  </si>
  <si>
    <t>2454123.0</t>
  </si>
  <si>
    <t>7438070.0</t>
  </si>
  <si>
    <t>2587367.0</t>
  </si>
  <si>
    <t>2454934.0</t>
  </si>
  <si>
    <t>2069519.0</t>
  </si>
  <si>
    <t>7439110.0</t>
  </si>
  <si>
    <t>2455467.0</t>
  </si>
  <si>
    <t>2069769.0</t>
  </si>
  <si>
    <t>7446530.0</t>
  </si>
  <si>
    <t>2587591.0</t>
  </si>
  <si>
    <t>2455474.0</t>
  </si>
  <si>
    <t>2069915.0</t>
  </si>
  <si>
    <t>7453598.0</t>
  </si>
  <si>
    <t>2587614.0</t>
  </si>
  <si>
    <t>2455518.0</t>
  </si>
  <si>
    <t>2069992.0</t>
  </si>
  <si>
    <t>7459497.0</t>
  </si>
  <si>
    <t>2587679.0</t>
  </si>
  <si>
    <t>2456076.0</t>
  </si>
  <si>
    <t>2070070.0</t>
  </si>
  <si>
    <t>7463913.0</t>
  </si>
  <si>
    <t>2587695.0</t>
  </si>
  <si>
    <t>2456108.0</t>
  </si>
  <si>
    <t>2070206.0</t>
  </si>
  <si>
    <t>235.45</t>
  </si>
  <si>
    <t>7473594.0</t>
  </si>
  <si>
    <t>2587716.0</t>
  </si>
  <si>
    <t>2456113.0</t>
  </si>
  <si>
    <t>2070302.0</t>
  </si>
  <si>
    <t>7483631.0</t>
  </si>
  <si>
    <t>2587740.0</t>
  </si>
  <si>
    <t>2456138.0</t>
  </si>
  <si>
    <t>2070417.0</t>
  </si>
  <si>
    <t>7493482.0</t>
  </si>
  <si>
    <t>2456178.0</t>
  </si>
  <si>
    <t>2070524.0</t>
  </si>
  <si>
    <t>7503644.0</t>
  </si>
  <si>
    <t>2587762.0</t>
  </si>
  <si>
    <t>2456199.0</t>
  </si>
  <si>
    <t>2070674.0</t>
  </si>
  <si>
    <t>236.71</t>
  </si>
  <si>
    <t>7512724.0</t>
  </si>
  <si>
    <t>2587787.0</t>
  </si>
  <si>
    <t>2456237.0</t>
  </si>
  <si>
    <t>2070745.0</t>
  </si>
  <si>
    <t>7528180.0</t>
  </si>
  <si>
    <t>2587916.0</t>
  </si>
  <si>
    <t>2456762.0</t>
  </si>
  <si>
    <t>2070842.0</t>
  </si>
  <si>
    <t>7534632.0</t>
  </si>
  <si>
    <t>2587960.0</t>
  </si>
  <si>
    <t>2456939.0</t>
  </si>
  <si>
    <t>2070933.0</t>
  </si>
  <si>
    <t>7543118.0</t>
  </si>
  <si>
    <t>2587982.0</t>
  </si>
  <si>
    <t>2456963.0</t>
  </si>
  <si>
    <t>2071120.0</t>
  </si>
  <si>
    <t>237.95</t>
  </si>
  <si>
    <t>7552719.0</t>
  </si>
  <si>
    <t>2588026.0</t>
  </si>
  <si>
    <t>2457078.0</t>
  </si>
  <si>
    <t>2071272.0</t>
  </si>
  <si>
    <t>7563243.0</t>
  </si>
  <si>
    <t>2588054.0</t>
  </si>
  <si>
    <t>2457148.0</t>
  </si>
  <si>
    <t>2071442.0</t>
  </si>
  <si>
    <t>238.59</t>
  </si>
  <si>
    <t>7574279.0</t>
  </si>
  <si>
    <t>2588087.0</t>
  </si>
  <si>
    <t>2457235.0</t>
  </si>
  <si>
    <t>2071687.0</t>
  </si>
  <si>
    <t>7584677.0</t>
  </si>
  <si>
    <t>2588115.0</t>
  </si>
  <si>
    <t>2457304.0</t>
  </si>
  <si>
    <t>7596938.0</t>
  </si>
  <si>
    <t>2588179.0</t>
  </si>
  <si>
    <t>2457581.0</t>
  </si>
  <si>
    <t>2071935.0</t>
  </si>
  <si>
    <t>7601307.0</t>
  </si>
  <si>
    <t>2588214.0</t>
  </si>
  <si>
    <t>2457745.0</t>
  </si>
  <si>
    <t>2072142.0</t>
  </si>
  <si>
    <t>239.79</t>
  </si>
  <si>
    <t>7604481.0</t>
  </si>
  <si>
    <t>2588227.0</t>
  </si>
  <si>
    <t>2457780.0</t>
  </si>
  <si>
    <t>2072203.0</t>
  </si>
  <si>
    <t>7616199.0</t>
  </si>
  <si>
    <t>2588254.0</t>
  </si>
  <si>
    <t>2457866.0</t>
  </si>
  <si>
    <t>2072332.0</t>
  </si>
  <si>
    <t>7628826.0</t>
  </si>
  <si>
    <t>2588296.0</t>
  </si>
  <si>
    <t>2457975.0</t>
  </si>
  <si>
    <t>2072464.0</t>
  </si>
  <si>
    <t>7641429.0</t>
  </si>
  <si>
    <t>2588300.0</t>
  </si>
  <si>
    <t>2072748.0</t>
  </si>
  <si>
    <t>7652978.0</t>
  </si>
  <si>
    <t>2588315.0</t>
  </si>
  <si>
    <t>2458116.0</t>
  </si>
  <si>
    <t>2072900.0</t>
  </si>
  <si>
    <t>7671747.0</t>
  </si>
  <si>
    <t>2588391.0</t>
  </si>
  <si>
    <t>2458461.0</t>
  </si>
  <si>
    <t>2073031.0</t>
  </si>
  <si>
    <t>242.01</t>
  </si>
  <si>
    <t>7679857.0</t>
  </si>
  <si>
    <t>2588421.0</t>
  </si>
  <si>
    <t>2458624.0</t>
  </si>
  <si>
    <t>2073122.0</t>
  </si>
  <si>
    <t>7689568.0</t>
  </si>
  <si>
    <t>2588456.0</t>
  </si>
  <si>
    <t>2458654.0</t>
  </si>
  <si>
    <t>2073276.0</t>
  </si>
  <si>
    <t>7703151.0</t>
  </si>
  <si>
    <t>2588488.0</t>
  </si>
  <si>
    <t>2458805.0</t>
  </si>
  <si>
    <t>2073412.0</t>
  </si>
  <si>
    <t>7715971.0</t>
  </si>
  <si>
    <t>2588542.0</t>
  </si>
  <si>
    <t>2458983.0</t>
  </si>
  <si>
    <t>2073615.0</t>
  </si>
  <si>
    <t>7732353.0</t>
  </si>
  <si>
    <t>2588546.0</t>
  </si>
  <si>
    <t>2459098.0</t>
  </si>
  <si>
    <t>2073963.0</t>
  </si>
  <si>
    <t>7744873.0</t>
  </si>
  <si>
    <t>2588563.0</t>
  </si>
  <si>
    <t>2459171.0</t>
  </si>
  <si>
    <t>2074068.0</t>
  </si>
  <si>
    <t>244.32</t>
  </si>
  <si>
    <t>7767675.0</t>
  </si>
  <si>
    <t>2588656.0</t>
  </si>
  <si>
    <t>2459796.0</t>
  </si>
  <si>
    <t>2074210.0</t>
  </si>
  <si>
    <t>245.04</t>
  </si>
  <si>
    <t>7777354.0</t>
  </si>
  <si>
    <t>2588702.0</t>
  </si>
  <si>
    <t>2460458.0</t>
  </si>
  <si>
    <t>2074278.0</t>
  </si>
  <si>
    <t>7788878.0</t>
  </si>
  <si>
    <t>2460490.0</t>
  </si>
  <si>
    <t>2074400.0</t>
  </si>
  <si>
    <t>7801263.0</t>
  </si>
  <si>
    <t>2460560.0</t>
  </si>
  <si>
    <t>2074510.0</t>
  </si>
  <si>
    <t>7813440.0</t>
  </si>
  <si>
    <t>2460651.0</t>
  </si>
  <si>
    <t>2074646.0</t>
  </si>
  <si>
    <t>7829818.0</t>
  </si>
  <si>
    <t>2588745.0</t>
  </si>
  <si>
    <t>2460675.0</t>
  </si>
  <si>
    <t>2074933.0</t>
  </si>
  <si>
    <t>7842742.0</t>
  </si>
  <si>
    <t>2588777.0</t>
  </si>
  <si>
    <t>2460725.0</t>
  </si>
  <si>
    <t>7869930.0</t>
  </si>
  <si>
    <t>2588847.0</t>
  </si>
  <si>
    <t>2461004.0</t>
  </si>
  <si>
    <t>248.26</t>
  </si>
  <si>
    <t>7879255.0</t>
  </si>
  <si>
    <t>2588887.0</t>
  </si>
  <si>
    <t>2461162.0</t>
  </si>
  <si>
    <t>7893857.0</t>
  </si>
  <si>
    <t>2588920.0</t>
  </si>
  <si>
    <t>2461193.0</t>
  </si>
  <si>
    <t>249.02</t>
  </si>
  <si>
    <t>7910370.0</t>
  </si>
  <si>
    <t>2461278.0</t>
  </si>
  <si>
    <t>7923831.0</t>
  </si>
  <si>
    <t>2461336.0</t>
  </si>
  <si>
    <t>7945672.0</t>
  </si>
  <si>
    <t>2588942.0</t>
  </si>
  <si>
    <t>2461364.0</t>
  </si>
  <si>
    <t>7961709.0</t>
  </si>
  <si>
    <t>2588969.0</t>
  </si>
  <si>
    <t>2461411.0</t>
  </si>
  <si>
    <t>251.16</t>
  </si>
  <si>
    <t>7989616.0</t>
  </si>
  <si>
    <t>2589096.0</t>
  </si>
  <si>
    <t>2462633.0</t>
  </si>
  <si>
    <t>252.04</t>
  </si>
  <si>
    <t>7998223.0</t>
  </si>
  <si>
    <t>2589144.0</t>
  </si>
  <si>
    <t>2463021.0</t>
  </si>
  <si>
    <t>8012060.0</t>
  </si>
  <si>
    <t>2589178.0</t>
  </si>
  <si>
    <t>2463062.0</t>
  </si>
  <si>
    <t>252.75</t>
  </si>
  <si>
    <t>8027362.0</t>
  </si>
  <si>
    <t>2589211.0</t>
  </si>
  <si>
    <t>2463147.0</t>
  </si>
  <si>
    <t>8040954.0</t>
  </si>
  <si>
    <t>2463231.0</t>
  </si>
  <si>
    <t>8059153.0</t>
  </si>
  <si>
    <t>2589237.0</t>
  </si>
  <si>
    <t>2463300.0</t>
  </si>
  <si>
    <t>254.23</t>
  </si>
  <si>
    <t>8073429.0</t>
  </si>
  <si>
    <t>2589263.0</t>
  </si>
  <si>
    <t>2463331.0</t>
  </si>
  <si>
    <t>8094290.0</t>
  </si>
  <si>
    <t>2589378.0</t>
  </si>
  <si>
    <t>2464390.0</t>
  </si>
  <si>
    <t>8102063.0</t>
  </si>
  <si>
    <t>2589393.0</t>
  </si>
  <si>
    <t>2464697.0</t>
  </si>
  <si>
    <t>8114288.0</t>
  </si>
  <si>
    <t>2589413.0</t>
  </si>
  <si>
    <t>2464719.0</t>
  </si>
  <si>
    <t>255.97</t>
  </si>
  <si>
    <t>8127713.0</t>
  </si>
  <si>
    <t>2589446.0</t>
  </si>
  <si>
    <t>2464794.0</t>
  </si>
  <si>
    <t>256.39</t>
  </si>
  <si>
    <t>8141072.0</t>
  </si>
  <si>
    <t>2464853.0</t>
  </si>
  <si>
    <t>8159566.0</t>
  </si>
  <si>
    <t>2464891.0</t>
  </si>
  <si>
    <t>8172385.0</t>
  </si>
  <si>
    <t>2589504.0</t>
  </si>
  <si>
    <t>2464919.0</t>
  </si>
  <si>
    <t>8187214.0</t>
  </si>
  <si>
    <t>2589566.0</t>
  </si>
  <si>
    <t>2465149.0</t>
  </si>
  <si>
    <t>258.27</t>
  </si>
  <si>
    <t>8194008.0</t>
  </si>
  <si>
    <t>2589596.0</t>
  </si>
  <si>
    <t>2465454.0</t>
  </si>
  <si>
    <t>8204256.0</t>
  </si>
  <si>
    <t>2589618.0</t>
  </si>
  <si>
    <t>2465484.0</t>
  </si>
  <si>
    <t>258.81</t>
  </si>
  <si>
    <t>8215222.0</t>
  </si>
  <si>
    <t>2589656.0</t>
  </si>
  <si>
    <t>2465551.0</t>
  </si>
  <si>
    <t>8225151.0</t>
  </si>
  <si>
    <t>2589684.0</t>
  </si>
  <si>
    <t>2465649.0</t>
  </si>
  <si>
    <t>8239644.0</t>
  </si>
  <si>
    <t>2589686.0</t>
  </si>
  <si>
    <t>2465707.0</t>
  </si>
  <si>
    <t>259.93</t>
  </si>
  <si>
    <t>8250191.0</t>
  </si>
  <si>
    <t>2589708.0</t>
  </si>
  <si>
    <t>2465931.0</t>
  </si>
  <si>
    <t>260.26</t>
  </si>
  <si>
    <t>8261626.0</t>
  </si>
  <si>
    <t>2589726.0</t>
  </si>
  <si>
    <t>2466019.0</t>
  </si>
  <si>
    <t>8268413.0</t>
  </si>
  <si>
    <t>2589747.0</t>
  </si>
  <si>
    <t>2466193.0</t>
  </si>
  <si>
    <t>8278828.0</t>
  </si>
  <si>
    <t>2589764.0</t>
  </si>
  <si>
    <t>2466223.0</t>
  </si>
  <si>
    <t>261.16</t>
  </si>
  <si>
    <t>8289995.0</t>
  </si>
  <si>
    <t>2589783.0</t>
  </si>
  <si>
    <t>2466272.0</t>
  </si>
  <si>
    <t>261.51</t>
  </si>
  <si>
    <t>8300602.0</t>
  </si>
  <si>
    <t>2589814.0</t>
  </si>
  <si>
    <t>2466317.0</t>
  </si>
  <si>
    <t>261.85</t>
  </si>
  <si>
    <t>8316123.0</t>
  </si>
  <si>
    <t>2589825.0</t>
  </si>
  <si>
    <t>2466446.0</t>
  </si>
  <si>
    <t>262.34</t>
  </si>
  <si>
    <t>8327641.0</t>
  </si>
  <si>
    <t>2589839.0</t>
  </si>
  <si>
    <t>2466478.0</t>
  </si>
  <si>
    <t>8340784.0</t>
  </si>
  <si>
    <t>2589931.0</t>
  </si>
  <si>
    <t>2467034.0</t>
  </si>
  <si>
    <t>8346352.0</t>
  </si>
  <si>
    <t>2589984.0</t>
  </si>
  <si>
    <t>2467408.0</t>
  </si>
  <si>
    <t>263.29</t>
  </si>
  <si>
    <t>8354615.0</t>
  </si>
  <si>
    <t>2590005.0</t>
  </si>
  <si>
    <t>2467460.0</t>
  </si>
  <si>
    <t>263.55</t>
  </si>
  <si>
    <t>8363812.0</t>
  </si>
  <si>
    <t>2590045.0</t>
  </si>
  <si>
    <t>2467558.0</t>
  </si>
  <si>
    <t>8372043.0</t>
  </si>
  <si>
    <t>2590069.0</t>
  </si>
  <si>
    <t>2467597.0</t>
  </si>
  <si>
    <t>8385188.0</t>
  </si>
  <si>
    <t>2590561.0</t>
  </si>
  <si>
    <t>2468185.0</t>
  </si>
  <si>
    <t>264.52</t>
  </si>
  <si>
    <t>8395018.0</t>
  </si>
  <si>
    <t>2590589.0</t>
  </si>
  <si>
    <t>2468219.0</t>
  </si>
  <si>
    <t>8405926.0</t>
  </si>
  <si>
    <t>2590668.0</t>
  </si>
  <si>
    <t>2468977.0</t>
  </si>
  <si>
    <t>265.17</t>
  </si>
  <si>
    <t>8411330.0</t>
  </si>
  <si>
    <t>2590700.0</t>
  </si>
  <si>
    <t>2469294.0</t>
  </si>
  <si>
    <t>265.34</t>
  </si>
  <si>
    <t>8419425.0</t>
  </si>
  <si>
    <t>2469327.0</t>
  </si>
  <si>
    <t>8427812.0</t>
  </si>
  <si>
    <t>2469410.0</t>
  </si>
  <si>
    <t>8435836.0</t>
  </si>
  <si>
    <t>2469437.0</t>
  </si>
  <si>
    <t>266.11</t>
  </si>
  <si>
    <t>8447632.0</t>
  </si>
  <si>
    <t>2590717.0</t>
  </si>
  <si>
    <t>2469473.0</t>
  </si>
  <si>
    <t>2074947.0</t>
  </si>
  <si>
    <t>266.49</t>
  </si>
  <si>
    <t>8454452.0</t>
  </si>
  <si>
    <t>2590748.0</t>
  </si>
  <si>
    <t>2469493.0</t>
  </si>
  <si>
    <t>2074970.0</t>
  </si>
  <si>
    <t>8460722.0</t>
  </si>
  <si>
    <t>2590785.0</t>
  </si>
  <si>
    <t>2469863.0</t>
  </si>
  <si>
    <t>2075020.0</t>
  </si>
  <si>
    <t>8465188.0</t>
  </si>
  <si>
    <t>2590810.0</t>
  </si>
  <si>
    <t>2470253.0</t>
  </si>
  <si>
    <t>2075043.0</t>
  </si>
  <si>
    <t>267.04</t>
  </si>
  <si>
    <t>8472502.0</t>
  </si>
  <si>
    <t>2470291.0</t>
  </si>
  <si>
    <t>2075073.0</t>
  </si>
  <si>
    <t>8479098.0</t>
  </si>
  <si>
    <t>2470338.0</t>
  </si>
  <si>
    <t>2075106.0</t>
  </si>
  <si>
    <t>8486260.0</t>
  </si>
  <si>
    <t>2075137.0</t>
  </si>
  <si>
    <t>267.71</t>
  </si>
  <si>
    <t>8493334.0</t>
  </si>
  <si>
    <t>2590819.0</t>
  </si>
  <si>
    <t>2470374.0</t>
  </si>
  <si>
    <t>2075227.0</t>
  </si>
  <si>
    <t>267.93</t>
  </si>
  <si>
    <t>8498830.0</t>
  </si>
  <si>
    <t>2590836.0</t>
  </si>
  <si>
    <t>2470395.0</t>
  </si>
  <si>
    <t>2075259.0</t>
  </si>
  <si>
    <t>268.1</t>
  </si>
  <si>
    <t>8502765.0</t>
  </si>
  <si>
    <t>2590867.0</t>
  </si>
  <si>
    <t>2470563.0</t>
  </si>
  <si>
    <t>2075296.0</t>
  </si>
  <si>
    <t>268.23</t>
  </si>
  <si>
    <t>8506270.0</t>
  </si>
  <si>
    <t>2470677.0</t>
  </si>
  <si>
    <t>2075310.0</t>
  </si>
  <si>
    <t>8511204.0</t>
  </si>
  <si>
    <t>2470704.0</t>
  </si>
  <si>
    <t>2075341.0</t>
  </si>
  <si>
    <t>8516920.0</t>
  </si>
  <si>
    <t>2470735.0</t>
  </si>
  <si>
    <t>2075377.0</t>
  </si>
  <si>
    <t>268.67</t>
  </si>
  <si>
    <t>8521525.0</t>
  </si>
  <si>
    <t>2075406.0</t>
  </si>
  <si>
    <t>268.82</t>
  </si>
  <si>
    <t>8526937.0</t>
  </si>
  <si>
    <t>2590891.0</t>
  </si>
  <si>
    <t>2075456.0</t>
  </si>
  <si>
    <t>268.99</t>
  </si>
  <si>
    <t>8531128.0</t>
  </si>
  <si>
    <t>2590898.0</t>
  </si>
  <si>
    <t>2470793.0</t>
  </si>
  <si>
    <t>2075470.0</t>
  </si>
  <si>
    <t>269.12</t>
  </si>
  <si>
    <t>8534288.0</t>
  </si>
  <si>
    <t>2590935.0</t>
  </si>
  <si>
    <t>2470975.0</t>
  </si>
  <si>
    <t>2075504.0</t>
  </si>
  <si>
    <t>269.22</t>
  </si>
  <si>
    <t>8537480.0</t>
  </si>
  <si>
    <t>2471528.0</t>
  </si>
  <si>
    <t>2075523.0</t>
  </si>
  <si>
    <t>269.32</t>
  </si>
  <si>
    <t>8541898.0</t>
  </si>
  <si>
    <t>2471547.0</t>
  </si>
  <si>
    <t>2075552.0</t>
  </si>
  <si>
    <t>269.46</t>
  </si>
  <si>
    <t>8545971.0</t>
  </si>
  <si>
    <t>2075559.0</t>
  </si>
  <si>
    <t>8549137.0</t>
  </si>
  <si>
    <t>2075574.0</t>
  </si>
  <si>
    <t>269.69</t>
  </si>
  <si>
    <t>8551465.0</t>
  </si>
  <si>
    <t>2590946.0</t>
  </si>
  <si>
    <t>2471550.0</t>
  </si>
  <si>
    <t>2075591.0</t>
  </si>
  <si>
    <t>269.76</t>
  </si>
  <si>
    <t>8554574.0</t>
  </si>
  <si>
    <t>2590962.0</t>
  </si>
  <si>
    <t>2471579.0</t>
  </si>
  <si>
    <t>2075608.0</t>
  </si>
  <si>
    <t>8557061.0</t>
  </si>
  <si>
    <t>2590986.0</t>
  </si>
  <si>
    <t>2471640.0</t>
  </si>
  <si>
    <t>2075645.0</t>
  </si>
  <si>
    <t>269.94</t>
  </si>
  <si>
    <t>8558465.0</t>
  </si>
  <si>
    <t>2591002.0</t>
  </si>
  <si>
    <t>2471729.0</t>
  </si>
  <si>
    <t>2075666.0</t>
  </si>
  <si>
    <t>269.98</t>
  </si>
  <si>
    <t>8561284.0</t>
  </si>
  <si>
    <t>2591013.0</t>
  </si>
  <si>
    <t>2471757.0</t>
  </si>
  <si>
    <t>2075693.0</t>
  </si>
  <si>
    <t>270.07</t>
  </si>
  <si>
    <t>8562476.0</t>
  </si>
  <si>
    <t>2591018.0</t>
  </si>
  <si>
    <t>8563985.0</t>
  </si>
  <si>
    <t>2471784.0</t>
  </si>
  <si>
    <t>2075711.0</t>
  </si>
  <si>
    <t>270.16</t>
  </si>
  <si>
    <t>8565885.0</t>
  </si>
  <si>
    <t>2591020.0</t>
  </si>
  <si>
    <t>2471819.0</t>
  </si>
  <si>
    <t>2075737.0</t>
  </si>
  <si>
    <t>270.22</t>
  </si>
  <si>
    <t>8567024.0</t>
  </si>
  <si>
    <t>2591025.0</t>
  </si>
  <si>
    <t>2471836.0</t>
  </si>
  <si>
    <t>2075747.0</t>
  </si>
  <si>
    <t>8567104.0</t>
  </si>
  <si>
    <t>2591027.0</t>
  </si>
  <si>
    <t>2471837.0</t>
  </si>
  <si>
    <t>2075749.0</t>
  </si>
  <si>
    <t>270.26</t>
  </si>
  <si>
    <t>8567161.0</t>
  </si>
  <si>
    <t>2591029.0</t>
  </si>
  <si>
    <t>2471840.0</t>
  </si>
  <si>
    <t>2075750.0</t>
  </si>
  <si>
    <t>8568350.0</t>
  </si>
  <si>
    <t>2591035.0</t>
  </si>
  <si>
    <t>2471850.0</t>
  </si>
  <si>
    <t>2075766.0</t>
  </si>
  <si>
    <t>WLF</t>
  </si>
  <si>
    <t>Wallis and Futuna</t>
  </si>
  <si>
    <t>18886.0</t>
  </si>
  <si>
    <t>99.84</t>
  </si>
  <si>
    <t>16902.0</t>
  </si>
  <si>
    <t>32166.0</t>
  </si>
  <si>
    <t>ESH</t>
  </si>
  <si>
    <t>Western Sahara</t>
  </si>
  <si>
    <t>OWID_WRL</t>
  </si>
  <si>
    <t>World</t>
  </si>
  <si>
    <t>34.635</t>
  </si>
  <si>
    <t>1623917.0</t>
  </si>
  <si>
    <t>114348.0</t>
  </si>
  <si>
    <t>1786110.0</t>
  </si>
  <si>
    <t>272011.0</t>
  </si>
  <si>
    <t>353050.0</t>
  </si>
  <si>
    <t>2065091.0</t>
  </si>
  <si>
    <t>544329.0</t>
  </si>
  <si>
    <t>315080.0</t>
  </si>
  <si>
    <t>124373.0</t>
  </si>
  <si>
    <t>2489302.0</t>
  </si>
  <si>
    <t>959472.0</t>
  </si>
  <si>
    <t>615068.0</t>
  </si>
  <si>
    <t>183278.0</t>
  </si>
  <si>
    <t>2674213.0</t>
  </si>
  <si>
    <t>1140173.0</t>
  </si>
  <si>
    <t>375188.0</t>
  </si>
  <si>
    <t>183338.0</t>
  </si>
  <si>
    <t>2789371.0</t>
  </si>
  <si>
    <t>306013.0</t>
  </si>
  <si>
    <t>371606.0</t>
  </si>
  <si>
    <t>3208425.0</t>
  </si>
  <si>
    <t>1664717.0</t>
  </si>
  <si>
    <t>609910.0</t>
  </si>
  <si>
    <t>435674.0</t>
  </si>
  <si>
    <t>243091.0</t>
  </si>
  <si>
    <t>3732984.0</t>
  </si>
  <si>
    <t>2179991.0</t>
  </si>
  <si>
    <t>691916.0</t>
  </si>
  <si>
    <t>503450.0</t>
  </si>
  <si>
    <t>309748.0</t>
  </si>
  <si>
    <t>4421225.0</t>
  </si>
  <si>
    <t>2856366.0</t>
  </si>
  <si>
    <t>906127.0</t>
  </si>
  <si>
    <t>387986.0</t>
  </si>
  <si>
    <t>4717286.0</t>
  </si>
  <si>
    <t>3147437.0</t>
  </si>
  <si>
    <t>549513.0</t>
  </si>
  <si>
    <t>406118.0</t>
  </si>
  <si>
    <t>4776878.0</t>
  </si>
  <si>
    <t>3206848.0</t>
  </si>
  <si>
    <t>317991.0</t>
  </si>
  <si>
    <t>553132.0</t>
  </si>
  <si>
    <t>358536.0</t>
  </si>
  <si>
    <t>4957463.0</t>
  </si>
  <si>
    <t>3383856.0</t>
  </si>
  <si>
    <t>438968.0</t>
  </si>
  <si>
    <t>552748.0</t>
  </si>
  <si>
    <t>358242.0</t>
  </si>
  <si>
    <t>5218211.0</t>
  </si>
  <si>
    <t>3641696.0</t>
  </si>
  <si>
    <t>472097.0</t>
  </si>
  <si>
    <t>379502.0</t>
  </si>
  <si>
    <t>6003793.0</t>
  </si>
  <si>
    <t>4408738.0</t>
  </si>
  <si>
    <t>1033335.0</t>
  </si>
  <si>
    <t>658569.0</t>
  </si>
  <si>
    <t>462818.0</t>
  </si>
  <si>
    <t>7014089.0</t>
  </si>
  <si>
    <t>5399356.0</t>
  </si>
  <si>
    <t>34973.0</t>
  </si>
  <si>
    <t>1253229.0</t>
  </si>
  <si>
    <t>757721.0</t>
  </si>
  <si>
    <t>553158.0</t>
  </si>
  <si>
    <t>8195067.0</t>
  </si>
  <si>
    <t>6560002.0</t>
  </si>
  <si>
    <t>1432815.0</t>
  </si>
  <si>
    <t>859154.0</t>
  </si>
  <si>
    <t>653386.0</t>
  </si>
  <si>
    <t>11903623.0</t>
  </si>
  <si>
    <t>7257918.0</t>
  </si>
  <si>
    <t>46143.0</t>
  </si>
  <si>
    <t>978865.0</t>
  </si>
  <si>
    <t>899850.0</t>
  </si>
  <si>
    <t>693117.0</t>
  </si>
  <si>
    <t>12163301.0</t>
  </si>
  <si>
    <t>7504873.0</t>
  </si>
  <si>
    <t>838939.0</t>
  </si>
  <si>
    <t>953728.0</t>
  </si>
  <si>
    <t>13362628.0</t>
  </si>
  <si>
    <t>8695259.0</t>
  </si>
  <si>
    <t>1044020.0</t>
  </si>
  <si>
    <t>1036424.0</t>
  </si>
  <si>
    <t>737811.0</t>
  </si>
  <si>
    <t>13767348.0</t>
  </si>
  <si>
    <t>9091820.0</t>
  </si>
  <si>
    <t>909836.0</t>
  </si>
  <si>
    <t>1083339.0</t>
  </si>
  <si>
    <t>739453.0</t>
  </si>
  <si>
    <t>14914406.0</t>
  </si>
  <si>
    <t>10179097.0</t>
  </si>
  <si>
    <t>106338.0</t>
  </si>
  <si>
    <t>1608875.0</t>
  </si>
  <si>
    <t>1176161.0</t>
  </si>
  <si>
    <t>779275.0</t>
  </si>
  <si>
    <t>17052994.0</t>
  </si>
  <si>
    <t>11389531.0</t>
  </si>
  <si>
    <t>194997.0</t>
  </si>
  <si>
    <t>1870245.0</t>
  </si>
  <si>
    <t>1307290.0</t>
  </si>
  <si>
    <t>854021.0</t>
  </si>
  <si>
    <t>18620231.0</t>
  </si>
  <si>
    <t>12624909.0</t>
  </si>
  <si>
    <t>370180.0</t>
  </si>
  <si>
    <t>2052710.0</t>
  </si>
  <si>
    <t>1401577.0</t>
  </si>
  <si>
    <t>848155.0</t>
  </si>
  <si>
    <t>20418205.0</t>
  </si>
  <si>
    <t>14053794.0</t>
  </si>
  <si>
    <t>655129.0</t>
  </si>
  <si>
    <t>2303138.0</t>
  </si>
  <si>
    <t>1585493.0</t>
  </si>
  <si>
    <t>931501.0</t>
  </si>
  <si>
    <t>22380577.0</t>
  </si>
  <si>
    <t>15567179.0</t>
  </si>
  <si>
    <t>1024282.0</t>
  </si>
  <si>
    <t>2405766.0</t>
  </si>
  <si>
    <t>1800257.0</t>
  </si>
  <si>
    <t>1083963.0</t>
  </si>
  <si>
    <t>27820695.0</t>
  </si>
  <si>
    <t>16247020.0</t>
  </si>
  <si>
    <t>1155439.0</t>
  </si>
  <si>
    <t>1519452.0</t>
  </si>
  <si>
    <t>1861208.0</t>
  </si>
  <si>
    <t>1115933.0</t>
  </si>
  <si>
    <t>31063343.0</t>
  </si>
  <si>
    <t>19787443.0</t>
  </si>
  <si>
    <t>1872657.0</t>
  </si>
  <si>
    <t>901543.0</t>
  </si>
  <si>
    <t>1842297.0</t>
  </si>
  <si>
    <t>1117811.0</t>
  </si>
  <si>
    <t>32940549.0</t>
  </si>
  <si>
    <t>21192260.0</t>
  </si>
  <si>
    <t>2239355.0</t>
  </si>
  <si>
    <t>2125742.0</t>
  </si>
  <si>
    <t>2043423.0</t>
  </si>
  <si>
    <t>1344092.0</t>
  </si>
  <si>
    <t>35122913.0</t>
  </si>
  <si>
    <t>22869886.0</t>
  </si>
  <si>
    <t>2609778.0</t>
  </si>
  <si>
    <t>2517204.0</t>
  </si>
  <si>
    <t>2121262.0</t>
  </si>
  <si>
    <t>1412371.0</t>
  </si>
  <si>
    <t>38891318.0</t>
  </si>
  <si>
    <t>25149185.0</t>
  </si>
  <si>
    <t>2958582.0</t>
  </si>
  <si>
    <t>2920244.0</t>
  </si>
  <si>
    <t>2245246.0</t>
  </si>
  <si>
    <t>1537245.0</t>
  </si>
  <si>
    <t>41834051.0</t>
  </si>
  <si>
    <t>27442292.0</t>
  </si>
  <si>
    <t>3178471.0</t>
  </si>
  <si>
    <t>3826803.0</t>
  </si>
  <si>
    <t>2676742.0</t>
  </si>
  <si>
    <t>1652561.0</t>
  </si>
  <si>
    <t>44769336.0</t>
  </si>
  <si>
    <t>29721356.0</t>
  </si>
  <si>
    <t>3351100.0</t>
  </si>
  <si>
    <t>3717727.0</t>
  </si>
  <si>
    <t>2811738.0</t>
  </si>
  <si>
    <t>1743245.0</t>
  </si>
  <si>
    <t>46595455.0</t>
  </si>
  <si>
    <t>31138115.0</t>
  </si>
  <si>
    <t>3455669.0</t>
  </si>
  <si>
    <t>2660729.0</t>
  </si>
  <si>
    <t>3006858.0</t>
  </si>
  <si>
    <t>1984890.0</t>
  </si>
  <si>
    <t>47807740.0</t>
  </si>
  <si>
    <t>32049881.0</t>
  </si>
  <si>
    <t>3615222.0</t>
  </si>
  <si>
    <t>1938076.0</t>
  </si>
  <si>
    <t>2976136.0</t>
  </si>
  <si>
    <t>1920065.0</t>
  </si>
  <si>
    <t>50250906.0</t>
  </si>
  <si>
    <t>33862441.0</t>
  </si>
  <si>
    <t>4014122.0</t>
  </si>
  <si>
    <t>3143430.0</t>
  </si>
  <si>
    <t>3102105.0</t>
  </si>
  <si>
    <t>1981015.0</t>
  </si>
  <si>
    <t>53265733.0</t>
  </si>
  <si>
    <t>36051359.0</t>
  </si>
  <si>
    <t>4600480.0</t>
  </si>
  <si>
    <t>3924770.0</t>
  </si>
  <si>
    <t>3264939.0</t>
  </si>
  <si>
    <t>2053771.0</t>
  </si>
  <si>
    <t>61595757.0</t>
  </si>
  <si>
    <t>38453543.0</t>
  </si>
  <si>
    <t>5303424.0</t>
  </si>
  <si>
    <t>4229288.0</t>
  </si>
  <si>
    <t>3417622.0</t>
  </si>
  <si>
    <t>2097683.0</t>
  </si>
  <si>
    <t>65152204.0</t>
  </si>
  <si>
    <t>41231666.0</t>
  </si>
  <si>
    <t>5897257.0</t>
  </si>
  <si>
    <t>5060398.0</t>
  </si>
  <si>
    <t>3576768.0</t>
  </si>
  <si>
    <t>2156142.0</t>
  </si>
  <si>
    <t>69245345.0</t>
  </si>
  <si>
    <t>44689244.0</t>
  </si>
  <si>
    <t>6313513.0</t>
  </si>
  <si>
    <t>5204477.0</t>
  </si>
  <si>
    <t>3768013.0</t>
  </si>
  <si>
    <t>2273966.0</t>
  </si>
  <si>
    <t>71650050.0</t>
  </si>
  <si>
    <t>46557919.0</t>
  </si>
  <si>
    <t>6626118.0</t>
  </si>
  <si>
    <t>3805017.0</t>
  </si>
  <si>
    <t>3916831.0</t>
  </si>
  <si>
    <t>2317489.0</t>
  </si>
  <si>
    <t>73188490.0</t>
  </si>
  <si>
    <t>47656698.0</t>
  </si>
  <si>
    <t>6968365.0</t>
  </si>
  <si>
    <t>2758103.0</t>
  </si>
  <si>
    <t>4019112.0</t>
  </si>
  <si>
    <t>2319035.0</t>
  </si>
  <si>
    <t>76448904.0</t>
  </si>
  <si>
    <t>49892067.0</t>
  </si>
  <si>
    <t>7841740.0</t>
  </si>
  <si>
    <t>4695549.0</t>
  </si>
  <si>
    <t>4241062.0</t>
  </si>
  <si>
    <t>2402049.0</t>
  </si>
  <si>
    <t>87747823.0</t>
  </si>
  <si>
    <t>52163472.0</t>
  </si>
  <si>
    <t>8848971.0</t>
  </si>
  <si>
    <t>4979038.0</t>
  </si>
  <si>
    <t>4391317.0</t>
  </si>
  <si>
    <t>2407868.0</t>
  </si>
  <si>
    <t>91807159.0</t>
  </si>
  <si>
    <t>54947275.0</t>
  </si>
  <si>
    <t>9892504.0</t>
  </si>
  <si>
    <t>4513568.0</t>
  </si>
  <si>
    <t>4450911.0</t>
  </si>
  <si>
    <t>2464343.0</t>
  </si>
  <si>
    <t>96418902.0</t>
  </si>
  <si>
    <t>58136090.0</t>
  </si>
  <si>
    <t>10952774.0</t>
  </si>
  <si>
    <t>5060968.0</t>
  </si>
  <si>
    <t>4461397.0</t>
  </si>
  <si>
    <t>2537312.0</t>
  </si>
  <si>
    <t>101225773.0</t>
  </si>
  <si>
    <t>61544812.0</t>
  </si>
  <si>
    <t>11924360.0</t>
  </si>
  <si>
    <t>5141698.0</t>
  </si>
  <si>
    <t>4493542.0</t>
  </si>
  <si>
    <t>2562170.0</t>
  </si>
  <si>
    <t>104098151.0</t>
  </si>
  <si>
    <t>63585067.0</t>
  </si>
  <si>
    <t>12459416.0</t>
  </si>
  <si>
    <t>3319824.0</t>
  </si>
  <si>
    <t>4421261.0</t>
  </si>
  <si>
    <t>2597971.0</t>
  </si>
  <si>
    <t>107200459.0</t>
  </si>
  <si>
    <t>64668287.0</t>
  </si>
  <si>
    <t>12942009.0</t>
  </si>
  <si>
    <t>2091192.0</t>
  </si>
  <si>
    <t>4309844.0</t>
  </si>
  <si>
    <t>2606531.0</t>
  </si>
  <si>
    <t>110629589.0</t>
  </si>
  <si>
    <t>66715742.0</t>
  </si>
  <si>
    <t>13958398.0</t>
  </si>
  <si>
    <t>5981456.0</t>
  </si>
  <si>
    <t>4483441.0</t>
  </si>
  <si>
    <t>2570754.0</t>
  </si>
  <si>
    <t>114445756.0</t>
  </si>
  <si>
    <t>69019632.0</t>
  </si>
  <si>
    <t>15161334.0</t>
  </si>
  <si>
    <t>6443966.0</t>
  </si>
  <si>
    <t>4674036.0</t>
  </si>
  <si>
    <t>2584070.0</t>
  </si>
  <si>
    <t>126466506.0</t>
  </si>
  <si>
    <t>72016696.0</t>
  </si>
  <si>
    <t>16610959.0</t>
  </si>
  <si>
    <t>7456611.0</t>
  </si>
  <si>
    <t>5088526.0</t>
  </si>
  <si>
    <t>2623249.0</t>
  </si>
  <si>
    <t>131847345.0</t>
  </si>
  <si>
    <t>75422029.0</t>
  </si>
  <si>
    <t>18183159.0</t>
  </si>
  <si>
    <t>7136097.0</t>
  </si>
  <si>
    <t>5373057.0</t>
  </si>
  <si>
    <t>2643216.0</t>
  </si>
  <si>
    <t>137452390.0</t>
  </si>
  <si>
    <t>79186334.0</t>
  </si>
  <si>
    <t>19705895.0</t>
  </si>
  <si>
    <t>6824847.0</t>
  </si>
  <si>
    <t>5612110.0</t>
  </si>
  <si>
    <t>2639871.0</t>
  </si>
  <si>
    <t>140684528.0</t>
  </si>
  <si>
    <t>81391559.0</t>
  </si>
  <si>
    <t>20418317.0</t>
  </si>
  <si>
    <t>4990586.0</t>
  </si>
  <si>
    <t>5849582.0</t>
  </si>
  <si>
    <t>2648682.0</t>
  </si>
  <si>
    <t>142349829.0</t>
  </si>
  <si>
    <t>82355210.0</t>
  </si>
  <si>
    <t>20984324.0</t>
  </si>
  <si>
    <t>3163911.0</t>
  </si>
  <si>
    <t>6001666.0</t>
  </si>
  <si>
    <t>2625975.0</t>
  </si>
  <si>
    <t>146175983.0</t>
  </si>
  <si>
    <t>84757202.0</t>
  </si>
  <si>
    <t>22148236.0</t>
  </si>
  <si>
    <t>5716760.0</t>
  </si>
  <si>
    <t>5963060.0</t>
  </si>
  <si>
    <t>2704283.0</t>
  </si>
  <si>
    <t>160190520.0</t>
  </si>
  <si>
    <t>87723571.0</t>
  </si>
  <si>
    <t>23636188.0</t>
  </si>
  <si>
    <t>6420064.0</t>
  </si>
  <si>
    <t>5961716.0</t>
  </si>
  <si>
    <t>2788435.0</t>
  </si>
  <si>
    <t>165694871.0</t>
  </si>
  <si>
    <t>91152732.0</t>
  </si>
  <si>
    <t>25322383.0</t>
  </si>
  <si>
    <t>6405405.0</t>
  </si>
  <si>
    <t>5824586.0</t>
  </si>
  <si>
    <t>2860313.0</t>
  </si>
  <si>
    <t>171323044.0</t>
  </si>
  <si>
    <t>94650943.0</t>
  </si>
  <si>
    <t>27146165.0</t>
  </si>
  <si>
    <t>6619584.0</t>
  </si>
  <si>
    <t>5754086.0</t>
  </si>
  <si>
    <t>2897775.0</t>
  </si>
  <si>
    <t>177954577.0</t>
  </si>
  <si>
    <t>101446945.0</t>
  </si>
  <si>
    <t>29404022.0</t>
  </si>
  <si>
    <t>7317938.0</t>
  </si>
  <si>
    <t>5822637.0</t>
  </si>
  <si>
    <t>2960035.0</t>
  </si>
  <si>
    <t>181862068.0</t>
  </si>
  <si>
    <t>103937031.0</t>
  </si>
  <si>
    <t>30418537.0</t>
  </si>
  <si>
    <t>4584922.0</t>
  </si>
  <si>
    <t>5759410.0</t>
  </si>
  <si>
    <t>3134446.0</t>
  </si>
  <si>
    <t>184003719.0</t>
  </si>
  <si>
    <t>105304564.0</t>
  </si>
  <si>
    <t>31121806.0</t>
  </si>
  <si>
    <t>3045257.0</t>
  </si>
  <si>
    <t>5737234.0</t>
  </si>
  <si>
    <t>3146963.0</t>
  </si>
  <si>
    <t>188549961.0</t>
  </si>
  <si>
    <t>108207073.0</t>
  </si>
  <si>
    <t>32397390.0</t>
  </si>
  <si>
    <t>4874180.0</t>
  </si>
  <si>
    <t>5613497.0</t>
  </si>
  <si>
    <t>3157431.0</t>
  </si>
  <si>
    <t>193543645.0</t>
  </si>
  <si>
    <t>111102119.0</t>
  </si>
  <si>
    <t>34151786.0</t>
  </si>
  <si>
    <t>5956299.0</t>
  </si>
  <si>
    <t>5550110.0</t>
  </si>
  <si>
    <t>3174430.0</t>
  </si>
  <si>
    <t>199387372.0</t>
  </si>
  <si>
    <t>114715259.0</t>
  </si>
  <si>
    <t>36140876.0</t>
  </si>
  <si>
    <t>21719.0</t>
  </si>
  <si>
    <t>6733638.0</t>
  </si>
  <si>
    <t>5598219.0</t>
  </si>
  <si>
    <t>3169941.0</t>
  </si>
  <si>
    <t>205899722.0</t>
  </si>
  <si>
    <t>118579164.0</t>
  </si>
  <si>
    <t>38144489.0</t>
  </si>
  <si>
    <t>7337237.0</t>
  </si>
  <si>
    <t>5709750.0</t>
  </si>
  <si>
    <t>3196869.0</t>
  </si>
  <si>
    <t>211831665.0</t>
  </si>
  <si>
    <t>124316963.0</t>
  </si>
  <si>
    <t>40678398.0</t>
  </si>
  <si>
    <t>6720295.0</t>
  </si>
  <si>
    <t>5624235.0</t>
  </si>
  <si>
    <t>3079402.0</t>
  </si>
  <si>
    <t>215808776.0</t>
  </si>
  <si>
    <t>126885428.0</t>
  </si>
  <si>
    <t>41967255.0</t>
  </si>
  <si>
    <t>26839.0</t>
  </si>
  <si>
    <t>4594753.0</t>
  </si>
  <si>
    <t>5621741.0</t>
  </si>
  <si>
    <t>3156724.0</t>
  </si>
  <si>
    <t>218003633.0</t>
  </si>
  <si>
    <t>128235681.0</t>
  </si>
  <si>
    <t>42782937.0</t>
  </si>
  <si>
    <t>3009645.0</t>
  </si>
  <si>
    <t>5612426.0</t>
  </si>
  <si>
    <t>3124651.0</t>
  </si>
  <si>
    <t>222326870.0</t>
  </si>
  <si>
    <t>130863602.0</t>
  </si>
  <si>
    <t>44335186.0</t>
  </si>
  <si>
    <t>5065521.0</t>
  </si>
  <si>
    <t>5638204.0</t>
  </si>
  <si>
    <t>3109599.0</t>
  </si>
  <si>
    <t>227968828.0</t>
  </si>
  <si>
    <t>136777218.0</t>
  </si>
  <si>
    <t>48493084.0</t>
  </si>
  <si>
    <t>6463748.0</t>
  </si>
  <si>
    <t>5711590.0</t>
  </si>
  <si>
    <t>3174626.0</t>
  </si>
  <si>
    <t>234561358.0</t>
  </si>
  <si>
    <t>140978121.0</t>
  </si>
  <si>
    <t>50705541.0</t>
  </si>
  <si>
    <t>7473777.0</t>
  </si>
  <si>
    <t>5817551.0</t>
  </si>
  <si>
    <t>3279443.0</t>
  </si>
  <si>
    <t>241861990.0</t>
  </si>
  <si>
    <t>145486420.0</t>
  </si>
  <si>
    <t>53275259.0</t>
  </si>
  <si>
    <t>8453242.0</t>
  </si>
  <si>
    <t>5978386.0</t>
  </si>
  <si>
    <t>3373991.0</t>
  </si>
  <si>
    <t>249554466.0</t>
  </si>
  <si>
    <t>150292138.0</t>
  </si>
  <si>
    <t>56007296.0</t>
  </si>
  <si>
    <t>8198297.0</t>
  </si>
  <si>
    <t>6190036.0</t>
  </si>
  <si>
    <t>3549696.0</t>
  </si>
  <si>
    <t>254502884.0</t>
  </si>
  <si>
    <t>153379371.0</t>
  </si>
  <si>
    <t>57584384.0</t>
  </si>
  <si>
    <t>5909012.0</t>
  </si>
  <si>
    <t>6376993.0</t>
  </si>
  <si>
    <t>3680360.0</t>
  </si>
  <si>
    <t>269198594.0</t>
  </si>
  <si>
    <t>155375734.0</t>
  </si>
  <si>
    <t>58224705.0</t>
  </si>
  <si>
    <t>3289742.0</t>
  </si>
  <si>
    <t>6413494.0</t>
  </si>
  <si>
    <t>3733488.0</t>
  </si>
  <si>
    <t>274823807.0</t>
  </si>
  <si>
    <t>159226337.0</t>
  </si>
  <si>
    <t>59800437.0</t>
  </si>
  <si>
    <t>6704099.0</t>
  </si>
  <si>
    <t>6669291.0</t>
  </si>
  <si>
    <t>3928120.0</t>
  </si>
  <si>
    <t>286115499.0</t>
  </si>
  <si>
    <t>167301502.0</t>
  </si>
  <si>
    <t>62771370.0</t>
  </si>
  <si>
    <t>29763.0</t>
  </si>
  <si>
    <t>8210508.0</t>
  </si>
  <si>
    <t>6951353.0</t>
  </si>
  <si>
    <t>4172560.0</t>
  </si>
  <si>
    <t>294339639.0</t>
  </si>
  <si>
    <t>172856669.0</t>
  </si>
  <si>
    <t>65304353.0</t>
  </si>
  <si>
    <t>9553793.0</t>
  </si>
  <si>
    <t>7239355.0</t>
  </si>
  <si>
    <t>4374715.0</t>
  </si>
  <si>
    <t>303890321.0</t>
  </si>
  <si>
    <t>179306495.0</t>
  </si>
  <si>
    <t>68140712.0</t>
  </si>
  <si>
    <t>10619797.0</t>
  </si>
  <si>
    <t>7535532.0</t>
  </si>
  <si>
    <t>4621016.0</t>
  </si>
  <si>
    <t>313235146.0</t>
  </si>
  <si>
    <t>185839239.0</t>
  </si>
  <si>
    <t>70941352.0</t>
  </si>
  <si>
    <t>10194421.0</t>
  </si>
  <si>
    <t>7806997.0</t>
  </si>
  <si>
    <t>4853822.0</t>
  </si>
  <si>
    <t>320056816.0</t>
  </si>
  <si>
    <t>190572328.0</t>
  </si>
  <si>
    <t>72917882.0</t>
  </si>
  <si>
    <t>7933846.0</t>
  </si>
  <si>
    <t>8086466.0</t>
  </si>
  <si>
    <t>5110430.0</t>
  </si>
  <si>
    <t>323847830.0</t>
  </si>
  <si>
    <t>193368009.0</t>
  </si>
  <si>
    <t>73677745.0</t>
  </si>
  <si>
    <t>32307.0</t>
  </si>
  <si>
    <t>4024984.0</t>
  </si>
  <si>
    <t>8183176.0</t>
  </si>
  <si>
    <t>5172144.0</t>
  </si>
  <si>
    <t>331650994.0</t>
  </si>
  <si>
    <t>199154194.0</t>
  </si>
  <si>
    <t>75707327.0</t>
  </si>
  <si>
    <t>8932098.0</t>
  </si>
  <si>
    <t>8503482.0</t>
  </si>
  <si>
    <t>5445004.0</t>
  </si>
  <si>
    <t>340119535.0</t>
  </si>
  <si>
    <t>205167973.0</t>
  </si>
  <si>
    <t>78125605.0</t>
  </si>
  <si>
    <t>9755698.0</t>
  </si>
  <si>
    <t>8722713.0</t>
  </si>
  <si>
    <t>5616195.0</t>
  </si>
  <si>
    <t>350243408.0</t>
  </si>
  <si>
    <t>212159170.0</t>
  </si>
  <si>
    <t>81276358.0</t>
  </si>
  <si>
    <t>10926636.0</t>
  </si>
  <si>
    <t>8922809.0</t>
  </si>
  <si>
    <t>5757996.0</t>
  </si>
  <si>
    <t>359532656.0</t>
  </si>
  <si>
    <t>218098432.0</t>
  </si>
  <si>
    <t>84276680.0</t>
  </si>
  <si>
    <t>10327840.0</t>
  </si>
  <si>
    <t>8880266.0</t>
  </si>
  <si>
    <t>5706528.0</t>
  </si>
  <si>
    <t>370150834.0</t>
  </si>
  <si>
    <t>225405175.0</t>
  </si>
  <si>
    <t>87855182.0</t>
  </si>
  <si>
    <t>34928.0</t>
  </si>
  <si>
    <t>11667722.0</t>
  </si>
  <si>
    <t>9088531.0</t>
  </si>
  <si>
    <t>5806089.0</t>
  </si>
  <si>
    <t>377616521.0</t>
  </si>
  <si>
    <t>231243002.0</t>
  </si>
  <si>
    <t>90195651.0</t>
  </si>
  <si>
    <t>8834634.0</t>
  </si>
  <si>
    <t>9215537.0</t>
  </si>
  <si>
    <t>5816866.0</t>
  </si>
  <si>
    <t>393936000.0</t>
  </si>
  <si>
    <t>234134588.0</t>
  </si>
  <si>
    <t>91076933.0</t>
  </si>
  <si>
    <t>4536910.0</t>
  </si>
  <si>
    <t>9286430.0</t>
  </si>
  <si>
    <t>403997048.0</t>
  </si>
  <si>
    <t>241224961.0</t>
  </si>
  <si>
    <t>94014246.0</t>
  </si>
  <si>
    <t>11620978.0</t>
  </si>
  <si>
    <t>9671088.0</t>
  </si>
  <si>
    <t>6007586.0</t>
  </si>
  <si>
    <t>413973357.0</t>
  </si>
  <si>
    <t>247815892.0</t>
  </si>
  <si>
    <t>97103594.0</t>
  </si>
  <si>
    <t>11877263.0</t>
  </si>
  <si>
    <t>9973078.0</t>
  </si>
  <si>
    <t>6087218.0</t>
  </si>
  <si>
    <t>424906072.0</t>
  </si>
  <si>
    <t>254846812.0</t>
  </si>
  <si>
    <t>100947943.0</t>
  </si>
  <si>
    <t>12517255.0</t>
  </si>
  <si>
    <t>10199905.0</t>
  </si>
  <si>
    <t>6118641.0</t>
  </si>
  <si>
    <t>435510028.0</t>
  </si>
  <si>
    <t>262172043.0</t>
  </si>
  <si>
    <t>104078479.0</t>
  </si>
  <si>
    <t>12588906.0</t>
  </si>
  <si>
    <t>10528745.0</t>
  </si>
  <si>
    <t>6276901.0</t>
  </si>
  <si>
    <t>448800922.0</t>
  </si>
  <si>
    <t>271387031.0</t>
  </si>
  <si>
    <t>107691335.0</t>
  </si>
  <si>
    <t>13590539.0</t>
  </si>
  <si>
    <t>10802980.0</t>
  </si>
  <si>
    <t>6425807.0</t>
  </si>
  <si>
    <t>467265256.0</t>
  </si>
  <si>
    <t>278047829.0</t>
  </si>
  <si>
    <t>109735466.0</t>
  </si>
  <si>
    <t>10587812.0</t>
  </si>
  <si>
    <t>11051562.0</t>
  </si>
  <si>
    <t>6612120.0</t>
  </si>
  <si>
    <t>471727425.0</t>
  </si>
  <si>
    <t>281225870.0</t>
  </si>
  <si>
    <t>110656249.0</t>
  </si>
  <si>
    <t>7408734.0</t>
  </si>
  <si>
    <t>11460045.0</t>
  </si>
  <si>
    <t>6745156.0</t>
  </si>
  <si>
    <t>487568764.0</t>
  </si>
  <si>
    <t>288899095.0</t>
  </si>
  <si>
    <t>113114047.0</t>
  </si>
  <si>
    <t>36444.0</t>
  </si>
  <si>
    <t>13198513.0</t>
  </si>
  <si>
    <t>11685112.0</t>
  </si>
  <si>
    <t>6856806.0</t>
  </si>
  <si>
    <t>500416200.0</t>
  </si>
  <si>
    <t>296202716.0</t>
  </si>
  <si>
    <t>115934686.0</t>
  </si>
  <si>
    <t>13444804.0</t>
  </si>
  <si>
    <t>11907847.0</t>
  </si>
  <si>
    <t>6975649.0</t>
  </si>
  <si>
    <t>515977847.0</t>
  </si>
  <si>
    <t>305013077.0</t>
  </si>
  <si>
    <t>119613033.0</t>
  </si>
  <si>
    <t>15601124.0</t>
  </si>
  <si>
    <t>12347174.0</t>
  </si>
  <si>
    <t>7159967.0</t>
  </si>
  <si>
    <t>533610614.0</t>
  </si>
  <si>
    <t>313181225.0</t>
  </si>
  <si>
    <t>123393613.0</t>
  </si>
  <si>
    <t>18573672.0</t>
  </si>
  <si>
    <t>13201798.0</t>
  </si>
  <si>
    <t>7355622.0</t>
  </si>
  <si>
    <t>553470641.0</t>
  </si>
  <si>
    <t>322792908.0</t>
  </si>
  <si>
    <t>127436355.0</t>
  </si>
  <si>
    <t>19889713.0</t>
  </si>
  <si>
    <t>14102783.0</t>
  </si>
  <si>
    <t>7542008.0</t>
  </si>
  <si>
    <t>567494536.0</t>
  </si>
  <si>
    <t>329162935.0</t>
  </si>
  <si>
    <t>129723422.0</t>
  </si>
  <si>
    <t>37035.0</t>
  </si>
  <si>
    <t>14706837.0</t>
  </si>
  <si>
    <t>14764485.0</t>
  </si>
  <si>
    <t>7636344.0</t>
  </si>
  <si>
    <t>576282576.0</t>
  </si>
  <si>
    <t>332245263.0</t>
  </si>
  <si>
    <t>130822347.0</t>
  </si>
  <si>
    <t>9432434.0</t>
  </si>
  <si>
    <t>15044816.0</t>
  </si>
  <si>
    <t>7643703.0</t>
  </si>
  <si>
    <t>592541410.0</t>
  </si>
  <si>
    <t>339757825.0</t>
  </si>
  <si>
    <t>135130132.0</t>
  </si>
  <si>
    <t>13677001.0</t>
  </si>
  <si>
    <t>15099941.0</t>
  </si>
  <si>
    <t>7409491.0</t>
  </si>
  <si>
    <t>608609133.0</t>
  </si>
  <si>
    <t>347795533.0</t>
  </si>
  <si>
    <t>138911873.0</t>
  </si>
  <si>
    <t>16025686.0</t>
  </si>
  <si>
    <t>15454329.0</t>
  </si>
  <si>
    <t>7493014.0</t>
  </si>
  <si>
    <t>628662715.0</t>
  </si>
  <si>
    <t>358613549.0</t>
  </si>
  <si>
    <t>143323816.0</t>
  </si>
  <si>
    <t>19136690.0</t>
  </si>
  <si>
    <t>15952330.0</t>
  </si>
  <si>
    <t>7627636.0</t>
  </si>
  <si>
    <t>650780319.0</t>
  </si>
  <si>
    <t>368907759.0</t>
  </si>
  <si>
    <t>148297309.0</t>
  </si>
  <si>
    <t>22742538.0</t>
  </si>
  <si>
    <t>16541797.0</t>
  </si>
  <si>
    <t>7926875.0</t>
  </si>
  <si>
    <t>671162197.0</t>
  </si>
  <si>
    <t>378455317.0</t>
  </si>
  <si>
    <t>151885626.0</t>
  </si>
  <si>
    <t>19918530.0</t>
  </si>
  <si>
    <t>16532260.0</t>
  </si>
  <si>
    <t>7860165.0</t>
  </si>
  <si>
    <t>683318577.0</t>
  </si>
  <si>
    <t>385228778.0</t>
  </si>
  <si>
    <t>154380183.0</t>
  </si>
  <si>
    <t>12627787.0</t>
  </si>
  <si>
    <t>16233170.0</t>
  </si>
  <si>
    <t>7887022.0</t>
  </si>
  <si>
    <t>693310187.0</t>
  </si>
  <si>
    <t>390621634.0</t>
  </si>
  <si>
    <t>155555279.0</t>
  </si>
  <si>
    <t>10083483.0</t>
  </si>
  <si>
    <t>16322896.0</t>
  </si>
  <si>
    <t>8168087.0</t>
  </si>
  <si>
    <t>708107794.0</t>
  </si>
  <si>
    <t>399177810.0</t>
  </si>
  <si>
    <t>158974565.0</t>
  </si>
  <si>
    <t>14904177.0</t>
  </si>
  <si>
    <t>16495435.0</t>
  </si>
  <si>
    <t>8512215.0</t>
  </si>
  <si>
    <t>725640662.0</t>
  </si>
  <si>
    <t>409754088.0</t>
  </si>
  <si>
    <t>163409031.0</t>
  </si>
  <si>
    <t>17984593.0</t>
  </si>
  <si>
    <t>16772738.0</t>
  </si>
  <si>
    <t>8855044.0</t>
  </si>
  <si>
    <t>745549820.0</t>
  </si>
  <si>
    <t>420915085.0</t>
  </si>
  <si>
    <t>168730561.0</t>
  </si>
  <si>
    <t>38245.0</t>
  </si>
  <si>
    <t>19853085.0</t>
  </si>
  <si>
    <t>16873710.0</t>
  </si>
  <si>
    <t>9079593.0</t>
  </si>
  <si>
    <t>769570681.0</t>
  </si>
  <si>
    <t>433660537.0</t>
  </si>
  <si>
    <t>174291402.0</t>
  </si>
  <si>
    <t>24103079.0</t>
  </si>
  <si>
    <t>17067963.0</t>
  </si>
  <si>
    <t>9319934.0</t>
  </si>
  <si>
    <t>792426166.0</t>
  </si>
  <si>
    <t>445177518.0</t>
  </si>
  <si>
    <t>180064085.0</t>
  </si>
  <si>
    <t>39115.0</t>
  </si>
  <si>
    <t>22851643.0</t>
  </si>
  <si>
    <t>17514506.0</t>
  </si>
  <si>
    <t>9675235.0</t>
  </si>
  <si>
    <t>807850659.0</t>
  </si>
  <si>
    <t>453646157.0</t>
  </si>
  <si>
    <t>183985486.0</t>
  </si>
  <si>
    <t>15851963.0</t>
  </si>
  <si>
    <t>17970615.0</t>
  </si>
  <si>
    <t>9928641.0</t>
  </si>
  <si>
    <t>819161769.0</t>
  </si>
  <si>
    <t>459861397.0</t>
  </si>
  <si>
    <t>186261593.0</t>
  </si>
  <si>
    <t>11260114.0</t>
  </si>
  <si>
    <t>18134054.0</t>
  </si>
  <si>
    <t>10035264.0</t>
  </si>
  <si>
    <t>837871383.0</t>
  </si>
  <si>
    <t>469694252.0</t>
  </si>
  <si>
    <t>190687784.0</t>
  </si>
  <si>
    <t>18616401.0</t>
  </si>
  <si>
    <t>18660082.0</t>
  </si>
  <si>
    <t>10193056.0</t>
  </si>
  <si>
    <t>855341422.0</t>
  </si>
  <si>
    <t>478936050.0</t>
  </si>
  <si>
    <t>195147932.0</t>
  </si>
  <si>
    <t>18152222.0</t>
  </si>
  <si>
    <t>18679424.0</t>
  </si>
  <si>
    <t>10005849.0</t>
  </si>
  <si>
    <t>874716079.0</t>
  </si>
  <si>
    <t>489287519.0</t>
  </si>
  <si>
    <t>200533170.0</t>
  </si>
  <si>
    <t>19153603.0</t>
  </si>
  <si>
    <t>18574814.0</t>
  </si>
  <si>
    <t>9905770.0</t>
  </si>
  <si>
    <t>893699841.0</t>
  </si>
  <si>
    <t>498260690.0</t>
  </si>
  <si>
    <t>205978038.0</t>
  </si>
  <si>
    <t>19342290.0</t>
  </si>
  <si>
    <t>17892094.0</t>
  </si>
  <si>
    <t>9454290.0</t>
  </si>
  <si>
    <t>912696449.0</t>
  </si>
  <si>
    <t>507784841.0</t>
  </si>
  <si>
    <t>211396486.0</t>
  </si>
  <si>
    <t>18818611.0</t>
  </si>
  <si>
    <t>17315601.0</t>
  </si>
  <si>
    <t>9130392.0</t>
  </si>
  <si>
    <t>925430948.0</t>
  </si>
  <si>
    <t>514267821.0</t>
  </si>
  <si>
    <t>214973807.0</t>
  </si>
  <si>
    <t>13589266.0</t>
  </si>
  <si>
    <t>16991932.0</t>
  </si>
  <si>
    <t>8865264.0</t>
  </si>
  <si>
    <t>935682488.0</t>
  </si>
  <si>
    <t>519366959.0</t>
  </si>
  <si>
    <t>217608849.0</t>
  </si>
  <si>
    <t>8964392.0</t>
  </si>
  <si>
    <t>16668032.0</t>
  </si>
  <si>
    <t>8568950.0</t>
  </si>
  <si>
    <t>951468385.0</t>
  </si>
  <si>
    <t>527142576.0</t>
  </si>
  <si>
    <t>222416737.0</t>
  </si>
  <si>
    <t>41860.0</t>
  </si>
  <si>
    <t>15465455.0</t>
  </si>
  <si>
    <t>16217007.0</t>
  </si>
  <si>
    <t>8221922.0</t>
  </si>
  <si>
    <t>966202418.0</t>
  </si>
  <si>
    <t>534747548.0</t>
  </si>
  <si>
    <t>228738199.0</t>
  </si>
  <si>
    <t>16471083.0</t>
  </si>
  <si>
    <t>15975684.0</t>
  </si>
  <si>
    <t>7899355.0</t>
  </si>
  <si>
    <t>985562295.0</t>
  </si>
  <si>
    <t>543218811.0</t>
  </si>
  <si>
    <t>234055393.0</t>
  </si>
  <si>
    <t>18710047.0</t>
  </si>
  <si>
    <t>15911666.0</t>
  </si>
  <si>
    <t>7553537.0</t>
  </si>
  <si>
    <t>1008025452.0</t>
  </si>
  <si>
    <t>551971181.0</t>
  </si>
  <si>
    <t>240584444.0</t>
  </si>
  <si>
    <t>22769407.0</t>
  </si>
  <si>
    <t>16401620.0</t>
  </si>
  <si>
    <t>7487692.0</t>
  </si>
  <si>
    <t>1027285930.0</t>
  </si>
  <si>
    <t>560330578.0</t>
  </si>
  <si>
    <t>246286967.0</t>
  </si>
  <si>
    <t>20119595.0</t>
  </si>
  <si>
    <t>16586392.0</t>
  </si>
  <si>
    <t>7422686.0</t>
  </si>
  <si>
    <t>1039109963.0</t>
  </si>
  <si>
    <t>564605538.0</t>
  </si>
  <si>
    <t>249646398.0</t>
  </si>
  <si>
    <t>14985577.0</t>
  </si>
  <si>
    <t>16784781.0</t>
  </si>
  <si>
    <t>7325795.0</t>
  </si>
  <si>
    <t>1056128189.0</t>
  </si>
  <si>
    <t>572427250.0</t>
  </si>
  <si>
    <t>253915114.0</t>
  </si>
  <si>
    <t>11908138.0</t>
  </si>
  <si>
    <t>17204986.0</t>
  </si>
  <si>
    <t>7372245.0</t>
  </si>
  <si>
    <t>1073400193.0</t>
  </si>
  <si>
    <t>579463276.0</t>
  </si>
  <si>
    <t>259329742.0</t>
  </si>
  <si>
    <t>18220601.0</t>
  </si>
  <si>
    <t>17598282.0</t>
  </si>
  <si>
    <t>7413964.0</t>
  </si>
  <si>
    <t>1094383375.0</t>
  </si>
  <si>
    <t>587299439.0</t>
  </si>
  <si>
    <t>265717476.0</t>
  </si>
  <si>
    <t>21491158.0</t>
  </si>
  <si>
    <t>18315144.0</t>
  </si>
  <si>
    <t>7535583.0</t>
  </si>
  <si>
    <t>1120394435.0</t>
  </si>
  <si>
    <t>597785862.0</t>
  </si>
  <si>
    <t>273023873.0</t>
  </si>
  <si>
    <t>49674.0</t>
  </si>
  <si>
    <t>24629710.0</t>
  </si>
  <si>
    <t>19160601.0</t>
  </si>
  <si>
    <t>7717226.0</t>
  </si>
  <si>
    <t>1145168065.0</t>
  </si>
  <si>
    <t>606763575.0</t>
  </si>
  <si>
    <t>280643475.0</t>
  </si>
  <si>
    <t>51342.0</t>
  </si>
  <si>
    <t>25545624.0</t>
  </si>
  <si>
    <t>19557200.0</t>
  </si>
  <si>
    <t>7649233.0</t>
  </si>
  <si>
    <t>1171652672.0</t>
  </si>
  <si>
    <t>615125140.0</t>
  </si>
  <si>
    <t>287060997.0</t>
  </si>
  <si>
    <t>26800426.0</t>
  </si>
  <si>
    <t>20511604.0</t>
  </si>
  <si>
    <t>7579093.0</t>
  </si>
  <si>
    <t>1185039868.0</t>
  </si>
  <si>
    <t>619486812.0</t>
  </si>
  <si>
    <t>290621202.0</t>
  </si>
  <si>
    <t>53353.0</t>
  </si>
  <si>
    <t>14462394.0</t>
  </si>
  <si>
    <t>20436861.0</t>
  </si>
  <si>
    <t>7372219.0</t>
  </si>
  <si>
    <t>1196116986.0</t>
  </si>
  <si>
    <t>622982317.0</t>
  </si>
  <si>
    <t>293233624.0</t>
  </si>
  <si>
    <t>10819500.0</t>
  </si>
  <si>
    <t>20281341.0</t>
  </si>
  <si>
    <t>7194091.0</t>
  </si>
  <si>
    <t>1210911232.0</t>
  </si>
  <si>
    <t>628364236.0</t>
  </si>
  <si>
    <t>297797974.0</t>
  </si>
  <si>
    <t>15844576.0</t>
  </si>
  <si>
    <t>19941915.0</t>
  </si>
  <si>
    <t>6939857.0</t>
  </si>
  <si>
    <t>1230570189.0</t>
  </si>
  <si>
    <t>635676679.0</t>
  </si>
  <si>
    <t>304554968.0</t>
  </si>
  <si>
    <t>18607237.0</t>
  </si>
  <si>
    <t>19529922.0</t>
  </si>
  <si>
    <t>6843558.0</t>
  </si>
  <si>
    <t>1251300825.0</t>
  </si>
  <si>
    <t>643936641.0</t>
  </si>
  <si>
    <t>312093698.0</t>
  </si>
  <si>
    <t>21121400.0</t>
  </si>
  <si>
    <t>19029298.0</t>
  </si>
  <si>
    <t>6751002.0</t>
  </si>
  <si>
    <t>1275399031.0</t>
  </si>
  <si>
    <t>652534039.0</t>
  </si>
  <si>
    <t>319291531.0</t>
  </si>
  <si>
    <t>59641.0</t>
  </si>
  <si>
    <t>25219138.0</t>
  </si>
  <si>
    <t>18982478.0</t>
  </si>
  <si>
    <t>6856284.0</t>
  </si>
  <si>
    <t>1303491866.0</t>
  </si>
  <si>
    <t>662155842.0</t>
  </si>
  <si>
    <t>327248440.0</t>
  </si>
  <si>
    <t>62052.0</t>
  </si>
  <si>
    <t>26329519.0</t>
  </si>
  <si>
    <t>18915124.0</t>
  </si>
  <si>
    <t>6917102.0</t>
  </si>
  <si>
    <t>1322551497.0</t>
  </si>
  <si>
    <t>667134571.0</t>
  </si>
  <si>
    <t>331852995.0</t>
  </si>
  <si>
    <t>62438.0</t>
  </si>
  <si>
    <t>20413453.0</t>
  </si>
  <si>
    <t>19765932.0</t>
  </si>
  <si>
    <t>7051030.0</t>
  </si>
  <si>
    <t>1336344585.0</t>
  </si>
  <si>
    <t>671431904.0</t>
  </si>
  <si>
    <t>334483008.0</t>
  </si>
  <si>
    <t>13089561.0</t>
  </si>
  <si>
    <t>20090024.0</t>
  </si>
  <si>
    <t>7122961.0</t>
  </si>
  <si>
    <t>1358874312.0</t>
  </si>
  <si>
    <t>679232237.0</t>
  </si>
  <si>
    <t>340098100.0</t>
  </si>
  <si>
    <t>21521536.0</t>
  </si>
  <si>
    <t>20904411.0</t>
  </si>
  <si>
    <t>7298223.0</t>
  </si>
  <si>
    <t>1383859007.0</t>
  </si>
  <si>
    <t>688489110.0</t>
  </si>
  <si>
    <t>347605679.0</t>
  </si>
  <si>
    <t>65809.0</t>
  </si>
  <si>
    <t>24558636.0</t>
  </si>
  <si>
    <t>21753792.0</t>
  </si>
  <si>
    <t>7383838.0</t>
  </si>
  <si>
    <t>1410865099.0</t>
  </si>
  <si>
    <t>697387307.0</t>
  </si>
  <si>
    <t>354300464.0</t>
  </si>
  <si>
    <t>67691.0</t>
  </si>
  <si>
    <t>27482602.0</t>
  </si>
  <si>
    <t>22661832.0</t>
  </si>
  <si>
    <t>7440594.0</t>
  </si>
  <si>
    <t>1437509494.0</t>
  </si>
  <si>
    <t>705101110.0</t>
  </si>
  <si>
    <t>360534434.0</t>
  </si>
  <si>
    <t>26424877.0</t>
  </si>
  <si>
    <t>22836793.0</t>
  </si>
  <si>
    <t>7329452.0</t>
  </si>
  <si>
    <t>1464752064.0</t>
  </si>
  <si>
    <t>713099217.0</t>
  </si>
  <si>
    <t>366336781.0</t>
  </si>
  <si>
    <t>71046.0</t>
  </si>
  <si>
    <t>27131123.0</t>
  </si>
  <si>
    <t>22950036.0</t>
  </si>
  <si>
    <t>7194030.0</t>
  </si>
  <si>
    <t>1487342303.0</t>
  </si>
  <si>
    <t>719366354.0</t>
  </si>
  <si>
    <t>370227051.0</t>
  </si>
  <si>
    <t>71539.0</t>
  </si>
  <si>
    <t>23832097.0</t>
  </si>
  <si>
    <t>23437246.0</t>
  </si>
  <si>
    <t>7363400.0</t>
  </si>
  <si>
    <t>1509647076.0</t>
  </si>
  <si>
    <t>724819559.0</t>
  </si>
  <si>
    <t>373217863.0</t>
  </si>
  <si>
    <t>71718.0</t>
  </si>
  <si>
    <t>21035841.0</t>
  </si>
  <si>
    <t>24571239.0</t>
  </si>
  <si>
    <t>7481019.0</t>
  </si>
  <si>
    <t>1536740306.0</t>
  </si>
  <si>
    <t>732396498.0</t>
  </si>
  <si>
    <t>377703525.0</t>
  </si>
  <si>
    <t>27200012.0</t>
  </si>
  <si>
    <t>25381889.0</t>
  </si>
  <si>
    <t>1565429547.0</t>
  </si>
  <si>
    <t>741571211.0</t>
  </si>
  <si>
    <t>383449451.0</t>
  </si>
  <si>
    <t>75508.0</t>
  </si>
  <si>
    <t>28947958.0</t>
  </si>
  <si>
    <t>26008360.0</t>
  </si>
  <si>
    <t>7692421.0</t>
  </si>
  <si>
    <t>1593594118.0</t>
  </si>
  <si>
    <t>750285446.0</t>
  </si>
  <si>
    <t>389080220.0</t>
  </si>
  <si>
    <t>78192.0</t>
  </si>
  <si>
    <t>29267367.0</t>
  </si>
  <si>
    <t>26262755.0</t>
  </si>
  <si>
    <t>7741018.0</t>
  </si>
  <si>
    <t>1627620475.0</t>
  </si>
  <si>
    <t>760559047.0</t>
  </si>
  <si>
    <t>395330223.0</t>
  </si>
  <si>
    <t>33612228.0</t>
  </si>
  <si>
    <t>27289520.0</t>
  </si>
  <si>
    <t>8057877.0</t>
  </si>
  <si>
    <t>1659776198.0</t>
  </si>
  <si>
    <t>769681907.0</t>
  </si>
  <si>
    <t>402018728.0</t>
  </si>
  <si>
    <t>84164.0</t>
  </si>
  <si>
    <t>32746307.0</t>
  </si>
  <si>
    <t>28091683.0</t>
  </si>
  <si>
    <t>8325931.0</t>
  </si>
  <si>
    <t>1686539368.0</t>
  </si>
  <si>
    <t>778134254.0</t>
  </si>
  <si>
    <t>406508467.0</t>
  </si>
  <si>
    <t>84895.0</t>
  </si>
  <si>
    <t>26007450.0</t>
  </si>
  <si>
    <t>28402608.0</t>
  </si>
  <si>
    <t>8368914.0</t>
  </si>
  <si>
    <t>1708971700.0</t>
  </si>
  <si>
    <t>783837766.0</t>
  </si>
  <si>
    <t>409548876.0</t>
  </si>
  <si>
    <t>21608362.0</t>
  </si>
  <si>
    <t>28484367.0</t>
  </si>
  <si>
    <t>8482992.0</t>
  </si>
  <si>
    <t>1738504387.0</t>
  </si>
  <si>
    <t>793097145.0</t>
  </si>
  <si>
    <t>413546075.0</t>
  </si>
  <si>
    <t>28956574.0</t>
  </si>
  <si>
    <t>28735281.0</t>
  </si>
  <si>
    <t>8602244.0</t>
  </si>
  <si>
    <t>1771496858.0</t>
  </si>
  <si>
    <t>801410698.0</t>
  </si>
  <si>
    <t>418459084.0</t>
  </si>
  <si>
    <t>88331.0</t>
  </si>
  <si>
    <t>33672642.0</t>
  </si>
  <si>
    <t>29410211.0</t>
  </si>
  <si>
    <t>8519662.0</t>
  </si>
  <si>
    <t>1807719193.0</t>
  </si>
  <si>
    <t>811848785.0</t>
  </si>
  <si>
    <t>423974612.0</t>
  </si>
  <si>
    <t>90812.0</t>
  </si>
  <si>
    <t>37190909.0</t>
  </si>
  <si>
    <t>30542598.0</t>
  </si>
  <si>
    <t>8760857.0</t>
  </si>
  <si>
    <t>1840988980.0</t>
  </si>
  <si>
    <t>821810110.0</t>
  </si>
  <si>
    <t>429489262.0</t>
  </si>
  <si>
    <t>93376.0</t>
  </si>
  <si>
    <t>34965859.0</t>
  </si>
  <si>
    <t>30735862.0</t>
  </si>
  <si>
    <t>8918724.0</t>
  </si>
  <si>
    <t>1876330631.0</t>
  </si>
  <si>
    <t>832587959.0</t>
  </si>
  <si>
    <t>435720928.0</t>
  </si>
  <si>
    <t>35037723.0</t>
  </si>
  <si>
    <t>31063102.0</t>
  </si>
  <si>
    <t>9034047.0</t>
  </si>
  <si>
    <t>1907472103.0</t>
  </si>
  <si>
    <t>842220545.0</t>
  </si>
  <si>
    <t>439212958.0</t>
  </si>
  <si>
    <t>31931903.0</t>
  </si>
  <si>
    <t>31909378.0</t>
  </si>
  <si>
    <t>9378190.0</t>
  </si>
  <si>
    <t>1934877979.0</t>
  </si>
  <si>
    <t>848406494.0</t>
  </si>
  <si>
    <t>442425694.0</t>
  </si>
  <si>
    <t>97450.0</t>
  </si>
  <si>
    <t>26802452.0</t>
  </si>
  <si>
    <t>32651312.0</t>
  </si>
  <si>
    <t>9430270.0</t>
  </si>
  <si>
    <t>1972093551.0</t>
  </si>
  <si>
    <t>856921943.0</t>
  </si>
  <si>
    <t>447226026.0</t>
  </si>
  <si>
    <t>99048.0</t>
  </si>
  <si>
    <t>34582624.0</t>
  </si>
  <si>
    <t>33454954.0</t>
  </si>
  <si>
    <t>9420320.0</t>
  </si>
  <si>
    <t>2011118128.0</t>
  </si>
  <si>
    <t>868201845.0</t>
  </si>
  <si>
    <t>453777975.0</t>
  </si>
  <si>
    <t>37870064.0</t>
  </si>
  <si>
    <t>34213996.0</t>
  </si>
  <si>
    <t>9708156.0</t>
  </si>
  <si>
    <t>2051865493.0</t>
  </si>
  <si>
    <t>880093573.0</t>
  </si>
  <si>
    <t>460052536.0</t>
  </si>
  <si>
    <t>103994.0</t>
  </si>
  <si>
    <t>41419229.0</t>
  </si>
  <si>
    <t>34791116.0</t>
  </si>
  <si>
    <t>9835486.0</t>
  </si>
  <si>
    <t>2086942849.0</t>
  </si>
  <si>
    <t>890874350.0</t>
  </si>
  <si>
    <t>465610089.0</t>
  </si>
  <si>
    <t>106343.0</t>
  </si>
  <si>
    <t>36230593.0</t>
  </si>
  <si>
    <t>34945977.0</t>
  </si>
  <si>
    <t>9861734.0</t>
  </si>
  <si>
    <t>2128027653.0</t>
  </si>
  <si>
    <t>904633989.0</t>
  </si>
  <si>
    <t>472288878.0</t>
  </si>
  <si>
    <t>41079784.0</t>
  </si>
  <si>
    <t>35777935.0</t>
  </si>
  <si>
    <t>10351702.0</t>
  </si>
  <si>
    <t>2159284420.0</t>
  </si>
  <si>
    <t>912974872.0</t>
  </si>
  <si>
    <t>476812323.0</t>
  </si>
  <si>
    <t>110702.0</t>
  </si>
  <si>
    <t>31914818.0</t>
  </si>
  <si>
    <t>35746739.0</t>
  </si>
  <si>
    <t>10208536.0</t>
  </si>
  <si>
    <t>2185410141.0</t>
  </si>
  <si>
    <t>920510830.0</t>
  </si>
  <si>
    <t>480763160.0</t>
  </si>
  <si>
    <t>111173.0</t>
  </si>
  <si>
    <t>24992126.0</t>
  </si>
  <si>
    <t>35461941.0</t>
  </si>
  <si>
    <t>10383869.0</t>
  </si>
  <si>
    <t>2216866924.0</t>
  </si>
  <si>
    <t>930836437.0</t>
  </si>
  <si>
    <t>485901946.0</t>
  </si>
  <si>
    <t>112988.0</t>
  </si>
  <si>
    <t>32193069.0</t>
  </si>
  <si>
    <t>35100275.0</t>
  </si>
  <si>
    <t>10718548.0</t>
  </si>
  <si>
    <t>2252127813.0</t>
  </si>
  <si>
    <t>944680168.0</t>
  </si>
  <si>
    <t>492958383.0</t>
  </si>
  <si>
    <t>115249.0</t>
  </si>
  <si>
    <t>34687237.0</t>
  </si>
  <si>
    <t>34645404.0</t>
  </si>
  <si>
    <t>11038689.0</t>
  </si>
  <si>
    <t>2289315869.0</t>
  </si>
  <si>
    <t>958527280.0</t>
  </si>
  <si>
    <t>500311502.0</t>
  </si>
  <si>
    <t>117593.0</t>
  </si>
  <si>
    <t>36443359.0</t>
  </si>
  <si>
    <t>33934417.0</t>
  </si>
  <si>
    <t>11215600.0</t>
  </si>
  <si>
    <t>2328488027.0</t>
  </si>
  <si>
    <t>1592536861.0</t>
  </si>
  <si>
    <t>507222094.0</t>
  </si>
  <si>
    <t>40440170.0</t>
  </si>
  <si>
    <t>34535783.0</t>
  </si>
  <si>
    <t>11435778.0</t>
  </si>
  <si>
    <t>2367566337.0</t>
  </si>
  <si>
    <t>1606127472.0</t>
  </si>
  <si>
    <t>514680016.0</t>
  </si>
  <si>
    <t>122852.0</t>
  </si>
  <si>
    <t>38054321.0</t>
  </si>
  <si>
    <t>34103829.0</t>
  </si>
  <si>
    <t>17137358.0</t>
  </si>
  <si>
    <t>2396814573.0</t>
  </si>
  <si>
    <t>1615760486.0</t>
  </si>
  <si>
    <t>519561652.0</t>
  </si>
  <si>
    <t>123769.0</t>
  </si>
  <si>
    <t>29671525.0</t>
  </si>
  <si>
    <t>33783320.0</t>
  </si>
  <si>
    <t>17230746.0</t>
  </si>
  <si>
    <t>2423927174.0</t>
  </si>
  <si>
    <t>1624267904.0</t>
  </si>
  <si>
    <t>524063202.0</t>
  </si>
  <si>
    <t>124311.0</t>
  </si>
  <si>
    <t>25861544.0</t>
  </si>
  <si>
    <t>33907478.0</t>
  </si>
  <si>
    <t>17362464.0</t>
  </si>
  <si>
    <t>2452379661.0</t>
  </si>
  <si>
    <t>1635097678.0</t>
  </si>
  <si>
    <t>530416460.0</t>
  </si>
  <si>
    <t>28667672.0</t>
  </si>
  <si>
    <t>33403805.0</t>
  </si>
  <si>
    <t>17441124.0</t>
  </si>
  <si>
    <t>2491948138.0</t>
  </si>
  <si>
    <t>1647911494.0</t>
  </si>
  <si>
    <t>538135256.0</t>
  </si>
  <si>
    <t>128563.0</t>
  </si>
  <si>
    <t>39781107.0</t>
  </si>
  <si>
    <t>34131465.0</t>
  </si>
  <si>
    <t>17391297.0</t>
  </si>
  <si>
    <t>2533542852.0</t>
  </si>
  <si>
    <t>1660508739.0</t>
  </si>
  <si>
    <t>545643274.0</t>
  </si>
  <si>
    <t>42576138.0</t>
  </si>
  <si>
    <t>35007536.0</t>
  </si>
  <si>
    <t>17404143.0</t>
  </si>
  <si>
    <t>2578881217.0</t>
  </si>
  <si>
    <t>1676114657.0</t>
  </si>
  <si>
    <t>553476481.0</t>
  </si>
  <si>
    <t>133358.0</t>
  </si>
  <si>
    <t>45920066.0</t>
  </si>
  <si>
    <t>35790347.0</t>
  </si>
  <si>
    <t>17889288.0</t>
  </si>
  <si>
    <t>2624432549.0</t>
  </si>
  <si>
    <t>1689944820.0</t>
  </si>
  <si>
    <t>561151207.0</t>
  </si>
  <si>
    <t>136150.0</t>
  </si>
  <si>
    <t>44704681.0</t>
  </si>
  <si>
    <t>36740394.0</t>
  </si>
  <si>
    <t>17992352.0</t>
  </si>
  <si>
    <t>2660515469.0</t>
  </si>
  <si>
    <t>1700171094.0</t>
  </si>
  <si>
    <t>566437349.0</t>
  </si>
  <si>
    <t>37294588.0</t>
  </si>
  <si>
    <t>37829404.0</t>
  </si>
  <si>
    <t>18250495.0</t>
  </si>
  <si>
    <t>2693893235.0</t>
  </si>
  <si>
    <t>1709971618.0</t>
  </si>
  <si>
    <t>571227558.0</t>
  </si>
  <si>
    <t>137321.0</t>
  </si>
  <si>
    <t>31724582.0</t>
  </si>
  <si>
    <t>38666978.0</t>
  </si>
  <si>
    <t>18429423.0</t>
  </si>
  <si>
    <t>2736651040.0</t>
  </si>
  <si>
    <t>1726856324.0</t>
  </si>
  <si>
    <t>577643244.0</t>
  </si>
  <si>
    <t>138797.0</t>
  </si>
  <si>
    <t>43173636.0</t>
  </si>
  <si>
    <t>40739256.0</t>
  </si>
  <si>
    <t>19272767.0</t>
  </si>
  <si>
    <t>2780672668.0</t>
  </si>
  <si>
    <t>1741281559.0</t>
  </si>
  <si>
    <t>585419238.0</t>
  </si>
  <si>
    <t>140487.0</t>
  </si>
  <si>
    <t>45540658.0</t>
  </si>
  <si>
    <t>41562139.0</t>
  </si>
  <si>
    <t>19633758.0</t>
  </si>
  <si>
    <t>2824443901.0</t>
  </si>
  <si>
    <t>1753202041.0</t>
  </si>
  <si>
    <t>592865927.0</t>
  </si>
  <si>
    <t>44602475.0</t>
  </si>
  <si>
    <t>41851607.0</t>
  </si>
  <si>
    <t>19557815.0</t>
  </si>
  <si>
    <t>2872888110.0</t>
  </si>
  <si>
    <t>1768760127.0</t>
  </si>
  <si>
    <t>601194040.0</t>
  </si>
  <si>
    <t>143656.0</t>
  </si>
  <si>
    <t>49010120.0</t>
  </si>
  <si>
    <t>42293023.0</t>
  </si>
  <si>
    <t>19480356.0</t>
  </si>
  <si>
    <t>2920518549.0</t>
  </si>
  <si>
    <t>1784483183.0</t>
  </si>
  <si>
    <t>609321315.0</t>
  </si>
  <si>
    <t>146846.0</t>
  </si>
  <si>
    <t>46753781.0</t>
  </si>
  <si>
    <t>42585736.0</t>
  </si>
  <si>
    <t>19719036.0</t>
  </si>
  <si>
    <t>2961187391.0</t>
  </si>
  <si>
    <t>1797436043.0</t>
  </si>
  <si>
    <t>615502996.0</t>
  </si>
  <si>
    <t>147740.0</t>
  </si>
  <si>
    <t>42503432.0</t>
  </si>
  <si>
    <t>43329837.0</t>
  </si>
  <si>
    <t>20125971.0</t>
  </si>
  <si>
    <t>2996196839.0</t>
  </si>
  <si>
    <t>1822419657.0</t>
  </si>
  <si>
    <t>622532033.0</t>
  </si>
  <si>
    <t>148115.0</t>
  </si>
  <si>
    <t>34251946.0</t>
  </si>
  <si>
    <t>43690878.0</t>
  </si>
  <si>
    <t>20083726.0</t>
  </si>
  <si>
    <t>3034562380.0</t>
  </si>
  <si>
    <t>1832812751.0</t>
  </si>
  <si>
    <t>629676620.0</t>
  </si>
  <si>
    <t>39193465.0</t>
  </si>
  <si>
    <t>43122264.0</t>
  </si>
  <si>
    <t>19275539.0</t>
  </si>
  <si>
    <t>3076326583.0</t>
  </si>
  <si>
    <t>1846581009.0</t>
  </si>
  <si>
    <t>639010708.0</t>
  </si>
  <si>
    <t>152313.0</t>
  </si>
  <si>
    <t>42731178.0</t>
  </si>
  <si>
    <t>42720913.0</t>
  </si>
  <si>
    <t>19207616.0</t>
  </si>
  <si>
    <t>3114774961.0</t>
  </si>
  <si>
    <t>1857763958.0</t>
  </si>
  <si>
    <t>647139529.0</t>
  </si>
  <si>
    <t>453703.0</t>
  </si>
  <si>
    <t>39708757.0</t>
  </si>
  <si>
    <t>42021814.0</t>
  </si>
  <si>
    <t>19098568.0</t>
  </si>
  <si>
    <t>3158838497.0</t>
  </si>
  <si>
    <t>1874878928.0</t>
  </si>
  <si>
    <t>655369975.0</t>
  </si>
  <si>
    <t>42593201.0</t>
  </si>
  <si>
    <t>41105120.0</t>
  </si>
  <si>
    <t>18837758.0</t>
  </si>
  <si>
    <t>3196103889.0</t>
  </si>
  <si>
    <t>1885392839.0</t>
  </si>
  <si>
    <t>663048699.0</t>
  </si>
  <si>
    <t>1070321.0</t>
  </si>
  <si>
    <t>36975730.0</t>
  </si>
  <si>
    <t>39708252.0</t>
  </si>
  <si>
    <t>18116156.0</t>
  </si>
  <si>
    <t>3228802199.0</t>
  </si>
  <si>
    <t>1897882826.0</t>
  </si>
  <si>
    <t>671195845.0</t>
  </si>
  <si>
    <t>1193437.0</t>
  </si>
  <si>
    <t>34028100.0</t>
  </si>
  <si>
    <t>38497483.0</t>
  </si>
  <si>
    <t>17943763.0</t>
  </si>
  <si>
    <t>3253762436.0</t>
  </si>
  <si>
    <t>1907487725.0</t>
  </si>
  <si>
    <t>676838162.0</t>
  </si>
  <si>
    <t>1534211.0</t>
  </si>
  <si>
    <t>22907221.0</t>
  </si>
  <si>
    <t>36876804.0</t>
  </si>
  <si>
    <t>17852190.0</t>
  </si>
  <si>
    <t>3286508255.0</t>
  </si>
  <si>
    <t>1921310474.0</t>
  </si>
  <si>
    <t>687367681.0</t>
  </si>
  <si>
    <t>1950776.0</t>
  </si>
  <si>
    <t>31576944.0</t>
  </si>
  <si>
    <t>35788729.0</t>
  </si>
  <si>
    <t>17789806.0</t>
  </si>
  <si>
    <t>3319512440.0</t>
  </si>
  <si>
    <t>1932981450.0</t>
  </si>
  <si>
    <t>695444371.0</t>
  </si>
  <si>
    <t>2322155.0</t>
  </si>
  <si>
    <t>34782367.0</t>
  </si>
  <si>
    <t>34653182.0</t>
  </si>
  <si>
    <t>17501452.0</t>
  </si>
  <si>
    <t>3352680069.0</t>
  </si>
  <si>
    <t>1946121039.0</t>
  </si>
  <si>
    <t>705037612.0</t>
  </si>
  <si>
    <t>2642376.0</t>
  </si>
  <si>
    <t>33406091.0</t>
  </si>
  <si>
    <t>33752794.0</t>
  </si>
  <si>
    <t>17624363.0</t>
  </si>
  <si>
    <t>3392222130.0</t>
  </si>
  <si>
    <t>1962658634.0</t>
  </si>
  <si>
    <t>716685495.0</t>
  </si>
  <si>
    <t>2917067.0</t>
  </si>
  <si>
    <t>41107021.0</t>
  </si>
  <si>
    <t>33540499.0</t>
  </si>
  <si>
    <t>18097862.0</t>
  </si>
  <si>
    <t>3421548162.0</t>
  </si>
  <si>
    <t>1972876480.0</t>
  </si>
  <si>
    <t>724804854.0</t>
  </si>
  <si>
    <t>3073892.0</t>
  </si>
  <si>
    <t>32616077.0</t>
  </si>
  <si>
    <t>32917695.0</t>
  </si>
  <si>
    <t>18358848.0</t>
  </si>
  <si>
    <t>3449448164.0</t>
  </si>
  <si>
    <t>1984343496.0</t>
  </si>
  <si>
    <t>732523195.0</t>
  </si>
  <si>
    <t>3128578.0</t>
  </si>
  <si>
    <t>25438480.0</t>
  </si>
  <si>
    <t>31690607.0</t>
  </si>
  <si>
    <t>17843854.0</t>
  </si>
  <si>
    <t>3471179879.0</t>
  </si>
  <si>
    <t>1991820897.0</t>
  </si>
  <si>
    <t>738806391.0</t>
  </si>
  <si>
    <t>3260439.0</t>
  </si>
  <si>
    <t>20616510.0</t>
  </si>
  <si>
    <t>31363353.0</t>
  </si>
  <si>
    <t>17625831.0</t>
  </si>
  <si>
    <t>3500888420.0</t>
  </si>
  <si>
    <t>2002813044.0</t>
  </si>
  <si>
    <t>748704522.0</t>
  </si>
  <si>
    <t>3475457.0</t>
  </si>
  <si>
    <t>28478976.0</t>
  </si>
  <si>
    <t>30920792.0</t>
  </si>
  <si>
    <t>17629488.0</t>
  </si>
  <si>
    <t>3536034316.0</t>
  </si>
  <si>
    <t>2017705459.0</t>
  </si>
  <si>
    <t>758369727.0</t>
  </si>
  <si>
    <t>3662757.0</t>
  </si>
  <si>
    <t>35265155.0</t>
  </si>
  <si>
    <t>30989763.0</t>
  </si>
  <si>
    <t>17960747.0</t>
  </si>
  <si>
    <t>3572285738.0</t>
  </si>
  <si>
    <t>2031449957.0</t>
  </si>
  <si>
    <t>768554787.0</t>
  </si>
  <si>
    <t>3783127.0</t>
  </si>
  <si>
    <t>37579665.0</t>
  </si>
  <si>
    <t>31585979.0</t>
  </si>
  <si>
    <t>18197212.0</t>
  </si>
  <si>
    <t>3607587765.0</t>
  </si>
  <si>
    <t>2045104712.0</t>
  </si>
  <si>
    <t>779129708.0</t>
  </si>
  <si>
    <t>5771855.0</t>
  </si>
  <si>
    <t>36112423.0</t>
  </si>
  <si>
    <t>30872473.0</t>
  </si>
  <si>
    <t>17735292.0</t>
  </si>
  <si>
    <t>3642111050.0</t>
  </si>
  <si>
    <t>2057909573.0</t>
  </si>
  <si>
    <t>789709899.0</t>
  </si>
  <si>
    <t>5829766.0</t>
  </si>
  <si>
    <t>34375403.0</t>
  </si>
  <si>
    <t>31123799.0</t>
  </si>
  <si>
    <t>17871158.0</t>
  </si>
  <si>
    <t>3669957589.0</t>
  </si>
  <si>
    <t>2068251619.0</t>
  </si>
  <si>
    <t>797577283.0</t>
  </si>
  <si>
    <t>5875352.0</t>
  </si>
  <si>
    <t>29207000.0</t>
  </si>
  <si>
    <t>31662508.0</t>
  </si>
  <si>
    <t>18122960.0</t>
  </si>
  <si>
    <t>3690058146.0</t>
  </si>
  <si>
    <t>2074100137.0</t>
  </si>
  <si>
    <t>802667817.0</t>
  </si>
  <si>
    <t>5973005.0</t>
  </si>
  <si>
    <t>22485426.0</t>
  </si>
  <si>
    <t>31929435.0</t>
  </si>
  <si>
    <t>18235531.0</t>
  </si>
  <si>
    <t>3723757291.0</t>
  </si>
  <si>
    <t>2087722409.0</t>
  </si>
  <si>
    <t>812251435.0</t>
  </si>
  <si>
    <t>6032298.0</t>
  </si>
  <si>
    <t>28961069.0</t>
  </si>
  <si>
    <t>31998251.0</t>
  </si>
  <si>
    <t>18189646.0</t>
  </si>
  <si>
    <t>3757265924.0</t>
  </si>
  <si>
    <t>2100475550.0</t>
  </si>
  <si>
    <t>821041607.0</t>
  </si>
  <si>
    <t>6085452.0</t>
  </si>
  <si>
    <t>31819106.0</t>
  </si>
  <si>
    <t>31505902.0</t>
  </si>
  <si>
    <t>17700810.0</t>
  </si>
  <si>
    <t>3789900821.0</t>
  </si>
  <si>
    <t>2109985285.0</t>
  </si>
  <si>
    <t>829836332.0</t>
  </si>
  <si>
    <t>6136995.0</t>
  </si>
  <si>
    <t>33411199.0</t>
  </si>
  <si>
    <t>30910353.0</t>
  </si>
  <si>
    <t>17193190.0</t>
  </si>
  <si>
    <t>3828678638.0</t>
  </si>
  <si>
    <t>2122931146.0</t>
  </si>
  <si>
    <t>840118927.0</t>
  </si>
  <si>
    <t>6193601.0</t>
  </si>
  <si>
    <t>39787602.0</t>
  </si>
  <si>
    <t>31435308.0</t>
  </si>
  <si>
    <t>17089141.0</t>
  </si>
  <si>
    <t>3868290110.0</t>
  </si>
  <si>
    <t>2135241258.0</t>
  </si>
  <si>
    <t>850540250.0</t>
  </si>
  <si>
    <t>6228819.0</t>
  </si>
  <si>
    <t>39580011.0</t>
  </si>
  <si>
    <t>32178773.0</t>
  </si>
  <si>
    <t>17050177.0</t>
  </si>
  <si>
    <t>3898529584.0</t>
  </si>
  <si>
    <t>2144359077.0</t>
  </si>
  <si>
    <t>857858156.0</t>
  </si>
  <si>
    <t>6268178.0</t>
  </si>
  <si>
    <t>32751119.0</t>
  </si>
  <si>
    <t>32685073.0</t>
  </si>
  <si>
    <t>16991811.0</t>
  </si>
  <si>
    <t>3925689314.0</t>
  </si>
  <si>
    <t>2152489020.0</t>
  </si>
  <si>
    <t>865522387.0</t>
  </si>
  <si>
    <t>6434680.0</t>
  </si>
  <si>
    <t>25493981.0</t>
  </si>
  <si>
    <t>33114873.0</t>
  </si>
  <si>
    <t>16982730.0</t>
  </si>
  <si>
    <t>3967168104.0</t>
  </si>
  <si>
    <t>2169367007.0</t>
  </si>
  <si>
    <t>877179218.0</t>
  </si>
  <si>
    <t>6654831.0</t>
  </si>
  <si>
    <t>39039064.0</t>
  </si>
  <si>
    <t>34554582.0</t>
  </si>
  <si>
    <t>17467271.0</t>
  </si>
  <si>
    <t>4008256139.0</t>
  </si>
  <si>
    <t>2182397041.0</t>
  </si>
  <si>
    <t>888033115.0</t>
  </si>
  <si>
    <t>6877775.0</t>
  </si>
  <si>
    <t>42645779.0</t>
  </si>
  <si>
    <t>36101249.0</t>
  </si>
  <si>
    <t>17798124.0</t>
  </si>
  <si>
    <t>4050983026.0</t>
  </si>
  <si>
    <t>2196728266.0</t>
  </si>
  <si>
    <t>898332313.0</t>
  </si>
  <si>
    <t>7102608.0</t>
  </si>
  <si>
    <t>44541365.0</t>
  </si>
  <si>
    <t>37691274.0</t>
  </si>
  <si>
    <t>18378559.0</t>
  </si>
  <si>
    <t>4097024123.0</t>
  </si>
  <si>
    <t>2212287737.0</t>
  </si>
  <si>
    <t>910649793.0</t>
  </si>
  <si>
    <t>7326820.0</t>
  </si>
  <si>
    <t>46619977.0</t>
  </si>
  <si>
    <t>38667326.0</t>
  </si>
  <si>
    <t>18787366.0</t>
  </si>
  <si>
    <t>4141578589.0</t>
  </si>
  <si>
    <t>2227213062.0</t>
  </si>
  <si>
    <t>921764092.0</t>
  </si>
  <si>
    <t>7473502.0</t>
  </si>
  <si>
    <t>45564642.0</t>
  </si>
  <si>
    <t>39522276.0</t>
  </si>
  <si>
    <t>19243644.0</t>
  </si>
  <si>
    <t>4173419064.0</t>
  </si>
  <si>
    <t>2237025101.0</t>
  </si>
  <si>
    <t>928419917.0</t>
  </si>
  <si>
    <t>7524067.0</t>
  </si>
  <si>
    <t>38476259.0</t>
  </si>
  <si>
    <t>40340154.0</t>
  </si>
  <si>
    <t>19779749.0</t>
  </si>
  <si>
    <t>4213218078.0</t>
  </si>
  <si>
    <t>2252393372.0</t>
  </si>
  <si>
    <t>935734397.0</t>
  </si>
  <si>
    <t>7611183.0</t>
  </si>
  <si>
    <t>33987045.0</t>
  </si>
  <si>
    <t>41553448.0</t>
  </si>
  <si>
    <t>20299537.0</t>
  </si>
  <si>
    <t>4252445502.0</t>
  </si>
  <si>
    <t>2263955869.0</t>
  </si>
  <si>
    <t>943987643.0</t>
  </si>
  <si>
    <t>7794482.0</t>
  </si>
  <si>
    <t>42576393.0</t>
  </si>
  <si>
    <t>42058782.0</t>
  </si>
  <si>
    <t>20453314.0</t>
  </si>
  <si>
    <t>4308142450.0</t>
  </si>
  <si>
    <t>2287229923.0</t>
  </si>
  <si>
    <t>956736656.0</t>
  </si>
  <si>
    <t>8019952.0</t>
  </si>
  <si>
    <t>48910739.0</t>
  </si>
  <si>
    <t>42953779.0</t>
  </si>
  <si>
    <t>21000103.0</t>
  </si>
  <si>
    <t>4348128517.0</t>
  </si>
  <si>
    <t>2300043153.0</t>
  </si>
  <si>
    <t>965841958.0</t>
  </si>
  <si>
    <t>8120823.0</t>
  </si>
  <si>
    <t>42234751.0</t>
  </si>
  <si>
    <t>42624254.0</t>
  </si>
  <si>
    <t>20882562.0</t>
  </si>
  <si>
    <t>4388987798.0</t>
  </si>
  <si>
    <t>2315086811.0</t>
  </si>
  <si>
    <t>975707598.0</t>
  </si>
  <si>
    <t>8452085.0</t>
  </si>
  <si>
    <t>41173694.0</t>
  </si>
  <si>
    <t>41846223.0</t>
  </si>
  <si>
    <t>20739094.0</t>
  </si>
  <si>
    <t>4429565232.0</t>
  </si>
  <si>
    <t>2328860199.0</t>
  </si>
  <si>
    <t>985787724.0</t>
  </si>
  <si>
    <t>8640567.0</t>
  </si>
  <si>
    <t>42152508.0</t>
  </si>
  <si>
    <t>41358775.0</t>
  </si>
  <si>
    <t>20695733.0</t>
  </si>
  <si>
    <t>4461431525.0</t>
  </si>
  <si>
    <t>2340330366.0</t>
  </si>
  <si>
    <t>993875084.0</t>
  </si>
  <si>
    <t>8794645.0</t>
  </si>
  <si>
    <t>34674596.0</t>
  </si>
  <si>
    <t>40815675.0</t>
  </si>
  <si>
    <t>20522079.0</t>
  </si>
  <si>
    <t>4493449654.0</t>
  </si>
  <si>
    <t>2353026253.0</t>
  </si>
  <si>
    <t>1001015854.0</t>
  </si>
  <si>
    <t>8970597.0</t>
  </si>
  <si>
    <t>29942020.0</t>
  </si>
  <si>
    <t>40237815.0</t>
  </si>
  <si>
    <t>20587188.0</t>
  </si>
  <si>
    <t>4533343533.0</t>
  </si>
  <si>
    <t>2371169989.0</t>
  </si>
  <si>
    <t>1015478069.0</t>
  </si>
  <si>
    <t>9240961.0</t>
  </si>
  <si>
    <t>35434741.0</t>
  </si>
  <si>
    <t>39229675.0</t>
  </si>
  <si>
    <t>20538029.0</t>
  </si>
  <si>
    <t>4571696030.0</t>
  </si>
  <si>
    <t>2385672137.0</t>
  </si>
  <si>
    <t>1026260916.0</t>
  </si>
  <si>
    <t>9675791.0</t>
  </si>
  <si>
    <t>40058071.0</t>
  </si>
  <si>
    <t>37962999.0</t>
  </si>
  <si>
    <t>20218821.0</t>
  </si>
  <si>
    <t>4609331848.0</t>
  </si>
  <si>
    <t>2400382566.0</t>
  </si>
  <si>
    <t>1036907599.0</t>
  </si>
  <si>
    <t>10131733.0</t>
  </si>
  <si>
    <t>38861490.0</t>
  </si>
  <si>
    <t>37479077.0</t>
  </si>
  <si>
    <t>20365685.0</t>
  </si>
  <si>
    <t>4643287862.0</t>
  </si>
  <si>
    <t>2411468695.0</t>
  </si>
  <si>
    <t>1824489901.0</t>
  </si>
  <si>
    <t>10606673.0</t>
  </si>
  <si>
    <t>40569451.0</t>
  </si>
  <si>
    <t>37390754.0</t>
  </si>
  <si>
    <t>20660512.0</t>
  </si>
  <si>
    <t>4690107392.0</t>
  </si>
  <si>
    <t>2432473949.0</t>
  </si>
  <si>
    <t>1838347512.0</t>
  </si>
  <si>
    <t>10938580.0</t>
  </si>
  <si>
    <t>41721313.0</t>
  </si>
  <si>
    <t>37327133.0</t>
  </si>
  <si>
    <t>20903592.0</t>
  </si>
  <si>
    <t>4721223069.0</t>
  </si>
  <si>
    <t>2444547623.0</t>
  </si>
  <si>
    <t>1847775763.0</t>
  </si>
  <si>
    <t>11171609.0</t>
  </si>
  <si>
    <t>33771657.0</t>
  </si>
  <si>
    <t>37196122.0</t>
  </si>
  <si>
    <t>21071329.0</t>
  </si>
  <si>
    <t>4744110553.0</t>
  </si>
  <si>
    <t>2454589096.0</t>
  </si>
  <si>
    <t>1853555609.0</t>
  </si>
  <si>
    <t>11415201.0</t>
  </si>
  <si>
    <t>23721362.0</t>
  </si>
  <si>
    <t>36305446.0</t>
  </si>
  <si>
    <t>20766894.0</t>
  </si>
  <si>
    <t>4785545400.0</t>
  </si>
  <si>
    <t>2472583033.0</t>
  </si>
  <si>
    <t>1863699287.0</t>
  </si>
  <si>
    <t>11977890.0</t>
  </si>
  <si>
    <t>34757991.0</t>
  </si>
  <si>
    <t>36208769.0</t>
  </si>
  <si>
    <t>20592333.0</t>
  </si>
  <si>
    <t>4824841577.0</t>
  </si>
  <si>
    <t>2487588460.0</t>
  </si>
  <si>
    <t>1874924055.0</t>
  </si>
  <si>
    <t>12647116.0</t>
  </si>
  <si>
    <t>39785608.0</t>
  </si>
  <si>
    <t>36169841.0</t>
  </si>
  <si>
    <t>20566046.0</t>
  </si>
  <si>
    <t>4862863857.0</t>
  </si>
  <si>
    <t>2500684566.0</t>
  </si>
  <si>
    <t>1885843336.0</t>
  </si>
  <si>
    <t>13395962.0</t>
  </si>
  <si>
    <t>39425232.0</t>
  </si>
  <si>
    <t>36250380.0</t>
  </si>
  <si>
    <t>20395778.0</t>
  </si>
  <si>
    <t>4898544046.0</t>
  </si>
  <si>
    <t>2513048346.0</t>
  </si>
  <si>
    <t>1896772599.0</t>
  </si>
  <si>
    <t>13971457.0</t>
  </si>
  <si>
    <t>38164717.0</t>
  </si>
  <si>
    <t>35906835.0</t>
  </si>
  <si>
    <t>19853905.0</t>
  </si>
  <si>
    <t>4940487399.0</t>
  </si>
  <si>
    <t>2531057849.0</t>
  </si>
  <si>
    <t>1910419079.0</t>
  </si>
  <si>
    <t>14517531.0</t>
  </si>
  <si>
    <t>37742041.0</t>
  </si>
  <si>
    <t>35338378.0</t>
  </si>
  <si>
    <t>19388759.0</t>
  </si>
  <si>
    <t>4972508740.0</t>
  </si>
  <si>
    <t>2543149690.0</t>
  </si>
  <si>
    <t>1917990384.0</t>
  </si>
  <si>
    <t>14762130.0</t>
  </si>
  <si>
    <t>32061878.0</t>
  </si>
  <si>
    <t>35094122.0</t>
  </si>
  <si>
    <t>18845745.0</t>
  </si>
  <si>
    <t>5000273216.0</t>
  </si>
  <si>
    <t>2551147348.0</t>
  </si>
  <si>
    <t>1925363754.0</t>
  </si>
  <si>
    <t>14975791.0</t>
  </si>
  <si>
    <t>27484136.0</t>
  </si>
  <si>
    <t>35631662.0</t>
  </si>
  <si>
    <t>18724539.0</t>
  </si>
  <si>
    <t>5033719541.0</t>
  </si>
  <si>
    <t>2560230905.0</t>
  </si>
  <si>
    <t>1934250157.0</t>
  </si>
  <si>
    <t>15538820.0</t>
  </si>
  <si>
    <t>35116497.0</t>
  </si>
  <si>
    <t>35682871.0</t>
  </si>
  <si>
    <t>18284423.0</t>
  </si>
  <si>
    <t>5076682117.0</t>
  </si>
  <si>
    <t>2575853104.0</t>
  </si>
  <si>
    <t>1947358090.0</t>
  </si>
  <si>
    <t>16075799.0</t>
  </si>
  <si>
    <t>41573177.0</t>
  </si>
  <si>
    <t>35938245.0</t>
  </si>
  <si>
    <t>18198795.0</t>
  </si>
  <si>
    <t>5121354517.0</t>
  </si>
  <si>
    <t>2593013132.0</t>
  </si>
  <si>
    <t>1960373638.0</t>
  </si>
  <si>
    <t>16605170.0</t>
  </si>
  <si>
    <t>43855414.0</t>
  </si>
  <si>
    <t>36571123.0</t>
  </si>
  <si>
    <t>18618918.0</t>
  </si>
  <si>
    <t>5162102038.0</t>
  </si>
  <si>
    <t>3057099683.0</t>
  </si>
  <si>
    <t>2084074331.0</t>
  </si>
  <si>
    <t>17165231.0</t>
  </si>
  <si>
    <t>43483963.0</t>
  </si>
  <si>
    <t>37331021.0</t>
  </si>
  <si>
    <t>18731136.0</t>
  </si>
  <si>
    <t>5214935752.0</t>
  </si>
  <si>
    <t>3078345037.0</t>
  </si>
  <si>
    <t>2100557660.0</t>
  </si>
  <si>
    <t>17626647.0</t>
  </si>
  <si>
    <t>49677934.0</t>
  </si>
  <si>
    <t>39036145.0</t>
  </si>
  <si>
    <t>18781254.0</t>
  </si>
  <si>
    <t>5252106282.0</t>
  </si>
  <si>
    <t>3092002855.0</t>
  </si>
  <si>
    <t>2110122543.0</t>
  </si>
  <si>
    <t>17822893.0</t>
  </si>
  <si>
    <t>40707939.0</t>
  </si>
  <si>
    <t>40271302.0</t>
  </si>
  <si>
    <t>18902831.0</t>
  </si>
  <si>
    <t>5290173735.0</t>
  </si>
  <si>
    <t>3105287909.0</t>
  </si>
  <si>
    <t>2122238357.0</t>
  </si>
  <si>
    <t>18022110.0</t>
  </si>
  <si>
    <t>31956258.0</t>
  </si>
  <si>
    <t>40910175.0</t>
  </si>
  <si>
    <t>18726319.0</t>
  </si>
  <si>
    <t>5324003934.0</t>
  </si>
  <si>
    <t>3117200621.0</t>
  </si>
  <si>
    <t>2132262586.0</t>
  </si>
  <si>
    <t>18488222.0</t>
  </si>
  <si>
    <t>36608752.0</t>
  </si>
  <si>
    <t>41123346.0</t>
  </si>
  <si>
    <t>18724446.0</t>
  </si>
  <si>
    <t>5364635992.0</t>
  </si>
  <si>
    <t>3131697040.0</t>
  </si>
  <si>
    <t>2145219659.0</t>
  </si>
  <si>
    <t>19390247.0</t>
  </si>
  <si>
    <t>38379105.0</t>
  </si>
  <si>
    <t>40667052.0</t>
  </si>
  <si>
    <t>18043299.0</t>
  </si>
  <si>
    <t>5410112168.0</t>
  </si>
  <si>
    <t>3153442946.0</t>
  </si>
  <si>
    <t>2159858470.0</t>
  </si>
  <si>
    <t>20071099.0</t>
  </si>
  <si>
    <t>46106011.0</t>
  </si>
  <si>
    <t>40988567.0</t>
  </si>
  <si>
    <t>18155882.0</t>
  </si>
  <si>
    <t>5442963918.0</t>
  </si>
  <si>
    <t>3166651786.0</t>
  </si>
  <si>
    <t>2171046644.0</t>
  </si>
  <si>
    <t>20708069.0</t>
  </si>
  <si>
    <t>35456932.0</t>
  </si>
  <si>
    <t>39841676.0</t>
  </si>
  <si>
    <t>17610180.0</t>
  </si>
  <si>
    <t>5472775728.0</t>
  </si>
  <si>
    <t>3177974551.0</t>
  </si>
  <si>
    <t>2181574535.0</t>
  </si>
  <si>
    <t>21232103.0</t>
  </si>
  <si>
    <t>33103720.0</t>
  </si>
  <si>
    <t>37473964.0</t>
  </si>
  <si>
    <t>16843932.0</t>
  </si>
  <si>
    <t>5499474654.0</t>
  </si>
  <si>
    <t>3186721819.0</t>
  </si>
  <si>
    <t>2191190506.0</t>
  </si>
  <si>
    <t>21397656.0</t>
  </si>
  <si>
    <t>25629866.0</t>
  </si>
  <si>
    <t>35319991.0</t>
  </si>
  <si>
    <t>15882514.0</t>
  </si>
  <si>
    <t>5531317801.0</t>
  </si>
  <si>
    <t>3199624947.0</t>
  </si>
  <si>
    <t>2202845717.0</t>
  </si>
  <si>
    <t>21598510.0</t>
  </si>
  <si>
    <t>25497554.0</t>
  </si>
  <si>
    <t>34397343.0</t>
  </si>
  <si>
    <t>15745916.0</t>
  </si>
  <si>
    <t>5556787932.0</t>
  </si>
  <si>
    <t>3232297684.0</t>
  </si>
  <si>
    <t>2291934338.0</t>
  </si>
  <si>
    <t>21995697.0</t>
  </si>
  <si>
    <t>26919895.0</t>
  </si>
  <si>
    <t>33013240.0</t>
  </si>
  <si>
    <t>15402093.0</t>
  </si>
  <si>
    <t>5591454099.0</t>
  </si>
  <si>
    <t>3248819272.0</t>
  </si>
  <si>
    <t>2303495790.0</t>
  </si>
  <si>
    <t>22506733.0</t>
  </si>
  <si>
    <t>38101911.0</t>
  </si>
  <si>
    <t>32973661.0</t>
  </si>
  <si>
    <t>15729179.0</t>
  </si>
  <si>
    <t>5630930021.0</t>
  </si>
  <si>
    <t>3266810128.0</t>
  </si>
  <si>
    <t>2320753475.0</t>
  </si>
  <si>
    <t>23028483.0</t>
  </si>
  <si>
    <t>40081746.0</t>
  </si>
  <si>
    <t>32113085.0</t>
  </si>
  <si>
    <t>14833626.0</t>
  </si>
  <si>
    <t>5668494397.0</t>
  </si>
  <si>
    <t>3290337713.0</t>
  </si>
  <si>
    <t>2337066018.0</t>
  </si>
  <si>
    <t>23682164.0</t>
  </si>
  <si>
    <t>38115537.0</t>
  </si>
  <si>
    <t>32492889.0</t>
  </si>
  <si>
    <t>15078753.0</t>
  </si>
  <si>
    <t>5699544898.0</t>
  </si>
  <si>
    <t>3303634534.0</t>
  </si>
  <si>
    <t>2349514988.0</t>
  </si>
  <si>
    <t>24235665.0</t>
  </si>
  <si>
    <t>32509387.0</t>
  </si>
  <si>
    <t>32407978.0</t>
  </si>
  <si>
    <t>14950451.0</t>
  </si>
  <si>
    <t>5734526137.0</t>
  </si>
  <si>
    <t>3317742466.0</t>
  </si>
  <si>
    <t>2362366007.0</t>
  </si>
  <si>
    <t>24400206.0</t>
  </si>
  <si>
    <t>35335950.0</t>
  </si>
  <si>
    <t>33794571.0</t>
  </si>
  <si>
    <t>15617349.0</t>
  </si>
  <si>
    <t>5767815653.0</t>
  </si>
  <si>
    <t>3332629441.0</t>
  </si>
  <si>
    <t>2373648351.0</t>
  </si>
  <si>
    <t>24638559.0</t>
  </si>
  <si>
    <t>25403686.0</t>
  </si>
  <si>
    <t>33781152.0</t>
  </si>
  <si>
    <t>15505870.0</t>
  </si>
  <si>
    <t>5799139455.0</t>
  </si>
  <si>
    <t>3346522732.0</t>
  </si>
  <si>
    <t>2384917558.0</t>
  </si>
  <si>
    <t>25114264.0</t>
  </si>
  <si>
    <t>33267057.0</t>
  </si>
  <si>
    <t>34687901.0</t>
  </si>
  <si>
    <t>15843559.0</t>
  </si>
  <si>
    <t>5825957914.0</t>
  </si>
  <si>
    <t>3357315574.0</t>
  </si>
  <si>
    <t>2396217296.0</t>
  </si>
  <si>
    <t>25663112.0</t>
  </si>
  <si>
    <t>26304771.0</t>
  </si>
  <si>
    <t>33002587.0</t>
  </si>
  <si>
    <t>14974909.0</t>
  </si>
  <si>
    <t>5857284239.0</t>
  </si>
  <si>
    <t>3370523810.0</t>
  </si>
  <si>
    <t>2450914214.0</t>
  </si>
  <si>
    <t>26185310.0</t>
  </si>
  <si>
    <t>32412384.0</t>
  </si>
  <si>
    <t>31906960.0</t>
  </si>
  <si>
    <t>14670922.0</t>
  </si>
  <si>
    <t>5888236048.0</t>
  </si>
  <si>
    <t>3384086944.0</t>
  </si>
  <si>
    <t>2463570587.0</t>
  </si>
  <si>
    <t>26665665.0</t>
  </si>
  <si>
    <t>33529317.0</t>
  </si>
  <si>
    <t>31251790.0</t>
  </si>
  <si>
    <t>14355180.0</t>
  </si>
  <si>
    <t>5916159431.0</t>
  </si>
  <si>
    <t>3395592946.0</t>
  </si>
  <si>
    <t>2475215460.0</t>
  </si>
  <si>
    <t>27151200.0</t>
  </si>
  <si>
    <t>30852446.0</t>
  </si>
  <si>
    <t>31015085.0</t>
  </si>
  <si>
    <t>14344845.0</t>
  </si>
  <si>
    <t>5956192819.0</t>
  </si>
  <si>
    <t>3423951424.0</t>
  </si>
  <si>
    <t>2500386977.0</t>
  </si>
  <si>
    <t>27369789.0</t>
  </si>
  <si>
    <t>38796915.0</t>
  </si>
  <si>
    <t>31509515.0</t>
  </si>
  <si>
    <t>15036138.0</t>
  </si>
  <si>
    <t>5983269450.0</t>
  </si>
  <si>
    <t>3436081670.0</t>
  </si>
  <si>
    <t>2511528286.0</t>
  </si>
  <si>
    <t>27533212.0</t>
  </si>
  <si>
    <t>25027475.0</t>
  </si>
  <si>
    <t>31455779.0</t>
  </si>
  <si>
    <t>15333634.0</t>
  </si>
  <si>
    <t>6008424726.0</t>
  </si>
  <si>
    <t>3447350678.0</t>
  </si>
  <si>
    <t>2521597068.0</t>
  </si>
  <si>
    <t>28042956.0</t>
  </si>
  <si>
    <t>24598165.0</t>
  </si>
  <si>
    <t>30217358.0</t>
  </si>
  <si>
    <t>14958589.0</t>
  </si>
  <si>
    <t>6037785172.0</t>
  </si>
  <si>
    <t>3461769739.0</t>
  </si>
  <si>
    <t>2534168498.0</t>
  </si>
  <si>
    <t>28589371.0</t>
  </si>
  <si>
    <t>28725433.0</t>
  </si>
  <si>
    <t>30563159.0</t>
  </si>
  <si>
    <t>15593082.0</t>
  </si>
  <si>
    <t>6065923131.0</t>
  </si>
  <si>
    <t>3474376413.0</t>
  </si>
  <si>
    <t>2545384963.0</t>
  </si>
  <si>
    <t>29206307.0</t>
  </si>
  <si>
    <t>29173741.0</t>
  </si>
  <si>
    <t>30100501.0</t>
  </si>
  <si>
    <t>15566241.0</t>
  </si>
  <si>
    <t>6097802127.0</t>
  </si>
  <si>
    <t>3488161029.0</t>
  </si>
  <si>
    <t>2557216944.0</t>
  </si>
  <si>
    <t>29791927.0</t>
  </si>
  <si>
    <t>33541381.0</t>
  </si>
  <si>
    <t>30102221.0</t>
  </si>
  <si>
    <t>15745621.0</t>
  </si>
  <si>
    <t>6127836647.0</t>
  </si>
  <si>
    <t>3501637954.0</t>
  </si>
  <si>
    <t>2569523413.0</t>
  </si>
  <si>
    <t>31210350.0</t>
  </si>
  <si>
    <t>34359066.0</t>
  </si>
  <si>
    <t>30603177.0</t>
  </si>
  <si>
    <t>16302854.0</t>
  </si>
  <si>
    <t>6149719359.0</t>
  </si>
  <si>
    <t>3511214813.0</t>
  </si>
  <si>
    <t>2579293508.0</t>
  </si>
  <si>
    <t>31628502.0</t>
  </si>
  <si>
    <t>23846274.0</t>
  </si>
  <si>
    <t>28467362.0</t>
  </si>
  <si>
    <t>15153680.0</t>
  </si>
  <si>
    <t>6167663233.0</t>
  </si>
  <si>
    <t>3518578309.0</t>
  </si>
  <si>
    <t>2587190518.0</t>
  </si>
  <si>
    <t>31981365.0</t>
  </si>
  <si>
    <t>20429187.0</t>
  </si>
  <si>
    <t>27810466.0</t>
  </si>
  <si>
    <t>14833045.0</t>
  </si>
  <si>
    <t>6213870469.0</t>
  </si>
  <si>
    <t>3542878221.0</t>
  </si>
  <si>
    <t>2605314033.0</t>
  </si>
  <si>
    <t>33190605.0</t>
  </si>
  <si>
    <t>34300612.0</t>
  </si>
  <si>
    <t>29196536.0</t>
  </si>
  <si>
    <t>15601167.0</t>
  </si>
  <si>
    <t>6241466086.0</t>
  </si>
  <si>
    <t>3552837063.0</t>
  </si>
  <si>
    <t>2640948398.0</t>
  </si>
  <si>
    <t>34304090.0</t>
  </si>
  <si>
    <t>27227365.0</t>
  </si>
  <si>
    <t>28982520.0</t>
  </si>
  <si>
    <t>15226951.0</t>
  </si>
  <si>
    <t>6272858066.0</t>
  </si>
  <si>
    <t>3569467118.0</t>
  </si>
  <si>
    <t>2651555156.0</t>
  </si>
  <si>
    <t>35399896.0</t>
  </si>
  <si>
    <t>35591680.0</t>
  </si>
  <si>
    <t>29899370.0</t>
  </si>
  <si>
    <t>16072455.0</t>
  </si>
  <si>
    <t>6302513566.0</t>
  </si>
  <si>
    <t>3584258183.0</t>
  </si>
  <si>
    <t>2664383309.0</t>
  </si>
  <si>
    <t>37597472.0</t>
  </si>
  <si>
    <t>30696312.0</t>
  </si>
  <si>
    <t>29492927.0</t>
  </si>
  <si>
    <t>15791431.0</t>
  </si>
  <si>
    <t>6326463094.0</t>
  </si>
  <si>
    <t>3595295591.0</t>
  </si>
  <si>
    <t>2675150829.0</t>
  </si>
  <si>
    <t>39042070.0</t>
  </si>
  <si>
    <t>27213906.0</t>
  </si>
  <si>
    <t>28472195.0</t>
  </si>
  <si>
    <t>15346183.0</t>
  </si>
  <si>
    <t>6348146936.0</t>
  </si>
  <si>
    <t>3605562545.0</t>
  </si>
  <si>
    <t>2684713678.0</t>
  </si>
  <si>
    <t>39805427.0</t>
  </si>
  <si>
    <t>24575747.0</t>
  </si>
  <si>
    <t>28576404.0</t>
  </si>
  <si>
    <t>15611845.0</t>
  </si>
  <si>
    <t>6369937975.0</t>
  </si>
  <si>
    <t>3618013654.0</t>
  </si>
  <si>
    <t>2693158973.0</t>
  </si>
  <si>
    <t>40323951.0</t>
  </si>
  <si>
    <t>18565746.0</t>
  </si>
  <si>
    <t>28310199.0</t>
  </si>
  <si>
    <t>15598763.0</t>
  </si>
  <si>
    <t>6392101143.0</t>
  </si>
  <si>
    <t>3627109074.0</t>
  </si>
  <si>
    <t>2704352398.0</t>
  </si>
  <si>
    <t>41603676.0</t>
  </si>
  <si>
    <t>22002921.0</t>
  </si>
  <si>
    <t>26553390.0</t>
  </si>
  <si>
    <t>14596873.0</t>
  </si>
  <si>
    <t>6425521211.0</t>
  </si>
  <si>
    <t>3639990750.0</t>
  </si>
  <si>
    <t>2720806848.0</t>
  </si>
  <si>
    <t>44239719.0</t>
  </si>
  <si>
    <t>27738436.0</t>
  </si>
  <si>
    <t>26626390.0</t>
  </si>
  <si>
    <t>14615707.0</t>
  </si>
  <si>
    <t>6449175305.0</t>
  </si>
  <si>
    <t>3650187745.0</t>
  </si>
  <si>
    <t>2731982510.0</t>
  </si>
  <si>
    <t>45900188.0</t>
  </si>
  <si>
    <t>26074254.0</t>
  </si>
  <si>
    <t>25266760.0</t>
  </si>
  <si>
    <t>13474304.0</t>
  </si>
  <si>
    <t>6472889979.0</t>
  </si>
  <si>
    <t>3658902822.0</t>
  </si>
  <si>
    <t>2743962938.0</t>
  </si>
  <si>
    <t>47573537.0</t>
  </si>
  <si>
    <t>25265544.0</t>
  </si>
  <si>
    <t>24490932.0</t>
  </si>
  <si>
    <t>12939165.0</t>
  </si>
  <si>
    <t>6504904457.0</t>
  </si>
  <si>
    <t>3672974332.0</t>
  </si>
  <si>
    <t>2759240927.0</t>
  </si>
  <si>
    <t>49219977.0</t>
  </si>
  <si>
    <t>29319461.0</t>
  </si>
  <si>
    <t>24791733.0</t>
  </si>
  <si>
    <t>12824820.0</t>
  </si>
  <si>
    <t>6526487544.0</t>
  </si>
  <si>
    <t>3681717417.0</t>
  </si>
  <si>
    <t>2769827111.0</t>
  </si>
  <si>
    <t>50179726.0</t>
  </si>
  <si>
    <t>25106295.0</t>
  </si>
  <si>
    <t>24867522.0</t>
  </si>
  <si>
    <t>12671390.0</t>
  </si>
  <si>
    <t>6554267853.0</t>
  </si>
  <si>
    <t>3694524628.0</t>
  </si>
  <si>
    <t>2782393992.0</t>
  </si>
  <si>
    <t>50699403.0</t>
  </si>
  <si>
    <t>22185809.0</t>
  </si>
  <si>
    <t>25384675.0</t>
  </si>
  <si>
    <t>12788237.0</t>
  </si>
  <si>
    <t>6573740565.0</t>
  </si>
  <si>
    <t>3702100968.0</t>
  </si>
  <si>
    <t>2792315114.0</t>
  </si>
  <si>
    <t>51847474.0</t>
  </si>
  <si>
    <t>19700142.0</t>
  </si>
  <si>
    <t>25055710.0</t>
  </si>
  <si>
    <t>12606055.0</t>
  </si>
  <si>
    <t>6596746546.0</t>
  </si>
  <si>
    <t>3711535702.0</t>
  </si>
  <si>
    <t>2802980789.0</t>
  </si>
  <si>
    <t>53223641.0</t>
  </si>
  <si>
    <t>25968969.0</t>
  </si>
  <si>
    <t>24802922.0</t>
  </si>
  <si>
    <t>12512849.0</t>
  </si>
  <si>
    <t>6619795749.0</t>
  </si>
  <si>
    <t>3720201770.0</t>
  </si>
  <si>
    <t>2812901845.0</t>
  </si>
  <si>
    <t>55102352.0</t>
  </si>
  <si>
    <t>25087895.0</t>
  </si>
  <si>
    <t>24662029.0</t>
  </si>
  <si>
    <t>12440561.0</t>
  </si>
  <si>
    <t>6642717905.0</t>
  </si>
  <si>
    <t>3730200572.0</t>
  </si>
  <si>
    <t>2822529990.0</t>
  </si>
  <si>
    <t>56810282.0</t>
  </si>
  <si>
    <t>24842423.0</t>
  </si>
  <si>
    <t>24601573.0</t>
  </si>
  <si>
    <t>12557399.0</t>
  </si>
  <si>
    <t>6663160326.0</t>
  </si>
  <si>
    <t>3737243535.0</t>
  </si>
  <si>
    <t>2831904086.0</t>
  </si>
  <si>
    <t>58725039.0</t>
  </si>
  <si>
    <t>25274832.0</t>
  </si>
  <si>
    <t>24023766.0</t>
  </si>
  <si>
    <t>12271027.0</t>
  </si>
  <si>
    <t>6678338677.0</t>
  </si>
  <si>
    <t>3743466394.0</t>
  </si>
  <si>
    <t>2838083141.0</t>
  </si>
  <si>
    <t>59771127.0</t>
  </si>
  <si>
    <t>19985255.0</t>
  </si>
  <si>
    <t>23292192.0</t>
  </si>
  <si>
    <t>11894875.0</t>
  </si>
  <si>
    <t>6703873278.0</t>
  </si>
  <si>
    <t>3755519049.0</t>
  </si>
  <si>
    <t>2848693211.0</t>
  </si>
  <si>
    <t>60410865.0</t>
  </si>
  <si>
    <t>19538586.0</t>
  </si>
  <si>
    <t>22914018.0</t>
  </si>
  <si>
    <t>11672371.0</t>
  </si>
  <si>
    <t>6733969176.0</t>
  </si>
  <si>
    <t>3767404201.0</t>
  </si>
  <si>
    <t>2862556019.0</t>
  </si>
  <si>
    <t>62021093.0</t>
  </si>
  <si>
    <t>23673655.0</t>
  </si>
  <si>
    <t>23481667.0</t>
  </si>
  <si>
    <t>11917672.0</t>
  </si>
  <si>
    <t>6760765602.0</t>
  </si>
  <si>
    <t>3777519270.0</t>
  </si>
  <si>
    <t>2874709299.0</t>
  </si>
  <si>
    <t>63723386.0</t>
  </si>
  <si>
    <t>30728814.0</t>
  </si>
  <si>
    <t>24161638.0</t>
  </si>
  <si>
    <t>12091115.0</t>
  </si>
  <si>
    <t>6796648957.0</t>
  </si>
  <si>
    <t>3794154835.0</t>
  </si>
  <si>
    <t>2888335464.0</t>
  </si>
  <si>
    <t>65680377.0</t>
  </si>
  <si>
    <t>32285440.0</t>
  </si>
  <si>
    <t>25189944.0</t>
  </si>
  <si>
    <t>12638650.0</t>
  </si>
  <si>
    <t>6822977310.0</t>
  </si>
  <si>
    <t>3810033312.0</t>
  </si>
  <si>
    <t>2899768715.0</t>
  </si>
  <si>
    <t>68138340.0</t>
  </si>
  <si>
    <t>26108075.0</t>
  </si>
  <si>
    <t>25370721.0</t>
  </si>
  <si>
    <t>12705856.0</t>
  </si>
  <si>
    <t>6850843308.0</t>
  </si>
  <si>
    <t>3820473333.0</t>
  </si>
  <si>
    <t>2912070392.0</t>
  </si>
  <si>
    <t>70569332.0</t>
  </si>
  <si>
    <t>30129357.0</t>
  </si>
  <si>
    <t>26064204.0</t>
  </si>
  <si>
    <t>12914248.0</t>
  </si>
  <si>
    <t>6878245268.0</t>
  </si>
  <si>
    <t>3831869818.0</t>
  </si>
  <si>
    <t>2944259526.0</t>
  </si>
  <si>
    <t>72089947.0</t>
  </si>
  <si>
    <t>22341046.0</t>
  </si>
  <si>
    <t>26400741.0</t>
  </si>
  <si>
    <t>13019535.0</t>
  </si>
  <si>
    <t>6900871368.0</t>
  </si>
  <si>
    <t>3839719828.0</t>
  </si>
  <si>
    <t>2955497846.0</t>
  </si>
  <si>
    <t>72989085.0</t>
  </si>
  <si>
    <t>23169879.0</t>
  </si>
  <si>
    <t>26919475.0</t>
  </si>
  <si>
    <t>13104543.0</t>
  </si>
  <si>
    <t>6922126081.0</t>
  </si>
  <si>
    <t>3846000715.0</t>
  </si>
  <si>
    <t>2964363205.0</t>
  </si>
  <si>
    <t>76401637.0</t>
  </si>
  <si>
    <t>21983963.0</t>
  </si>
  <si>
    <t>26678094.0</t>
  </si>
  <si>
    <t>12701827.0</t>
  </si>
  <si>
    <t>6949569513.0</t>
  </si>
  <si>
    <t>3855650601.0</t>
  </si>
  <si>
    <t>2976006963.0</t>
  </si>
  <si>
    <t>79238872.0</t>
  </si>
  <si>
    <t>30948219.0</t>
  </si>
  <si>
    <t>26709425.0</t>
  </si>
  <si>
    <t>12463162.0</t>
  </si>
  <si>
    <t>6973429637.0</t>
  </si>
  <si>
    <t>3862867736.0</t>
  </si>
  <si>
    <t>2985285118.0</t>
  </si>
  <si>
    <t>82355100.0</t>
  </si>
  <si>
    <t>30135745.0</t>
  </si>
  <si>
    <t>26402331.0</t>
  </si>
  <si>
    <t>11844651.0</t>
  </si>
  <si>
    <t>7003504910.0</t>
  </si>
  <si>
    <t>3873896081.0</t>
  </si>
  <si>
    <t>2997561947.0</t>
  </si>
  <si>
    <t>85474685.0</t>
  </si>
  <si>
    <t>31130951.0</t>
  </si>
  <si>
    <t>27119882.0</t>
  </si>
  <si>
    <t>11767014.0</t>
  </si>
  <si>
    <t>7041634137.0</t>
  </si>
  <si>
    <t>3886087098.0</t>
  </si>
  <si>
    <t>3019141806.0</t>
  </si>
  <si>
    <t>88654157.0</t>
  </si>
  <si>
    <t>35723413.0</t>
  </si>
  <si>
    <t>27919028.0</t>
  </si>
  <si>
    <t>11835965.0</t>
  </si>
  <si>
    <t>7074304919.0</t>
  </si>
  <si>
    <t>3897136554.0</t>
  </si>
  <si>
    <t>3032945037.0</t>
  </si>
  <si>
    <t>90321085.0</t>
  </si>
  <si>
    <t>37734890.0</t>
  </si>
  <si>
    <t>30118156.0</t>
  </si>
  <si>
    <t>12413787.0</t>
  </si>
  <si>
    <t>7106752551.0</t>
  </si>
  <si>
    <t>3905628673.0</t>
  </si>
  <si>
    <t>3049166167.0</t>
  </si>
  <si>
    <t>91240583.0</t>
  </si>
  <si>
    <t>22557997.0</t>
  </si>
  <si>
    <t>30030746.0</t>
  </si>
  <si>
    <t>12110940.0</t>
  </si>
  <si>
    <t>7130929151.0</t>
  </si>
  <si>
    <t>3913037503.0</t>
  </si>
  <si>
    <t>3058259541.0</t>
  </si>
  <si>
    <t>93173280.0</t>
  </si>
  <si>
    <t>23957308.0</t>
  </si>
  <si>
    <t>30312649.0</t>
  </si>
  <si>
    <t>12208375.0</t>
  </si>
  <si>
    <t>7158492511.0</t>
  </si>
  <si>
    <t>3919990454.0</t>
  </si>
  <si>
    <t>3067895912.0</t>
  </si>
  <si>
    <t>96089254.0</t>
  </si>
  <si>
    <t>25470259.0</t>
  </si>
  <si>
    <t>29530086.0</t>
  </si>
  <si>
    <t>11710485.0</t>
  </si>
  <si>
    <t>7187512362.0</t>
  </si>
  <si>
    <t>3927340294.0</t>
  </si>
  <si>
    <t>3077082459.0</t>
  </si>
  <si>
    <t>99518298.0</t>
  </si>
  <si>
    <t>32506006.0</t>
  </si>
  <si>
    <t>29868691.0</t>
  </si>
  <si>
    <t>11664554.0</t>
  </si>
  <si>
    <t>7220050087.0</t>
  </si>
  <si>
    <t>3936510819.0</t>
  </si>
  <si>
    <t>3086626347.0</t>
  </si>
  <si>
    <t>102645358.0</t>
  </si>
  <si>
    <t>32494898.0</t>
  </si>
  <si>
    <t>30063540.0</t>
  </si>
  <si>
    <t>11502768.0</t>
  </si>
  <si>
    <t>7254625367.0</t>
  </si>
  <si>
    <t>3946948222.0</t>
  </si>
  <si>
    <t>3100609430.0</t>
  </si>
  <si>
    <t>144106872.0</t>
  </si>
  <si>
    <t>30232450.0</t>
  </si>
  <si>
    <t>29279114.0</t>
  </si>
  <si>
    <t>10933225.0</t>
  </si>
  <si>
    <t>7282745694.0</t>
  </si>
  <si>
    <t>3953397525.0</t>
  </si>
  <si>
    <t>3107805657.0</t>
  </si>
  <si>
    <t>145806654.0</t>
  </si>
  <si>
    <t>27584611.0</t>
  </si>
  <si>
    <t>27829078.0</t>
  </si>
  <si>
    <t>10026994.0</t>
  </si>
  <si>
    <t>7310080270.0</t>
  </si>
  <si>
    <t>3960944380.0</t>
  </si>
  <si>
    <t>3115874534.0</t>
  </si>
  <si>
    <t>146939255.0</t>
  </si>
  <si>
    <t>26594295.0</t>
  </si>
  <si>
    <t>28405692.0</t>
  </si>
  <si>
    <t>10194598.0</t>
  </si>
  <si>
    <t>7338769165.0</t>
  </si>
  <si>
    <t>3967831376.0</t>
  </si>
  <si>
    <t>3124428737.0</t>
  </si>
  <si>
    <t>150200105.0</t>
  </si>
  <si>
    <t>30623835.0</t>
  </si>
  <si>
    <t>29358058.0</t>
  </si>
  <si>
    <t>10316551.0</t>
  </si>
  <si>
    <t>7372766831.0</t>
  </si>
  <si>
    <t>3976924193.0</t>
  </si>
  <si>
    <t>3135558360.0</t>
  </si>
  <si>
    <t>153926152.0</t>
  </si>
  <si>
    <t>34390208.0</t>
  </si>
  <si>
    <t>30632327.0</t>
  </si>
  <si>
    <t>10788653.0</t>
  </si>
  <si>
    <t>7411404906.0</t>
  </si>
  <si>
    <t>3989406611.0</t>
  </si>
  <si>
    <t>3147906378.0</t>
  </si>
  <si>
    <t>157762949.0</t>
  </si>
  <si>
    <t>37374517.0</t>
  </si>
  <si>
    <t>31327836.0</t>
  </si>
  <si>
    <t>11026908.0</t>
  </si>
  <si>
    <t>7444883962.0</t>
  </si>
  <si>
    <t>4006167251.0</t>
  </si>
  <si>
    <t>3160464671.0</t>
  </si>
  <si>
    <t>161415810.0</t>
  </si>
  <si>
    <t>34692413.0</t>
  </si>
  <si>
    <t>31641764.0</t>
  </si>
  <si>
    <t>11128584.0</t>
  </si>
  <si>
    <t>7478884618.0</t>
  </si>
  <si>
    <t>4013881514.0</t>
  </si>
  <si>
    <t>3174411209.0</t>
  </si>
  <si>
    <t>176758811.0</t>
  </si>
  <si>
    <t>37701801.0</t>
  </si>
  <si>
    <t>32708810.0</t>
  </si>
  <si>
    <t>11426243.0</t>
  </si>
  <si>
    <t>7512972651.0</t>
  </si>
  <si>
    <t>4022168555.0</t>
  </si>
  <si>
    <t>3187828894.0</t>
  </si>
  <si>
    <t>178935936.0</t>
  </si>
  <si>
    <t>32559574.0</t>
  </si>
  <si>
    <t>33419514.0</t>
  </si>
  <si>
    <t>94.21</t>
  </si>
  <si>
    <t>11695766.0</t>
  </si>
  <si>
    <t>7539121477.0</t>
  </si>
  <si>
    <t>4030416488.0</t>
  </si>
  <si>
    <t>3197995269.0</t>
  </si>
  <si>
    <t>180268733.0</t>
  </si>
  <si>
    <t>22956834.0</t>
  </si>
  <si>
    <t>32899880.0</t>
  </si>
  <si>
    <t>11471867.0</t>
  </si>
  <si>
    <t>7564720766.0</t>
  </si>
  <si>
    <t>4036114374.0</t>
  </si>
  <si>
    <t>3206278353.0</t>
  </si>
  <si>
    <t>183355378.0</t>
  </si>
  <si>
    <t>25915412.0</t>
  </si>
  <si>
    <t>32227250.0</t>
  </si>
  <si>
    <t>11239957.0</t>
  </si>
  <si>
    <t>7592449827.0</t>
  </si>
  <si>
    <t>4042153005.0</t>
  </si>
  <si>
    <t>3215381977.0</t>
  </si>
  <si>
    <t>187101283.0</t>
  </si>
  <si>
    <t>30846459.0</t>
  </si>
  <si>
    <t>31721004.0</t>
  </si>
  <si>
    <t>10946881.0</t>
  </si>
  <si>
    <t>7624922593.0</t>
  </si>
  <si>
    <t>4049716526.0</t>
  </si>
  <si>
    <t>3226895410.0</t>
  </si>
  <si>
    <t>191381697.0</t>
  </si>
  <si>
    <t>34525377.0</t>
  </si>
  <si>
    <t>31313987.0</t>
  </si>
  <si>
    <t>10685321.0</t>
  </si>
  <si>
    <t>7655291942.0</t>
  </si>
  <si>
    <t>4057110859.0</t>
  </si>
  <si>
    <t>3240059343.0</t>
  </si>
  <si>
    <t>195886558.0</t>
  </si>
  <si>
    <t>32078936.0</t>
  </si>
  <si>
    <t>30940631.0</t>
  </si>
  <si>
    <t>10480765.0</t>
  </si>
  <si>
    <t>7688735526.0</t>
  </si>
  <si>
    <t>4190305037.0</t>
  </si>
  <si>
    <t>3252596858.0</t>
  </si>
  <si>
    <t>216663246.0</t>
  </si>
  <si>
    <t>32294322.0</t>
  </si>
  <si>
    <t>30168130.0</t>
  </si>
  <si>
    <t>10361800.0</t>
  </si>
  <si>
    <t>7723246150.0</t>
  </si>
  <si>
    <t>4199577038.0</t>
  </si>
  <si>
    <t>3265485423.0</t>
  </si>
  <si>
    <t>219096674.0</t>
  </si>
  <si>
    <t>34626948.0</t>
  </si>
  <si>
    <t>30463464.0</t>
  </si>
  <si>
    <t>10321354.0</t>
  </si>
  <si>
    <t>7749943898.0</t>
  </si>
  <si>
    <t>4205792419.0</t>
  </si>
  <si>
    <t>3275130140.0</t>
  </si>
  <si>
    <t>221102584.0</t>
  </si>
  <si>
    <t>22849816.0</t>
  </si>
  <si>
    <t>30448188.0</t>
  </si>
  <si>
    <t>10228539.0</t>
  </si>
  <si>
    <t>7778740863.0</t>
  </si>
  <si>
    <t>4212950316.0</t>
  </si>
  <si>
    <t>3285645300.0</t>
  </si>
  <si>
    <t>225661471.0</t>
  </si>
  <si>
    <t>29955069.0</t>
  </si>
  <si>
    <t>31025273.0</t>
  </si>
  <si>
    <t>97.54</t>
  </si>
  <si>
    <t>10325796.0</t>
  </si>
  <si>
    <t>7809970681.0</t>
  </si>
  <si>
    <t>4220529350.0</t>
  </si>
  <si>
    <t>3295637571.0</t>
  </si>
  <si>
    <t>230251905.0</t>
  </si>
  <si>
    <t>34005197.0</t>
  </si>
  <si>
    <t>31476528.0</t>
  </si>
  <si>
    <t>10340338.0</t>
  </si>
  <si>
    <t>7848841542.0</t>
  </si>
  <si>
    <t>4232618851.0</t>
  </si>
  <si>
    <t>3309864960.0</t>
  </si>
  <si>
    <t>234822212.0</t>
  </si>
  <si>
    <t>37170891.0</t>
  </si>
  <si>
    <t>31854454.0</t>
  </si>
  <si>
    <t>10359784.0</t>
  </si>
  <si>
    <t>7875977674.0</t>
  </si>
  <si>
    <t>4238690708.0</t>
  </si>
  <si>
    <t>3317729589.0</t>
  </si>
  <si>
    <t>239142248.0</t>
  </si>
  <si>
    <t>31857727.0</t>
  </si>
  <si>
    <t>31822852.0</t>
  </si>
  <si>
    <t>10248104.0</t>
  </si>
  <si>
    <t>7914461231.0</t>
  </si>
  <si>
    <t>4247872823.0</t>
  </si>
  <si>
    <t>3331157219.0</t>
  </si>
  <si>
    <t>244246337.0</t>
  </si>
  <si>
    <t>40410244.0</t>
  </si>
  <si>
    <t>32982275.0</t>
  </si>
  <si>
    <t>10372952.0</t>
  </si>
  <si>
    <t>7943399447.0</t>
  </si>
  <si>
    <t>4254524080.0</t>
  </si>
  <si>
    <t>3338939604.0</t>
  </si>
  <si>
    <t>247691895.0</t>
  </si>
  <si>
    <t>27344237.0</t>
  </si>
  <si>
    <t>31941887.0</t>
  </si>
  <si>
    <t>9983477.0</t>
  </si>
  <si>
    <t>7982958346.0</t>
  </si>
  <si>
    <t>4264177547.0</t>
  </si>
  <si>
    <t>3353114800.0</t>
  </si>
  <si>
    <t>249873547.0</t>
  </si>
  <si>
    <t>31789602.0</t>
  </si>
  <si>
    <t>33218996.0</t>
  </si>
  <si>
    <t>10280529.0</t>
  </si>
  <si>
    <t>8016632528.0</t>
  </si>
  <si>
    <t>4274676581.0</t>
  </si>
  <si>
    <t>3396701037.0</t>
  </si>
  <si>
    <t>254121883.0</t>
  </si>
  <si>
    <t>32770348.0</t>
  </si>
  <si>
    <t>33621181.0</t>
  </si>
  <si>
    <t>10246347.0</t>
  </si>
  <si>
    <t>8058302660.0</t>
  </si>
  <si>
    <t>4284230433.0</t>
  </si>
  <si>
    <t>3410804086.0</t>
  </si>
  <si>
    <t>259978216.0</t>
  </si>
  <si>
    <t>40143072.0</t>
  </si>
  <si>
    <t>34498009.0</t>
  </si>
  <si>
    <t>101.04</t>
  </si>
  <si>
    <t>10313789.0</t>
  </si>
  <si>
    <t>8101056237.0</t>
  </si>
  <si>
    <t>4294776798.0</t>
  </si>
  <si>
    <t>3423830961.0</t>
  </si>
  <si>
    <t>266533063.0</t>
  </si>
  <si>
    <t>42687144.0</t>
  </si>
  <si>
    <t>10426943.0</t>
  </si>
  <si>
    <t>8139790956.0</t>
  </si>
  <si>
    <t>4319142254.0</t>
  </si>
  <si>
    <t>3469923391.0</t>
  </si>
  <si>
    <t>272868586.0</t>
  </si>
  <si>
    <t>40304698.0</t>
  </si>
  <si>
    <t>36492761.0</t>
  </si>
  <si>
    <t>10698908.0</t>
  </si>
  <si>
    <t>8173424662.0</t>
  </si>
  <si>
    <t>4325233773.0</t>
  </si>
  <si>
    <t>3494208913.0</t>
  </si>
  <si>
    <t>311514796.0</t>
  </si>
  <si>
    <t>36673898.0</t>
  </si>
  <si>
    <t>35958998.0</t>
  </si>
  <si>
    <t>10332525.0</t>
  </si>
  <si>
    <t>8210897350.0</t>
  </si>
  <si>
    <t>4333967139.0</t>
  </si>
  <si>
    <t>3507532986.0</t>
  </si>
  <si>
    <t>315929254.0</t>
  </si>
  <si>
    <t>38905945.0</t>
  </si>
  <si>
    <t>37610673.0</t>
  </si>
  <si>
    <t>10646533.0</t>
  </si>
  <si>
    <t>8242329208.0</t>
  </si>
  <si>
    <t>4341416520.0</t>
  </si>
  <si>
    <t>3517390554.0</t>
  </si>
  <si>
    <t>318671133.0</t>
  </si>
  <si>
    <t>25932038.0</t>
  </si>
  <si>
    <t>36773887.0</t>
  </si>
  <si>
    <t>10226413.0</t>
  </si>
  <si>
    <t>8271714070.0</t>
  </si>
  <si>
    <t>4349348262.0</t>
  </si>
  <si>
    <t>3526479692.0</t>
  </si>
  <si>
    <t>324449105.0</t>
  </si>
  <si>
    <t>29492690.0</t>
  </si>
  <si>
    <t>36305644.0</t>
  </si>
  <si>
    <t>9973925.0</t>
  </si>
  <si>
    <t>8302247034.0</t>
  </si>
  <si>
    <t>4355247488.0</t>
  </si>
  <si>
    <t>3536359519.0</t>
  </si>
  <si>
    <t>330612862.0</t>
  </si>
  <si>
    <t>35465309.0</t>
  </si>
  <si>
    <t>35637386.0</t>
  </si>
  <si>
    <t>9708390.0</t>
  </si>
  <si>
    <t>8339375714.0</t>
  </si>
  <si>
    <t>4364374186.0</t>
  </si>
  <si>
    <t>3550155835.0</t>
  </si>
  <si>
    <t>337287061.0</t>
  </si>
  <si>
    <t>35018813.0</t>
  </si>
  <si>
    <t>34541913.0</t>
  </si>
  <si>
    <t>9181416.0</t>
  </si>
  <si>
    <t>8378883568.0</t>
  </si>
  <si>
    <t>4375084656.0</t>
  </si>
  <si>
    <t>3566200839.0</t>
  </si>
  <si>
    <t>345204858.0</t>
  </si>
  <si>
    <t>38933890.0</t>
  </si>
  <si>
    <t>34346091.0</t>
  </si>
  <si>
    <t>8914270.0</t>
  </si>
  <si>
    <t>8410060588.0</t>
  </si>
  <si>
    <t>4379761682.0</t>
  </si>
  <si>
    <t>3611371846.0</t>
  </si>
  <si>
    <t>377866815.0</t>
  </si>
  <si>
    <t>35567059.0</t>
  </si>
  <si>
    <t>34187973.0</t>
  </si>
  <si>
    <t>8728078.0</t>
  </si>
  <si>
    <t>8454264675.0</t>
  </si>
  <si>
    <t>4390941238.0</t>
  </si>
  <si>
    <t>3627879007.0</t>
  </si>
  <si>
    <t>382917169.0</t>
  </si>
  <si>
    <t>44534165.0</t>
  </si>
  <si>
    <t>34991995.0</t>
  </si>
  <si>
    <t>8873254.0</t>
  </si>
  <si>
    <t>8484110789.0</t>
  </si>
  <si>
    <t>4396825101.0</t>
  </si>
  <si>
    <t>3640424459.0</t>
  </si>
  <si>
    <t>388558182.0</t>
  </si>
  <si>
    <t>26784171.0</t>
  </si>
  <si>
    <t>35113730.0</t>
  </si>
  <si>
    <t>8824236.0</t>
  </si>
  <si>
    <t>8513471882.0</t>
  </si>
  <si>
    <t>4400991711.0</t>
  </si>
  <si>
    <t>3648885531.0</t>
  </si>
  <si>
    <t>395406087.0</t>
  </si>
  <si>
    <t>31837647.0</t>
  </si>
  <si>
    <t>35448726.0</t>
  </si>
  <si>
    <t>8760665.0</t>
  </si>
  <si>
    <t>8554725495.0</t>
  </si>
  <si>
    <t>4408711140.0</t>
  </si>
  <si>
    <t>3662158424.0</t>
  </si>
  <si>
    <t>403992638.0</t>
  </si>
  <si>
    <t>42748228.0</t>
  </si>
  <si>
    <t>36489136.0</t>
  </si>
  <si>
    <t>8883404.0</t>
  </si>
  <si>
    <t>8594156445.0</t>
  </si>
  <si>
    <t>4416062725.0</t>
  </si>
  <si>
    <t>3673680364.0</t>
  </si>
  <si>
    <t>413445443.0</t>
  </si>
  <si>
    <t>40569821.0</t>
  </si>
  <si>
    <t>37282141.0</t>
  </si>
  <si>
    <t>8916505.0</t>
  </si>
  <si>
    <t>8627005295.0</t>
  </si>
  <si>
    <t>4420579688.0</t>
  </si>
  <si>
    <t>3681162164.0</t>
  </si>
  <si>
    <t>422775304.0</t>
  </si>
  <si>
    <t>38715679.0</t>
  </si>
  <si>
    <t>37250968.0</t>
  </si>
  <si>
    <t>8715533.0</t>
  </si>
  <si>
    <t>8671421231.0</t>
  </si>
  <si>
    <t>4428277865.0</t>
  </si>
  <si>
    <t>3717652024.0</t>
  </si>
  <si>
    <t>433457887.0</t>
  </si>
  <si>
    <t>44971073.0</t>
  </si>
  <si>
    <t>38594397.0</t>
  </si>
  <si>
    <t>8924809.0</t>
  </si>
  <si>
    <t>8705692060.0</t>
  </si>
  <si>
    <t>4441485014.0</t>
  </si>
  <si>
    <t>3726814475.0</t>
  </si>
  <si>
    <t>442398383.0</t>
  </si>
  <si>
    <t>39611923.0</t>
  </si>
  <si>
    <t>37891221.0</t>
  </si>
  <si>
    <t>8646942.0</t>
  </si>
  <si>
    <t>8739587004.0</t>
  </si>
  <si>
    <t>4447443760.0</t>
  </si>
  <si>
    <t>3742387695.0</t>
  </si>
  <si>
    <t>449332326.0</t>
  </si>
  <si>
    <t>28526912.0</t>
  </si>
  <si>
    <t>38140189.0</t>
  </si>
  <si>
    <t>8603059.0</t>
  </si>
  <si>
    <t>8784117301.0</t>
  </si>
  <si>
    <t>4456783310.0</t>
  </si>
  <si>
    <t>3757178846.0</t>
  </si>
  <si>
    <t>459108684.0</t>
  </si>
  <si>
    <t>42030007.0</t>
  </si>
  <si>
    <t>39596229.0</t>
  </si>
  <si>
    <t>8623478.0</t>
  </si>
  <si>
    <t>8822396662.0</t>
  </si>
  <si>
    <t>4462745052.0</t>
  </si>
  <si>
    <t>3767962614.0</t>
  </si>
  <si>
    <t>470595300.0</t>
  </si>
  <si>
    <t>44343560.0</t>
  </si>
  <si>
    <t>39824143.0</t>
  </si>
  <si>
    <t>8510487.0</t>
  </si>
  <si>
    <t>8856946339.0</t>
  </si>
  <si>
    <t>4468151572.0</t>
  </si>
  <si>
    <t>3774999880.0</t>
  </si>
  <si>
    <t>480661328.0</t>
  </si>
  <si>
    <t>38652793.0</t>
  </si>
  <si>
    <t>39550139.0</t>
  </si>
  <si>
    <t>8361977.0</t>
  </si>
  <si>
    <t>8899834694.0</t>
  </si>
  <si>
    <t>4476695492.0</t>
  </si>
  <si>
    <t>3784293066.0</t>
  </si>
  <si>
    <t>488470788.0</t>
  </si>
  <si>
    <t>41328663.0</t>
  </si>
  <si>
    <t>39923452.0</t>
  </si>
  <si>
    <t>8378569.0</t>
  </si>
  <si>
    <t>8934998070.0</t>
  </si>
  <si>
    <t>4482757093.0</t>
  </si>
  <si>
    <t>3794171299.0</t>
  </si>
  <si>
    <t>494103490.0</t>
  </si>
  <si>
    <t>34771942.0</t>
  </si>
  <si>
    <t>38466451.0</t>
  </si>
  <si>
    <t>8002646.0</t>
  </si>
  <si>
    <t>8961698555.0</t>
  </si>
  <si>
    <t>4486495854.0</t>
  </si>
  <si>
    <t>3812262081.0</t>
  </si>
  <si>
    <t>495497702.0</t>
  </si>
  <si>
    <t>33175505.0</t>
  </si>
  <si>
    <t>37546985.0</t>
  </si>
  <si>
    <t>7799142.0</t>
  </si>
  <si>
    <t>8986932228.0</t>
  </si>
  <si>
    <t>4489166417.0</t>
  </si>
  <si>
    <t>3818215475.0</t>
  </si>
  <si>
    <t>498096333.0</t>
  </si>
  <si>
    <t>22779009.0</t>
  </si>
  <si>
    <t>36725879.0</t>
  </si>
  <si>
    <t>7563697.0</t>
  </si>
  <si>
    <t>9019928320.0</t>
  </si>
  <si>
    <t>4495499268.0</t>
  </si>
  <si>
    <t>3824907489.0</t>
  </si>
  <si>
    <t>505545537.0</t>
  </si>
  <si>
    <t>33231052.0</t>
  </si>
  <si>
    <t>35468911.0</t>
  </si>
  <si>
    <t>7412192.0</t>
  </si>
  <si>
    <t>9066503418.0</t>
  </si>
  <si>
    <t>4539428339.0</t>
  </si>
  <si>
    <t>3845651438.0</t>
  </si>
  <si>
    <t>514037633.0</t>
  </si>
  <si>
    <t>42651549.0</t>
  </si>
  <si>
    <t>35227217.0</t>
  </si>
  <si>
    <t>7217123.0</t>
  </si>
  <si>
    <t>9106164996.0</t>
  </si>
  <si>
    <t>4545784701.0</t>
  </si>
  <si>
    <t>3856823747.0</t>
  </si>
  <si>
    <t>522591233.0</t>
  </si>
  <si>
    <t>46564703.0</t>
  </si>
  <si>
    <t>36357486.0</t>
  </si>
  <si>
    <t>7312274.0</t>
  </si>
  <si>
    <t>9143675415.0</t>
  </si>
  <si>
    <t>4551657407.0</t>
  </si>
  <si>
    <t>3877555900.0</t>
  </si>
  <si>
    <t>530087088.0</t>
  </si>
  <si>
    <t>36544232.0</t>
  </si>
  <si>
    <t>35673997.0</t>
  </si>
  <si>
    <t>7021702.0</t>
  </si>
  <si>
    <t>9177763163.0</t>
  </si>
  <si>
    <t>4558480438.0</t>
  </si>
  <si>
    <t>3888293791.0</t>
  </si>
  <si>
    <t>535700938.0</t>
  </si>
  <si>
    <t>35377383.0</t>
  </si>
  <si>
    <t>35760496.0</t>
  </si>
  <si>
    <t>6993571.0</t>
  </si>
  <si>
    <t>9195856814.0</t>
  </si>
  <si>
    <t>4563076871.0</t>
  </si>
  <si>
    <t>3895919549.0</t>
  </si>
  <si>
    <t>536739188.0</t>
  </si>
  <si>
    <t>20749908.0</t>
  </si>
  <si>
    <t>33985413.0</t>
  </si>
  <si>
    <t>6646361.0</t>
  </si>
  <si>
    <t>9213300159.0</t>
  </si>
  <si>
    <t>4569662203.0</t>
  </si>
  <si>
    <t>3899406602.0</t>
  </si>
  <si>
    <t>539490576.0</t>
  </si>
  <si>
    <t>19116776.0</t>
  </si>
  <si>
    <t>33462232.0</t>
  </si>
  <si>
    <t>7026823.0</t>
  </si>
  <si>
    <t>9245765340.0</t>
  </si>
  <si>
    <t>4578650124.0</t>
  </si>
  <si>
    <t>3907259793.0</t>
  </si>
  <si>
    <t>546016555.0</t>
  </si>
  <si>
    <t>31294132.0</t>
  </si>
  <si>
    <t>33185525.0</t>
  </si>
  <si>
    <t>7358260.0</t>
  </si>
  <si>
    <t>9284169790.0</t>
  </si>
  <si>
    <t>4591392144.0</t>
  </si>
  <si>
    <t>3916999504.0</t>
  </si>
  <si>
    <t>553857224.0</t>
  </si>
  <si>
    <t>35603083.0</t>
  </si>
  <si>
    <t>32178600.0</t>
  </si>
  <si>
    <t>7617524.0</t>
  </si>
  <si>
    <t>9319078825.0</t>
  </si>
  <si>
    <t>4600921093.0</t>
  </si>
  <si>
    <t>3923709039.0</t>
  </si>
  <si>
    <t>562577247.0</t>
  </si>
  <si>
    <t>37843506.0</t>
  </si>
  <si>
    <t>30932722.0</t>
  </si>
  <si>
    <t>7947357.0</t>
  </si>
  <si>
    <t>9354595117.0</t>
  </si>
  <si>
    <t>4610851132.0</t>
  </si>
  <si>
    <t>3936998985.0</t>
  </si>
  <si>
    <t>780889957.0</t>
  </si>
  <si>
    <t>37203377.0</t>
  </si>
  <si>
    <t>31026880.0</t>
  </si>
  <si>
    <t>8588844.0</t>
  </si>
  <si>
    <t>9391992723.0</t>
  </si>
  <si>
    <t>4625114191.0</t>
  </si>
  <si>
    <t>3948372580.0</t>
  </si>
  <si>
    <t>791450951.0</t>
  </si>
  <si>
    <t>42976538.0</t>
  </si>
  <si>
    <t>32112476.0</t>
  </si>
  <si>
    <t>117.77</t>
  </si>
  <si>
    <t>9570330.0</t>
  </si>
  <si>
    <t>9414332294.0</t>
  </si>
  <si>
    <t>4629562350.0</t>
  </si>
  <si>
    <t>3952772872.0</t>
  </si>
  <si>
    <t>797077007.0</t>
  </si>
  <si>
    <t>25649188.0</t>
  </si>
  <si>
    <t>32812371.0</t>
  </si>
  <si>
    <t>9676293.0</t>
  </si>
  <si>
    <t>9446525163.0</t>
  </si>
  <si>
    <t>4638445690.0</t>
  </si>
  <si>
    <t>3961975459.0</t>
  </si>
  <si>
    <t>803801518.0</t>
  </si>
  <si>
    <t>28561211.0</t>
  </si>
  <si>
    <t>34161574.0</t>
  </si>
  <si>
    <t>9884922.0</t>
  </si>
  <si>
    <t>9503694566.0</t>
  </si>
  <si>
    <t>4660395743.0</t>
  </si>
  <si>
    <t>3984209726.0</t>
  </si>
  <si>
    <t>811818922.0</t>
  </si>
  <si>
    <t>31806846.0</t>
  </si>
  <si>
    <t>34234826.0</t>
  </si>
  <si>
    <t>9674365.0</t>
  </si>
  <si>
    <t>9540349025.0</t>
  </si>
  <si>
    <t>4669931823.0</t>
  </si>
  <si>
    <t>3994609695.0</t>
  </si>
  <si>
    <t>820644419.0</t>
  </si>
  <si>
    <t>42143297.0</t>
  </si>
  <si>
    <t>35169139.0</t>
  </si>
  <si>
    <t>9971129.0</t>
  </si>
  <si>
    <t>9573181953.0</t>
  </si>
  <si>
    <t>4680084952.0</t>
  </si>
  <si>
    <t>4002355013.0</t>
  </si>
  <si>
    <t>829737898.0</t>
  </si>
  <si>
    <t>35785437.0</t>
  </si>
  <si>
    <t>34875131.0</t>
  </si>
  <si>
    <t>9735184.0</t>
  </si>
  <si>
    <t>9609852670.0</t>
  </si>
  <si>
    <t>4688377117.0</t>
  </si>
  <si>
    <t>4015867968.0</t>
  </si>
  <si>
    <t>849555063.0</t>
  </si>
  <si>
    <t>36691145.0</t>
  </si>
  <si>
    <t>34801952.0</t>
  </si>
  <si>
    <t>9570064.0</t>
  </si>
  <si>
    <t>9636090514.0</t>
  </si>
  <si>
    <t>4695887503.0</t>
  </si>
  <si>
    <t>4025613175.0</t>
  </si>
  <si>
    <t>860734969.0</t>
  </si>
  <si>
    <t>28397966.0</t>
  </si>
  <si>
    <t>32719299.0</t>
  </si>
  <si>
    <t>8495734.0</t>
  </si>
  <si>
    <t>9662805131.0</t>
  </si>
  <si>
    <t>4705276407.0</t>
  </si>
  <si>
    <t>4033803521.0</t>
  </si>
  <si>
    <t>866917094.0</t>
  </si>
  <si>
    <t>31581535.0</t>
  </si>
  <si>
    <t>33566779.0</t>
  </si>
  <si>
    <t>9117414.0</t>
  </si>
  <si>
    <t>9692077168.0</t>
  </si>
  <si>
    <t>4713022601.0</t>
  </si>
  <si>
    <t>4042174289.0</t>
  </si>
  <si>
    <t>874344057.0</t>
  </si>
  <si>
    <t>27552074.0</t>
  </si>
  <si>
    <t>33422615.0</t>
  </si>
  <si>
    <t>8996007.0</t>
  </si>
  <si>
    <t>9723503959.0</t>
  </si>
  <si>
    <t>4722050962.0</t>
  </si>
  <si>
    <t>4050414522.0</t>
  </si>
  <si>
    <t>884668491.0</t>
  </si>
  <si>
    <t>33191290.0</t>
  </si>
  <si>
    <t>33620389.0</t>
  </si>
  <si>
    <t>9181307.0</t>
  </si>
  <si>
    <t>9746853322.0</t>
  </si>
  <si>
    <t>4726936786.0</t>
  </si>
  <si>
    <t>4055473279.0</t>
  </si>
  <si>
    <t>892953113.0</t>
  </si>
  <si>
    <t>24445588.0</t>
  </si>
  <si>
    <t>31092148.0</t>
  </si>
  <si>
    <t>8174411.0</t>
  </si>
  <si>
    <t>9785373373.0</t>
  </si>
  <si>
    <t>4738298272.0</t>
  </si>
  <si>
    <t>4069799136.0</t>
  </si>
  <si>
    <t>902043897.0</t>
  </si>
  <si>
    <t>40958106.0</t>
  </si>
  <si>
    <t>31831107.0</t>
  </si>
  <si>
    <t>8532898.0</t>
  </si>
  <si>
    <t>9812381104.0</t>
  </si>
  <si>
    <t>4745160097.0</t>
  </si>
  <si>
    <t>4078042979.0</t>
  </si>
  <si>
    <t>910716354.0</t>
  </si>
  <si>
    <t>31759505.0</t>
  </si>
  <si>
    <t>31126584.0</t>
  </si>
  <si>
    <t>8328518.0</t>
  </si>
  <si>
    <t>9844895145.0</t>
  </si>
  <si>
    <t>4754479479.0</t>
  </si>
  <si>
    <t>4091197077.0</t>
  </si>
  <si>
    <t>921313903.0</t>
  </si>
  <si>
    <t>31540679.0</t>
  </si>
  <si>
    <t>31575539.0</t>
  </si>
  <si>
    <t>8549969.0</t>
  </si>
  <si>
    <t>9867176026.0</t>
  </si>
  <si>
    <t>4761062367.0</t>
  </si>
  <si>
    <t>4098671402.0</t>
  </si>
  <si>
    <t>926830298.0</t>
  </si>
  <si>
    <t>26518714.0</t>
  </si>
  <si>
    <t>30852287.0</t>
  </si>
  <si>
    <t>8075669.0</t>
  </si>
  <si>
    <t>9898802328.0</t>
  </si>
  <si>
    <t>4767018599.0</t>
  </si>
  <si>
    <t>4104381414.0</t>
  </si>
  <si>
    <t>931592478.0</t>
  </si>
  <si>
    <t>20056994.0</t>
  </si>
  <si>
    <t>29781552.0</t>
  </si>
  <si>
    <t>7604931.0</t>
  </si>
  <si>
    <t>9923232046.0</t>
  </si>
  <si>
    <t>4771551235.0</t>
  </si>
  <si>
    <t>4109982807.0</t>
  </si>
  <si>
    <t>939142806.0</t>
  </si>
  <si>
    <t>23241137.0</t>
  </si>
  <si>
    <t>28360104.0</t>
  </si>
  <si>
    <t>6935393.0</t>
  </si>
  <si>
    <t>9947739618.0</t>
  </si>
  <si>
    <t>4776588010.0</t>
  </si>
  <si>
    <t>4117479743.0</t>
  </si>
  <si>
    <t>946673243.0</t>
  </si>
  <si>
    <t>29034341.0</t>
  </si>
  <si>
    <t>29015637.0</t>
  </si>
  <si>
    <t>7145677.0</t>
  </si>
  <si>
    <t>9974599774.0</t>
  </si>
  <si>
    <t>4781986390.0</t>
  </si>
  <si>
    <t>4124571413.0</t>
  </si>
  <si>
    <t>954583852.0</t>
  </si>
  <si>
    <t>28609473.0</t>
  </si>
  <si>
    <t>27251540.0</t>
  </si>
  <si>
    <t>6358799.0</t>
  </si>
  <si>
    <t>9997411859.0</t>
  </si>
  <si>
    <t>4785681758.0</t>
  </si>
  <si>
    <t>4131429799.0</t>
  </si>
  <si>
    <t>963793958.0</t>
  </si>
  <si>
    <t>27272576.0</t>
  </si>
  <si>
    <t>26610556.0</t>
  </si>
  <si>
    <t>5875527.0</t>
  </si>
  <si>
    <t>10027488179.0</t>
  </si>
  <si>
    <t>4794174049.0</t>
  </si>
  <si>
    <t>4143195991.0</t>
  </si>
  <si>
    <t>973024585.0</t>
  </si>
  <si>
    <t>27875549.0</t>
  </si>
  <si>
    <t>26086966.0</t>
  </si>
  <si>
    <t>5598145.0</t>
  </si>
  <si>
    <t>10045275669.0</t>
  </si>
  <si>
    <t>4798727632.0</t>
  </si>
  <si>
    <t>4148815833.0</t>
  </si>
  <si>
    <t>977428575.0</t>
  </si>
  <si>
    <t>21445877.0</t>
  </si>
  <si>
    <t>25362270.0</t>
  </si>
  <si>
    <t>5354093.0</t>
  </si>
  <si>
    <t>10062993780.0</t>
  </si>
  <si>
    <t>4802840289.0</t>
  </si>
  <si>
    <t>4156471361.0</t>
  </si>
  <si>
    <t>981739851.0</t>
  </si>
  <si>
    <t>19627610.0</t>
  </si>
  <si>
    <t>25297239.0</t>
  </si>
  <si>
    <t>5379067.0</t>
  </si>
  <si>
    <t>10084000244.0</t>
  </si>
  <si>
    <t>4807710712.0</t>
  </si>
  <si>
    <t>4164897954.0</t>
  </si>
  <si>
    <t>988286349.0</t>
  </si>
  <si>
    <t>21887615.0</t>
  </si>
  <si>
    <t>25104489.0</t>
  </si>
  <si>
    <t>5662586.0</t>
  </si>
  <si>
    <t>10103156197.0</t>
  </si>
  <si>
    <t>4812679682.0</t>
  </si>
  <si>
    <t>4173269328.0</t>
  </si>
  <si>
    <t>994673951.0</t>
  </si>
  <si>
    <t>21241098.0</t>
  </si>
  <si>
    <t>23991782.0</t>
  </si>
  <si>
    <t>5565500.0</t>
  </si>
  <si>
    <t>10122782384.0</t>
  </si>
  <si>
    <t>4818218891.0</t>
  </si>
  <si>
    <t>4180902134.0</t>
  </si>
  <si>
    <t>1000892263.0</t>
  </si>
  <si>
    <t>22387754.0</t>
  </si>
  <si>
    <t>23103585.0</t>
  </si>
  <si>
    <t>5476839.0</t>
  </si>
  <si>
    <t>10138980706.0</t>
  </si>
  <si>
    <t>4821940309.0</t>
  </si>
  <si>
    <t>4186829926.0</t>
  </si>
  <si>
    <t>1007025121.0</t>
  </si>
  <si>
    <t>21796718.0</t>
  </si>
  <si>
    <t>22321941.0</t>
  </si>
  <si>
    <t>5571337.0</t>
  </si>
  <si>
    <t>10161244581.0</t>
  </si>
  <si>
    <t>4827765010.0</t>
  </si>
  <si>
    <t>4197289348.0</t>
  </si>
  <si>
    <t>1014259382.0</t>
  </si>
  <si>
    <t>23644714.0</t>
  </si>
  <si>
    <t>21718153.0</t>
  </si>
  <si>
    <t>5607459.0</t>
  </si>
  <si>
    <t>10176356841.0</t>
  </si>
  <si>
    <t>4831443997.0</t>
  </si>
  <si>
    <t>4203748208.0</t>
  </si>
  <si>
    <t>1019550736.0</t>
  </si>
  <si>
    <t>22144494.0</t>
  </si>
  <si>
    <t>21818573.0</t>
  </si>
  <si>
    <t>5730695.0</t>
  </si>
  <si>
    <t>10243911733.0</t>
  </si>
  <si>
    <t>4836929926.0</t>
  </si>
  <si>
    <t>4210801423.0</t>
  </si>
  <si>
    <t>1029042858.0</t>
  </si>
  <si>
    <t>17228357.0</t>
  </si>
  <si>
    <t>21475820.0</t>
  </si>
  <si>
    <t>5670362.0</t>
  </si>
  <si>
    <t>10264974569.0</t>
  </si>
  <si>
    <t>4843082275.0</t>
  </si>
  <si>
    <t>4215954332.0</t>
  </si>
  <si>
    <t>1163583545.0</t>
  </si>
  <si>
    <t>19303318.0</t>
  </si>
  <si>
    <t>21106635.0</t>
  </si>
  <si>
    <t>5462289.0</t>
  </si>
  <si>
    <t>10291012701.0</t>
  </si>
  <si>
    <t>4847714353.0</t>
  </si>
  <si>
    <t>4225147381.0</t>
  </si>
  <si>
    <t>1169626432.0</t>
  </si>
  <si>
    <t>27548629.0</t>
  </si>
  <si>
    <t>22007712.0</t>
  </si>
  <si>
    <t>5498636.0</t>
  </si>
  <si>
    <t>10319622530.0</t>
  </si>
  <si>
    <t>4852727442.0</t>
  </si>
  <si>
    <t>4233383929.0</t>
  </si>
  <si>
    <t>1176378749.0</t>
  </si>
  <si>
    <t>30527330.0</t>
  </si>
  <si>
    <t>23170505.0</t>
  </si>
  <si>
    <t>5512954.0</t>
  </si>
  <si>
    <t>10342238233.0</t>
  </si>
  <si>
    <t>4856610400.0</t>
  </si>
  <si>
    <t>4240520033.0</t>
  </si>
  <si>
    <t>1212005656.0</t>
  </si>
  <si>
    <t>24078310.0</t>
  </si>
  <si>
    <t>23496451.0</t>
  </si>
  <si>
    <t>5411477.0</t>
  </si>
  <si>
    <t>10371857732.0</t>
  </si>
  <si>
    <t>4861454002.0</t>
  </si>
  <si>
    <t>4250855309.0</t>
  </si>
  <si>
    <t>1219395569.0</t>
  </si>
  <si>
    <t>33316871.0</t>
  </si>
  <si>
    <t>24878183.0</t>
  </si>
  <si>
    <t>5493444.0</t>
  </si>
  <si>
    <t>10390732204.0</t>
  </si>
  <si>
    <t>4864667597.0</t>
  </si>
  <si>
    <t>4255973462.0</t>
  </si>
  <si>
    <t>1224082234.0</t>
  </si>
  <si>
    <t>22451562.0</t>
  </si>
  <si>
    <t>24922053.0</t>
  </si>
  <si>
    <t>5313193.0</t>
  </si>
  <si>
    <t>10417685183.0</t>
  </si>
  <si>
    <t>4871634369.0</t>
  </si>
  <si>
    <t>4265183437.0</t>
  </si>
  <si>
    <t>1229543447.0</t>
  </si>
  <si>
    <t>20986870.0</t>
  </si>
  <si>
    <t>25458980.0</t>
  </si>
  <si>
    <t>5340456.0</t>
  </si>
  <si>
    <t>10439043898.0</t>
  </si>
  <si>
    <t>4874903710.0</t>
  </si>
  <si>
    <t>4270441383.0</t>
  </si>
  <si>
    <t>1235394124.0</t>
  </si>
  <si>
    <t>22340106.0</t>
  </si>
  <si>
    <t>25892809.0</t>
  </si>
  <si>
    <t>5429784.0</t>
  </si>
  <si>
    <t>10460404793.0</t>
  </si>
  <si>
    <t>4880624778.0</t>
  </si>
  <si>
    <t>4280186714.0</t>
  </si>
  <si>
    <t>1240971863.0</t>
  </si>
  <si>
    <t>25165056.0</t>
  </si>
  <si>
    <t>25552295.0</t>
  </si>
  <si>
    <t>5407852.0</t>
  </si>
  <si>
    <t>10482989222.0</t>
  </si>
  <si>
    <t>4884613645.0</t>
  </si>
  <si>
    <t>4285995124.0</t>
  </si>
  <si>
    <t>1246572305.0</t>
  </si>
  <si>
    <t>25185991.0</t>
  </si>
  <si>
    <t>24789251.0</t>
  </si>
  <si>
    <t>5316432.0</t>
  </si>
  <si>
    <t>10507741320.0</t>
  </si>
  <si>
    <t>4887744826.0</t>
  </si>
  <si>
    <t>4292668530.0</t>
  </si>
  <si>
    <t>1260024266.0</t>
  </si>
  <si>
    <t>29053076.0</t>
  </si>
  <si>
    <t>25499936.0</t>
  </si>
  <si>
    <t>5429537.0</t>
  </si>
  <si>
    <t>10552930945.0</t>
  </si>
  <si>
    <t>4899549524.0</t>
  </si>
  <si>
    <t>4317586886.0</t>
  </si>
  <si>
    <t>1267538408.0</t>
  </si>
  <si>
    <t>27012075.0</t>
  </si>
  <si>
    <t>24599254.0</t>
  </si>
  <si>
    <t>5310830.0</t>
  </si>
  <si>
    <t>10582419168.0</t>
  </si>
  <si>
    <t>4908441313.0</t>
  </si>
  <si>
    <t>4326484010.0</t>
  </si>
  <si>
    <t>1276912873.0</t>
  </si>
  <si>
    <t>25236427.0</t>
  </si>
  <si>
    <t>24997062.0</t>
  </si>
  <si>
    <t>5559220.0</t>
  </si>
  <si>
    <t>10600080580.0</t>
  </si>
  <si>
    <t>4912815779.0</t>
  </si>
  <si>
    <t>4331186882.0</t>
  </si>
  <si>
    <t>1279829455.0</t>
  </si>
  <si>
    <t>15824068.0</t>
  </si>
  <si>
    <t>24259517.0</t>
  </si>
  <si>
    <t>5443203.0</t>
  </si>
  <si>
    <t>10628858736.0</t>
  </si>
  <si>
    <t>4921197903.0</t>
  </si>
  <si>
    <t>4339591549.0</t>
  </si>
  <si>
    <t>1285357950.0</t>
  </si>
  <si>
    <t>20905159.0</t>
  </si>
  <si>
    <t>24054530.0</t>
  </si>
  <si>
    <t>5367073.0</t>
  </si>
  <si>
    <t>10651185755.0</t>
  </si>
  <si>
    <t>4925703066.0</t>
  </si>
  <si>
    <t>4346227545.0</t>
  </si>
  <si>
    <t>1290576896.0</t>
  </si>
  <si>
    <t>22877642.0</t>
  </si>
  <si>
    <t>23727754.0</t>
  </si>
  <si>
    <t>5213536.0</t>
  </si>
  <si>
    <t>10670592094.0</t>
  </si>
  <si>
    <t>4928298333.0</t>
  </si>
  <si>
    <t>4351465116.0</t>
  </si>
  <si>
    <t>1295257597.0</t>
  </si>
  <si>
    <t>24143729.0</t>
  </si>
  <si>
    <t>23578877.0</t>
  </si>
  <si>
    <t>5503550.0</t>
  </si>
  <si>
    <t>10693397803.0</t>
  </si>
  <si>
    <t>4943914554.0</t>
  </si>
  <si>
    <t>4356470174.0</t>
  </si>
  <si>
    <t>1302007032.0</t>
  </si>
  <si>
    <t>26474129.0</t>
  </si>
  <si>
    <t>23210456.0</t>
  </si>
  <si>
    <t>5703773.0</t>
  </si>
  <si>
    <t>10713880279.0</t>
  </si>
  <si>
    <t>4948505360.0</t>
  </si>
  <si>
    <t>4363927009.0</t>
  </si>
  <si>
    <t>1402900792.0</t>
  </si>
  <si>
    <t>25870825.0</t>
  </si>
  <si>
    <t>23047427.0</t>
  </si>
  <si>
    <t>5795733.0</t>
  </si>
  <si>
    <t>10729854816.0</t>
  </si>
  <si>
    <t>4951520023.0</t>
  </si>
  <si>
    <t>4368919596.0</t>
  </si>
  <si>
    <t>1405968484.0</t>
  </si>
  <si>
    <t>21505251.0</t>
  </si>
  <si>
    <t>22514402.0</t>
  </si>
  <si>
    <t>5808276.0</t>
  </si>
  <si>
    <t>10742941075.0</t>
  </si>
  <si>
    <t>4954816270.0</t>
  </si>
  <si>
    <t>4371436546.0</t>
  </si>
  <si>
    <t>1408118077.0</t>
  </si>
  <si>
    <t>16246706.0</t>
  </si>
  <si>
    <t>22574777.0</t>
  </si>
  <si>
    <t>6008882.0</t>
  </si>
  <si>
    <t>10790854329.0</t>
  </si>
  <si>
    <t>4978754937.0</t>
  </si>
  <si>
    <t>4382942804.0</t>
  </si>
  <si>
    <t>1414728282.0</t>
  </si>
  <si>
    <t>22696692.0</t>
  </si>
  <si>
    <t>22814359.0</t>
  </si>
  <si>
    <t>6247881.0</t>
  </si>
  <si>
    <t>10804255058.0</t>
  </si>
  <si>
    <t>4980522874.0</t>
  </si>
  <si>
    <t>4385554365.0</t>
  </si>
  <si>
    <t>1417720307.0</t>
  </si>
  <si>
    <t>15061988.0</t>
  </si>
  <si>
    <t>21706828.0</t>
  </si>
  <si>
    <t>5963046.0</t>
  </si>
  <si>
    <t>10820953734.0</t>
  </si>
  <si>
    <t>4982459188.0</t>
  </si>
  <si>
    <t>4388093786.0</t>
  </si>
  <si>
    <t>1421806470.0</t>
  </si>
  <si>
    <t>19353789.0</t>
  </si>
  <si>
    <t>21024018.0</t>
  </si>
  <si>
    <t>5418569.0</t>
  </si>
  <si>
    <t>10836098264.0</t>
  </si>
  <si>
    <t>4983936310.0</t>
  </si>
  <si>
    <t>4394029396.0</t>
  </si>
  <si>
    <t>1425868373.0</t>
  </si>
  <si>
    <t>18718608.0</t>
  </si>
  <si>
    <t>19917561.0</t>
  </si>
  <si>
    <t>4856423.0</t>
  </si>
  <si>
    <t>10853073559.0</t>
  </si>
  <si>
    <t>4986773689.0</t>
  </si>
  <si>
    <t>4398299192.0</t>
  </si>
  <si>
    <t>1431136240.0</t>
  </si>
  <si>
    <t>19328845.0</t>
  </si>
  <si>
    <t>18976199.0</t>
  </si>
  <si>
    <t>4456200.0</t>
  </si>
  <si>
    <t>10870760553.0</t>
  </si>
  <si>
    <t>4990982479.0</t>
  </si>
  <si>
    <t>4404953777.0</t>
  </si>
  <si>
    <t>1436176363.0</t>
  </si>
  <si>
    <t>17159192.0</t>
  </si>
  <si>
    <t>18358847.0</t>
  </si>
  <si>
    <t>3958847.0</t>
  </si>
  <si>
    <t>10896729908.0</t>
  </si>
  <si>
    <t>4998661276.0</t>
  </si>
  <si>
    <t>4432562264.0</t>
  </si>
  <si>
    <t>1440417747.0</t>
  </si>
  <si>
    <t>11919015.0</t>
  </si>
  <si>
    <t>17742202.0</t>
  </si>
  <si>
    <t>3539530.0</t>
  </si>
  <si>
    <t>10911938799.0</t>
  </si>
  <si>
    <t>5000168882.0</t>
  </si>
  <si>
    <t>4436496017.0</t>
  </si>
  <si>
    <t>1444631061.0</t>
  </si>
  <si>
    <t>15981731.0</t>
  </si>
  <si>
    <t>16784123.0</t>
  </si>
  <si>
    <t>3031434.0</t>
  </si>
  <si>
    <t>10927843008.0</t>
  </si>
  <si>
    <t>5002923303.0</t>
  </si>
  <si>
    <t>4441870740.0</t>
  </si>
  <si>
    <t>1448582846.0</t>
  </si>
  <si>
    <t>15971288.0</t>
  </si>
  <si>
    <t>16914963.0</t>
  </si>
  <si>
    <t>3057119.0</t>
  </si>
  <si>
    <t>10945535111.0</t>
  </si>
  <si>
    <t>5005593167.0</t>
  </si>
  <si>
    <t>4447353556.0</t>
  </si>
  <si>
    <t>1453104192.0</t>
  </si>
  <si>
    <t>17412992.0</t>
  </si>
  <si>
    <t>16639883.0</t>
  </si>
  <si>
    <t>2958273.0</t>
  </si>
  <si>
    <t>10962204901.0</t>
  </si>
  <si>
    <t>5008838692.0</t>
  </si>
  <si>
    <t>4453433693.0</t>
  </si>
  <si>
    <t>1457888115.0</t>
  </si>
  <si>
    <t>18134902.0</t>
  </si>
  <si>
    <t>16558283.0</t>
  </si>
  <si>
    <t>3013681.0</t>
  </si>
  <si>
    <t>10977738322.0</t>
  </si>
  <si>
    <t>5010667759.0</t>
  </si>
  <si>
    <t>4457739205.0</t>
  </si>
  <si>
    <t>1461879037.0</t>
  </si>
  <si>
    <t>18122429.0</t>
  </si>
  <si>
    <t>16385936.0</t>
  </si>
  <si>
    <t>2907934.0</t>
  </si>
  <si>
    <t>10992132593.0</t>
  </si>
  <si>
    <t>5012409246.0</t>
  </si>
  <si>
    <t>4460694297.0</t>
  </si>
  <si>
    <t>1466113573.0</t>
  </si>
  <si>
    <t>14473654.0</t>
  </si>
  <si>
    <t>16002286.0</t>
  </si>
  <si>
    <t>2864942.0</t>
  </si>
  <si>
    <t>11005532779.0</t>
  </si>
  <si>
    <t>5015725857.0</t>
  </si>
  <si>
    <t>4467261793.0</t>
  </si>
  <si>
    <t>1471232754.0</t>
  </si>
  <si>
    <t>11432869.0</t>
  </si>
  <si>
    <t>15932833.0</t>
  </si>
  <si>
    <t>2854273.0</t>
  </si>
  <si>
    <t>11019164991.0</t>
  </si>
  <si>
    <t>5020103237.0</t>
  </si>
  <si>
    <t>4480012057.0</t>
  </si>
  <si>
    <t>1474547491.0</t>
  </si>
  <si>
    <t>15056983.0</t>
  </si>
  <si>
    <t>15800727.0</t>
  </si>
  <si>
    <t>2799920.0</t>
  </si>
  <si>
    <t>11036510445.0</t>
  </si>
  <si>
    <t>5024509331.0</t>
  </si>
  <si>
    <t>4485146845.0</t>
  </si>
  <si>
    <t>1478357293.0</t>
  </si>
  <si>
    <t>16034649.0</t>
  </si>
  <si>
    <t>15809773.0</t>
  </si>
  <si>
    <t>2740553.0</t>
  </si>
  <si>
    <t>11052339468.0</t>
  </si>
  <si>
    <t>5025830847.0</t>
  </si>
  <si>
    <t>4488989870.0</t>
  </si>
  <si>
    <t>1482757858.0</t>
  </si>
  <si>
    <t>16950309.0</t>
  </si>
  <si>
    <t>15743681.0</t>
  </si>
  <si>
    <t>2719016.0</t>
  </si>
  <si>
    <t>11066867445.0</t>
  </si>
  <si>
    <t>5029713276.0</t>
  </si>
  <si>
    <t>4492572561.0</t>
  </si>
  <si>
    <t>1576537889.0</t>
  </si>
  <si>
    <t>16324560.0</t>
  </si>
  <si>
    <t>15485065.0</t>
  </si>
  <si>
    <t>2649742.0</t>
  </si>
  <si>
    <t>11081070394.0</t>
  </si>
  <si>
    <t>5032898606.0</t>
  </si>
  <si>
    <t>4495931138.0</t>
  </si>
  <si>
    <t>1586262255.0</t>
  </si>
  <si>
    <t>15016896.0</t>
  </si>
  <si>
    <t>15041414.0</t>
  </si>
  <si>
    <t>2634806.0</t>
  </si>
  <si>
    <t>11092014937.0</t>
  </si>
  <si>
    <t>5034429794.0</t>
  </si>
  <si>
    <t>4497601774.0</t>
  </si>
  <si>
    <t>1589827738.0</t>
  </si>
  <si>
    <t>12595751.0</t>
  </si>
  <si>
    <t>14773148.0</t>
  </si>
  <si>
    <t>2590912.0</t>
  </si>
  <si>
    <t>11102782614.0</t>
  </si>
  <si>
    <t>5036425101.0</t>
  </si>
  <si>
    <t>4500400114.0</t>
  </si>
  <si>
    <t>1592721426.0</t>
  </si>
  <si>
    <t>11394115.0</t>
  </si>
  <si>
    <t>14767603.0</t>
  </si>
  <si>
    <t>2560246.0</t>
  </si>
  <si>
    <t>11115078390.0</t>
  </si>
  <si>
    <t>5039897375.0</t>
  </si>
  <si>
    <t>4504405364.0</t>
  </si>
  <si>
    <t>1605877325.0</t>
  </si>
  <si>
    <t>14446054.0</t>
  </si>
  <si>
    <t>14680332.0</t>
  </si>
  <si>
    <t>139.37</t>
  </si>
  <si>
    <t>2733099.0</t>
  </si>
  <si>
    <t>11131383976.0</t>
  </si>
  <si>
    <t>5042915614.0</t>
  </si>
  <si>
    <t>4508107124.0</t>
  </si>
  <si>
    <t>1611612400.0</t>
  </si>
  <si>
    <t>18109134.0</t>
  </si>
  <si>
    <t>14976685.0</t>
  </si>
  <si>
    <t>2907911.0</t>
  </si>
  <si>
    <t>11148654635.0</t>
  </si>
  <si>
    <t>5047461988.0</t>
  </si>
  <si>
    <t>4512534406.0</t>
  </si>
  <si>
    <t>1615837093.0</t>
  </si>
  <si>
    <t>18915209.0</t>
  </si>
  <si>
    <t>15257385.0</t>
  </si>
  <si>
    <t>3261796.0</t>
  </si>
  <si>
    <t>11166195053.0</t>
  </si>
  <si>
    <t>5052377633.0</t>
  </si>
  <si>
    <t>4516382862.0</t>
  </si>
  <si>
    <t>1632064253.0</t>
  </si>
  <si>
    <t>17321663.0</t>
  </si>
  <si>
    <t>15399830.0</t>
  </si>
  <si>
    <t>3480931.0</t>
  </si>
  <si>
    <t>11180165622.0</t>
  </si>
  <si>
    <t>5054787303.0</t>
  </si>
  <si>
    <t>4518513662.0</t>
  </si>
  <si>
    <t>1637121316.0</t>
  </si>
  <si>
    <t>15480184.0</t>
  </si>
  <si>
    <t>15466009.0</t>
  </si>
  <si>
    <t>3544057.0</t>
  </si>
  <si>
    <t>11193124491.0</t>
  </si>
  <si>
    <t>5058427172.0</t>
  </si>
  <si>
    <t>4522285827.0</t>
  </si>
  <si>
    <t>1639596039.0</t>
  </si>
  <si>
    <t>15899953.0</t>
  </si>
  <si>
    <t>15938038.0</t>
  </si>
  <si>
    <t>3846947.0</t>
  </si>
  <si>
    <t>11207196276.0</t>
  </si>
  <si>
    <t>5061563624.0</t>
  </si>
  <si>
    <t>4526913455.0</t>
  </si>
  <si>
    <t>1643849530.0</t>
  </si>
  <si>
    <t>12452957.0</t>
  </si>
  <si>
    <t>16089304.0</t>
  </si>
  <si>
    <t>3881802.0</t>
  </si>
  <si>
    <t>11229764739.0</t>
  </si>
  <si>
    <t>5063189005.0</t>
  </si>
  <si>
    <t>4534993706.0</t>
  </si>
  <si>
    <t>1649803070.0</t>
  </si>
  <si>
    <t>20715704.0</t>
  </si>
  <si>
    <t>16984978.0</t>
  </si>
  <si>
    <t>3816604.0</t>
  </si>
  <si>
    <t>11250362113.0</t>
  </si>
  <si>
    <t>5065829316.0</t>
  </si>
  <si>
    <t>4542832631.0</t>
  </si>
  <si>
    <t>1654792431.0</t>
  </si>
  <si>
    <t>20662770.0</t>
  </si>
  <si>
    <t>17349774.0</t>
  </si>
  <si>
    <t>3754696.0</t>
  </si>
  <si>
    <t>11268264576.0</t>
  </si>
  <si>
    <t>5069052618.0</t>
  </si>
  <si>
    <t>4549047963.0</t>
  </si>
  <si>
    <t>1658996987.0</t>
  </si>
  <si>
    <t>20844146.0</t>
  </si>
  <si>
    <t>17625286.0</t>
  </si>
  <si>
    <t>3683266.0</t>
  </si>
  <si>
    <t>11301985676.0</t>
  </si>
  <si>
    <t>5078570346.0</t>
  </si>
  <si>
    <t>4567775569.0</t>
  </si>
  <si>
    <t>1688920175.0</t>
  </si>
  <si>
    <t>16500680.0</t>
  </si>
  <si>
    <t>17508012.0</t>
  </si>
  <si>
    <t>3621075.0</t>
  </si>
  <si>
    <t>11310695377.0</t>
  </si>
  <si>
    <t>5080570658.0</t>
  </si>
  <si>
    <t>4569575715.0</t>
  </si>
  <si>
    <t>1691401650.0</t>
  </si>
  <si>
    <t>12681697.0</t>
  </si>
  <si>
    <t>17108240.0</t>
  </si>
  <si>
    <t>3550618.0</t>
  </si>
  <si>
    <t>11316768059.0</t>
  </si>
  <si>
    <t>5081579470.0</t>
  </si>
  <si>
    <t>4570350034.0</t>
  </si>
  <si>
    <t>1693195956.0</t>
  </si>
  <si>
    <t>11209771.0</t>
  </si>
  <si>
    <t>16438215.0</t>
  </si>
  <si>
    <t>3249637.0</t>
  </si>
  <si>
    <t>11327644144.0</t>
  </si>
  <si>
    <t>5082644962.0</t>
  </si>
  <si>
    <t>4574415478.0</t>
  </si>
  <si>
    <t>1696481999.0</t>
  </si>
  <si>
    <t>10028494.0</t>
  </si>
  <si>
    <t>16091880.0</t>
  </si>
  <si>
    <t>3233616.0</t>
  </si>
  <si>
    <t>11342180346.0</t>
  </si>
  <si>
    <t>5085198164.0</t>
  </si>
  <si>
    <t>4577746092.0</t>
  </si>
  <si>
    <t>1701147044.0</t>
  </si>
  <si>
    <t>10197126.0</t>
  </si>
  <si>
    <t>14589229.0</t>
  </si>
  <si>
    <t>3130092.0</t>
  </si>
  <si>
    <t>11353962423.0</t>
  </si>
  <si>
    <t>5087865303.0</t>
  </si>
  <si>
    <t>4580740076.0</t>
  </si>
  <si>
    <t>1716879404.0</t>
  </si>
  <si>
    <t>12545528.0</t>
  </si>
  <si>
    <t>13429634.0</t>
  </si>
  <si>
    <t>3019686.0</t>
  </si>
  <si>
    <t>11363901432.0</t>
  </si>
  <si>
    <t>5089538908.0</t>
  </si>
  <si>
    <t>4583332160.0</t>
  </si>
  <si>
    <t>1720182380.0</t>
  </si>
  <si>
    <t>12169598.0</t>
  </si>
  <si>
    <t>12190416.0</t>
  </si>
  <si>
    <t>2812511.0</t>
  </si>
  <si>
    <t>11376699104.0</t>
  </si>
  <si>
    <t>5092580689.0</t>
  </si>
  <si>
    <t>4589296901.0</t>
  </si>
  <si>
    <t>1723686218.0</t>
  </si>
  <si>
    <t>12670079.0</t>
  </si>
  <si>
    <t>11643188.0</t>
  </si>
  <si>
    <t>2622387.0</t>
  </si>
  <si>
    <t>11388208512.0</t>
  </si>
  <si>
    <t>5094027987.0</t>
  </si>
  <si>
    <t>4591471739.0</t>
  </si>
  <si>
    <t>1728172489.0</t>
  </si>
  <si>
    <t>12549040.0</t>
  </si>
  <si>
    <t>11624236.0</t>
  </si>
  <si>
    <t>2575898.0</t>
  </si>
  <si>
    <t>11397941671.0</t>
  </si>
  <si>
    <t>5097134861.0</t>
  </si>
  <si>
    <t>4594651242.0</t>
  </si>
  <si>
    <t>1730983519.0</t>
  </si>
  <si>
    <t>10510209.0</t>
  </si>
  <si>
    <t>11524295.0</t>
  </si>
  <si>
    <t>2581894.0</t>
  </si>
  <si>
    <t>11413431406.0</t>
  </si>
  <si>
    <t>5100272631.0</t>
  </si>
  <si>
    <t>4603273895.0</t>
  </si>
  <si>
    <t>1733641561.0</t>
  </si>
  <si>
    <t>8055766.0</t>
  </si>
  <si>
    <t>11242477.0</t>
  </si>
  <si>
    <t>2517301.0</t>
  </si>
  <si>
    <t>11423068540.0</t>
  </si>
  <si>
    <t>5102724035.0</t>
  </si>
  <si>
    <t>4606959394.0</t>
  </si>
  <si>
    <t>1750755765.0</t>
  </si>
  <si>
    <t>10114328.0</t>
  </si>
  <si>
    <t>11230654.0</t>
  </si>
  <si>
    <t>2451066.0</t>
  </si>
  <si>
    <t>11435424238.0</t>
  </si>
  <si>
    <t>5105199735.0</t>
  </si>
  <si>
    <t>4610414453.0</t>
  </si>
  <si>
    <t>1754437435.0</t>
  </si>
  <si>
    <t>11076910.0</t>
  </si>
  <si>
    <t>11020847.0</t>
  </si>
  <si>
    <t>2436953.0</t>
  </si>
  <si>
    <t>11446575414.0</t>
  </si>
  <si>
    <t>5106201761.0</t>
  </si>
  <si>
    <t>4612094081.0</t>
  </si>
  <si>
    <t>1757633093.0</t>
  </si>
  <si>
    <t>9922461.0</t>
  </si>
  <si>
    <t>10699831.0</t>
  </si>
  <si>
    <t>2261476.0</t>
  </si>
  <si>
    <t>11455208219.0</t>
  </si>
  <si>
    <t>5107339202.0</t>
  </si>
  <si>
    <t>4613986932.0</t>
  </si>
  <si>
    <t>1760679613.0</t>
  </si>
  <si>
    <t>10246662.0</t>
  </si>
  <si>
    <t>10353623.0</t>
  </si>
  <si>
    <t>2164279.0</t>
  </si>
  <si>
    <t>11461503536.0</t>
  </si>
  <si>
    <t>5107855398.0</t>
  </si>
  <si>
    <t>4615017617.0</t>
  </si>
  <si>
    <t>1762878065.0</t>
  </si>
  <si>
    <t>8261366.0</t>
  </si>
  <si>
    <t>9741097.0</t>
  </si>
  <si>
    <t>2009833.0</t>
  </si>
  <si>
    <t>11465616196.0</t>
  </si>
  <si>
    <t>5108143055.0</t>
  </si>
  <si>
    <t>4615518086.0</t>
  </si>
  <si>
    <t>1764288550.0</t>
  </si>
  <si>
    <t>8003460.0</t>
  </si>
  <si>
    <t>9382993.0</t>
  </si>
  <si>
    <t>1881722.0</t>
  </si>
  <si>
    <t>11476029929.0</t>
  </si>
  <si>
    <t>5109089143.0</t>
  </si>
  <si>
    <t>4617056624.0</t>
  </si>
  <si>
    <t>1768745099.0</t>
  </si>
  <si>
    <t>6840344.0</t>
  </si>
  <si>
    <t>9209361.0</t>
  </si>
  <si>
    <t>1836825.0</t>
  </si>
  <si>
    <t>11486684189.0</t>
  </si>
  <si>
    <t>5112350037.0</t>
  </si>
  <si>
    <t>4622110619.0</t>
  </si>
  <si>
    <t>1785652678.0</t>
  </si>
  <si>
    <t>8946940.0</t>
  </si>
  <si>
    <t>9042590.0</t>
  </si>
  <si>
    <t>144.03</t>
  </si>
  <si>
    <t>1813397.0</t>
  </si>
  <si>
    <t>11497962919.0</t>
  </si>
  <si>
    <t>5114094898.0</t>
  </si>
  <si>
    <t>4624682344.0</t>
  </si>
  <si>
    <t>1789666906.0</t>
  </si>
  <si>
    <t>12116574.0</t>
  </si>
  <si>
    <t>9191116.0</t>
  </si>
  <si>
    <t>1794789.0</t>
  </si>
  <si>
    <t>11506455746.0</t>
  </si>
  <si>
    <t>5114844520.0</t>
  </si>
  <si>
    <t>4626148478.0</t>
  </si>
  <si>
    <t>1835906666.0</t>
  </si>
  <si>
    <t>10316439.0</t>
  </si>
  <si>
    <t>9247397.0</t>
  </si>
  <si>
    <t>1795149.0</t>
  </si>
  <si>
    <t>11518045300.0</t>
  </si>
  <si>
    <t>5115987066.0</t>
  </si>
  <si>
    <t>4628194472.0</t>
  </si>
  <si>
    <t>1840922962.0</t>
  </si>
  <si>
    <t>12256467.0</t>
  </si>
  <si>
    <t>9534513.0</t>
  </si>
  <si>
    <t>1817307.0</t>
  </si>
  <si>
    <t>11527013603.0</t>
  </si>
  <si>
    <t>5117032715.0</t>
  </si>
  <si>
    <t>4630425591.0</t>
  </si>
  <si>
    <t>1844072194.0</t>
  </si>
  <si>
    <t>11486576.0</t>
  </si>
  <si>
    <t>9995256.0</t>
  </si>
  <si>
    <t>1930585.0</t>
  </si>
  <si>
    <t>11536627944.0</t>
  </si>
  <si>
    <t>5118774929.0</t>
  </si>
  <si>
    <t>4632238605.0</t>
  </si>
  <si>
    <t>1847635521.0</t>
  </si>
  <si>
    <t>10044401.0</t>
  </si>
  <si>
    <t>10286815.0</t>
  </si>
  <si>
    <t>2009780.0</t>
  </si>
  <si>
    <t>11546534415.0</t>
  </si>
  <si>
    <t>5120620977.0</t>
  </si>
  <si>
    <t>4635596575.0</t>
  </si>
  <si>
    <t>1850685117.0</t>
  </si>
  <si>
    <t>7999855.0</t>
  </si>
  <si>
    <t>10452466.0</t>
  </si>
  <si>
    <t>2068696.0</t>
  </si>
  <si>
    <t>11555316404.0</t>
  </si>
  <si>
    <t>5121706233.0</t>
  </si>
  <si>
    <t>4637352271.0</t>
  </si>
  <si>
    <t>1854128599.0</t>
  </si>
  <si>
    <t>9286446.0</t>
  </si>
  <si>
    <t>10500969.0</t>
  </si>
  <si>
    <t>2114034.0</t>
  </si>
  <si>
    <t>11574657442.0</t>
  </si>
  <si>
    <t>5132180966.0</t>
  </si>
  <si>
    <t>4644414628.0</t>
  </si>
  <si>
    <t>1858629563.0</t>
  </si>
  <si>
    <t>10923898.0</t>
  </si>
  <si>
    <t>10330587.0</t>
  </si>
  <si>
    <t>2102848.0</t>
  </si>
  <si>
    <t>11585225356.0</t>
  </si>
  <si>
    <t>5135781739.0</t>
  </si>
  <si>
    <t>4649385006.0</t>
  </si>
  <si>
    <t>1879198955.0</t>
  </si>
  <si>
    <t>13154225.0</t>
  </si>
  <si>
    <t>10735988.0</t>
  </si>
  <si>
    <t>2133502.0</t>
  </si>
  <si>
    <t>11594694622.0</t>
  </si>
  <si>
    <t>5137235315.0</t>
  </si>
  <si>
    <t>4652292272.0</t>
  </si>
  <si>
    <t>1884351926.0</t>
  </si>
  <si>
    <t>11601663.0</t>
  </si>
  <si>
    <t>10642442.0</t>
  </si>
  <si>
    <t>2108149.0</t>
  </si>
  <si>
    <t>11605715168.0</t>
  </si>
  <si>
    <t>5138791673.0</t>
  </si>
  <si>
    <t>4656199674.0</t>
  </si>
  <si>
    <t>1888086547.0</t>
  </si>
  <si>
    <t>12139707.0</t>
  </si>
  <si>
    <t>10735749.0</t>
  </si>
  <si>
    <t>2088436.0</t>
  </si>
  <si>
    <t>11612972904.0</t>
  </si>
  <si>
    <t>5140161472.0</t>
  </si>
  <si>
    <t>4658499838.0</t>
  </si>
  <si>
    <t>1889952310.0</t>
  </si>
  <si>
    <t>8384046.0</t>
  </si>
  <si>
    <t>10498549.0</t>
  </si>
  <si>
    <t>2004916.0</t>
  </si>
  <si>
    <t>11625176898.0</t>
  </si>
  <si>
    <t>5142768013.0</t>
  </si>
  <si>
    <t>4661544643.0</t>
  </si>
  <si>
    <t>1892206721.0</t>
  </si>
  <si>
    <t>6919891.0</t>
  </si>
  <si>
    <t>10344271.0</t>
  </si>
  <si>
    <t>1921534.0</t>
  </si>
  <si>
    <t>11629672494.0</t>
  </si>
  <si>
    <t>5143137513.0</t>
  </si>
  <si>
    <t>4662722605.0</t>
  </si>
  <si>
    <t>1894043330.0</t>
  </si>
  <si>
    <t>5881421.0</t>
  </si>
  <si>
    <t>9857835.0</t>
  </si>
  <si>
    <t>1818798.0</t>
  </si>
  <si>
    <t>11635240563.0</t>
  </si>
  <si>
    <t>5143833515.0</t>
  </si>
  <si>
    <t>4664457376.0</t>
  </si>
  <si>
    <t>1896104963.0</t>
  </si>
  <si>
    <t>6971973.0</t>
  </si>
  <si>
    <t>9293280.0</t>
  </si>
  <si>
    <t>1709280.0</t>
  </si>
  <si>
    <t>11640021404.0</t>
  </si>
  <si>
    <t>5144368131.0</t>
  </si>
  <si>
    <t>4665466853.0</t>
  </si>
  <si>
    <t>1898341406.0</t>
  </si>
  <si>
    <t>6491232.0</t>
  </si>
  <si>
    <t>8341424.0</t>
  </si>
  <si>
    <t>1619326.0</t>
  </si>
  <si>
    <t>11645333433.0</t>
  </si>
  <si>
    <t>5146137117.0</t>
  </si>
  <si>
    <t>4668530450.0</t>
  </si>
  <si>
    <t>1906858195.0</t>
  </si>
  <si>
    <t>7348629.0</t>
  </si>
  <si>
    <t>7733848.0</t>
  </si>
  <si>
    <t>1548883.0</t>
  </si>
  <si>
    <t>11657414278.0</t>
  </si>
  <si>
    <t>5147799214.0</t>
  </si>
  <si>
    <t>4670644281.0</t>
  </si>
  <si>
    <t>1913251855.0</t>
  </si>
  <si>
    <t>8613798.0</t>
  </si>
  <si>
    <t>7230136.0</t>
  </si>
  <si>
    <t>1484456.0</t>
  </si>
  <si>
    <t>11663215597.0</t>
  </si>
  <si>
    <t>5148605619.0</t>
  </si>
  <si>
    <t>4672825672.0</t>
  </si>
  <si>
    <t>1914909442.0</t>
  </si>
  <si>
    <t>7298396.0</t>
  </si>
  <si>
    <t>7075050.0</t>
  </si>
  <si>
    <t>1469479.0</t>
  </si>
  <si>
    <t>11671396701.0</t>
  </si>
  <si>
    <t>5155264349.0</t>
  </si>
  <si>
    <t>4676870516.0</t>
  </si>
  <si>
    <t>1916453621.0</t>
  </si>
  <si>
    <t>6270191.0</t>
  </si>
  <si>
    <t>6982234.0</t>
  </si>
  <si>
    <t>1475778.0</t>
  </si>
  <si>
    <t>11676554247.0</t>
  </si>
  <si>
    <t>5155835815.0</t>
  </si>
  <si>
    <t>4678443781.0</t>
  </si>
  <si>
    <t>1918234893.0</t>
  </si>
  <si>
    <t>6899890.0</t>
  </si>
  <si>
    <t>7127730.0</t>
  </si>
  <si>
    <t>1445446.0</t>
  </si>
  <si>
    <t>11684428602.0</t>
  </si>
  <si>
    <t>5156836535.0</t>
  </si>
  <si>
    <t>4680858970.0</t>
  </si>
  <si>
    <t>1921302214.0</t>
  </si>
  <si>
    <t>8038774.0</t>
  </si>
  <si>
    <t>7280126.0</t>
  </si>
  <si>
    <t>1426299.0</t>
  </si>
  <si>
    <t>11693059766.0</t>
  </si>
  <si>
    <t>5157625759.0</t>
  </si>
  <si>
    <t>4683613615.0</t>
  </si>
  <si>
    <t>1924666215.0</t>
  </si>
  <si>
    <t>9517926.0</t>
  </si>
  <si>
    <t>7712510.0</t>
  </si>
  <si>
    <t>1421980.0</t>
  </si>
  <si>
    <t>11700057673.0</t>
  </si>
  <si>
    <t>5159622738.0</t>
  </si>
  <si>
    <t>4687002643.0</t>
  </si>
  <si>
    <t>1933786825.0</t>
  </si>
  <si>
    <t>8876525.0</t>
  </si>
  <si>
    <t>7930786.0</t>
  </si>
  <si>
    <t>1384613.0</t>
  </si>
  <si>
    <t>11711050207.0</t>
  </si>
  <si>
    <t>5160521837.0</t>
  </si>
  <si>
    <t>4689045567.0</t>
  </si>
  <si>
    <t>1941507665.0</t>
  </si>
  <si>
    <t>8165443.0</t>
  </si>
  <si>
    <t>7866732.0</t>
  </si>
  <si>
    <t>1334961.0</t>
  </si>
  <si>
    <t>11716579397.0</t>
  </si>
  <si>
    <t>5161309708.0</t>
  </si>
  <si>
    <t>4690849825.0</t>
  </si>
  <si>
    <t>1943656421.0</t>
  </si>
  <si>
    <t>6999167.0</t>
  </si>
  <si>
    <t>7823988.0</t>
  </si>
  <si>
    <t>1347272.0</t>
  </si>
  <si>
    <t>11725575886.0</t>
  </si>
  <si>
    <t>5162889610.0</t>
  </si>
  <si>
    <t>4694519306.0</t>
  </si>
  <si>
    <t>1946715570.0</t>
  </si>
  <si>
    <t>6024523.0</t>
  </si>
  <si>
    <t>7788890.0</t>
  </si>
  <si>
    <t>1349647.0</t>
  </si>
  <si>
    <t>11731536759.0</t>
  </si>
  <si>
    <t>5164278631.0</t>
  </si>
  <si>
    <t>4695384643.0</t>
  </si>
  <si>
    <t>1948810448.0</t>
  </si>
  <si>
    <t>6940925.0</t>
  </si>
  <si>
    <t>7794751.0</t>
  </si>
  <si>
    <t>1393843.0</t>
  </si>
  <si>
    <t>11736611178.0</t>
  </si>
  <si>
    <t>5164849418.0</t>
  </si>
  <si>
    <t>4696532211.0</t>
  </si>
  <si>
    <t>1950724499.0</t>
  </si>
  <si>
    <t>8151302.0</t>
  </si>
  <si>
    <t>7810830.0</t>
  </si>
  <si>
    <t>1385995.0</t>
  </si>
  <si>
    <t>11744736385.0</t>
  </si>
  <si>
    <t>5165854917.0</t>
  </si>
  <si>
    <t>4698803053.0</t>
  </si>
  <si>
    <t>1954097487.0</t>
  </si>
  <si>
    <t>8746733.0</t>
  </si>
  <si>
    <t>7700659.0</t>
  </si>
  <si>
    <t>1411476.0</t>
  </si>
  <si>
    <t>11750816004.0</t>
  </si>
  <si>
    <t>5166506669.0</t>
  </si>
  <si>
    <t>4700377797.0</t>
  </si>
  <si>
    <t>1956719290.0</t>
  </si>
  <si>
    <t>8919111.0</t>
  </si>
  <si>
    <t>7706626.0</t>
  </si>
  <si>
    <t>1424326.0</t>
  </si>
  <si>
    <t>11760409970.0</t>
  </si>
  <si>
    <t>5167703654.0</t>
  </si>
  <si>
    <t>4702613217.0</t>
  </si>
  <si>
    <t>1959899936.0</t>
  </si>
  <si>
    <t>7811885.0</t>
  </si>
  <si>
    <t>1441693.0</t>
  </si>
  <si>
    <t>11765112720.0</t>
  </si>
  <si>
    <t>5168318801.0</t>
  </si>
  <si>
    <t>4704117789.0</t>
  </si>
  <si>
    <t>1961458961.0</t>
  </si>
  <si>
    <t>7243802.0</t>
  </si>
  <si>
    <t>7846857.0</t>
  </si>
  <si>
    <t>147.52</t>
  </si>
  <si>
    <t>1398920.0</t>
  </si>
  <si>
    <t>11782146761.0</t>
  </si>
  <si>
    <t>5173154981.0</t>
  </si>
  <si>
    <t>4710094591.0</t>
  </si>
  <si>
    <t>1972213224.0</t>
  </si>
  <si>
    <t>6450742.0</t>
  </si>
  <si>
    <t>7907761.0</t>
  </si>
  <si>
    <t>147.74</t>
  </si>
  <si>
    <t>1363146.0</t>
  </si>
  <si>
    <t>11787160403.0</t>
  </si>
  <si>
    <t>5173531804.0</t>
  </si>
  <si>
    <t>4711317653.0</t>
  </si>
  <si>
    <t>1974175246.0</t>
  </si>
  <si>
    <t>6740654.0</t>
  </si>
  <si>
    <t>7879064.0</t>
  </si>
  <si>
    <t>1357777.0</t>
  </si>
  <si>
    <t>11796161305.0</t>
  </si>
  <si>
    <t>5174687789.0</t>
  </si>
  <si>
    <t>4714826929.0</t>
  </si>
  <si>
    <t>1977002788.0</t>
  </si>
  <si>
    <t>7490292.0</t>
  </si>
  <si>
    <t>7784656.0</t>
  </si>
  <si>
    <t>1395765.0</t>
  </si>
  <si>
    <t>11801444799.0</t>
  </si>
  <si>
    <t>5175331350.0</t>
  </si>
  <si>
    <t>4716290394.0</t>
  </si>
  <si>
    <t>1978763227.0</t>
  </si>
  <si>
    <t>7463583.0</t>
  </si>
  <si>
    <t>7601400.0</t>
  </si>
  <si>
    <t>1409976.0</t>
  </si>
  <si>
    <t>11808590890.0</t>
  </si>
  <si>
    <t>5177019277.0</t>
  </si>
  <si>
    <t>4719032938.0</t>
  </si>
  <si>
    <t>1984866950.0</t>
  </si>
  <si>
    <t>7517534.0</t>
  </si>
  <si>
    <t>7401193.0</t>
  </si>
  <si>
    <t>1436592.0</t>
  </si>
  <si>
    <t>11816325095.0</t>
  </si>
  <si>
    <t>5177850010.0</t>
  </si>
  <si>
    <t>4720832441.0</t>
  </si>
  <si>
    <t>1988507286.0</t>
  </si>
  <si>
    <t>9175411.0</t>
  </si>
  <si>
    <t>7440250.0</t>
  </si>
  <si>
    <t>1468529.0</t>
  </si>
  <si>
    <t>11821704374.0</t>
  </si>
  <si>
    <t>5178433367.0</t>
  </si>
  <si>
    <t>4722365707.0</t>
  </si>
  <si>
    <t>1990624962.0</t>
  </si>
  <si>
    <t>6701404.0</t>
  </si>
  <si>
    <t>7362775.0</t>
  </si>
  <si>
    <t>1496074.0</t>
  </si>
  <si>
    <t>11828316206.0</t>
  </si>
  <si>
    <t>5179697332.0</t>
  </si>
  <si>
    <t>4723926355.0</t>
  </si>
  <si>
    <t>1992820031.0</t>
  </si>
  <si>
    <t>5050071.0</t>
  </si>
  <si>
    <t>7162707.0</t>
  </si>
  <si>
    <t>1508910.0</t>
  </si>
  <si>
    <t>11834928975.0</t>
  </si>
  <si>
    <t>5181867868.0</t>
  </si>
  <si>
    <t>4725334983.0</t>
  </si>
  <si>
    <t>1994219015.0</t>
  </si>
  <si>
    <t>5759621.0</t>
  </si>
  <si>
    <t>7022561.0</t>
  </si>
  <si>
    <t>1587470.0</t>
  </si>
  <si>
    <t>11840817655.0</t>
  </si>
  <si>
    <t>5182566748.0</t>
  </si>
  <si>
    <t>4727127496.0</t>
  </si>
  <si>
    <t>1996167487.0</t>
  </si>
  <si>
    <t>7428228.0</t>
  </si>
  <si>
    <t>7013697.0</t>
  </si>
  <si>
    <t>1575589.0</t>
  </si>
  <si>
    <t>11846786235.0</t>
  </si>
  <si>
    <t>5184432311.0</t>
  </si>
  <si>
    <t>4730227196.0</t>
  </si>
  <si>
    <t>2002693317.0</t>
  </si>
  <si>
    <t>7661611.0</t>
  </si>
  <si>
    <t>7041985.0</t>
  </si>
  <si>
    <t>1560790.0</t>
  </si>
  <si>
    <t>11850549979.0</t>
  </si>
  <si>
    <t>5184801140.0</t>
  </si>
  <si>
    <t>4730951195.0</t>
  </si>
  <si>
    <t>2004570705.0</t>
  </si>
  <si>
    <t>6156647.0</t>
  </si>
  <si>
    <t>6847568.0</t>
  </si>
  <si>
    <t>1502685.0</t>
  </si>
  <si>
    <t>11859227335.0</t>
  </si>
  <si>
    <t>5186875359.0</t>
  </si>
  <si>
    <t>4733310616.0</t>
  </si>
  <si>
    <t>2008001403.0</t>
  </si>
  <si>
    <t>6723635.0</t>
  </si>
  <si>
    <t>6497315.0</t>
  </si>
  <si>
    <t>1440829.0</t>
  </si>
  <si>
    <t>11865185733.0</t>
  </si>
  <si>
    <t>5187620478.0</t>
  </si>
  <si>
    <t>4735026966.0</t>
  </si>
  <si>
    <t>2012673326.0</t>
  </si>
  <si>
    <t>9482140.0</t>
  </si>
  <si>
    <t>6894561.0</t>
  </si>
  <si>
    <t>1400010.0</t>
  </si>
  <si>
    <t>11876019316.0</t>
  </si>
  <si>
    <t>5194816434.0</t>
  </si>
  <si>
    <t>4739169803.0</t>
  </si>
  <si>
    <t>2014469751.0</t>
  </si>
  <si>
    <t>9304639.0</t>
  </si>
  <si>
    <t>7502359.0</t>
  </si>
  <si>
    <t>1365605.0</t>
  </si>
  <si>
    <t>11883142164.0</t>
  </si>
  <si>
    <t>5195153539.0</t>
  </si>
  <si>
    <t>4740013904.0</t>
  </si>
  <si>
    <t>2019505241.0</t>
  </si>
  <si>
    <t>10561908.0</t>
  </si>
  <si>
    <t>8188407.0</t>
  </si>
  <si>
    <t>1308259.0</t>
  </si>
  <si>
    <t>11902629280.0</t>
  </si>
  <si>
    <t>5195928342.0</t>
  </si>
  <si>
    <t>4741564821.0</t>
  </si>
  <si>
    <t>2031636600.0</t>
  </si>
  <si>
    <t>12741108.0</t>
  </si>
  <si>
    <t>8947385.0</t>
  </si>
  <si>
    <t>11915675598.0</t>
  </si>
  <si>
    <t>5198265104.0</t>
  </si>
  <si>
    <t>4744516086.0</t>
  </si>
  <si>
    <t>2038368471.0</t>
  </si>
  <si>
    <t>9921328.0</t>
  </si>
  <si>
    <t>9270201.0</t>
  </si>
  <si>
    <t>1371343.0</t>
  </si>
  <si>
    <t>11921885046.0</t>
  </si>
  <si>
    <t>5198836160.0</t>
  </si>
  <si>
    <t>4746968428.0</t>
  </si>
  <si>
    <t>2040418703.0</t>
  </si>
  <si>
    <t>9948321.0</t>
  </si>
  <si>
    <t>9811870.0</t>
  </si>
  <si>
    <t>1469248.0</t>
  </si>
  <si>
    <t>11929327441.0</t>
  </si>
  <si>
    <t>5199679121.0</t>
  </si>
  <si>
    <t>4748625726.0</t>
  </si>
  <si>
    <t>2043868806.0</t>
  </si>
  <si>
    <t>8729739.0</t>
  </si>
  <si>
    <t>10098460.0</t>
  </si>
  <si>
    <t>1541355.0</t>
  </si>
  <si>
    <t>11934190420.0</t>
  </si>
  <si>
    <t>5200138053.0</t>
  </si>
  <si>
    <t>4750001858.0</t>
  </si>
  <si>
    <t>2046098184.0</t>
  </si>
  <si>
    <t>7537883.0</t>
  </si>
  <si>
    <t>9820706.0</t>
  </si>
  <si>
    <t>1608828.0</t>
  </si>
  <si>
    <t>11943125825.0</t>
  </si>
  <si>
    <t>5200901213.0</t>
  </si>
  <si>
    <t>4751710633.0</t>
  </si>
  <si>
    <t>2051597737.0</t>
  </si>
  <si>
    <t>6415842.0</t>
  </si>
  <si>
    <t>9406988.0</t>
  </si>
  <si>
    <t>149.76</t>
  </si>
  <si>
    <t>1681836.0</t>
  </si>
  <si>
    <t>11948403490.0</t>
  </si>
  <si>
    <t>5201629470.0</t>
  </si>
  <si>
    <t>4753124491.0</t>
  </si>
  <si>
    <t>2053787237.0</t>
  </si>
  <si>
    <t>7197725.0</t>
  </si>
  <si>
    <t>8926560.0</t>
  </si>
  <si>
    <t>1704640.0</t>
  </si>
  <si>
    <t>11955924044.0</t>
  </si>
  <si>
    <t>5202150987.0</t>
  </si>
  <si>
    <t>4754535903.0</t>
  </si>
  <si>
    <t>2057974175.0</t>
  </si>
  <si>
    <t>7953848.0</t>
  </si>
  <si>
    <t>8242843.0</t>
  </si>
  <si>
    <t>1711513.0</t>
  </si>
  <si>
    <t>11963679573.0</t>
  </si>
  <si>
    <t>5203080728.0</t>
  </si>
  <si>
    <t>4756547169.0</t>
  </si>
  <si>
    <t>2062062484.0</t>
  </si>
  <si>
    <t>7797179.0</t>
  </si>
  <si>
    <t>7939557.0</t>
  </si>
  <si>
    <t>1708072.0</t>
  </si>
  <si>
    <t>11971084176.0</t>
  </si>
  <si>
    <t>5205585281.0</t>
  </si>
  <si>
    <t>4760265947.0</t>
  </si>
  <si>
    <t>2070430553.0</t>
  </si>
  <si>
    <t>8223981.0</t>
  </si>
  <si>
    <t>7693400.0</t>
  </si>
  <si>
    <t>1697463.0</t>
  </si>
  <si>
    <t>11978266740.0</t>
  </si>
  <si>
    <t>5206423549.0</t>
  </si>
  <si>
    <t>4762258368.0</t>
  </si>
  <si>
    <t>2073152576.0</t>
  </si>
  <si>
    <t>7757615.0</t>
  </si>
  <si>
    <t>7554699.0</t>
  </si>
  <si>
    <t>1698997.0</t>
  </si>
  <si>
    <t>11986125562.0</t>
  </si>
  <si>
    <t>5208969171.0</t>
  </si>
  <si>
    <t>4764360779.0</t>
  </si>
  <si>
    <t>2075620264.0</t>
  </si>
  <si>
    <t>6916775.0</t>
  </si>
  <si>
    <t>7466134.0</t>
  </si>
  <si>
    <t>1735989.0</t>
  </si>
  <si>
    <t>11998852666.0</t>
  </si>
  <si>
    <t>5217822834.0</t>
  </si>
  <si>
    <t>4775809724.0</t>
  </si>
  <si>
    <t>2079310372.0</t>
  </si>
  <si>
    <t>4950842.0</t>
  </si>
  <si>
    <t>7060532.0</t>
  </si>
  <si>
    <t>1552671.0</t>
  </si>
  <si>
    <t>12003521612.0</t>
  </si>
  <si>
    <t>5218074687.0</t>
  </si>
  <si>
    <t>4776498467.0</t>
  </si>
  <si>
    <t>2081647930.0</t>
  </si>
  <si>
    <t>9382280.0</t>
  </si>
  <si>
    <t>7405327.0</t>
  </si>
  <si>
    <t>1634674.0</t>
  </si>
  <si>
    <t>12010477362.0</t>
  </si>
  <si>
    <t>5218824816.0</t>
  </si>
  <si>
    <t>4778200853.0</t>
  </si>
  <si>
    <t>2085297597.0</t>
  </si>
  <si>
    <t>10752842.0</t>
  </si>
  <si>
    <t>7837175.0</t>
  </si>
  <si>
    <t>1728164.0</t>
  </si>
  <si>
    <t>12016570238.0</t>
  </si>
  <si>
    <t>5219342069.0</t>
  </si>
  <si>
    <t>4779944153.0</t>
  </si>
  <si>
    <t>2088302701.0</t>
  </si>
  <si>
    <t>11264855.0</t>
  </si>
  <si>
    <t>8365407.0</t>
  </si>
  <si>
    <t>1828004.0</t>
  </si>
  <si>
    <t>12025878616.0</t>
  </si>
  <si>
    <t>5221723567.0</t>
  </si>
  <si>
    <t>4782527113.0</t>
  </si>
  <si>
    <t>2094407941.0</t>
  </si>
  <si>
    <t>11446221.0</t>
  </si>
  <si>
    <t>8858566.0</t>
  </si>
  <si>
    <t>1920412.0</t>
  </si>
  <si>
    <t>12033165915.0</t>
  </si>
  <si>
    <t>5222435521.0</t>
  </si>
  <si>
    <t>4784053613.0</t>
  </si>
  <si>
    <t>2097657747.0</t>
  </si>
  <si>
    <t>11336474.0</t>
  </si>
  <si>
    <t>9402518.0</t>
  </si>
  <si>
    <t>2012641.0</t>
  </si>
  <si>
    <t>12037745941.0</t>
  </si>
  <si>
    <t>5222935153.0</t>
  </si>
  <si>
    <t>4785384367.0</t>
  </si>
  <si>
    <t>2099602465.0</t>
  </si>
  <si>
    <t>9976473.0</t>
  </si>
  <si>
    <t>9872486.0</t>
  </si>
  <si>
    <t>2097350.0</t>
  </si>
  <si>
    <t>12065834403.0</t>
  </si>
  <si>
    <t>5226378957.0</t>
  </si>
  <si>
    <t>4789215408.0</t>
  </si>
  <si>
    <t>2103876158.0</t>
  </si>
  <si>
    <t>8905081.0</t>
  </si>
  <si>
    <t>10437526.0</t>
  </si>
  <si>
    <t>2221236.0</t>
  </si>
  <si>
    <t>12073912254.0</t>
  </si>
  <si>
    <t>5228201824.0</t>
  </si>
  <si>
    <t>4791625919.0</t>
  </si>
  <si>
    <t>2108531210.0</t>
  </si>
  <si>
    <t>7585644.0</t>
  </si>
  <si>
    <t>10181009.0</t>
  </si>
  <si>
    <t>2240675.0</t>
  </si>
  <si>
    <t>12079336009.0</t>
  </si>
  <si>
    <t>5228888565.0</t>
  </si>
  <si>
    <t>4793242086.0</t>
  </si>
  <si>
    <t>2111058208.0</t>
  </si>
  <si>
    <t>9945479.0</t>
  </si>
  <si>
    <t>10065700.0</t>
  </si>
  <si>
    <t>2404119.0</t>
  </si>
  <si>
    <t>12089080159.0</t>
  </si>
  <si>
    <t>5231656860.0</t>
  </si>
  <si>
    <t>4797024232.0</t>
  </si>
  <si>
    <t>2115944593.0</t>
  </si>
  <si>
    <t>9356914.0</t>
  </si>
  <si>
    <t>9793155.0</t>
  </si>
  <si>
    <t>2558884.0</t>
  </si>
  <si>
    <t>12094771465.0</t>
  </si>
  <si>
    <t>5232243883.0</t>
  </si>
  <si>
    <t>4798470670.0</t>
  </si>
  <si>
    <t>2118356375.0</t>
  </si>
  <si>
    <t>7968087.0</t>
  </si>
  <si>
    <t>9296308.0</t>
  </si>
  <si>
    <t>2561815.0</t>
  </si>
  <si>
    <t>12099657765.0</t>
  </si>
  <si>
    <t>5232683793.0</t>
  </si>
  <si>
    <t>4799686412.0</t>
  </si>
  <si>
    <t>2120859942.0</t>
  </si>
  <si>
    <t>7591681.0</t>
  </si>
  <si>
    <t>8761340.0</t>
  </si>
  <si>
    <t>2566877.0</t>
  </si>
  <si>
    <t>12104577076.0</t>
  </si>
  <si>
    <t>5233425717.0</t>
  </si>
  <si>
    <t>4800604972.0</t>
  </si>
  <si>
    <t>2122945128.0</t>
  </si>
  <si>
    <t>6396216.0</t>
  </si>
  <si>
    <t>8249874.0</t>
  </si>
  <si>
    <t>2538102.0</t>
  </si>
  <si>
    <t>12114861574.0</t>
  </si>
  <si>
    <t>5237453175.0</t>
  </si>
  <si>
    <t>4806932658.0</t>
  </si>
  <si>
    <t>2125056951.0</t>
  </si>
  <si>
    <t>5489625.0</t>
  </si>
  <si>
    <t>7761947.0</t>
  </si>
  <si>
    <t>2509708.0</t>
  </si>
  <si>
    <t>12119321383.0</t>
  </si>
  <si>
    <t>5237851725.0</t>
  </si>
  <si>
    <t>4807626237.0</t>
  </si>
  <si>
    <t>2127878131.0</t>
  </si>
  <si>
    <t>6569634.0</t>
  </si>
  <si>
    <t>7616805.0</t>
  </si>
  <si>
    <t>2494878.0</t>
  </si>
  <si>
    <t>12124938676.0</t>
  </si>
  <si>
    <t>5238550065.0</t>
  </si>
  <si>
    <t>4808916543.0</t>
  </si>
  <si>
    <t>2130948355.0</t>
  </si>
  <si>
    <t>7827206.0</t>
  </si>
  <si>
    <t>7314195.0</t>
  </si>
  <si>
    <t>2326440.0</t>
  </si>
  <si>
    <t>12129418716.0</t>
  </si>
  <si>
    <t>5238879813.0</t>
  </si>
  <si>
    <t>4809878843.0</t>
  </si>
  <si>
    <t>2133487520.0</t>
  </si>
  <si>
    <t>7759510.0</t>
  </si>
  <si>
    <t>7085991.0</t>
  </si>
  <si>
    <t>2155238.0</t>
  </si>
  <si>
    <t>12137488166.0</t>
  </si>
  <si>
    <t>5241699463.0</t>
  </si>
  <si>
    <t>4813539679.0</t>
  </si>
  <si>
    <t>2139629728.0</t>
  </si>
  <si>
    <t>8153937.0</t>
  </si>
  <si>
    <t>7112505.0</t>
  </si>
  <si>
    <t>2136621.0</t>
  </si>
  <si>
    <t>12145292100.0</t>
  </si>
  <si>
    <t>5244243363.0</t>
  </si>
  <si>
    <t>4815034686.0</t>
  </si>
  <si>
    <t>2147428933.0</t>
  </si>
  <si>
    <t>8829122.0</t>
  </si>
  <si>
    <t>7289300.0</t>
  </si>
  <si>
    <t>2129408.0</t>
  </si>
  <si>
    <t>12147844867.0</t>
  </si>
  <si>
    <t>5244377320.0</t>
  </si>
  <si>
    <t>4815266952.0</t>
  </si>
  <si>
    <t>2149006936.0</t>
  </si>
  <si>
    <t>6817027.0</t>
  </si>
  <si>
    <t>7349403.0</t>
  </si>
  <si>
    <t>12164945625.0</t>
  </si>
  <si>
    <t>5254689438.0</t>
  </si>
  <si>
    <t>4822128011.0</t>
  </si>
  <si>
    <t>2153478389.0</t>
  </si>
  <si>
    <t>5566840.0</t>
  </si>
  <si>
    <t>7360444.0</t>
  </si>
  <si>
    <t>2124796.0</t>
  </si>
  <si>
    <t>12173561550.0</t>
  </si>
  <si>
    <t>5255343012.0</t>
  </si>
  <si>
    <t>4823022550.0</t>
  </si>
  <si>
    <t>2156391578.0</t>
  </si>
  <si>
    <t>7815881.0</t>
  </si>
  <si>
    <t>7538478.0</t>
  </si>
  <si>
    <t>2100681.0</t>
  </si>
  <si>
    <t>12181684712.0</t>
  </si>
  <si>
    <t>5256179208.0</t>
  </si>
  <si>
    <t>4824549042.0</t>
  </si>
  <si>
    <t>2161440523.0</t>
  </si>
  <si>
    <t>6795257.0</t>
  </si>
  <si>
    <t>7390977.0</t>
  </si>
  <si>
    <t>2056566.0</t>
  </si>
  <si>
    <t>12187729265.0</t>
  </si>
  <si>
    <t>5256592025.0</t>
  </si>
  <si>
    <t>4825882988.0</t>
  </si>
  <si>
    <t>2164892116.0</t>
  </si>
  <si>
    <t>7758106.0</t>
  </si>
  <si>
    <t>7390802.0</t>
  </si>
  <si>
    <t>2030322.0</t>
  </si>
  <si>
    <t>12195497312.0</t>
  </si>
  <si>
    <t>5257167138.0</t>
  </si>
  <si>
    <t>4828317083.0</t>
  </si>
  <si>
    <t>2168801233.0</t>
  </si>
  <si>
    <t>9821047.0</t>
  </si>
  <si>
    <t>7628978.0</t>
  </si>
  <si>
    <t>2004981.0</t>
  </si>
  <si>
    <t>12203935026.0</t>
  </si>
  <si>
    <t>5257746035.0</t>
  </si>
  <si>
    <t>4829651988.0</t>
  </si>
  <si>
    <t>2174105716.0</t>
  </si>
  <si>
    <t>9310320.0</t>
  </si>
  <si>
    <t>7697764.0</t>
  </si>
  <si>
    <t>1968055.0</t>
  </si>
  <si>
    <t>12207804541.0</t>
  </si>
  <si>
    <t>5258135810.0</t>
  </si>
  <si>
    <t>4830220671.0</t>
  </si>
  <si>
    <t>2176502724.0</t>
  </si>
  <si>
    <t>7250793.0</t>
  </si>
  <si>
    <t>7759741.0</t>
  </si>
  <si>
    <t>1927648.0</t>
  </si>
  <si>
    <t>12219138628.0</t>
  </si>
  <si>
    <t>5263516098.0</t>
  </si>
  <si>
    <t>4835608141.0</t>
  </si>
  <si>
    <t>2177836586.0</t>
  </si>
  <si>
    <t>6511526.0</t>
  </si>
  <si>
    <t>7894694.0</t>
  </si>
  <si>
    <t>1904975.0</t>
  </si>
  <si>
    <t>12227277113.0</t>
  </si>
  <si>
    <t>5264010381.0</t>
  </si>
  <si>
    <t>4836939851.0</t>
  </si>
  <si>
    <t>2183368361.0</t>
  </si>
  <si>
    <t>11103926.0</t>
  </si>
  <si>
    <t>8364428.0</t>
  </si>
  <si>
    <t>1994096.0</t>
  </si>
  <si>
    <t>12244323668.0</t>
  </si>
  <si>
    <t>5266750752.0</t>
  </si>
  <si>
    <t>4840104020.0</t>
  </si>
  <si>
    <t>2195069445.0</t>
  </si>
  <si>
    <t>12640256.0</t>
  </si>
  <si>
    <t>9199424.0</t>
  </si>
  <si>
    <t>2108153.0</t>
  </si>
  <si>
    <t>12250743318.0</t>
  </si>
  <si>
    <t>5269596918.0</t>
  </si>
  <si>
    <t>4843285454.0</t>
  </si>
  <si>
    <t>2203711692.0</t>
  </si>
  <si>
    <t>10600093.0</t>
  </si>
  <si>
    <t>9605422.0</t>
  </si>
  <si>
    <t>2123797.0</t>
  </si>
  <si>
    <t>12267191038.0</t>
  </si>
  <si>
    <t>5270916784.0</t>
  </si>
  <si>
    <t>4845054909.0</t>
  </si>
  <si>
    <t>2210844180.0</t>
  </si>
  <si>
    <t>11102294.0</t>
  </si>
  <si>
    <t>9788461.0</t>
  </si>
  <si>
    <t>2144892.0</t>
  </si>
  <si>
    <t>12275479883.0</t>
  </si>
  <si>
    <t>5273862494.0</t>
  </si>
  <si>
    <t>4846607955.0</t>
  </si>
  <si>
    <t>2217396566.0</t>
  </si>
  <si>
    <t>11321893.0</t>
  </si>
  <si>
    <t>10075827.0</t>
  </si>
  <si>
    <t>2173469.0</t>
  </si>
  <si>
    <t>12282644035.0</t>
  </si>
  <si>
    <t>5274703367.0</t>
  </si>
  <si>
    <t>4847326169.0</t>
  </si>
  <si>
    <t>2222324967.0</t>
  </si>
  <si>
    <t>9865584.0</t>
  </si>
  <si>
    <t>10449368.0</t>
  </si>
  <si>
    <t>2194041.0</t>
  </si>
  <si>
    <t>12296904064.0</t>
  </si>
  <si>
    <t>5277601207.0</t>
  </si>
  <si>
    <t>4850592950.0</t>
  </si>
  <si>
    <t>2226163686.0</t>
  </si>
  <si>
    <t>7941273.0</t>
  </si>
  <si>
    <t>10653612.0</t>
  </si>
  <si>
    <t>2186105.0</t>
  </si>
  <si>
    <t>12302475128.0</t>
  </si>
  <si>
    <t>5277874678.0</t>
  </si>
  <si>
    <t>4851358538.0</t>
  </si>
  <si>
    <t>2229847967.0</t>
  </si>
  <si>
    <t>7769913.0</t>
  </si>
  <si>
    <t>10177202.0</t>
  </si>
  <si>
    <t>2142003.0</t>
  </si>
  <si>
    <t>12312130610.0</t>
  </si>
  <si>
    <t>5278571654.0</t>
  </si>
  <si>
    <t>4852267809.0</t>
  </si>
  <si>
    <t>2237067187.0</t>
  </si>
  <si>
    <t>9647096.0</t>
  </si>
  <si>
    <t>9749624.0</t>
  </si>
  <si>
    <t>2089963.0</t>
  </si>
  <si>
    <t>12320850104.0</t>
  </si>
  <si>
    <t>5280861551.0</t>
  </si>
  <si>
    <t>4855017350.0</t>
  </si>
  <si>
    <t>2242643977.0</t>
  </si>
  <si>
    <t>9598324.0</t>
  </si>
  <si>
    <t>9606537.0</t>
  </si>
  <si>
    <t>2132491.0</t>
  </si>
  <si>
    <t>12329420586.0</t>
  </si>
  <si>
    <t>5281201147.0</t>
  </si>
  <si>
    <t>4855797642.0</t>
  </si>
  <si>
    <t>2248681272.0</t>
  </si>
  <si>
    <t>10610712.0</t>
  </si>
  <si>
    <t>9536336.0</t>
  </si>
  <si>
    <t>2119680.0</t>
  </si>
  <si>
    <t>12337896419.0</t>
  </si>
  <si>
    <t>5281743668.0</t>
  </si>
  <si>
    <t>4856846895.0</t>
  </si>
  <si>
    <t>2254410054.0</t>
  </si>
  <si>
    <t>10373275.0</t>
  </si>
  <si>
    <t>9400833.0</t>
  </si>
  <si>
    <t>2109279.0</t>
  </si>
  <si>
    <t>12345536982.0</t>
  </si>
  <si>
    <t>5282486755.0</t>
  </si>
  <si>
    <t>4857627482.0</t>
  </si>
  <si>
    <t>2259665980.0</t>
  </si>
  <si>
    <t>9138743.0</t>
  </si>
  <si>
    <t>9297023.0</t>
  </si>
  <si>
    <t>2116822.0</t>
  </si>
  <si>
    <t>12350626089.0</t>
  </si>
  <si>
    <t>5296527910.0</t>
  </si>
  <si>
    <t>4868955912.0</t>
  </si>
  <si>
    <t>2263786204.0</t>
  </si>
  <si>
    <t>7279443.0</t>
  </si>
  <si>
    <t>9202500.0</t>
  </si>
  <si>
    <t>2126368.0</t>
  </si>
  <si>
    <t>12355110382.0</t>
  </si>
  <si>
    <t>5296771728.0</t>
  </si>
  <si>
    <t>4869597029.0</t>
  </si>
  <si>
    <t>2266790144.0</t>
  </si>
  <si>
    <t>6286108.0</t>
  </si>
  <si>
    <t>8986558.0</t>
  </si>
  <si>
    <t>12363306099.0</t>
  </si>
  <si>
    <t>5297535148.0</t>
  </si>
  <si>
    <t>4870446787.0</t>
  </si>
  <si>
    <t>2272958757.0</t>
  </si>
  <si>
    <t>8283266.0</t>
  </si>
  <si>
    <t>8792384.0</t>
  </si>
  <si>
    <t>1691059.0</t>
  </si>
  <si>
    <t>12366814395.0</t>
  </si>
  <si>
    <t>5297788570.0</t>
  </si>
  <si>
    <t>4870818673.0</t>
  </si>
  <si>
    <t>2275426766.0</t>
  </si>
  <si>
    <t>8751800.0</t>
  </si>
  <si>
    <t>8672120.0</t>
  </si>
  <si>
    <t>1636644.0</t>
  </si>
  <si>
    <t>12383289990.0</t>
  </si>
  <si>
    <t>5299068803.0</t>
  </si>
  <si>
    <t>4872949400.0</t>
  </si>
  <si>
    <t>2282984308.0</t>
  </si>
  <si>
    <t>8800142.0</t>
  </si>
  <si>
    <t>8414122.0</t>
  </si>
  <si>
    <t>1630185.0</t>
  </si>
  <si>
    <t>12391012879.0</t>
  </si>
  <si>
    <t>5301470078.0</t>
  </si>
  <si>
    <t>4874090484.0</t>
  </si>
  <si>
    <t>2288479957.0</t>
  </si>
  <si>
    <t>9496960.0</t>
  </si>
  <si>
    <t>8289597.0</t>
  </si>
  <si>
    <t>1632012.0</t>
  </si>
  <si>
    <t>12396793996.0</t>
  </si>
  <si>
    <t>5301781715.0</t>
  </si>
  <si>
    <t>4874745046.0</t>
  </si>
  <si>
    <t>2293044561.0</t>
  </si>
  <si>
    <t>7956910.0</t>
  </si>
  <si>
    <t>8121426.0</t>
  </si>
  <si>
    <t>1618177.0</t>
  </si>
  <si>
    <t>12412240739.0</t>
  </si>
  <si>
    <t>5314142009.0</t>
  </si>
  <si>
    <t>4882941151.0</t>
  </si>
  <si>
    <t>2305829691.0</t>
  </si>
  <si>
    <t>6635019.0</t>
  </si>
  <si>
    <t>8030029.0</t>
  </si>
  <si>
    <t>1612690.0</t>
  </si>
  <si>
    <t>12418614370.0</t>
  </si>
  <si>
    <t>5315256970.0</t>
  </si>
  <si>
    <t>4884262382.0</t>
  </si>
  <si>
    <t>2312453175.0</t>
  </si>
  <si>
    <t>7880563.0</t>
  </si>
  <si>
    <t>8257807.0</t>
  </si>
  <si>
    <t>1604871.0</t>
  </si>
  <si>
    <t>12425900756.0</t>
  </si>
  <si>
    <t>5318584570.0</t>
  </si>
  <si>
    <t>4888481398.0</t>
  </si>
  <si>
    <t>2322167943.0</t>
  </si>
  <si>
    <t>7842074.0</t>
  </si>
  <si>
    <t>8194781.0</t>
  </si>
  <si>
    <t>155.81</t>
  </si>
  <si>
    <t>1574244.0</t>
  </si>
  <si>
    <t>12430315375.0</t>
  </si>
  <si>
    <t>5318891054.0</t>
  </si>
  <si>
    <t>4888971825.0</t>
  </si>
  <si>
    <t>2325469554.0</t>
  </si>
  <si>
    <t>6401831.0</t>
  </si>
  <si>
    <t>7859070.0</t>
  </si>
  <si>
    <t>1517746.0</t>
  </si>
  <si>
    <t>12434958394.0</t>
  </si>
  <si>
    <t>5319121277.0</t>
  </si>
  <si>
    <t>4889404867.0</t>
  </si>
  <si>
    <t>2329083349.0</t>
  </si>
  <si>
    <t>7296749.0</t>
  </si>
  <si>
    <t>7644298.0</t>
  </si>
  <si>
    <t>1473226.0</t>
  </si>
  <si>
    <t>12440153555.0</t>
  </si>
  <si>
    <t>5320115686.0</t>
  </si>
  <si>
    <t>4890320779.0</t>
  </si>
  <si>
    <t>2332399439.0</t>
  </si>
  <si>
    <t>7050238.0</t>
  </si>
  <si>
    <t>7292869.0</t>
  </si>
  <si>
    <t>1413858.0</t>
  </si>
  <si>
    <t>12443797749.0</t>
  </si>
  <si>
    <t>5320271036.0</t>
  </si>
  <si>
    <t>4890667836.0</t>
  </si>
  <si>
    <t>2335285803.0</t>
  </si>
  <si>
    <t>6473525.0</t>
  </si>
  <si>
    <t>7081238.0</t>
  </si>
  <si>
    <t>1366653.0</t>
  </si>
  <si>
    <t>12456355420.0</t>
  </si>
  <si>
    <t>5326250922.0</t>
  </si>
  <si>
    <t>4897935920.0</t>
  </si>
  <si>
    <t>2340285363.0</t>
  </si>
  <si>
    <t>6023839.0</t>
  </si>
  <si>
    <t>6994285.0</t>
  </si>
  <si>
    <t>1326865.0</t>
  </si>
  <si>
    <t>12462568173.0</t>
  </si>
  <si>
    <t>5328327126.0</t>
  </si>
  <si>
    <t>4900002418.0</t>
  </si>
  <si>
    <t>2343433661.0</t>
  </si>
  <si>
    <t>6509994.0</t>
  </si>
  <si>
    <t>6798850.0</t>
  </si>
  <si>
    <t>1290311.0</t>
  </si>
  <si>
    <t>12466702865.0</t>
  </si>
  <si>
    <t>5328650934.0</t>
  </si>
  <si>
    <t>4900581200.0</t>
  </si>
  <si>
    <t>2346407271.0</t>
  </si>
  <si>
    <t>5815007.0</t>
  </si>
  <si>
    <t>6509563.0</t>
  </si>
  <si>
    <t>1251060.0</t>
  </si>
  <si>
    <t>12474786540.0</t>
  </si>
  <si>
    <t>5329195154.0</t>
  </si>
  <si>
    <t>4901228335.0</t>
  </si>
  <si>
    <t>2352751555.0</t>
  </si>
  <si>
    <t>8057221.0</t>
  </si>
  <si>
    <t>6746348.0</t>
  </si>
  <si>
    <t>1245785.0</t>
  </si>
  <si>
    <t>12489366822.0</t>
  </si>
  <si>
    <t>5330788698.0</t>
  </si>
  <si>
    <t>4903240461.0</t>
  </si>
  <si>
    <t>2359090175.0</t>
  </si>
  <si>
    <t>8761243.0</t>
  </si>
  <si>
    <t>6955856.0</t>
  </si>
  <si>
    <t>1234135.0</t>
  </si>
  <si>
    <t>12496250718.0</t>
  </si>
  <si>
    <t>5331754010.0</t>
  </si>
  <si>
    <t>4904113378.0</t>
  </si>
  <si>
    <t>2364351745.0</t>
  </si>
  <si>
    <t>7781803.0</t>
  </si>
  <si>
    <t>7060381.0</t>
  </si>
  <si>
    <t>1212611.0</t>
  </si>
  <si>
    <t>12499586458.0</t>
  </si>
  <si>
    <t>5331949958.0</t>
  </si>
  <si>
    <t>4904455121.0</t>
  </si>
  <si>
    <t>2366891815.0</t>
  </si>
  <si>
    <t>5751430.0</t>
  </si>
  <si>
    <t>6957225.0</t>
  </si>
  <si>
    <t>1205963.0</t>
  </si>
  <si>
    <t>12522821717.0</t>
  </si>
  <si>
    <t>5337770309.0</t>
  </si>
  <si>
    <t>4909621488.0</t>
  </si>
  <si>
    <t>2383450210.0</t>
  </si>
  <si>
    <t>6264975.0</t>
  </si>
  <si>
    <t>6991673.0</t>
  </si>
  <si>
    <t>1198562.0</t>
  </si>
  <si>
    <t>12528937161.0</t>
  </si>
  <si>
    <t>5338366748.0</t>
  </si>
  <si>
    <t>4910660568.0</t>
  </si>
  <si>
    <t>2387723857.0</t>
  </si>
  <si>
    <t>7497295.0</t>
  </si>
  <si>
    <t>7131632.0</t>
  </si>
  <si>
    <t>1221127.0</t>
  </si>
  <si>
    <t>12534020670.0</t>
  </si>
  <si>
    <t>5338732362.0</t>
  </si>
  <si>
    <t>4911154331.0</t>
  </si>
  <si>
    <t>2391574114.0</t>
  </si>
  <si>
    <t>7538961.0</t>
  </si>
  <si>
    <t>7378090.0</t>
  </si>
  <si>
    <t>1274766.0</t>
  </si>
  <si>
    <t>12539428849.0</t>
  </si>
  <si>
    <t>5339180854.0</t>
  </si>
  <si>
    <t>4911662146.0</t>
  </si>
  <si>
    <t>2395493336.0</t>
  </si>
  <si>
    <t>7169949.0</t>
  </si>
  <si>
    <t>7251521.0</t>
  </si>
  <si>
    <t>1306306.0</t>
  </si>
  <si>
    <t>12543955685.0</t>
  </si>
  <si>
    <t>5339575593.0</t>
  </si>
  <si>
    <t>4912194692.0</t>
  </si>
  <si>
    <t>2398872171.0</t>
  </si>
  <si>
    <t>6832919.0</t>
  </si>
  <si>
    <t>6976220.0</t>
  </si>
  <si>
    <t>1340212.0</t>
  </si>
  <si>
    <t>12550414518.0</t>
  </si>
  <si>
    <t>5340977875.0</t>
  </si>
  <si>
    <t>4912988443.0</t>
  </si>
  <si>
    <t>2403685010.0</t>
  </si>
  <si>
    <t>7623261.0</t>
  </si>
  <si>
    <t>6953756.0</t>
  </si>
  <si>
    <t>1362725.0</t>
  </si>
  <si>
    <t>12554639163.0</t>
  </si>
  <si>
    <t>5341173731.0</t>
  </si>
  <si>
    <t>4913406099.0</t>
  </si>
  <si>
    <t>2407067439.0</t>
  </si>
  <si>
    <t>6428902.0</t>
  </si>
  <si>
    <t>7050662.0</t>
  </si>
  <si>
    <t>1367637.0</t>
  </si>
  <si>
    <t>12565940507.0</t>
  </si>
  <si>
    <t>5344395032.0</t>
  </si>
  <si>
    <t>4916199006.0</t>
  </si>
  <si>
    <t>2413180706.0</t>
  </si>
  <si>
    <t>5673914.0</t>
  </si>
  <si>
    <t>6966415.0</t>
  </si>
  <si>
    <t>1370066.0</t>
  </si>
  <si>
    <t>12573326420.0</t>
  </si>
  <si>
    <t>5345376866.0</t>
  </si>
  <si>
    <t>4917616897.0</t>
  </si>
  <si>
    <t>2417851643.0</t>
  </si>
  <si>
    <t>7435318.0</t>
  </si>
  <si>
    <t>6956427.0</t>
  </si>
  <si>
    <t>1358661.0</t>
  </si>
  <si>
    <t>12579523986.0</t>
  </si>
  <si>
    <t>5346364668.0</t>
  </si>
  <si>
    <t>4918372232.0</t>
  </si>
  <si>
    <t>2422053388.0</t>
  </si>
  <si>
    <t>7088683.0</t>
  </si>
  <si>
    <t>6892280.0</t>
  </si>
  <si>
    <t>1368061.0</t>
  </si>
  <si>
    <t>12584424993.0</t>
  </si>
  <si>
    <t>5346786960.0</t>
  </si>
  <si>
    <t>4919461441.0</t>
  </si>
  <si>
    <t>2425270262.0</t>
  </si>
  <si>
    <t>6520402.0</t>
  </si>
  <si>
    <t>6799699.0</t>
  </si>
  <si>
    <t>1335014.0</t>
  </si>
  <si>
    <t>12592078469.0</t>
  </si>
  <si>
    <t>5347463646.0</t>
  </si>
  <si>
    <t>4920608687.0</t>
  </si>
  <si>
    <t>2427842856.0</t>
  </si>
  <si>
    <t>5033870.0</t>
  </si>
  <si>
    <t>6542870.0</t>
  </si>
  <si>
    <t>1289095.0</t>
  </si>
  <si>
    <t>12596547559.0</t>
  </si>
  <si>
    <t>5348321032.0</t>
  </si>
  <si>
    <t>4921279752.0</t>
  </si>
  <si>
    <t>2431102732.0</t>
  </si>
  <si>
    <t>5831275.0</t>
  </si>
  <si>
    <t>6287074.0</t>
  </si>
  <si>
    <t>1264681.0</t>
  </si>
  <si>
    <t>12600530376.0</t>
  </si>
  <si>
    <t>5348484648.0</t>
  </si>
  <si>
    <t>4921639476.0</t>
  </si>
  <si>
    <t>2434282218.0</t>
  </si>
  <si>
    <t>5724200.0</t>
  </si>
  <si>
    <t>6184902.0</t>
  </si>
  <si>
    <t>12620696418.0</t>
  </si>
  <si>
    <t>5356289162.0</t>
  </si>
  <si>
    <t>4928251704.0</t>
  </si>
  <si>
    <t>2441379156.0</t>
  </si>
  <si>
    <t>4656157.0</t>
  </si>
  <si>
    <t>6039987.0</t>
  </si>
  <si>
    <t>158.25</t>
  </si>
  <si>
    <t>1222068.0</t>
  </si>
  <si>
    <t>12624562673.0</t>
  </si>
  <si>
    <t>5356405125.0</t>
  </si>
  <si>
    <t>4928580501.0</t>
  </si>
  <si>
    <t>2444621181.0</t>
  </si>
  <si>
    <t>5649829.0</t>
  </si>
  <si>
    <t>5744189.0</t>
  </si>
  <si>
    <t>1164363.0</t>
  </si>
  <si>
    <t>12627781204.0</t>
  </si>
  <si>
    <t>5356565301.0</t>
  </si>
  <si>
    <t>4928865423.0</t>
  </si>
  <si>
    <t>2447106694.0</t>
  </si>
  <si>
    <t>5003046.0</t>
  </si>
  <si>
    <t>5453758.0</t>
  </si>
  <si>
    <t>1073316.0</t>
  </si>
  <si>
    <t>12631855334.0</t>
  </si>
  <si>
    <t>5358160921.0</t>
  </si>
  <si>
    <t>4931604023.0</t>
  </si>
  <si>
    <t>2453646359.0</t>
  </si>
  <si>
    <t>5277666.0</t>
  </si>
  <si>
    <t>5283867.0</t>
  </si>
  <si>
    <t>1037617.0</t>
  </si>
  <si>
    <t>12638787592.0</t>
  </si>
  <si>
    <t>5358650920.0</t>
  </si>
  <si>
    <t>4932380567.0</t>
  </si>
  <si>
    <t>2458099218.0</t>
  </si>
  <si>
    <t>6817123.0</t>
  </si>
  <si>
    <t>5545555.0</t>
  </si>
  <si>
    <t>1004718.0</t>
  </si>
  <si>
    <t>12644670589.0</t>
  </si>
  <si>
    <t>5359231580.0</t>
  </si>
  <si>
    <t>4933002878.0</t>
  </si>
  <si>
    <t>2461934411.0</t>
  </si>
  <si>
    <t>6321931.0</t>
  </si>
  <si>
    <t>5622431.0</t>
  </si>
  <si>
    <t>969714.0</t>
  </si>
  <si>
    <t>12648027146.0</t>
  </si>
  <si>
    <t>5359375774.0</t>
  </si>
  <si>
    <t>4933281769.0</t>
  </si>
  <si>
    <t>2464558171.0</t>
  </si>
  <si>
    <t>4984096.0</t>
  </si>
  <si>
    <t>5524027.0</t>
  </si>
  <si>
    <t>935744.0</t>
  </si>
  <si>
    <t>12652934775.0</t>
  </si>
  <si>
    <t>5360447582.0</t>
  </si>
  <si>
    <t>4934571405.0</t>
  </si>
  <si>
    <t>2467399086.0</t>
  </si>
  <si>
    <t>4281525.0</t>
  </si>
  <si>
    <t>5476459.0</t>
  </si>
  <si>
    <t>903812.0</t>
  </si>
  <si>
    <t>12657753793.0</t>
  </si>
  <si>
    <t>5360967178.0</t>
  </si>
  <si>
    <t>4935258411.0</t>
  </si>
  <si>
    <t>2470667062.0</t>
  </si>
  <si>
    <t>5829964.0</t>
  </si>
  <si>
    <t>5502192.0</t>
  </si>
  <si>
    <t>908029.0</t>
  </si>
  <si>
    <t>12664613319.0</t>
  </si>
  <si>
    <t>5361979891.0</t>
  </si>
  <si>
    <t>4936577857.0</t>
  </si>
  <si>
    <t>2474503814.0</t>
  </si>
  <si>
    <t>5944378.0</t>
  </si>
  <si>
    <t>5636666.0</t>
  </si>
  <si>
    <t>924973.0</t>
  </si>
  <si>
    <t>12669120190.0</t>
  </si>
  <si>
    <t>5362315475.0</t>
  </si>
  <si>
    <t>4936964241.0</t>
  </si>
  <si>
    <t>2477885312.0</t>
  </si>
  <si>
    <t>5683923.0</t>
  </si>
  <si>
    <t>5694707.0</t>
  </si>
  <si>
    <t>935217.0</t>
  </si>
  <si>
    <t>12675447541.0</t>
  </si>
  <si>
    <t>5362920165.0</t>
  </si>
  <si>
    <t>4937784639.0</t>
  </si>
  <si>
    <t>2481686157.0</t>
  </si>
  <si>
    <t>6529375.0</t>
  </si>
  <si>
    <t>5653599.0</t>
  </si>
  <si>
    <t>946380.0</t>
  </si>
  <si>
    <t>12680007411.0</t>
  </si>
  <si>
    <t>5363848792.0</t>
  </si>
  <si>
    <t>4938247428.0</t>
  </si>
  <si>
    <t>2484516928.0</t>
  </si>
  <si>
    <t>5573976.0</t>
  </si>
  <si>
    <t>5546746.0</t>
  </si>
  <si>
    <t>950429.0</t>
  </si>
  <si>
    <t>12684260966.0</t>
  </si>
  <si>
    <t>5364117519.0</t>
  </si>
  <si>
    <t>4938599453.0</t>
  </si>
  <si>
    <t>2487694080.0</t>
  </si>
  <si>
    <t>6312304.0</t>
  </si>
  <si>
    <t>5736313.0</t>
  </si>
  <si>
    <t>964502.0</t>
  </si>
  <si>
    <t>12695195457.0</t>
  </si>
  <si>
    <t>5369593231.0</t>
  </si>
  <si>
    <t>4943773077.0</t>
  </si>
  <si>
    <t>2490859105.0</t>
  </si>
  <si>
    <t>4627616.0</t>
  </si>
  <si>
    <t>5785789.0</t>
  </si>
  <si>
    <t>974690.0</t>
  </si>
  <si>
    <t>12698465565.0</t>
  </si>
  <si>
    <t>5370040839.0</t>
  </si>
  <si>
    <t>4944238813.0</t>
  </si>
  <si>
    <t>2492572437.0</t>
  </si>
  <si>
    <t>5210771.0</t>
  </si>
  <si>
    <t>5697358.0</t>
  </si>
  <si>
    <t>1011143.0</t>
  </si>
  <si>
    <t>12702173456.0</t>
  </si>
  <si>
    <t>5370332521.0</t>
  </si>
  <si>
    <t>4944591623.0</t>
  </si>
  <si>
    <t>2494951463.0</t>
  </si>
  <si>
    <t>5922506.0</t>
  </si>
  <si>
    <t>5694262.0</t>
  </si>
  <si>
    <t>1031080.0</t>
  </si>
  <si>
    <t>12705492893.0</t>
  </si>
  <si>
    <t>5370595207.0</t>
  </si>
  <si>
    <t>4944884438.0</t>
  </si>
  <si>
    <t>2496973421.0</t>
  </si>
  <si>
    <t>5740093.0</t>
  </si>
  <si>
    <t>5702320.0</t>
  </si>
  <si>
    <t>1057682.0</t>
  </si>
  <si>
    <t>12710544877.0</t>
  </si>
  <si>
    <t>5371048780.0</t>
  </si>
  <si>
    <t>4945517862.0</t>
  </si>
  <si>
    <t>2499794278.0</t>
  </si>
  <si>
    <t>6199388.0</t>
  </si>
  <si>
    <t>5655164.0</t>
  </si>
  <si>
    <t>1074689.0</t>
  </si>
  <si>
    <t>12714339683.0</t>
  </si>
  <si>
    <t>5371308558.0</t>
  </si>
  <si>
    <t>4945911146.0</t>
  </si>
  <si>
    <t>2501938040.0</t>
  </si>
  <si>
    <t>6024980.0</t>
  </si>
  <si>
    <t>5719632.0</t>
  </si>
  <si>
    <t>1107261.0</t>
  </si>
  <si>
    <t>12717460809.0</t>
  </si>
  <si>
    <t>5371485421.0</t>
  </si>
  <si>
    <t>4946187461.0</t>
  </si>
  <si>
    <t>2504158224.0</t>
  </si>
  <si>
    <t>5491550.0</t>
  </si>
  <si>
    <t>5602384.0</t>
  </si>
  <si>
    <t>1133890.0</t>
  </si>
  <si>
    <t>12726578091.0</t>
  </si>
  <si>
    <t>5376430043.0</t>
  </si>
  <si>
    <t>4950947974.0</t>
  </si>
  <si>
    <t>2508150228.0</t>
  </si>
  <si>
    <t>4948029.0</t>
  </si>
  <si>
    <t>5648165.0</t>
  </si>
  <si>
    <t>1164745.0</t>
  </si>
  <si>
    <t>12731518779.0</t>
  </si>
  <si>
    <t>5377390611.0</t>
  </si>
  <si>
    <t>4951459902.0</t>
  </si>
  <si>
    <t>2510753568.0</t>
  </si>
  <si>
    <t>6694680.0</t>
  </si>
  <si>
    <t>5859900.0</t>
  </si>
  <si>
    <t>1242751.0</t>
  </si>
  <si>
    <t>12734776885.0</t>
  </si>
  <si>
    <t>5377685693.0</t>
  </si>
  <si>
    <t>4951834226.0</t>
  </si>
  <si>
    <t>2512751616.0</t>
  </si>
  <si>
    <t>6729936.0</t>
  </si>
  <si>
    <t>5975306.0</t>
  </si>
  <si>
    <t>159.68</t>
  </si>
  <si>
    <t>1254430.0</t>
  </si>
  <si>
    <t>12739164126.0</t>
  </si>
  <si>
    <t>5378098830.0</t>
  </si>
  <si>
    <t>4953261150.0</t>
  </si>
  <si>
    <t>2516686016.0</t>
  </si>
  <si>
    <t>7033834.0</t>
  </si>
  <si>
    <t>6160178.0</t>
  </si>
  <si>
    <t>159.74</t>
  </si>
  <si>
    <t>1270663.0</t>
  </si>
  <si>
    <t>12744967759.0</t>
  </si>
  <si>
    <t>5378622934.0</t>
  </si>
  <si>
    <t>4953806761.0</t>
  </si>
  <si>
    <t>2520474535.0</t>
  </si>
  <si>
    <t>7844197.0</t>
  </si>
  <si>
    <t>6395190.0</t>
  </si>
  <si>
    <t>1296337.0</t>
  </si>
  <si>
    <t>12750801684.0</t>
  </si>
  <si>
    <t>5379020840.0</t>
  </si>
  <si>
    <t>4954268509.0</t>
  </si>
  <si>
    <t>2524553156.0</t>
  </si>
  <si>
    <t>8871050.0</t>
  </si>
  <si>
    <t>6801817.0</t>
  </si>
  <si>
    <t>1326737.0</t>
  </si>
  <si>
    <t>12758395053.0</t>
  </si>
  <si>
    <t>5379504988.0</t>
  </si>
  <si>
    <t>4955284857.0</t>
  </si>
  <si>
    <t>2530317854.0</t>
  </si>
  <si>
    <t>5935181.0</t>
  </si>
  <si>
    <t>6849026.0</t>
  </si>
  <si>
    <t>1339210.0</t>
  </si>
  <si>
    <t>12763695085.0</t>
  </si>
  <si>
    <t>5381374401.0</t>
  </si>
  <si>
    <t>4957860876.0</t>
  </si>
  <si>
    <t>2532468663.0</t>
  </si>
  <si>
    <t>5626594.0</t>
  </si>
  <si>
    <t>6947469.0</t>
  </si>
  <si>
    <t>1359911.0</t>
  </si>
  <si>
    <t>12765414575.0</t>
  </si>
  <si>
    <t>5381646342.0</t>
  </si>
  <si>
    <t>4957989248.0</t>
  </si>
  <si>
    <t>2533109945.0</t>
  </si>
  <si>
    <t>6069555.0</t>
  </si>
  <si>
    <t>6857204.0</t>
  </si>
  <si>
    <t>1297917.0</t>
  </si>
  <si>
    <t>12768075517.0</t>
  </si>
  <si>
    <t>5381839551.0</t>
  </si>
  <si>
    <t>4958432803.0</t>
  </si>
  <si>
    <t>2534430686.0</t>
  </si>
  <si>
    <t>6670429.0</t>
  </si>
  <si>
    <t>6851612.0</t>
  </si>
  <si>
    <t>12777804194.0</t>
  </si>
  <si>
    <t>5382435654.0</t>
  </si>
  <si>
    <t>4959681525.0</t>
  </si>
  <si>
    <t>2541595465.0</t>
  </si>
  <si>
    <t>6475348.0</t>
  </si>
  <si>
    <t>6774763.0</t>
  </si>
  <si>
    <t>1298433.0</t>
  </si>
  <si>
    <t>12780641988.0</t>
  </si>
  <si>
    <t>5382681943.0</t>
  </si>
  <si>
    <t>4959937939.0</t>
  </si>
  <si>
    <t>2543054981.0</t>
  </si>
  <si>
    <t>4864868.0</t>
  </si>
  <si>
    <t>6352673.0</t>
  </si>
  <si>
    <t>1310191.0</t>
  </si>
  <si>
    <t>12798076287.0</t>
  </si>
  <si>
    <t>5383191517.0</t>
  </si>
  <si>
    <t>4962294523.0</t>
  </si>
  <si>
    <t>2544851730.0</t>
  </si>
  <si>
    <t>5204151.0</t>
  </si>
  <si>
    <t>5834203.0</t>
  </si>
  <si>
    <t>1309398.0</t>
  </si>
  <si>
    <t>12799950384.0</t>
  </si>
  <si>
    <t>5383282781.0</t>
  </si>
  <si>
    <t>4962422507.0</t>
  </si>
  <si>
    <t>2546048242.0</t>
  </si>
  <si>
    <t>4092649.0</t>
  </si>
  <si>
    <t>5569321.0</t>
  </si>
  <si>
    <t>12816207063.0</t>
  </si>
  <si>
    <t>5392748231.0</t>
  </si>
  <si>
    <t>4972328742.0</t>
  </si>
  <si>
    <t>2548795322.0</t>
  </si>
  <si>
    <t>3317453.0</t>
  </si>
  <si>
    <t>5239961.0</t>
  </si>
  <si>
    <t>1353394.0</t>
  </si>
  <si>
    <t>12818348131.0</t>
  </si>
  <si>
    <t>5392896690.0</t>
  </si>
  <si>
    <t>4972542116.0</t>
  </si>
  <si>
    <t>2549784678.0</t>
  </si>
  <si>
    <t>3514622.0</t>
  </si>
  <si>
    <t>4874364.0</t>
  </si>
  <si>
    <t>1441247.0</t>
  </si>
  <si>
    <t>12821839477.0</t>
  </si>
  <si>
    <t>5394042790.0</t>
  </si>
  <si>
    <t>4973711540.0</t>
  </si>
  <si>
    <t>2551177138.0</t>
  </si>
  <si>
    <t>4119762.0</t>
  </si>
  <si>
    <t>4510631.0</t>
  </si>
  <si>
    <t>1534524.0</t>
  </si>
  <si>
    <t>12824566680.0</t>
  </si>
  <si>
    <t>5394214922.0</t>
  </si>
  <si>
    <t>4974255463.0</t>
  </si>
  <si>
    <t>2553373479.0</t>
  </si>
  <si>
    <t>4637276.0</t>
  </si>
  <si>
    <t>4248687.0</t>
  </si>
  <si>
    <t>1627988.0</t>
  </si>
  <si>
    <t>12827606852.0</t>
  </si>
  <si>
    <t>5394538314.0</t>
  </si>
  <si>
    <t>4974472652.0</t>
  </si>
  <si>
    <t>2554924476.0</t>
  </si>
  <si>
    <t>4553611.0</t>
  </si>
  <si>
    <t>4204761.0</t>
  </si>
  <si>
    <t>160.85</t>
  </si>
  <si>
    <t>1710872.0</t>
  </si>
  <si>
    <t>12832364769.0</t>
  </si>
  <si>
    <t>5394787368.0</t>
  </si>
  <si>
    <t>4975630346.0</t>
  </si>
  <si>
    <t>2556825155.0</t>
  </si>
  <si>
    <t>4609436.0</t>
  </si>
  <si>
    <t>4119446.0</t>
  </si>
  <si>
    <t>160.91</t>
  </si>
  <si>
    <t>1797188.0</t>
  </si>
  <si>
    <t>12834215193.0</t>
  </si>
  <si>
    <t>5394871285.0</t>
  </si>
  <si>
    <t>4975759055.0</t>
  </si>
  <si>
    <t>2558012735.0</t>
  </si>
  <si>
    <t>4195349.0</t>
  </si>
  <si>
    <t>4134397.0</t>
  </si>
  <si>
    <t>1876571.0</t>
  </si>
  <si>
    <t>12843968512.0</t>
  </si>
  <si>
    <t>5405693244.0</t>
  </si>
  <si>
    <t>4979521503.0</t>
  </si>
  <si>
    <t>2561177806.0</t>
  </si>
  <si>
    <t>3354883.0</t>
  </si>
  <si>
    <t>4140019.0</t>
  </si>
  <si>
    <t>1956484.0</t>
  </si>
  <si>
    <t>12847583278.0</t>
  </si>
  <si>
    <t>5406159739.0</t>
  </si>
  <si>
    <t>4980470822.0</t>
  </si>
  <si>
    <t>2562350105.0</t>
  </si>
  <si>
    <t>4197475.0</t>
  </si>
  <si>
    <t>4237745.0</t>
  </si>
  <si>
    <t>12850761627.0</t>
  </si>
  <si>
    <t>5406292086.0</t>
  </si>
  <si>
    <t>4981282212.0</t>
  </si>
  <si>
    <t>2563723663.0</t>
  </si>
  <si>
    <t>4321264.0</t>
  </si>
  <si>
    <t>4266543.0</t>
  </si>
  <si>
    <t>1791935.0</t>
  </si>
  <si>
    <t>12853067629.0</t>
  </si>
  <si>
    <t>5406432339.0</t>
  </si>
  <si>
    <t>4981443570.0</t>
  </si>
  <si>
    <t>2564934489.0</t>
  </si>
  <si>
    <t>4330209.0</t>
  </si>
  <si>
    <t>4222726.0</t>
  </si>
  <si>
    <t>1703217.0</t>
  </si>
  <si>
    <t>12857535431.0</t>
  </si>
  <si>
    <t>5407555107.0</t>
  </si>
  <si>
    <t>4982623804.0</t>
  </si>
  <si>
    <t>2566738177.0</t>
  </si>
  <si>
    <t>4542740.0</t>
  </si>
  <si>
    <t>4221393.0</t>
  </si>
  <si>
    <t>1618091.0</t>
  </si>
  <si>
    <t>12860828914.0</t>
  </si>
  <si>
    <t>5407799868.0</t>
  </si>
  <si>
    <t>4982949046.0</t>
  </si>
  <si>
    <t>2568443687.0</t>
  </si>
  <si>
    <t>4566054.0</t>
  </si>
  <si>
    <t>4215256.0</t>
  </si>
  <si>
    <t>161.26</t>
  </si>
  <si>
    <t>1510554.0</t>
  </si>
  <si>
    <t>12864022330.0</t>
  </si>
  <si>
    <t>5409102258.0</t>
  </si>
  <si>
    <t>4983146151.0</t>
  </si>
  <si>
    <t>2569716113.0</t>
  </si>
  <si>
    <t>4310806.0</t>
  </si>
  <si>
    <t>4231788.0</t>
  </si>
  <si>
    <t>1400604.0</t>
  </si>
  <si>
    <t>12870662606.0</t>
  </si>
  <si>
    <t>5411446401.0</t>
  </si>
  <si>
    <t>4985603492.0</t>
  </si>
  <si>
    <t>2571014416.0</t>
  </si>
  <si>
    <t>3276279.0</t>
  </si>
  <si>
    <t>4220611.0</t>
  </si>
  <si>
    <t>1264043.0</t>
  </si>
  <si>
    <t>12872943033.0</t>
  </si>
  <si>
    <t>5411669883.0</t>
  </si>
  <si>
    <t>4985815306.0</t>
  </si>
  <si>
    <t>2572145513.0</t>
  </si>
  <si>
    <t>4239143.0</t>
  </si>
  <si>
    <t>4226614.0</t>
  </si>
  <si>
    <t>1246608.0</t>
  </si>
  <si>
    <t>12875132500.0</t>
  </si>
  <si>
    <t>5411772651.0</t>
  </si>
  <si>
    <t>4986246223.0</t>
  </si>
  <si>
    <t>2572941405.0</t>
  </si>
  <si>
    <t>4513919.0</t>
  </si>
  <si>
    <t>4254158.0</t>
  </si>
  <si>
    <t>1237232.0</t>
  </si>
  <si>
    <t>12877224371.0</t>
  </si>
  <si>
    <t>5411957484.0</t>
  </si>
  <si>
    <t>4986362685.0</t>
  </si>
  <si>
    <t>2573935339.0</t>
  </si>
  <si>
    <t>4714158.0</t>
  </si>
  <si>
    <t>1229080.0</t>
  </si>
  <si>
    <t>12880769126.0</t>
  </si>
  <si>
    <t>5412211978.0</t>
  </si>
  <si>
    <t>4986669567.0</t>
  </si>
  <si>
    <t>2575714707.0</t>
  </si>
  <si>
    <t>5158214.0</t>
  </si>
  <si>
    <t>4395576.0</t>
  </si>
  <si>
    <t>1257835.0</t>
  </si>
  <si>
    <t>12888333029.0</t>
  </si>
  <si>
    <t>5412447867.0</t>
  </si>
  <si>
    <t>4986917755.0</t>
  </si>
  <si>
    <t>2577615600.0</t>
  </si>
  <si>
    <t>5121231.0</t>
  </si>
  <si>
    <t>4475196.0</t>
  </si>
  <si>
    <t>1297332.0</t>
  </si>
  <si>
    <t>12890887265.0</t>
  </si>
  <si>
    <t>5413352137.0</t>
  </si>
  <si>
    <t>4987064824.0</t>
  </si>
  <si>
    <t>2578698291.0</t>
  </si>
  <si>
    <t>3735047.0</t>
  </si>
  <si>
    <t>4393251.0</t>
  </si>
  <si>
    <t>1337858.0</t>
  </si>
  <si>
    <t>12904216661.0</t>
  </si>
  <si>
    <t>5422106627.0</t>
  </si>
  <si>
    <t>4996148018.0</t>
  </si>
  <si>
    <t>2580721455.0</t>
  </si>
  <si>
    <t>3601776.0</t>
  </si>
  <si>
    <t>4439878.0</t>
  </si>
  <si>
    <t>1489107.0</t>
  </si>
  <si>
    <t>12908304974.0</t>
  </si>
  <si>
    <t>5424031040.0</t>
  </si>
  <si>
    <t>4996320757.0</t>
  </si>
  <si>
    <t>2582033650.0</t>
  </si>
  <si>
    <t>3940158.0</t>
  </si>
  <si>
    <t>4389111.0</t>
  </si>
  <si>
    <t>1572606.0</t>
  </si>
  <si>
    <t>12911030876.0</t>
  </si>
  <si>
    <t>5425190470.0</t>
  </si>
  <si>
    <t>4996485623.0</t>
  </si>
  <si>
    <t>2582825588.0</t>
  </si>
  <si>
    <t>4117099.0</t>
  </si>
  <si>
    <t>4324552.0</t>
  </si>
  <si>
    <t>1675547.0</t>
  </si>
  <si>
    <t>12912900435.0</t>
  </si>
  <si>
    <t>5425325423.0</t>
  </si>
  <si>
    <t>4996609902.0</t>
  </si>
  <si>
    <t>2583819455.0</t>
  </si>
  <si>
    <t>3962350.0</t>
  </si>
  <si>
    <t>4220136.0</t>
  </si>
  <si>
    <t>1702283.0</t>
  </si>
  <si>
    <t>12915720709.0</t>
  </si>
  <si>
    <t>5425574849.0</t>
  </si>
  <si>
    <t>4996911815.0</t>
  </si>
  <si>
    <t>2585127169.0</t>
  </si>
  <si>
    <t>3909283.0</t>
  </si>
  <si>
    <t>4044690.0</t>
  </si>
  <si>
    <t>1691075.0</t>
  </si>
  <si>
    <t>12918327629.0</t>
  </si>
  <si>
    <t>5426794464.0</t>
  </si>
  <si>
    <t>4997583769.0</t>
  </si>
  <si>
    <t>2587926575.0</t>
  </si>
  <si>
    <t>4271860.0</t>
  </si>
  <si>
    <t>3926342.0</t>
  </si>
  <si>
    <t>1678945.0</t>
  </si>
  <si>
    <t>12921708478.0</t>
  </si>
  <si>
    <t>5428555628.0</t>
  </si>
  <si>
    <t>4997724446.0</t>
  </si>
  <si>
    <t>2589013837.0</t>
  </si>
  <si>
    <t>3615276.0</t>
  </si>
  <si>
    <t>3912211.0</t>
  </si>
  <si>
    <t>1669694.0</t>
  </si>
  <si>
    <t>12926000422.0</t>
  </si>
  <si>
    <t>5431890614.0</t>
  </si>
  <si>
    <t>4999721279.0</t>
  </si>
  <si>
    <t>2590056228.0</t>
  </si>
  <si>
    <t>2659017.0</t>
  </si>
  <si>
    <t>3780510.0</t>
  </si>
  <si>
    <t>1545480.0</t>
  </si>
  <si>
    <t>12927687913.0</t>
  </si>
  <si>
    <t>5432003317.0</t>
  </si>
  <si>
    <t>4999801830.0</t>
  </si>
  <si>
    <t>2591329396.0</t>
  </si>
  <si>
    <t>3172487.0</t>
  </si>
  <si>
    <t>3672477.0</t>
  </si>
  <si>
    <t>1427388.0</t>
  </si>
  <si>
    <t>12931116672.0</t>
  </si>
  <si>
    <t>5432764460.0</t>
  </si>
  <si>
    <t>5000277714.0</t>
  </si>
  <si>
    <t>2592960151.0</t>
  </si>
  <si>
    <t>3364483.0</t>
  </si>
  <si>
    <t>3564899.0</t>
  </si>
  <si>
    <t>1290522.0</t>
  </si>
  <si>
    <t>12934092502.0</t>
  </si>
  <si>
    <t>5433761686.0</t>
  </si>
  <si>
    <t>5000429733.0</t>
  </si>
  <si>
    <t>2594325961.0</t>
  </si>
  <si>
    <t>4250561.0</t>
  </si>
  <si>
    <t>3606090.0</t>
  </si>
  <si>
    <t>1331929.0</t>
  </si>
  <si>
    <t>12936635081.0</t>
  </si>
  <si>
    <t>5433912432.0</t>
  </si>
  <si>
    <t>5000617922.0</t>
  </si>
  <si>
    <t>2595818359.0</t>
  </si>
  <si>
    <t>3738823.0</t>
  </si>
  <si>
    <t>3581738.0</t>
  </si>
  <si>
    <t>1281199.0</t>
  </si>
  <si>
    <t>12939923701.0</t>
  </si>
  <si>
    <t>5434248863.0</t>
  </si>
  <si>
    <t>5001186873.0</t>
  </si>
  <si>
    <t>2597226729.0</t>
  </si>
  <si>
    <t>3839773.0</t>
  </si>
  <si>
    <t>3520033.0</t>
  </si>
  <si>
    <t>1238009.0</t>
  </si>
  <si>
    <t>12941705816.0</t>
  </si>
  <si>
    <t>5434312453.0</t>
  </si>
  <si>
    <t>5001253042.0</t>
  </si>
  <si>
    <t>2598511837.0</t>
  </si>
  <si>
    <t>3345585.0</t>
  </si>
  <si>
    <t>3481505.0</t>
  </si>
  <si>
    <t>1194663.0</t>
  </si>
  <si>
    <t>12951360157.0</t>
  </si>
  <si>
    <t>5444331918.0</t>
  </si>
  <si>
    <t>5007919480.0</t>
  </si>
  <si>
    <t>2601215864.0</t>
  </si>
  <si>
    <t>2598111.0</t>
  </si>
  <si>
    <t>3472813.0</t>
  </si>
  <si>
    <t>1183294.0</t>
  </si>
  <si>
    <t>12953102173.0</t>
  </si>
  <si>
    <t>5444461344.0</t>
  </si>
  <si>
    <t>5008010814.0</t>
  </si>
  <si>
    <t>2602219809.0</t>
  </si>
  <si>
    <t>3364332.0</t>
  </si>
  <si>
    <t>3497475.0</t>
  </si>
  <si>
    <t>1116180.0</t>
  </si>
  <si>
    <t>12955451017.0</t>
  </si>
  <si>
    <t>5444741171.0</t>
  </si>
  <si>
    <t>5008252655.0</t>
  </si>
  <si>
    <t>2603484167.0</t>
  </si>
  <si>
    <t>4019568.0</t>
  </si>
  <si>
    <t>3591654.0</t>
  </si>
  <si>
    <t>1178154.0</t>
  </si>
  <si>
    <t>12957810515.0</t>
  </si>
  <si>
    <t>5445139587.0</t>
  </si>
  <si>
    <t>5008698694.0</t>
  </si>
  <si>
    <t>2604672114.0</t>
  </si>
  <si>
    <t>3924709.0</t>
  </si>
  <si>
    <t>3546012.0</t>
  </si>
  <si>
    <t>1125708.0</t>
  </si>
  <si>
    <t>12961073383.0</t>
  </si>
  <si>
    <t>5445436987.0</t>
  </si>
  <si>
    <t>5009086403.0</t>
  </si>
  <si>
    <t>2606324843.0</t>
  </si>
  <si>
    <t>3768482.0</t>
  </si>
  <si>
    <t>3550956.0</t>
  </si>
  <si>
    <t>1144199.0</t>
  </si>
  <si>
    <t>12965253133.0</t>
  </si>
  <si>
    <t>5447494487.0</t>
  </si>
  <si>
    <t>5010001158.0</t>
  </si>
  <si>
    <t>2609185740.0</t>
  </si>
  <si>
    <t>4130113.0</t>
  </si>
  <si>
    <t>3592846.0</t>
  </si>
  <si>
    <t>1157632.0</t>
  </si>
  <si>
    <t>12970474108.0</t>
  </si>
  <si>
    <t>5450511575.0</t>
  </si>
  <si>
    <t>5010388145.0</t>
  </si>
  <si>
    <t>2610625010.0</t>
  </si>
  <si>
    <t>3709900.0</t>
  </si>
  <si>
    <t>3644928.0</t>
  </si>
  <si>
    <t>1182955.0</t>
  </si>
  <si>
    <t>12975238729.0</t>
  </si>
  <si>
    <t>5453415822.0</t>
  </si>
  <si>
    <t>5014466114.0</t>
  </si>
  <si>
    <t>2613106128.0</t>
  </si>
  <si>
    <t>3354752.0</t>
  </si>
  <si>
    <t>3753051.0</t>
  </si>
  <si>
    <t>1244542.0</t>
  </si>
  <si>
    <t>12976926844.0</t>
  </si>
  <si>
    <t>5453614002.0</t>
  </si>
  <si>
    <t>5014534503.0</t>
  </si>
  <si>
    <t>2614049271.0</t>
  </si>
  <si>
    <t>4431643.0</t>
  </si>
  <si>
    <t>3905543.0</t>
  </si>
  <si>
    <t>1238120.0</t>
  </si>
  <si>
    <t>12979826184.0</t>
  </si>
  <si>
    <t>5453706149.0</t>
  </si>
  <si>
    <t>5014774361.0</t>
  </si>
  <si>
    <t>2616059986.0</t>
  </si>
  <si>
    <t>4659979.0</t>
  </si>
  <si>
    <t>3996997.0</t>
  </si>
  <si>
    <t>1203852.0</t>
  </si>
  <si>
    <t>12982654533.0</t>
  </si>
  <si>
    <t>5454439787.0</t>
  </si>
  <si>
    <t>5015345275.0</t>
  </si>
  <si>
    <t>2617112111.0</t>
  </si>
  <si>
    <t>4169487.0</t>
  </si>
  <si>
    <t>4029215.0</t>
  </si>
  <si>
    <t>1182184.0</t>
  </si>
  <si>
    <t>12984442328.0</t>
  </si>
  <si>
    <t>5454566375.0</t>
  </si>
  <si>
    <t>5015440762.0</t>
  </si>
  <si>
    <t>2618475343.0</t>
  </si>
  <si>
    <t>4469835.0</t>
  </si>
  <si>
    <t>4129881.0</t>
  </si>
  <si>
    <t>1232763.0</t>
  </si>
  <si>
    <t>12986845047.0</t>
  </si>
  <si>
    <t>5454680473.0</t>
  </si>
  <si>
    <t>5015575667.0</t>
  </si>
  <si>
    <t>2619978615.0</t>
  </si>
  <si>
    <t>4867617.0</t>
  </si>
  <si>
    <t>4235713.0</t>
  </si>
  <si>
    <t>1285151.0</t>
  </si>
  <si>
    <t>12989735694.0</t>
  </si>
  <si>
    <t>5456298198.0</t>
  </si>
  <si>
    <t>5015670713.0</t>
  </si>
  <si>
    <t>2621372266.0</t>
  </si>
  <si>
    <t>4595893.0</t>
  </si>
  <si>
    <t>4362637.0</t>
  </si>
  <si>
    <t>1329978.0</t>
  </si>
  <si>
    <t>13000049697.0</t>
  </si>
  <si>
    <t>5460331469.0</t>
  </si>
  <si>
    <t>5022024886.0</t>
  </si>
  <si>
    <t>2623070432.0</t>
  </si>
  <si>
    <t>3495546.0</t>
  </si>
  <si>
    <t>4383248.0</t>
  </si>
  <si>
    <t>1268045.0</t>
  </si>
  <si>
    <t>13003053735.0</t>
  </si>
  <si>
    <t>5461938745.0</t>
  </si>
  <si>
    <t>5023199263.0</t>
  </si>
  <si>
    <t>2625997918.0</t>
  </si>
  <si>
    <t>4157738.0</t>
  </si>
  <si>
    <t>4322060.0</t>
  </si>
  <si>
    <t>1251893.0</t>
  </si>
  <si>
    <t>13006264376.0</t>
  </si>
  <si>
    <t>5462402860.0</t>
  </si>
  <si>
    <t>5023901079.0</t>
  </si>
  <si>
    <t>2627649958.0</t>
  </si>
  <si>
    <t>4331490.0</t>
  </si>
  <si>
    <t>4278689.0</t>
  </si>
  <si>
    <t>1286446.0</t>
  </si>
  <si>
    <t>13009869952.0</t>
  </si>
  <si>
    <t>5462538734.0</t>
  </si>
  <si>
    <t>5024918963.0</t>
  </si>
  <si>
    <t>2629517170.0</t>
  </si>
  <si>
    <t>5549258.0</t>
  </si>
  <si>
    <t>4479689.0</t>
  </si>
  <si>
    <t>1308740.0</t>
  </si>
  <si>
    <t>13013592867.0</t>
  </si>
  <si>
    <t>5462899530.0</t>
  </si>
  <si>
    <t>5025588640.0</t>
  </si>
  <si>
    <t>2631271852.0</t>
  </si>
  <si>
    <t>7520800.0</t>
  </si>
  <si>
    <t>4919434.0</t>
  </si>
  <si>
    <t>1809393.0</t>
  </si>
  <si>
    <t>13018540458.0</t>
  </si>
  <si>
    <t>5463251108.0</t>
  </si>
  <si>
    <t>5026579265.0</t>
  </si>
  <si>
    <t>2633141906.0</t>
  </si>
  <si>
    <t>7661829.0</t>
  </si>
  <si>
    <t>5322501.0</t>
  </si>
  <si>
    <t>2365588.0</t>
  </si>
  <si>
    <t>13022184596.0</t>
  </si>
  <si>
    <t>5464145923.0</t>
  </si>
  <si>
    <t>5026953033.0</t>
  </si>
  <si>
    <t>2634560297.0</t>
  </si>
  <si>
    <t>8416099.0</t>
  </si>
  <si>
    <t>5872116.0</t>
  </si>
  <si>
    <t>2920081.0</t>
  </si>
  <si>
    <t>13052781498.0</t>
  </si>
  <si>
    <t>5482161590.0</t>
  </si>
  <si>
    <t>5029704768.0</t>
  </si>
  <si>
    <t>2638019878.0</t>
  </si>
  <si>
    <t>8585958.0</t>
  </si>
  <si>
    <t>6603189.0</t>
  </si>
  <si>
    <t>3520027.0</t>
  </si>
  <si>
    <t>13054596555.0</t>
  </si>
  <si>
    <t>5482319860.0</t>
  </si>
  <si>
    <t>5029830120.0</t>
  </si>
  <si>
    <t>2639052108.0</t>
  </si>
  <si>
    <t>3506903.0</t>
  </si>
  <si>
    <t>6412584.0</t>
  </si>
  <si>
    <t>3488156.0</t>
  </si>
  <si>
    <t>13057679792.0</t>
  </si>
  <si>
    <t>5482496769.0</t>
  </si>
  <si>
    <t>5031084973.0</t>
  </si>
  <si>
    <t>2641085545.0</t>
  </si>
  <si>
    <t>3819787.0</t>
  </si>
  <si>
    <t>6353359.0</t>
  </si>
  <si>
    <t>3450290.0</t>
  </si>
  <si>
    <t>13060062602.0</t>
  </si>
  <si>
    <t>5482623567.0</t>
  </si>
  <si>
    <t>5031208138.0</t>
  </si>
  <si>
    <t>2642436204.0</t>
  </si>
  <si>
    <t>4015768.0</t>
  </si>
  <si>
    <t>6149296.0</t>
  </si>
  <si>
    <t>3427875.0</t>
  </si>
  <si>
    <t>13062353118.0</t>
  </si>
  <si>
    <t>5482724952.0</t>
  </si>
  <si>
    <t>5031271683.0</t>
  </si>
  <si>
    <t>2643528132.0</t>
  </si>
  <si>
    <t>4067197.0</t>
  </si>
  <si>
    <t>5671712.0</t>
  </si>
  <si>
    <t>2870635.0</t>
  </si>
  <si>
    <t>13065509860.0</t>
  </si>
  <si>
    <t>5482817065.0</t>
  </si>
  <si>
    <t>5031362823.0</t>
  </si>
  <si>
    <t>2644969951.0</t>
  </si>
  <si>
    <t>4693618.0</t>
  </si>
  <si>
    <t>5264899.0</t>
  </si>
  <si>
    <t>2258144.0</t>
  </si>
  <si>
    <t>13068006680.0</t>
  </si>
  <si>
    <t>5482862649.0</t>
  </si>
  <si>
    <t>5031416200.0</t>
  </si>
  <si>
    <t>2646175243.0</t>
  </si>
  <si>
    <t>4339709.0</t>
  </si>
  <si>
    <t>4676959.0</t>
  </si>
  <si>
    <t>1646298.0</t>
  </si>
  <si>
    <t>13096940361.0</t>
  </si>
  <si>
    <t>5500095678.0</t>
  </si>
  <si>
    <t>5045823594.0</t>
  </si>
  <si>
    <t>2649445106.0</t>
  </si>
  <si>
    <t>3410465.0</t>
  </si>
  <si>
    <t>3958400.0</t>
  </si>
  <si>
    <t>1060528.0</t>
  </si>
  <si>
    <t>13100196652.0</t>
  </si>
  <si>
    <t>5500752185.0</t>
  </si>
  <si>
    <t>5046429375.0</t>
  </si>
  <si>
    <t>2650932269.0</t>
  </si>
  <si>
    <t>3792671.0</t>
  </si>
  <si>
    <t>3245330.0</t>
  </si>
  <si>
    <t>519275.0</t>
  </si>
  <si>
    <t>13103243111.0</t>
  </si>
  <si>
    <t>5503409294.0</t>
  </si>
  <si>
    <t>5047684238.0</t>
  </si>
  <si>
    <t>2656673233.0</t>
  </si>
  <si>
    <t>4140527.0</t>
  </si>
  <si>
    <t>3388416.0</t>
  </si>
  <si>
    <t>487708.0</t>
  </si>
  <si>
    <t>13106789736.0</t>
  </si>
  <si>
    <t>5503733233.0</t>
  </si>
  <si>
    <t>5048017858.0</t>
  </si>
  <si>
    <t>2657809692.0</t>
  </si>
  <si>
    <t>4088507.0</t>
  </si>
  <si>
    <t>3529921.0</t>
  </si>
  <si>
    <t>323169.0</t>
  </si>
  <si>
    <t>13110798461.0</t>
  </si>
  <si>
    <t>5503962343.0</t>
  </si>
  <si>
    <t>5048524167.0</t>
  </si>
  <si>
    <t>2659284058.0</t>
  </si>
  <si>
    <t>3810750.0</t>
  </si>
  <si>
    <t>3629449.0</t>
  </si>
  <si>
    <t>316521.0</t>
  </si>
  <si>
    <t>13116144626.0</t>
  </si>
  <si>
    <t>5504255446.0</t>
  </si>
  <si>
    <t>5048938783.0</t>
  </si>
  <si>
    <t>2662174330.0</t>
  </si>
  <si>
    <t>5555088.0</t>
  </si>
  <si>
    <t>3831206.0</t>
  </si>
  <si>
    <t>164.46</t>
  </si>
  <si>
    <t>327524.0</t>
  </si>
  <si>
    <t>13118487450.0</t>
  </si>
  <si>
    <t>5504300965.0</t>
  </si>
  <si>
    <t>5048990157.0</t>
  </si>
  <si>
    <t>2663336405.0</t>
  </si>
  <si>
    <t>3154116.0</t>
  </si>
  <si>
    <t>3772283.0</t>
  </si>
  <si>
    <t>322227.0</t>
  </si>
  <si>
    <t>13133764432.0</t>
  </si>
  <si>
    <t>5509444726.0</t>
  </si>
  <si>
    <t>5054777928.0</t>
  </si>
  <si>
    <t>2667871305.0</t>
  </si>
  <si>
    <t>4229983.0</t>
  </si>
  <si>
    <t>4036408.0</t>
  </si>
  <si>
    <t>561577.0</t>
  </si>
  <si>
    <t>13136096488.0</t>
  </si>
  <si>
    <t>5509545164.0</t>
  </si>
  <si>
    <t>5054829026.0</t>
  </si>
  <si>
    <t>2668887883.0</t>
  </si>
  <si>
    <t>2431898.0</t>
  </si>
  <si>
    <t>3355235.0</t>
  </si>
  <si>
    <t>180712.0</t>
  </si>
  <si>
    <t>13142153819.0</t>
  </si>
  <si>
    <t>5509942616.0</t>
  </si>
  <si>
    <t>5055356492.0</t>
  </si>
  <si>
    <t>2670801651.0</t>
  </si>
  <si>
    <t>4590712.0</t>
  </si>
  <si>
    <t>3520708.0</t>
  </si>
  <si>
    <t>167537.0</t>
  </si>
  <si>
    <t>13147168285.0</t>
  </si>
  <si>
    <t>5510007767.0</t>
  </si>
  <si>
    <t>5055421945.0</t>
  </si>
  <si>
    <t>2671860671.0</t>
  </si>
  <si>
    <t>5041461.0</t>
  </si>
  <si>
    <t>3665607.0</t>
  </si>
  <si>
    <t>13151970727.0</t>
  </si>
  <si>
    <t>5510669232.0</t>
  </si>
  <si>
    <t>5056417289.0</t>
  </si>
  <si>
    <t>2672957643.0</t>
  </si>
  <si>
    <t>3622199.0</t>
  </si>
  <si>
    <t>3752145.0</t>
  </si>
  <si>
    <t>13155402439.0</t>
  </si>
  <si>
    <t>5510711591.0</t>
  </si>
  <si>
    <t>5056465043.0</t>
  </si>
  <si>
    <t>2673927978.0</t>
  </si>
  <si>
    <t>3474133.0</t>
  </si>
  <si>
    <t>3528735.0</t>
  </si>
  <si>
    <t>13157619835.0</t>
  </si>
  <si>
    <t>5510742272.0</t>
  </si>
  <si>
    <t>5056511203.0</t>
  </si>
  <si>
    <t>2674768251.0</t>
  </si>
  <si>
    <t>2254023.0</t>
  </si>
  <si>
    <t>3505651.0</t>
  </si>
  <si>
    <t>13159036997.0</t>
  </si>
  <si>
    <t>5510757699.0</t>
  </si>
  <si>
    <t>5056542315.0</t>
  </si>
  <si>
    <t>2675264659.0</t>
  </si>
  <si>
    <t>1369153.0</t>
  </si>
  <si>
    <t>3202459.0</t>
  </si>
  <si>
    <t>13161130405.0</t>
  </si>
  <si>
    <t>5510780741.0</t>
  </si>
  <si>
    <t>5056565034.0</t>
  </si>
  <si>
    <t>2675938905.0</t>
  </si>
  <si>
    <t>2102141.0</t>
  </si>
  <si>
    <t>3176107.0</t>
  </si>
  <si>
    <t>13163648251.0</t>
  </si>
  <si>
    <t>5510875395.0</t>
  </si>
  <si>
    <t>5057013187.0</t>
  </si>
  <si>
    <t>2676739793.0</t>
  </si>
  <si>
    <t>2524031.0</t>
  </si>
  <si>
    <t>2900141.0</t>
  </si>
  <si>
    <t>13165411880.0</t>
  </si>
  <si>
    <t>5510900269.0</t>
  </si>
  <si>
    <t>5057048074.0</t>
  </si>
  <si>
    <t>2677366996.0</t>
  </si>
  <si>
    <t>1795649.0</t>
  </si>
  <si>
    <t>2383213.0</t>
  </si>
  <si>
    <t>13166999969.0</t>
  </si>
  <si>
    <t>5510926134.0</t>
  </si>
  <si>
    <t>5057083551.0</t>
  </si>
  <si>
    <t>2677813397.0</t>
  </si>
  <si>
    <t>1581349.0</t>
  </si>
  <si>
    <t>2124083.0</t>
  </si>
  <si>
    <t>13168282327.0</t>
  </si>
  <si>
    <t>5510956370.0</t>
  </si>
  <si>
    <t>5057112018.0</t>
  </si>
  <si>
    <t>2678029618.0</t>
  </si>
  <si>
    <t>1290925.0</t>
  </si>
  <si>
    <t>1796778.0</t>
  </si>
  <si>
    <t>13169095861.0</t>
  </si>
  <si>
    <t>5510978099.0</t>
  </si>
  <si>
    <t>5057149593.0</t>
  </si>
  <si>
    <t>2678214560.0</t>
  </si>
  <si>
    <t>13169564817.0</t>
  </si>
  <si>
    <t>5510983219.0</t>
  </si>
  <si>
    <t>5057159372.0</t>
  </si>
  <si>
    <t>2678275114.0</t>
  </si>
  <si>
    <t>13177014377.0</t>
  </si>
  <si>
    <t>5511983194.0</t>
  </si>
  <si>
    <t>5058477452.0</t>
  </si>
  <si>
    <t>2682948360.0</t>
  </si>
  <si>
    <t>13178104023.0</t>
  </si>
  <si>
    <t>5512013434.0</t>
  </si>
  <si>
    <t>5058530629.0</t>
  </si>
  <si>
    <t>2683262517.0</t>
  </si>
  <si>
    <t>13179507020.0</t>
  </si>
  <si>
    <t>5512107984.0</t>
  </si>
  <si>
    <t>5058755953.0</t>
  </si>
  <si>
    <t>2683598276.0</t>
  </si>
  <si>
    <t>165.26</t>
  </si>
  <si>
    <t>13180550023.0</t>
  </si>
  <si>
    <t>5512137468.0</t>
  </si>
  <si>
    <t>5058771743.0</t>
  </si>
  <si>
    <t>2683848446.0</t>
  </si>
  <si>
    <t>YEM</t>
  </si>
  <si>
    <t>Yemen</t>
  </si>
  <si>
    <t>196234.0</t>
  </si>
  <si>
    <t>221380.0</t>
  </si>
  <si>
    <t>235855.0</t>
  </si>
  <si>
    <t>268753.0</t>
  </si>
  <si>
    <t>288828.0</t>
  </si>
  <si>
    <t>311483.0</t>
  </si>
  <si>
    <t>298161.0</t>
  </si>
  <si>
    <t>322934.0</t>
  </si>
  <si>
    <t>308025.0</t>
  </si>
  <si>
    <t>460159.0</t>
  </si>
  <si>
    <t>319710.0</t>
  </si>
  <si>
    <t>143761.0</t>
  </si>
  <si>
    <t>534590.0</t>
  </si>
  <si>
    <t>327016.0</t>
  </si>
  <si>
    <t>192413.0</t>
  </si>
  <si>
    <t>547019.0</t>
  </si>
  <si>
    <t>331778.0</t>
  </si>
  <si>
    <t>215241.0</t>
  </si>
  <si>
    <t>552590.0</t>
  </si>
  <si>
    <t>297808.0</t>
  </si>
  <si>
    <t>713432.0</t>
  </si>
  <si>
    <t>566474.0</t>
  </si>
  <si>
    <t>315083.0</t>
  </si>
  <si>
    <t>732786.0</t>
  </si>
  <si>
    <t>580587.0</t>
  </si>
  <si>
    <t>334079.0</t>
  </si>
  <si>
    <t>744060.0</t>
  </si>
  <si>
    <t>588626.0</t>
  </si>
  <si>
    <t>344582.0</t>
  </si>
  <si>
    <t>758480.0</t>
  </si>
  <si>
    <t>600559.0</t>
  </si>
  <si>
    <t>768104.0</t>
  </si>
  <si>
    <t>610183.0</t>
  </si>
  <si>
    <t>368448.0</t>
  </si>
  <si>
    <t>772574.0</t>
  </si>
  <si>
    <t>614653.0</t>
  </si>
  <si>
    <t>372918.0</t>
  </si>
  <si>
    <t>329592.0</t>
  </si>
  <si>
    <t>384655.0</t>
  </si>
  <si>
    <t>807502.0</t>
  </si>
  <si>
    <t>643501.0</t>
  </si>
  <si>
    <t>404781.0</t>
  </si>
  <si>
    <t>814569.0</t>
  </si>
  <si>
    <t>649673.0</t>
  </si>
  <si>
    <t>411501.0</t>
  </si>
  <si>
    <t>821853.0</t>
  </si>
  <si>
    <t>656957.0</t>
  </si>
  <si>
    <t>418785.0</t>
  </si>
  <si>
    <t>828687.0</t>
  </si>
  <si>
    <t>663004.0</t>
  </si>
  <si>
    <t>425619.0</t>
  </si>
  <si>
    <t>836455.0</t>
  </si>
  <si>
    <t>670646.0</t>
  </si>
  <si>
    <t>429048.0</t>
  </si>
  <si>
    <t>336937.0</t>
  </si>
  <si>
    <t>838621.0</t>
  </si>
  <si>
    <t>672794.0</t>
  </si>
  <si>
    <t>429721.0</t>
  </si>
  <si>
    <t>859241.0</t>
  </si>
  <si>
    <t>692968.0</t>
  </si>
  <si>
    <t>441404.0</t>
  </si>
  <si>
    <t>864544.0</t>
  </si>
  <si>
    <t>697956.0</t>
  </si>
  <si>
    <t>874886.0</t>
  </si>
  <si>
    <t>708152.0</t>
  </si>
  <si>
    <t>450163.0</t>
  </si>
  <si>
    <t>712781.0</t>
  </si>
  <si>
    <t>452843.0</t>
  </si>
  <si>
    <t>898257.0</t>
  </si>
  <si>
    <t>730429.0</t>
  </si>
  <si>
    <t>470491.0</t>
  </si>
  <si>
    <t>1065395.0</t>
  </si>
  <si>
    <t>861625.0</t>
  </si>
  <si>
    <t>604202.0</t>
  </si>
  <si>
    <t>33507.0</t>
  </si>
  <si>
    <t>1139242.0</t>
  </si>
  <si>
    <t>914722.0</t>
  </si>
  <si>
    <t>669393.0</t>
  </si>
  <si>
    <t>54985.0</t>
  </si>
  <si>
    <t>1145868.0</t>
  </si>
  <si>
    <t>676019.0</t>
  </si>
  <si>
    <t>1149321.0</t>
  </si>
  <si>
    <t>917435.0</t>
  </si>
  <si>
    <t>678732.0</t>
  </si>
  <si>
    <t>55725.0</t>
  </si>
  <si>
    <t>1003208.0</t>
  </si>
  <si>
    <t>1238962.0</t>
  </si>
  <si>
    <t>757050.0</t>
  </si>
  <si>
    <t>59240.0</t>
  </si>
  <si>
    <t>ZMB</t>
  </si>
  <si>
    <t>Zambia</t>
  </si>
  <si>
    <t>38448.0</t>
  </si>
  <si>
    <t>45425.0</t>
  </si>
  <si>
    <t>46174.0</t>
  </si>
  <si>
    <t>50771.0</t>
  </si>
  <si>
    <t>54300.0</t>
  </si>
  <si>
    <t>59622.0</t>
  </si>
  <si>
    <t>60250.0</t>
  </si>
  <si>
    <t>61304.0</t>
  </si>
  <si>
    <t>62463.0</t>
  </si>
  <si>
    <t>63624.0</t>
  </si>
  <si>
    <t>64139.0</t>
  </si>
  <si>
    <t>64870.0</t>
  </si>
  <si>
    <t>67944.0</t>
  </si>
  <si>
    <t>70648.0</t>
  </si>
  <si>
    <t>71607.0</t>
  </si>
  <si>
    <t>71976.0</t>
  </si>
  <si>
    <t>72820.0</t>
  </si>
  <si>
    <t>73396.0</t>
  </si>
  <si>
    <t>74231.0</t>
  </si>
  <si>
    <t>76518.0</t>
  </si>
  <si>
    <t>76727.0</t>
  </si>
  <si>
    <t>80239.0</t>
  </si>
  <si>
    <t>81482.0</t>
  </si>
  <si>
    <t>85001.0</t>
  </si>
  <si>
    <t>89583.0</t>
  </si>
  <si>
    <t>94449.0</t>
  </si>
  <si>
    <t>98178.0</t>
  </si>
  <si>
    <t>98766.0</t>
  </si>
  <si>
    <t>99835.0</t>
  </si>
  <si>
    <t>106449.0</t>
  </si>
  <si>
    <t>107964.0</t>
  </si>
  <si>
    <t>108961.0</t>
  </si>
  <si>
    <t>109560.0</t>
  </si>
  <si>
    <t>110960.0</t>
  </si>
  <si>
    <t>112184.0</t>
  </si>
  <si>
    <t>113355.0</t>
  </si>
  <si>
    <t>114401.0</t>
  </si>
  <si>
    <t>122234.0</t>
  </si>
  <si>
    <t>123346.0</t>
  </si>
  <si>
    <t>125070.0</t>
  </si>
  <si>
    <t>126138.0</t>
  </si>
  <si>
    <t>128662.0</t>
  </si>
  <si>
    <t>130052.0</t>
  </si>
  <si>
    <t>131034.0</t>
  </si>
  <si>
    <t>132642.0</t>
  </si>
  <si>
    <t>133389.0</t>
  </si>
  <si>
    <t>134236.0</t>
  </si>
  <si>
    <t>135021.0</t>
  </si>
  <si>
    <t>137017.0</t>
  </si>
  <si>
    <t>138427.0</t>
  </si>
  <si>
    <t>139948.0</t>
  </si>
  <si>
    <t>144624.0</t>
  </si>
  <si>
    <t>146329.0</t>
  </si>
  <si>
    <t>149728.0</t>
  </si>
  <si>
    <t>151397.0</t>
  </si>
  <si>
    <t>152555.0</t>
  </si>
  <si>
    <t>154214.0</t>
  </si>
  <si>
    <t>157173.0</t>
  </si>
  <si>
    <t>160387.0</t>
  </si>
  <si>
    <t>163179.0</t>
  </si>
  <si>
    <t>164951.0</t>
  </si>
  <si>
    <t>172435.0</t>
  </si>
  <si>
    <t>8.855</t>
  </si>
  <si>
    <t>175435.0</t>
  </si>
  <si>
    <t>183146.0</t>
  </si>
  <si>
    <t>186063.0</t>
  </si>
  <si>
    <t>188804.0</t>
  </si>
  <si>
    <t>195873.0</t>
  </si>
  <si>
    <t>198402.0</t>
  </si>
  <si>
    <t>201931.0</t>
  </si>
  <si>
    <t>205568.0</t>
  </si>
  <si>
    <t>10.556</t>
  </si>
  <si>
    <t>210107.0</t>
  </si>
  <si>
    <t>212699.0</t>
  </si>
  <si>
    <t>218231.0</t>
  </si>
  <si>
    <t>221423.0</t>
  </si>
  <si>
    <t>225645.0</t>
  </si>
  <si>
    <t>11.588</t>
  </si>
  <si>
    <t>229872.0</t>
  </si>
  <si>
    <t>233033.0</t>
  </si>
  <si>
    <t>237710.0</t>
  </si>
  <si>
    <t>241276.0</t>
  </si>
  <si>
    <t>244447.0</t>
  </si>
  <si>
    <t>12.553</t>
  </si>
  <si>
    <t>249204.0</t>
  </si>
  <si>
    <t>256047.0</t>
  </si>
  <si>
    <t>13.149</t>
  </si>
  <si>
    <t>260578.0</t>
  </si>
  <si>
    <t>264525.0</t>
  </si>
  <si>
    <t>13.584</t>
  </si>
  <si>
    <t>270296.0</t>
  </si>
  <si>
    <t>275011.0</t>
  </si>
  <si>
    <t>289227.0</t>
  </si>
  <si>
    <t>297999.0</t>
  </si>
  <si>
    <t>301334.0</t>
  </si>
  <si>
    <t>15.474</t>
  </si>
  <si>
    <t>308005.0</t>
  </si>
  <si>
    <t>15.817</t>
  </si>
  <si>
    <t>312023.0</t>
  </si>
  <si>
    <t>314670.0</t>
  </si>
  <si>
    <t>319946.0</t>
  </si>
  <si>
    <t>323790.0</t>
  </si>
  <si>
    <t>327832.0</t>
  </si>
  <si>
    <t>333026.0</t>
  </si>
  <si>
    <t>17.102</t>
  </si>
  <si>
    <t>339155.0</t>
  </si>
  <si>
    <t>17.417</t>
  </si>
  <si>
    <t>346012.0</t>
  </si>
  <si>
    <t>352406.0</t>
  </si>
  <si>
    <t>356743.0</t>
  </si>
  <si>
    <t>361046.0</t>
  </si>
  <si>
    <t>366969.0</t>
  </si>
  <si>
    <t>18.998</t>
  </si>
  <si>
    <t>374023.0</t>
  </si>
  <si>
    <t>19.207</t>
  </si>
  <si>
    <t>378191.0</t>
  </si>
  <si>
    <t>382915.0</t>
  </si>
  <si>
    <t>388462.0</t>
  </si>
  <si>
    <t>399492.0</t>
  </si>
  <si>
    <t>404471.0</t>
  </si>
  <si>
    <t>410794.0</t>
  </si>
  <si>
    <t>416206.0</t>
  </si>
  <si>
    <t>423002.0</t>
  </si>
  <si>
    <t>21.722</t>
  </si>
  <si>
    <t>430655.0</t>
  </si>
  <si>
    <t>22.115</t>
  </si>
  <si>
    <t>436525.0</t>
  </si>
  <si>
    <t>22.417</t>
  </si>
  <si>
    <t>450333.0</t>
  </si>
  <si>
    <t>23.126</t>
  </si>
  <si>
    <t>461773.0</t>
  </si>
  <si>
    <t>467787.0</t>
  </si>
  <si>
    <t>471542.0</t>
  </si>
  <si>
    <t>477174.0</t>
  </si>
  <si>
    <t>484299.0</t>
  </si>
  <si>
    <t>489926.0</t>
  </si>
  <si>
    <t>25.159</t>
  </si>
  <si>
    <t>493685.0</t>
  </si>
  <si>
    <t>25.352</t>
  </si>
  <si>
    <t>498639.0</t>
  </si>
  <si>
    <t>25.607</t>
  </si>
  <si>
    <t>505896.0</t>
  </si>
  <si>
    <t>513928.0</t>
  </si>
  <si>
    <t>26.392</t>
  </si>
  <si>
    <t>518986.0</t>
  </si>
  <si>
    <t>26.651</t>
  </si>
  <si>
    <t>524876.0</t>
  </si>
  <si>
    <t>26.954</t>
  </si>
  <si>
    <t>531000.0</t>
  </si>
  <si>
    <t>27.268</t>
  </si>
  <si>
    <t>536507.0</t>
  </si>
  <si>
    <t>542555.0</t>
  </si>
  <si>
    <t>546095.0</t>
  </si>
  <si>
    <t>28.044</t>
  </si>
  <si>
    <t>552588.0</t>
  </si>
  <si>
    <t>28.377</t>
  </si>
  <si>
    <t>557472.0</t>
  </si>
  <si>
    <t>28.628</t>
  </si>
  <si>
    <t>563804.0</t>
  </si>
  <si>
    <t>28.953</t>
  </si>
  <si>
    <t>571271.0</t>
  </si>
  <si>
    <t>29.336</t>
  </si>
  <si>
    <t>576155.0</t>
  </si>
  <si>
    <t>29.587</t>
  </si>
  <si>
    <t>591150.0</t>
  </si>
  <si>
    <t>30.357</t>
  </si>
  <si>
    <t>601003.0</t>
  </si>
  <si>
    <t>609602.0</t>
  </si>
  <si>
    <t>31.305</t>
  </si>
  <si>
    <t>616868.0</t>
  </si>
  <si>
    <t>624046.0</t>
  </si>
  <si>
    <t>629236.0</t>
  </si>
  <si>
    <t>32.313</t>
  </si>
  <si>
    <t>640102.0</t>
  </si>
  <si>
    <t>32.871</t>
  </si>
  <si>
    <t>650563.0</t>
  </si>
  <si>
    <t>662227.0</t>
  </si>
  <si>
    <t>34.007</t>
  </si>
  <si>
    <t>674082.0</t>
  </si>
  <si>
    <t>686515.0</t>
  </si>
  <si>
    <t>35.254</t>
  </si>
  <si>
    <t>698215.0</t>
  </si>
  <si>
    <t>35.855</t>
  </si>
  <si>
    <t>706965.0</t>
  </si>
  <si>
    <t>36.305</t>
  </si>
  <si>
    <t>718848.0</t>
  </si>
  <si>
    <t>730150.0</t>
  </si>
  <si>
    <t>37.495</t>
  </si>
  <si>
    <t>739188.0</t>
  </si>
  <si>
    <t>38.476</t>
  </si>
  <si>
    <t>758819.0</t>
  </si>
  <si>
    <t>767568.0</t>
  </si>
  <si>
    <t>39.417</t>
  </si>
  <si>
    <t>772371.0</t>
  </si>
  <si>
    <t>784494.0</t>
  </si>
  <si>
    <t>795673.0</t>
  </si>
  <si>
    <t>806196.0</t>
  </si>
  <si>
    <t>816005.0</t>
  </si>
  <si>
    <t>828606.0</t>
  </si>
  <si>
    <t>42.551</t>
  </si>
  <si>
    <t>836509.0</t>
  </si>
  <si>
    <t>42.957</t>
  </si>
  <si>
    <t>844026.0</t>
  </si>
  <si>
    <t>43.343</t>
  </si>
  <si>
    <t>855709.0</t>
  </si>
  <si>
    <t>43.943</t>
  </si>
  <si>
    <t>867571.0</t>
  </si>
  <si>
    <t>44.552</t>
  </si>
  <si>
    <t>881095.0</t>
  </si>
  <si>
    <t>892450.0</t>
  </si>
  <si>
    <t>905070.0</t>
  </si>
  <si>
    <t>46.478</t>
  </si>
  <si>
    <t>911829.0</t>
  </si>
  <si>
    <t>46.825</t>
  </si>
  <si>
    <t>917429.0</t>
  </si>
  <si>
    <t>925784.0</t>
  </si>
  <si>
    <t>936514.0</t>
  </si>
  <si>
    <t>48.093</t>
  </si>
  <si>
    <t>945112.0</t>
  </si>
  <si>
    <t>955194.0</t>
  </si>
  <si>
    <t>49.052</t>
  </si>
  <si>
    <t>963321.0</t>
  </si>
  <si>
    <t>973384.0</t>
  </si>
  <si>
    <t>979048.0</t>
  </si>
  <si>
    <t>50.277</t>
  </si>
  <si>
    <t>985221.0</t>
  </si>
  <si>
    <t>50.594</t>
  </si>
  <si>
    <t>991968.0</t>
  </si>
  <si>
    <t>998667.0</t>
  </si>
  <si>
    <t>51.604</t>
  </si>
  <si>
    <t>1018362.0</t>
  </si>
  <si>
    <t>1022943.0</t>
  </si>
  <si>
    <t>1028192.0</t>
  </si>
  <si>
    <t>52.801</t>
  </si>
  <si>
    <t>1033056.0</t>
  </si>
  <si>
    <t>1038573.0</t>
  </si>
  <si>
    <t>53.334</t>
  </si>
  <si>
    <t>1043006.0</t>
  </si>
  <si>
    <t>1047418.0</t>
  </si>
  <si>
    <t>53.788</t>
  </si>
  <si>
    <t>1051562.0</t>
  </si>
  <si>
    <t>54.001</t>
  </si>
  <si>
    <t>1057361.0</t>
  </si>
  <si>
    <t>1061271.0</t>
  </si>
  <si>
    <t>54.499</t>
  </si>
  <si>
    <t>1066502.0</t>
  </si>
  <si>
    <t>54.768</t>
  </si>
  <si>
    <t>1072757.0</t>
  </si>
  <si>
    <t>1077646.0</t>
  </si>
  <si>
    <t>1083026.0</t>
  </si>
  <si>
    <t>55.616</t>
  </si>
  <si>
    <t>1087439.0</t>
  </si>
  <si>
    <t>55.843</t>
  </si>
  <si>
    <t>1092974.0</t>
  </si>
  <si>
    <t>1099240.0</t>
  </si>
  <si>
    <t>1106204.0</t>
  </si>
  <si>
    <t>1113622.0</t>
  </si>
  <si>
    <t>57.188</t>
  </si>
  <si>
    <t>1121233.0</t>
  </si>
  <si>
    <t>57.578</t>
  </si>
  <si>
    <t>1126888.0</t>
  </si>
  <si>
    <t>1131606.0</t>
  </si>
  <si>
    <t>58.111</t>
  </si>
  <si>
    <t>1134704.0</t>
  </si>
  <si>
    <t>1138369.0</t>
  </si>
  <si>
    <t>58.458</t>
  </si>
  <si>
    <t>1143003.0</t>
  </si>
  <si>
    <t>58.696</t>
  </si>
  <si>
    <t>1148568.0</t>
  </si>
  <si>
    <t>59.251</t>
  </si>
  <si>
    <t>1157256.0</t>
  </si>
  <si>
    <t>59.428</t>
  </si>
  <si>
    <t>1160688.0</t>
  </si>
  <si>
    <t>1165041.0</t>
  </si>
  <si>
    <t>59.828</t>
  </si>
  <si>
    <t>1169324.0</t>
  </si>
  <si>
    <t>1174217.0</t>
  </si>
  <si>
    <t>1180598.0</t>
  </si>
  <si>
    <t>1185649.0</t>
  </si>
  <si>
    <t>60.886</t>
  </si>
  <si>
    <t>61.169</t>
  </si>
  <si>
    <t>1195908.0</t>
  </si>
  <si>
    <t>1200006.0</t>
  </si>
  <si>
    <t>1206254.0</t>
  </si>
  <si>
    <t>1211098.0</t>
  </si>
  <si>
    <t>1218744.0</t>
  </si>
  <si>
    <t>62.586</t>
  </si>
  <si>
    <t>1224620.0</t>
  </si>
  <si>
    <t>62.888</t>
  </si>
  <si>
    <t>1229959.0</t>
  </si>
  <si>
    <t>1234776.0</t>
  </si>
  <si>
    <t>63.409</t>
  </si>
  <si>
    <t>1238169.0</t>
  </si>
  <si>
    <t>63.583</t>
  </si>
  <si>
    <t>1244525.0</t>
  </si>
  <si>
    <t>1251990.0</t>
  </si>
  <si>
    <t>64.293</t>
  </si>
  <si>
    <t>1257477.0</t>
  </si>
  <si>
    <t>64.575</t>
  </si>
  <si>
    <t>1262291.0</t>
  </si>
  <si>
    <t>1264933.0</t>
  </si>
  <si>
    <t>64.958</t>
  </si>
  <si>
    <t>1268099.0</t>
  </si>
  <si>
    <t>1270971.0</t>
  </si>
  <si>
    <t>65.268</t>
  </si>
  <si>
    <t>1273409.0</t>
  </si>
  <si>
    <t>1280670.0</t>
  </si>
  <si>
    <t>1286686.0</t>
  </si>
  <si>
    <t>1300396.0</t>
  </si>
  <si>
    <t>66.779</t>
  </si>
  <si>
    <t>1305345.0</t>
  </si>
  <si>
    <t>67.033</t>
  </si>
  <si>
    <t>1308716.0</t>
  </si>
  <si>
    <t>67.206</t>
  </si>
  <si>
    <t>1314850.0</t>
  </si>
  <si>
    <t>67.521</t>
  </si>
  <si>
    <t>1327186.0</t>
  </si>
  <si>
    <t>68.155</t>
  </si>
  <si>
    <t>1335176.0</t>
  </si>
  <si>
    <t>1341506.0</t>
  </si>
  <si>
    <t>1346505.0</t>
  </si>
  <si>
    <t>69.147</t>
  </si>
  <si>
    <t>1349181.0</t>
  </si>
  <si>
    <t>1355395.0</t>
  </si>
  <si>
    <t>1360648.0</t>
  </si>
  <si>
    <t>1365448.0</t>
  </si>
  <si>
    <t>1370539.0</t>
  </si>
  <si>
    <t>1375608.0</t>
  </si>
  <si>
    <t>70.641</t>
  </si>
  <si>
    <t>1378946.0</t>
  </si>
  <si>
    <t>70.813</t>
  </si>
  <si>
    <t>1380599.0</t>
  </si>
  <si>
    <t>1384621.0</t>
  </si>
  <si>
    <t>71.104</t>
  </si>
  <si>
    <t>1389400.0</t>
  </si>
  <si>
    <t>1394900.0</t>
  </si>
  <si>
    <t>1400235.0</t>
  </si>
  <si>
    <t>71.906</t>
  </si>
  <si>
    <t>32034.0</t>
  </si>
  <si>
    <t>1406735.0</t>
  </si>
  <si>
    <t>1409851.0</t>
  </si>
  <si>
    <t>1412261.0</t>
  </si>
  <si>
    <t>72.524</t>
  </si>
  <si>
    <t>45740.0</t>
  </si>
  <si>
    <t>1417259.0</t>
  </si>
  <si>
    <t>1421922.0</t>
  </si>
  <si>
    <t>1426687.0</t>
  </si>
  <si>
    <t>73.264</t>
  </si>
  <si>
    <t>1431929.0</t>
  </si>
  <si>
    <t>73.534</t>
  </si>
  <si>
    <t>1436254.0</t>
  </si>
  <si>
    <t>73.756</t>
  </si>
  <si>
    <t>77348.0</t>
  </si>
  <si>
    <t>1439352.0</t>
  </si>
  <si>
    <t>73.915</t>
  </si>
  <si>
    <t>1442516.0</t>
  </si>
  <si>
    <t>74.077</t>
  </si>
  <si>
    <t>1448213.0</t>
  </si>
  <si>
    <t>1453013.0</t>
  </si>
  <si>
    <t>74.616</t>
  </si>
  <si>
    <t>90916.0</t>
  </si>
  <si>
    <t>1457277.0</t>
  </si>
  <si>
    <t>74.835</t>
  </si>
  <si>
    <t>1462217.0</t>
  </si>
  <si>
    <t>75.089</t>
  </si>
  <si>
    <t>1468388.0</t>
  </si>
  <si>
    <t>75.406</t>
  </si>
  <si>
    <t>107790.0</t>
  </si>
  <si>
    <t>1471632.0</t>
  </si>
  <si>
    <t>75.572</t>
  </si>
  <si>
    <t>1474620.0</t>
  </si>
  <si>
    <t>75.726</t>
  </si>
  <si>
    <t>114767.0</t>
  </si>
  <si>
    <t>1479497.0</t>
  </si>
  <si>
    <t>1485412.0</t>
  </si>
  <si>
    <t>120209.0</t>
  </si>
  <si>
    <t>1493858.0</t>
  </si>
  <si>
    <t>128834.0</t>
  </si>
  <si>
    <t>1507886.0</t>
  </si>
  <si>
    <t>77.434</t>
  </si>
  <si>
    <t>1511541.0</t>
  </si>
  <si>
    <t>138201.0</t>
  </si>
  <si>
    <t>133134.0</t>
  </si>
  <si>
    <t>1515012.0</t>
  </si>
  <si>
    <t>78.064</t>
  </si>
  <si>
    <t>138799.0</t>
  </si>
  <si>
    <t>1525350.0</t>
  </si>
  <si>
    <t>78.331</t>
  </si>
  <si>
    <t>139912.0</t>
  </si>
  <si>
    <t>1532338.0</t>
  </si>
  <si>
    <t>146129.0</t>
  </si>
  <si>
    <t>140843.0</t>
  </si>
  <si>
    <t>1538730.0</t>
  </si>
  <si>
    <t>79.018</t>
  </si>
  <si>
    <t>146645.0</t>
  </si>
  <si>
    <t>141359.0</t>
  </si>
  <si>
    <t>1547889.0</t>
  </si>
  <si>
    <t>79.488</t>
  </si>
  <si>
    <t>147033.0</t>
  </si>
  <si>
    <t>1553442.0</t>
  </si>
  <si>
    <t>79.774</t>
  </si>
  <si>
    <t>1557084.0</t>
  </si>
  <si>
    <t>79.961</t>
  </si>
  <si>
    <t>1565154.0</t>
  </si>
  <si>
    <t>1575011.0</t>
  </si>
  <si>
    <t>80.881</t>
  </si>
  <si>
    <t>147115.0</t>
  </si>
  <si>
    <t>1596883.0</t>
  </si>
  <si>
    <t>82.004</t>
  </si>
  <si>
    <t>1607561.0</t>
  </si>
  <si>
    <t>1614548.0</t>
  </si>
  <si>
    <t>1619450.0</t>
  </si>
  <si>
    <t>83.163</t>
  </si>
  <si>
    <t>1629565.0</t>
  </si>
  <si>
    <t>1644010.0</t>
  </si>
  <si>
    <t>1658043.0</t>
  </si>
  <si>
    <t>85.145</t>
  </si>
  <si>
    <t>1670458.0</t>
  </si>
  <si>
    <t>85.783</t>
  </si>
  <si>
    <t>1682522.0</t>
  </si>
  <si>
    <t>1690749.0</t>
  </si>
  <si>
    <t>86.825</t>
  </si>
  <si>
    <t>1697859.0</t>
  </si>
  <si>
    <t>1709858.0</t>
  </si>
  <si>
    <t>87.806</t>
  </si>
  <si>
    <t>148304.0</t>
  </si>
  <si>
    <t>142089.0</t>
  </si>
  <si>
    <t>1722786.0</t>
  </si>
  <si>
    <t>1738788.0</t>
  </si>
  <si>
    <t>1751491.0</t>
  </si>
  <si>
    <t>89.944</t>
  </si>
  <si>
    <t>1763080.0</t>
  </si>
  <si>
    <t>90.539</t>
  </si>
  <si>
    <t>1771358.0</t>
  </si>
  <si>
    <t>90.964</t>
  </si>
  <si>
    <t>1777727.0</t>
  </si>
  <si>
    <t>1788609.0</t>
  </si>
  <si>
    <t>1801561.0</t>
  </si>
  <si>
    <t>92.515</t>
  </si>
  <si>
    <t>1814441.0</t>
  </si>
  <si>
    <t>93.745</t>
  </si>
  <si>
    <t>149699.0</t>
  </si>
  <si>
    <t>1836418.0</t>
  </si>
  <si>
    <t>94.305</t>
  </si>
  <si>
    <t>150476.0</t>
  </si>
  <si>
    <t>1847107.0</t>
  </si>
  <si>
    <t>142125.0</t>
  </si>
  <si>
    <t>1852869.0</t>
  </si>
  <si>
    <t>1862821.0</t>
  </si>
  <si>
    <t>95.661</t>
  </si>
  <si>
    <t>1874444.0</t>
  </si>
  <si>
    <t>96.258</t>
  </si>
  <si>
    <t>1885589.0</t>
  </si>
  <si>
    <t>156584.0</t>
  </si>
  <si>
    <t>1897924.0</t>
  </si>
  <si>
    <t>97.464</t>
  </si>
  <si>
    <t>1905994.0</t>
  </si>
  <si>
    <t>97.878</t>
  </si>
  <si>
    <t>162383.0</t>
  </si>
  <si>
    <t>1913525.0</t>
  </si>
  <si>
    <t>98.265</t>
  </si>
  <si>
    <t>164370.0</t>
  </si>
  <si>
    <t>1918850.0</t>
  </si>
  <si>
    <t>98.538</t>
  </si>
  <si>
    <t>1925335.0</t>
  </si>
  <si>
    <t>98.871</t>
  </si>
  <si>
    <t>1932970.0</t>
  </si>
  <si>
    <t>99.263</t>
  </si>
  <si>
    <t>169922.0</t>
  </si>
  <si>
    <t>1939454.0</t>
  </si>
  <si>
    <t>99.596</t>
  </si>
  <si>
    <t>171238.0</t>
  </si>
  <si>
    <t>1947927.0</t>
  </si>
  <si>
    <t>100.032</t>
  </si>
  <si>
    <t>175244.0</t>
  </si>
  <si>
    <t>1958152.0</t>
  </si>
  <si>
    <t>100.557</t>
  </si>
  <si>
    <t>181219.0</t>
  </si>
  <si>
    <t>144457.0</t>
  </si>
  <si>
    <t>1963318.0</t>
  </si>
  <si>
    <t>100.822</t>
  </si>
  <si>
    <t>150161.0</t>
  </si>
  <si>
    <t>1968443.0</t>
  </si>
  <si>
    <t>101.085</t>
  </si>
  <si>
    <t>197744.0</t>
  </si>
  <si>
    <t>155129.0</t>
  </si>
  <si>
    <t>1977464.0</t>
  </si>
  <si>
    <t>101.548</t>
  </si>
  <si>
    <t>164503.0</t>
  </si>
  <si>
    <t>46489.0</t>
  </si>
  <si>
    <t>1986700.0</t>
  </si>
  <si>
    <t>102.023</t>
  </si>
  <si>
    <t>215784.0</t>
  </si>
  <si>
    <t>1994635.0</t>
  </si>
  <si>
    <t>243818.0</t>
  </si>
  <si>
    <t>189408.0</t>
  </si>
  <si>
    <t>54410.0</t>
  </si>
  <si>
    <t>102.816</t>
  </si>
  <si>
    <t>260882.0</t>
  </si>
  <si>
    <t>2009509.0</t>
  </si>
  <si>
    <t>103.194</t>
  </si>
  <si>
    <t>275253.0</t>
  </si>
  <si>
    <t>213237.0</t>
  </si>
  <si>
    <t>62016.0</t>
  </si>
  <si>
    <t>2014469.0</t>
  </si>
  <si>
    <t>103.449</t>
  </si>
  <si>
    <t>283617.0</t>
  </si>
  <si>
    <t>219467.0</t>
  </si>
  <si>
    <t>2017643.0</t>
  </si>
  <si>
    <t>103.612</t>
  </si>
  <si>
    <t>224420.0</t>
  </si>
  <si>
    <t>2024817.0</t>
  </si>
  <si>
    <t>301220.0</t>
  </si>
  <si>
    <t>232383.0</t>
  </si>
  <si>
    <t>2030499.0</t>
  </si>
  <si>
    <t>104.272</t>
  </si>
  <si>
    <t>312479.0</t>
  </si>
  <si>
    <t>243642.0</t>
  </si>
  <si>
    <t>2036666.0</t>
  </si>
  <si>
    <t>322358.0</t>
  </si>
  <si>
    <t>246553.0</t>
  </si>
  <si>
    <t>2043320.0</t>
  </si>
  <si>
    <t>2048693.0</t>
  </si>
  <si>
    <t>105.206</t>
  </si>
  <si>
    <t>343223.0</t>
  </si>
  <si>
    <t>2053011.0</t>
  </si>
  <si>
    <t>2056140.0</t>
  </si>
  <si>
    <t>105.589</t>
  </si>
  <si>
    <t>361333.0</t>
  </si>
  <si>
    <t>266262.0</t>
  </si>
  <si>
    <t>2063364.0</t>
  </si>
  <si>
    <t>381015.0</t>
  </si>
  <si>
    <t>269762.0</t>
  </si>
  <si>
    <t>111253.0</t>
  </si>
  <si>
    <t>2069447.0</t>
  </si>
  <si>
    <t>106.272</t>
  </si>
  <si>
    <t>400639.0</t>
  </si>
  <si>
    <t>282556.0</t>
  </si>
  <si>
    <t>2076147.0</t>
  </si>
  <si>
    <t>413774.0</t>
  </si>
  <si>
    <t>283481.0</t>
  </si>
  <si>
    <t>130293.0</t>
  </si>
  <si>
    <t>2083166.0</t>
  </si>
  <si>
    <t>424519.0</t>
  </si>
  <si>
    <t>284110.0</t>
  </si>
  <si>
    <t>2089592.0</t>
  </si>
  <si>
    <t>107.306</t>
  </si>
  <si>
    <t>433716.0</t>
  </si>
  <si>
    <t>284700.0</t>
  </si>
  <si>
    <t>149016.0</t>
  </si>
  <si>
    <t>2095606.0</t>
  </si>
  <si>
    <t>107.615</t>
  </si>
  <si>
    <t>438885.0</t>
  </si>
  <si>
    <t>2098920.0</t>
  </si>
  <si>
    <t>107.785</t>
  </si>
  <si>
    <t>441113.0</t>
  </si>
  <si>
    <t>285979.0</t>
  </si>
  <si>
    <t>155134.0</t>
  </si>
  <si>
    <t>2104430.0</t>
  </si>
  <si>
    <t>108.068</t>
  </si>
  <si>
    <t>444574.0</t>
  </si>
  <si>
    <t>286967.0</t>
  </si>
  <si>
    <t>157607.0</t>
  </si>
  <si>
    <t>2112342.0</t>
  </si>
  <si>
    <t>164924.0</t>
  </si>
  <si>
    <t>2120559.0</t>
  </si>
  <si>
    <t>108.897</t>
  </si>
  <si>
    <t>465760.0</t>
  </si>
  <si>
    <t>292922.0</t>
  </si>
  <si>
    <t>2128404.0</t>
  </si>
  <si>
    <t>478129.0</t>
  </si>
  <si>
    <t>297173.0</t>
  </si>
  <si>
    <t>180956.0</t>
  </si>
  <si>
    <t>2135400.0</t>
  </si>
  <si>
    <t>109.659</t>
  </si>
  <si>
    <t>490441.0</t>
  </si>
  <si>
    <t>302222.0</t>
  </si>
  <si>
    <t>188219.0</t>
  </si>
  <si>
    <t>109.978</t>
  </si>
  <si>
    <t>2145033.0</t>
  </si>
  <si>
    <t>110.154</t>
  </si>
  <si>
    <t>496594.0</t>
  </si>
  <si>
    <t>193603.0</t>
  </si>
  <si>
    <t>2152836.0</t>
  </si>
  <si>
    <t>110.554</t>
  </si>
  <si>
    <t>303966.0</t>
  </si>
  <si>
    <t>199741.0</t>
  </si>
  <si>
    <t>2160757.0</t>
  </si>
  <si>
    <t>110.961</t>
  </si>
  <si>
    <t>511417.0</t>
  </si>
  <si>
    <t>305427.0</t>
  </si>
  <si>
    <t>2168413.0</t>
  </si>
  <si>
    <t>111.354</t>
  </si>
  <si>
    <t>2170942.0</t>
  </si>
  <si>
    <t>111.484</t>
  </si>
  <si>
    <t>520283.0</t>
  </si>
  <si>
    <t>307589.0</t>
  </si>
  <si>
    <t>212694.0</t>
  </si>
  <si>
    <t>2174111.0</t>
  </si>
  <si>
    <t>2178182.0</t>
  </si>
  <si>
    <t>111.856</t>
  </si>
  <si>
    <t>522150.0</t>
  </si>
  <si>
    <t>307725.0</t>
  </si>
  <si>
    <t>214425.0</t>
  </si>
  <si>
    <t>2181685.0</t>
  </si>
  <si>
    <t>112.036</t>
  </si>
  <si>
    <t>2187911.0</t>
  </si>
  <si>
    <t>527205.0</t>
  </si>
  <si>
    <t>308123.0</t>
  </si>
  <si>
    <t>219082.0</t>
  </si>
  <si>
    <t>2194744.0</t>
  </si>
  <si>
    <t>112.706</t>
  </si>
  <si>
    <t>531885.0</t>
  </si>
  <si>
    <t>308373.0</t>
  </si>
  <si>
    <t>223512.0</t>
  </si>
  <si>
    <t>2201555.0</t>
  </si>
  <si>
    <t>113.056</t>
  </si>
  <si>
    <t>536479.0</t>
  </si>
  <si>
    <t>227875.0</t>
  </si>
  <si>
    <t>113.475</t>
  </si>
  <si>
    <t>2216799.0</t>
  </si>
  <si>
    <t>113.839</t>
  </si>
  <si>
    <t>548267.0</t>
  </si>
  <si>
    <t>309115.0</t>
  </si>
  <si>
    <t>239152.0</t>
  </si>
  <si>
    <t>2222483.0</t>
  </si>
  <si>
    <t>2225969.0</t>
  </si>
  <si>
    <t>552288.0</t>
  </si>
  <si>
    <t>309310.0</t>
  </si>
  <si>
    <t>242978.0</t>
  </si>
  <si>
    <t>2233567.0</t>
  </si>
  <si>
    <t>556766.0</t>
  </si>
  <si>
    <t>309532.0</t>
  </si>
  <si>
    <t>247234.0</t>
  </si>
  <si>
    <t>2237344.0</t>
  </si>
  <si>
    <t>114.894</t>
  </si>
  <si>
    <t>558307.0</t>
  </si>
  <si>
    <t>309595.0</t>
  </si>
  <si>
    <t>248712.0</t>
  </si>
  <si>
    <t>2243899.0</t>
  </si>
  <si>
    <t>115.231</t>
  </si>
  <si>
    <t>309923.0</t>
  </si>
  <si>
    <t>252707.0</t>
  </si>
  <si>
    <t>2252495.0</t>
  </si>
  <si>
    <t>115.672</t>
  </si>
  <si>
    <t>567261.0</t>
  </si>
  <si>
    <t>309940.0</t>
  </si>
  <si>
    <t>257321.0</t>
  </si>
  <si>
    <t>2258787.0</t>
  </si>
  <si>
    <t>115.995</t>
  </si>
  <si>
    <t>571356.0</t>
  </si>
  <si>
    <t>309993.0</t>
  </si>
  <si>
    <t>261363.0</t>
  </si>
  <si>
    <t>2263831.0</t>
  </si>
  <si>
    <t>116.254</t>
  </si>
  <si>
    <t>2268113.0</t>
  </si>
  <si>
    <t>116.474</t>
  </si>
  <si>
    <t>575032.0</t>
  </si>
  <si>
    <t>310173.0</t>
  </si>
  <si>
    <t>264859.0</t>
  </si>
  <si>
    <t>2275267.0</t>
  </si>
  <si>
    <t>116.841</t>
  </si>
  <si>
    <t>2283007.0</t>
  </si>
  <si>
    <t>2289203.0</t>
  </si>
  <si>
    <t>117.557</t>
  </si>
  <si>
    <t>588857.0</t>
  </si>
  <si>
    <t>310574.0</t>
  </si>
  <si>
    <t>278283.0</t>
  </si>
  <si>
    <t>2296436.0</t>
  </si>
  <si>
    <t>592863.0</t>
  </si>
  <si>
    <t>310672.0</t>
  </si>
  <si>
    <t>282191.0</t>
  </si>
  <si>
    <t>2303735.0</t>
  </si>
  <si>
    <t>2308893.0</t>
  </si>
  <si>
    <t>2312719.0</t>
  </si>
  <si>
    <t>118.765</t>
  </si>
  <si>
    <t>2319024.0</t>
  </si>
  <si>
    <t>119.088</t>
  </si>
  <si>
    <t>602996.0</t>
  </si>
  <si>
    <t>311049.0</t>
  </si>
  <si>
    <t>291947.0</t>
  </si>
  <si>
    <t>2326129.0</t>
  </si>
  <si>
    <t>119.453</t>
  </si>
  <si>
    <t>2332942.0</t>
  </si>
  <si>
    <t>119.803</t>
  </si>
  <si>
    <t>2339439.0</t>
  </si>
  <si>
    <t>120.137</t>
  </si>
  <si>
    <t>2347151.0</t>
  </si>
  <si>
    <t>2352542.0</t>
  </si>
  <si>
    <t>2355773.0</t>
  </si>
  <si>
    <t>120.976</t>
  </si>
  <si>
    <t>2362069.0</t>
  </si>
  <si>
    <t>121.299</t>
  </si>
  <si>
    <t>2368909.0</t>
  </si>
  <si>
    <t>2375797.0</t>
  </si>
  <si>
    <t>636600.0</t>
  </si>
  <si>
    <t>2383221.0</t>
  </si>
  <si>
    <t>2388574.0</t>
  </si>
  <si>
    <t>648103.0</t>
  </si>
  <si>
    <t>2394228.0</t>
  </si>
  <si>
    <t>2398197.0</t>
  </si>
  <si>
    <t>2404827.0</t>
  </si>
  <si>
    <t>123.495</t>
  </si>
  <si>
    <t>2411596.0</t>
  </si>
  <si>
    <t>123.842</t>
  </si>
  <si>
    <t>2417680.0</t>
  </si>
  <si>
    <t>124.155</t>
  </si>
  <si>
    <t>364055.0</t>
  </si>
  <si>
    <t>2423652.0</t>
  </si>
  <si>
    <t>124.461</t>
  </si>
  <si>
    <t>2429418.0</t>
  </si>
  <si>
    <t>124.757</t>
  </si>
  <si>
    <t>2432934.0</t>
  </si>
  <si>
    <t>124.938</t>
  </si>
  <si>
    <t>699210.0</t>
  </si>
  <si>
    <t>382288.0</t>
  </si>
  <si>
    <t>2437088.0</t>
  </si>
  <si>
    <t>125.151</t>
  </si>
  <si>
    <t>702462.0</t>
  </si>
  <si>
    <t>385222.0</t>
  </si>
  <si>
    <t>2443136.0</t>
  </si>
  <si>
    <t>711264.0</t>
  </si>
  <si>
    <t>393212.0</t>
  </si>
  <si>
    <t>2450119.0</t>
  </si>
  <si>
    <t>125.821</t>
  </si>
  <si>
    <t>720260.0</t>
  </si>
  <si>
    <t>400688.0</t>
  </si>
  <si>
    <t>2456586.0</t>
  </si>
  <si>
    <t>126.153</t>
  </si>
  <si>
    <t>731450.0</t>
  </si>
  <si>
    <t>409481.0</t>
  </si>
  <si>
    <t>2463017.0</t>
  </si>
  <si>
    <t>126.483</t>
  </si>
  <si>
    <t>740374.0</t>
  </si>
  <si>
    <t>416471.0</t>
  </si>
  <si>
    <t>2468613.0</t>
  </si>
  <si>
    <t>126.77</t>
  </si>
  <si>
    <t>753555.0</t>
  </si>
  <si>
    <t>426393.0</t>
  </si>
  <si>
    <t>2472147.0</t>
  </si>
  <si>
    <t>126.952</t>
  </si>
  <si>
    <t>2475220.0</t>
  </si>
  <si>
    <t>2478975.0</t>
  </si>
  <si>
    <t>127.302</t>
  </si>
  <si>
    <t>2487820.0</t>
  </si>
  <si>
    <t>127.757</t>
  </si>
  <si>
    <t>2493045.0</t>
  </si>
  <si>
    <t>772322.0</t>
  </si>
  <si>
    <t>447308.0</t>
  </si>
  <si>
    <t>2498126.0</t>
  </si>
  <si>
    <t>128.286</t>
  </si>
  <si>
    <t>788042.0</t>
  </si>
  <si>
    <t>452842.0</t>
  </si>
  <si>
    <t>2502680.0</t>
  </si>
  <si>
    <t>794718.0</t>
  </si>
  <si>
    <t>457622.0</t>
  </si>
  <si>
    <t>2506657.0</t>
  </si>
  <si>
    <t>2509600.0</t>
  </si>
  <si>
    <t>128.875</t>
  </si>
  <si>
    <t>802043.0</t>
  </si>
  <si>
    <t>462835.0</t>
  </si>
  <si>
    <t>2515493.0</t>
  </si>
  <si>
    <t>809988.0</t>
  </si>
  <si>
    <t>468818.0</t>
  </si>
  <si>
    <t>2521115.0</t>
  </si>
  <si>
    <t>474970.0</t>
  </si>
  <si>
    <t>2526602.0</t>
  </si>
  <si>
    <t>129.748</t>
  </si>
  <si>
    <t>827347.0</t>
  </si>
  <si>
    <t>481342.0</t>
  </si>
  <si>
    <t>2532514.0</t>
  </si>
  <si>
    <t>130.052</t>
  </si>
  <si>
    <t>836099.0</t>
  </si>
  <si>
    <t>487528.0</t>
  </si>
  <si>
    <t>2538613.0</t>
  </si>
  <si>
    <t>130.365</t>
  </si>
  <si>
    <t>843347.0</t>
  </si>
  <si>
    <t>492678.0</t>
  </si>
  <si>
    <t>2541969.0</t>
  </si>
  <si>
    <t>130.537</t>
  </si>
  <si>
    <t>2544381.0</t>
  </si>
  <si>
    <t>130.661</t>
  </si>
  <si>
    <t>849060.0</t>
  </si>
  <si>
    <t>496527.0</t>
  </si>
  <si>
    <t>2547657.0</t>
  </si>
  <si>
    <t>130.829</t>
  </si>
  <si>
    <t>851990.0</t>
  </si>
  <si>
    <t>497977.0</t>
  </si>
  <si>
    <t>2552608.0</t>
  </si>
  <si>
    <t>131.084</t>
  </si>
  <si>
    <t>859618.0</t>
  </si>
  <si>
    <t>2558636.0</t>
  </si>
  <si>
    <t>131.393</t>
  </si>
  <si>
    <t>866486.0</t>
  </si>
  <si>
    <t>507911.0</t>
  </si>
  <si>
    <t>2563656.0</t>
  </si>
  <si>
    <t>871881.0</t>
  </si>
  <si>
    <t>511004.0</t>
  </si>
  <si>
    <t>2569408.0</t>
  </si>
  <si>
    <t>131.946</t>
  </si>
  <si>
    <t>2572596.0</t>
  </si>
  <si>
    <t>2575762.0</t>
  </si>
  <si>
    <t>132.273</t>
  </si>
  <si>
    <t>2578545.0</t>
  </si>
  <si>
    <t>132.416</t>
  </si>
  <si>
    <t>2582762.0</t>
  </si>
  <si>
    <t>350.6</t>
  </si>
  <si>
    <t>2587760.0</t>
  </si>
  <si>
    <t>2592441.0</t>
  </si>
  <si>
    <t>133.129</t>
  </si>
  <si>
    <t>293.3</t>
  </si>
  <si>
    <t>133.565</t>
  </si>
  <si>
    <t>535918.0</t>
  </si>
  <si>
    <t>2602613.0</t>
  </si>
  <si>
    <t>538310.0</t>
  </si>
  <si>
    <t>2606571.0</t>
  </si>
  <si>
    <t>133.855</t>
  </si>
  <si>
    <t>2611463.0</t>
  </si>
  <si>
    <t>134.106</t>
  </si>
  <si>
    <t>2615527.0</t>
  </si>
  <si>
    <t>134.315</t>
  </si>
  <si>
    <t>2621402.0</t>
  </si>
  <si>
    <t>134.616</t>
  </si>
  <si>
    <t>563482.0</t>
  </si>
  <si>
    <t>2626398.0</t>
  </si>
  <si>
    <t>2629496.0</t>
  </si>
  <si>
    <t>135.032</t>
  </si>
  <si>
    <t>2632110.0</t>
  </si>
  <si>
    <t>135.166</t>
  </si>
  <si>
    <t>2637039.0</t>
  </si>
  <si>
    <t>135.419</t>
  </si>
  <si>
    <t>2642123.0</t>
  </si>
  <si>
    <t>2646803.0</t>
  </si>
  <si>
    <t>135.921</t>
  </si>
  <si>
    <t>985443.0</t>
  </si>
  <si>
    <t>806611.0</t>
  </si>
  <si>
    <t>626900.0</t>
  </si>
  <si>
    <t>2651728.0</t>
  </si>
  <si>
    <t>136.174</t>
  </si>
  <si>
    <t>2656184.0</t>
  </si>
  <si>
    <t>136.403</t>
  </si>
  <si>
    <t>2659995.0</t>
  </si>
  <si>
    <t>136.598</t>
  </si>
  <si>
    <t>2662324.0</t>
  </si>
  <si>
    <t>136.718</t>
  </si>
  <si>
    <t>343.3</t>
  </si>
  <si>
    <t>2666835.0</t>
  </si>
  <si>
    <t>136.95</t>
  </si>
  <si>
    <t>1001286.0</t>
  </si>
  <si>
    <t>2671689.0</t>
  </si>
  <si>
    <t>365.1</t>
  </si>
  <si>
    <t>1006196.0</t>
  </si>
  <si>
    <t>2676054.0</t>
  </si>
  <si>
    <t>2680063.0</t>
  </si>
  <si>
    <t>137.629</t>
  </si>
  <si>
    <t>354.2</t>
  </si>
  <si>
    <t>1024730.0</t>
  </si>
  <si>
    <t>637988.0</t>
  </si>
  <si>
    <t>2685261.0</t>
  </si>
  <si>
    <t>137.896</t>
  </si>
  <si>
    <t>2688803.0</t>
  </si>
  <si>
    <t>138.078</t>
  </si>
  <si>
    <t>2691302.0</t>
  </si>
  <si>
    <t>138.206</t>
  </si>
  <si>
    <t>1029896.0</t>
  </si>
  <si>
    <t>642598.0</t>
  </si>
  <si>
    <t>2695616.0</t>
  </si>
  <si>
    <t>1035796.0</t>
  </si>
  <si>
    <t>647923.0</t>
  </si>
  <si>
    <t>2699920.0</t>
  </si>
  <si>
    <t>138.649</t>
  </si>
  <si>
    <t>1057879.0</t>
  </si>
  <si>
    <t>667433.0</t>
  </si>
  <si>
    <t>2703738.0</t>
  </si>
  <si>
    <t>138.845</t>
  </si>
  <si>
    <t>2707704.0</t>
  </si>
  <si>
    <t>2711872.0</t>
  </si>
  <si>
    <t>139.262</t>
  </si>
  <si>
    <t>328.6</t>
  </si>
  <si>
    <t>1062540.0</t>
  </si>
  <si>
    <t>671006.0</t>
  </si>
  <si>
    <t>2714670.0</t>
  </si>
  <si>
    <t>139.406</t>
  </si>
  <si>
    <t>2716971.0</t>
  </si>
  <si>
    <t>139.524</t>
  </si>
  <si>
    <t>1086607.0</t>
  </si>
  <si>
    <t>691735.0</t>
  </si>
  <si>
    <t>2721665.0</t>
  </si>
  <si>
    <t>329.7</t>
  </si>
  <si>
    <t>2726556.0</t>
  </si>
  <si>
    <t>140.016</t>
  </si>
  <si>
    <t>2731797.0</t>
  </si>
  <si>
    <t>140.285</t>
  </si>
  <si>
    <t>1109512.0</t>
  </si>
  <si>
    <t>711422.0</t>
  </si>
  <si>
    <t>2737800.0</t>
  </si>
  <si>
    <t>1134766.0</t>
  </si>
  <si>
    <t>731770.0</t>
  </si>
  <si>
    <t>25254.0</t>
  </si>
  <si>
    <t>2742475.0</t>
  </si>
  <si>
    <t>140.834</t>
  </si>
  <si>
    <t>2745326.0</t>
  </si>
  <si>
    <t>2747340.0</t>
  </si>
  <si>
    <t>141.084</t>
  </si>
  <si>
    <t>1145089.0</t>
  </si>
  <si>
    <t>2752397.0</t>
  </si>
  <si>
    <t>141.343</t>
  </si>
  <si>
    <t>1153458.0</t>
  </si>
  <si>
    <t>747604.0</t>
  </si>
  <si>
    <t>2757015.0</t>
  </si>
  <si>
    <t>141.581</t>
  </si>
  <si>
    <t>1200837.0</t>
  </si>
  <si>
    <t>788134.0</t>
  </si>
  <si>
    <t>47379.0</t>
  </si>
  <si>
    <t>2763076.0</t>
  </si>
  <si>
    <t>141.892</t>
  </si>
  <si>
    <t>2769654.0</t>
  </si>
  <si>
    <t>2775100.0</t>
  </si>
  <si>
    <t>142.509</t>
  </si>
  <si>
    <t>1242193.0</t>
  </si>
  <si>
    <t>821536.0</t>
  </si>
  <si>
    <t>2778680.0</t>
  </si>
  <si>
    <t>142.693</t>
  </si>
  <si>
    <t>1253211.0</t>
  </si>
  <si>
    <t>830289.0</t>
  </si>
  <si>
    <t>2781431.0</t>
  </si>
  <si>
    <t>142.834</t>
  </si>
  <si>
    <t>1264656.0</t>
  </si>
  <si>
    <t>839615.0</t>
  </si>
  <si>
    <t>2788137.0</t>
  </si>
  <si>
    <t>143.179</t>
  </si>
  <si>
    <t>1283096.0</t>
  </si>
  <si>
    <t>854979.0</t>
  </si>
  <si>
    <t>2794583.0</t>
  </si>
  <si>
    <t>1311660.0</t>
  </si>
  <si>
    <t>877955.0</t>
  </si>
  <si>
    <t>2802448.0</t>
  </si>
  <si>
    <t>143.914</t>
  </si>
  <si>
    <t>1342989.0</t>
  </si>
  <si>
    <t>2811454.0</t>
  </si>
  <si>
    <t>144.376</t>
  </si>
  <si>
    <t>2819344.0</t>
  </si>
  <si>
    <t>144.781</t>
  </si>
  <si>
    <t>1407055.0</t>
  </si>
  <si>
    <t>956814.0</t>
  </si>
  <si>
    <t>2826101.0</t>
  </si>
  <si>
    <t>1424762.0</t>
  </si>
  <si>
    <t>970580.0</t>
  </si>
  <si>
    <t>2829589.0</t>
  </si>
  <si>
    <t>145.307</t>
  </si>
  <si>
    <t>1434513.0</t>
  </si>
  <si>
    <t>978860.0</t>
  </si>
  <si>
    <t>2838777.0</t>
  </si>
  <si>
    <t>145.779</t>
  </si>
  <si>
    <t>1469501.0</t>
  </si>
  <si>
    <t>1006983.0</t>
  </si>
  <si>
    <t>2851157.0</t>
  </si>
  <si>
    <t>146.415</t>
  </si>
  <si>
    <t>1507308.0</t>
  </si>
  <si>
    <t>1038272.0</t>
  </si>
  <si>
    <t>2864498.0</t>
  </si>
  <si>
    <t>2878219.0</t>
  </si>
  <si>
    <t>147.805</t>
  </si>
  <si>
    <t>1574449.0</t>
  </si>
  <si>
    <t>1097097.0</t>
  </si>
  <si>
    <t>2888028.0</t>
  </si>
  <si>
    <t>148.308</t>
  </si>
  <si>
    <t>1597020.0</t>
  </si>
  <si>
    <t>2893560.0</t>
  </si>
  <si>
    <t>148.592</t>
  </si>
  <si>
    <t>2898009.0</t>
  </si>
  <si>
    <t>2909934.0</t>
  </si>
  <si>
    <t>149.433</t>
  </si>
  <si>
    <t>2926708.0</t>
  </si>
  <si>
    <t>150.295</t>
  </si>
  <si>
    <t>1669400.0</t>
  </si>
  <si>
    <t>1171502.0</t>
  </si>
  <si>
    <t>2943337.0</t>
  </si>
  <si>
    <t>151.149</t>
  </si>
  <si>
    <t>2959116.0</t>
  </si>
  <si>
    <t>151.959</t>
  </si>
  <si>
    <t>1730165.0</t>
  </si>
  <si>
    <t>1217415.0</t>
  </si>
  <si>
    <t>2970632.0</t>
  </si>
  <si>
    <t>2976458.0</t>
  </si>
  <si>
    <t>2982212.0</t>
  </si>
  <si>
    <t>153.145</t>
  </si>
  <si>
    <t>1793721.0</t>
  </si>
  <si>
    <t>1259959.0</t>
  </si>
  <si>
    <t>2996026.0</t>
  </si>
  <si>
    <t>153.854</t>
  </si>
  <si>
    <t>3010210.0</t>
  </si>
  <si>
    <t>154.583</t>
  </si>
  <si>
    <t>1816154.0</t>
  </si>
  <si>
    <t>1276069.0</t>
  </si>
  <si>
    <t>3024431.0</t>
  </si>
  <si>
    <t>155.313</t>
  </si>
  <si>
    <t>1842432.0</t>
  </si>
  <si>
    <t>1294582.0</t>
  </si>
  <si>
    <t>3038417.0</t>
  </si>
  <si>
    <t>156.031</t>
  </si>
  <si>
    <t>3050785.0</t>
  </si>
  <si>
    <t>156.666</t>
  </si>
  <si>
    <t>1896642.0</t>
  </si>
  <si>
    <t>1332136.0</t>
  </si>
  <si>
    <t>3056874.0</t>
  </si>
  <si>
    <t>156.979</t>
  </si>
  <si>
    <t>1917245.0</t>
  </si>
  <si>
    <t>1346970.0</t>
  </si>
  <si>
    <t>3073659.0</t>
  </si>
  <si>
    <t>157.841</t>
  </si>
  <si>
    <t>1967446.0</t>
  </si>
  <si>
    <t>1383464.0</t>
  </si>
  <si>
    <t>3083866.0</t>
  </si>
  <si>
    <t>158.365</t>
  </si>
  <si>
    <t>2003194.0</t>
  </si>
  <si>
    <t>1408599.0</t>
  </si>
  <si>
    <t>3093383.0</t>
  </si>
  <si>
    <t>158.854</t>
  </si>
  <si>
    <t>2039439.0</t>
  </si>
  <si>
    <t>1434882.0</t>
  </si>
  <si>
    <t>3102040.0</t>
  </si>
  <si>
    <t>159.299</t>
  </si>
  <si>
    <t>3108808.0</t>
  </si>
  <si>
    <t>159.646</t>
  </si>
  <si>
    <t>3113612.0</t>
  </si>
  <si>
    <t>159.893</t>
  </si>
  <si>
    <t>3117014.0</t>
  </si>
  <si>
    <t>160.067</t>
  </si>
  <si>
    <t>1524811.0</t>
  </si>
  <si>
    <t>3124281.0</t>
  </si>
  <si>
    <t>160.441</t>
  </si>
  <si>
    <t>2215416.0</t>
  </si>
  <si>
    <t>1553695.0</t>
  </si>
  <si>
    <t>43805.0</t>
  </si>
  <si>
    <t>3130880.0</t>
  </si>
  <si>
    <t>2237516.0</t>
  </si>
  <si>
    <t>1568550.0</t>
  </si>
  <si>
    <t>3136269.0</t>
  </si>
  <si>
    <t>3140705.0</t>
  </si>
  <si>
    <t>2258222.0</t>
  </si>
  <si>
    <t>1582151.0</t>
  </si>
  <si>
    <t>3145630.0</t>
  </si>
  <si>
    <t>161.537</t>
  </si>
  <si>
    <t>3149368.0</t>
  </si>
  <si>
    <t>3151487.0</t>
  </si>
  <si>
    <t>161.838</t>
  </si>
  <si>
    <t>2291351.0</t>
  </si>
  <si>
    <t>1603597.0</t>
  </si>
  <si>
    <t>3156782.0</t>
  </si>
  <si>
    <t>162.11</t>
  </si>
  <si>
    <t>2305684.0</t>
  </si>
  <si>
    <t>1612504.0</t>
  </si>
  <si>
    <t>3162653.0</t>
  </si>
  <si>
    <t>162.411</t>
  </si>
  <si>
    <t>3168711.0</t>
  </si>
  <si>
    <t>162.722</t>
  </si>
  <si>
    <t>2337128.0</t>
  </si>
  <si>
    <t>1631552.0</t>
  </si>
  <si>
    <t>3172652.0</t>
  </si>
  <si>
    <t>162.925</t>
  </si>
  <si>
    <t>3176507.0</t>
  </si>
  <si>
    <t>163.123</t>
  </si>
  <si>
    <t>2370615.0</t>
  </si>
  <si>
    <t>1651733.0</t>
  </si>
  <si>
    <t>3179318.0</t>
  </si>
  <si>
    <t>163.267</t>
  </si>
  <si>
    <t>3181256.0</t>
  </si>
  <si>
    <t>2386312.0</t>
  </si>
  <si>
    <t>1660654.0</t>
  </si>
  <si>
    <t>3186024.0</t>
  </si>
  <si>
    <t>163.611</t>
  </si>
  <si>
    <t>3189906.0</t>
  </si>
  <si>
    <t>163.811</t>
  </si>
  <si>
    <t>3193875.0</t>
  </si>
  <si>
    <t>164.015</t>
  </si>
  <si>
    <t>2434721.0</t>
  </si>
  <si>
    <t>1686721.0</t>
  </si>
  <si>
    <t>3198039.0</t>
  </si>
  <si>
    <t>164.228</t>
  </si>
  <si>
    <t>2456611.0</t>
  </si>
  <si>
    <t>1696947.0</t>
  </si>
  <si>
    <t>3201468.0</t>
  </si>
  <si>
    <t>164.404</t>
  </si>
  <si>
    <t>3204453.0</t>
  </si>
  <si>
    <t>164.558</t>
  </si>
  <si>
    <t>3206432.0</t>
  </si>
  <si>
    <t>164.659</t>
  </si>
  <si>
    <t>2493228.0</t>
  </si>
  <si>
    <t>1713326.0</t>
  </si>
  <si>
    <t>3209908.0</t>
  </si>
  <si>
    <t>2510775.0</t>
  </si>
  <si>
    <t>1721293.0</t>
  </si>
  <si>
    <t>3213659.0</t>
  </si>
  <si>
    <t>2529814.0</t>
  </si>
  <si>
    <t>1731316.0</t>
  </si>
  <si>
    <t>3217713.0</t>
  </si>
  <si>
    <t>165.239</t>
  </si>
  <si>
    <t>2546579.0</t>
  </si>
  <si>
    <t>1739920.0</t>
  </si>
  <si>
    <t>3221531.0</t>
  </si>
  <si>
    <t>3225301.0</t>
  </si>
  <si>
    <t>165.628</t>
  </si>
  <si>
    <t>2580342.0</t>
  </si>
  <si>
    <t>1757415.0</t>
  </si>
  <si>
    <t>3227653.0</t>
  </si>
  <si>
    <t>165.749</t>
  </si>
  <si>
    <t>3229046.0</t>
  </si>
  <si>
    <t>165.821</t>
  </si>
  <si>
    <t>2596867.0</t>
  </si>
  <si>
    <t>1766724.0</t>
  </si>
  <si>
    <t>3232314.0</t>
  </si>
  <si>
    <t>165.988</t>
  </si>
  <si>
    <t>3235991.0</t>
  </si>
  <si>
    <t>166.177</t>
  </si>
  <si>
    <t>2635418.0</t>
  </si>
  <si>
    <t>1787728.0</t>
  </si>
  <si>
    <t>3239374.0</t>
  </si>
  <si>
    <t>166.351</t>
  </si>
  <si>
    <t>23041.0</t>
  </si>
  <si>
    <t>3242675.0</t>
  </si>
  <si>
    <t>166.521</t>
  </si>
  <si>
    <t>2680149.0</t>
  </si>
  <si>
    <t>1812336.0</t>
  </si>
  <si>
    <t>3245731.0</t>
  </si>
  <si>
    <t>166.677</t>
  </si>
  <si>
    <t>3247890.0</t>
  </si>
  <si>
    <t>166.788</t>
  </si>
  <si>
    <t>2714909.0</t>
  </si>
  <si>
    <t>1829828.0</t>
  </si>
  <si>
    <t>3249202.0</t>
  </si>
  <si>
    <t>2724282.0</t>
  </si>
  <si>
    <t>1834300.0</t>
  </si>
  <si>
    <t>3253159.0</t>
  </si>
  <si>
    <t>167.059</t>
  </si>
  <si>
    <t>2747841.0</t>
  </si>
  <si>
    <t>1847218.0</t>
  </si>
  <si>
    <t>3256694.0</t>
  </si>
  <si>
    <t>2773910.0</t>
  </si>
  <si>
    <t>1859747.0</t>
  </si>
  <si>
    <t>3259776.0</t>
  </si>
  <si>
    <t>167.399</t>
  </si>
  <si>
    <t>3263157.0</t>
  </si>
  <si>
    <t>167.572</t>
  </si>
  <si>
    <t>3266825.0</t>
  </si>
  <si>
    <t>167.761</t>
  </si>
  <si>
    <t>3268486.0</t>
  </si>
  <si>
    <t>167.846</t>
  </si>
  <si>
    <t>2822009.0</t>
  </si>
  <si>
    <t>2487149.0</t>
  </si>
  <si>
    <t>1862614.0</t>
  </si>
  <si>
    <t>3270113.0</t>
  </si>
  <si>
    <t>167.93</t>
  </si>
  <si>
    <t>2863132.0</t>
  </si>
  <si>
    <t>1904594.0</t>
  </si>
  <si>
    <t>3273345.0</t>
  </si>
  <si>
    <t>168.096</t>
  </si>
  <si>
    <t>2888981.0</t>
  </si>
  <si>
    <t>1917408.0</t>
  </si>
  <si>
    <t>3276743.0</t>
  </si>
  <si>
    <t>3280022.0</t>
  </si>
  <si>
    <t>168.438</t>
  </si>
  <si>
    <t>2510296.0</t>
  </si>
  <si>
    <t>3284188.0</t>
  </si>
  <si>
    <t>168.652</t>
  </si>
  <si>
    <t>3287759.0</t>
  </si>
  <si>
    <t>168.836</t>
  </si>
  <si>
    <t>3027612.0</t>
  </si>
  <si>
    <t>1983053.0</t>
  </si>
  <si>
    <t>3289499.0</t>
  </si>
  <si>
    <t>168.925</t>
  </si>
  <si>
    <t>3295300.0</t>
  </si>
  <si>
    <t>169.223</t>
  </si>
  <si>
    <t>3073602.0</t>
  </si>
  <si>
    <t>2007025.0</t>
  </si>
  <si>
    <t>3297975.0</t>
  </si>
  <si>
    <t>3085973.0</t>
  </si>
  <si>
    <t>2013903.0</t>
  </si>
  <si>
    <t>3301860.0</t>
  </si>
  <si>
    <t>3305230.0</t>
  </si>
  <si>
    <t>169.733</t>
  </si>
  <si>
    <t>3131843.0</t>
  </si>
  <si>
    <t>2038766.0</t>
  </si>
  <si>
    <t>3309234.0</t>
  </si>
  <si>
    <t>169.939</t>
  </si>
  <si>
    <t>3310740.0</t>
  </si>
  <si>
    <t>170.016</t>
  </si>
  <si>
    <t>2740205.0</t>
  </si>
  <si>
    <t>3312321.0</t>
  </si>
  <si>
    <t>3178009.0</t>
  </si>
  <si>
    <t>2063376.0</t>
  </si>
  <si>
    <t>3315920.0</t>
  </si>
  <si>
    <t>170.282</t>
  </si>
  <si>
    <t>2764508.0</t>
  </si>
  <si>
    <t>3319154.0</t>
  </si>
  <si>
    <t>170.448</t>
  </si>
  <si>
    <t>3216653.0</t>
  </si>
  <si>
    <t>2082989.0</t>
  </si>
  <si>
    <t>3322571.0</t>
  </si>
  <si>
    <t>170.623</t>
  </si>
  <si>
    <t>3326224.0</t>
  </si>
  <si>
    <t>170.811</t>
  </si>
  <si>
    <t>3237700.0</t>
  </si>
  <si>
    <t>2094075.0</t>
  </si>
  <si>
    <t>3328190.0</t>
  </si>
  <si>
    <t>170.912</t>
  </si>
  <si>
    <t>3267529.0</t>
  </si>
  <si>
    <t>2109452.0</t>
  </si>
  <si>
    <t>3329939.0</t>
  </si>
  <si>
    <t>171.002</t>
  </si>
  <si>
    <t>2829929.0</t>
  </si>
  <si>
    <t>3331691.0</t>
  </si>
  <si>
    <t>171.092</t>
  </si>
  <si>
    <t>3288541.0</t>
  </si>
  <si>
    <t>2120529.0</t>
  </si>
  <si>
    <t>3335069.0</t>
  </si>
  <si>
    <t>171.265</t>
  </si>
  <si>
    <t>3338247.0</t>
  </si>
  <si>
    <t>171.428</t>
  </si>
  <si>
    <t>3325582.0</t>
  </si>
  <si>
    <t>2140910.0</t>
  </si>
  <si>
    <t>3341351.0</t>
  </si>
  <si>
    <t>171.588</t>
  </si>
  <si>
    <t>3345769.0</t>
  </si>
  <si>
    <t>2152077.0</t>
  </si>
  <si>
    <t>16942.0</t>
  </si>
  <si>
    <t>3344541.0</t>
  </si>
  <si>
    <t>171.752</t>
  </si>
  <si>
    <t>3346905.0</t>
  </si>
  <si>
    <t>171.873</t>
  </si>
  <si>
    <t>3349842.0</t>
  </si>
  <si>
    <t>3390539.0</t>
  </si>
  <si>
    <t>2176230.0</t>
  </si>
  <si>
    <t>3351988.0</t>
  </si>
  <si>
    <t>172.134</t>
  </si>
  <si>
    <t>3402612.0</t>
  </si>
  <si>
    <t>3354681.0</t>
  </si>
  <si>
    <t>3415406.0</t>
  </si>
  <si>
    <t>3357511.0</t>
  </si>
  <si>
    <t>172.418</t>
  </si>
  <si>
    <t>3431038.0</t>
  </si>
  <si>
    <t>2198910.0</t>
  </si>
  <si>
    <t>3360009.0</t>
  </si>
  <si>
    <t>172.546</t>
  </si>
  <si>
    <t>3362585.0</t>
  </si>
  <si>
    <t>172.678</t>
  </si>
  <si>
    <t>3457873.0</t>
  </si>
  <si>
    <t>2214835.0</t>
  </si>
  <si>
    <t>3365478.0</t>
  </si>
  <si>
    <t>3470733.0</t>
  </si>
  <si>
    <t>2222834.0</t>
  </si>
  <si>
    <t>3368245.0</t>
  </si>
  <si>
    <t>172.969</t>
  </si>
  <si>
    <t>3478542.0</t>
  </si>
  <si>
    <t>2228486.0</t>
  </si>
  <si>
    <t>3371058.0</t>
  </si>
  <si>
    <t>173.113</t>
  </si>
  <si>
    <t>3492504.0</t>
  </si>
  <si>
    <t>2237011.0</t>
  </si>
  <si>
    <t>3373977.0</t>
  </si>
  <si>
    <t>173.263</t>
  </si>
  <si>
    <t>3508455.0</t>
  </si>
  <si>
    <t>2246327.0</t>
  </si>
  <si>
    <t>3376838.0</t>
  </si>
  <si>
    <t>3379423.0</t>
  </si>
  <si>
    <t>173.543</t>
  </si>
  <si>
    <t>3381138.0</t>
  </si>
  <si>
    <t>173.631</t>
  </si>
  <si>
    <t>2270434.0</t>
  </si>
  <si>
    <t>3382643.0</t>
  </si>
  <si>
    <t>173.708</t>
  </si>
  <si>
    <t>3386862.0</t>
  </si>
  <si>
    <t>173.925</t>
  </si>
  <si>
    <t>3568887.0</t>
  </si>
  <si>
    <t>2283879.0</t>
  </si>
  <si>
    <t>3390279.0</t>
  </si>
  <si>
    <t>3584909.0</t>
  </si>
  <si>
    <t>2293955.0</t>
  </si>
  <si>
    <t>3393102.0</t>
  </si>
  <si>
    <t>174.245</t>
  </si>
  <si>
    <t>3601615.0</t>
  </si>
  <si>
    <t>2304064.0</t>
  </si>
  <si>
    <t>3396590.0</t>
  </si>
  <si>
    <t>174.424</t>
  </si>
  <si>
    <t>3398200.0</t>
  </si>
  <si>
    <t>174.507</t>
  </si>
  <si>
    <t>3399995.0</t>
  </si>
  <si>
    <t>174.599</t>
  </si>
  <si>
    <t>3401065.0</t>
  </si>
  <si>
    <t>174.654</t>
  </si>
  <si>
    <t>3646431.0</t>
  </si>
  <si>
    <t>2333022.0</t>
  </si>
  <si>
    <t>3402725.0</t>
  </si>
  <si>
    <t>3405932.0</t>
  </si>
  <si>
    <t>174.904</t>
  </si>
  <si>
    <t>3658402.0</t>
  </si>
  <si>
    <t>2340662.0</t>
  </si>
  <si>
    <t>3408441.0</t>
  </si>
  <si>
    <t>175.033</t>
  </si>
  <si>
    <t>3696014.0</t>
  </si>
  <si>
    <t>2363095.0</t>
  </si>
  <si>
    <t>37612.0</t>
  </si>
  <si>
    <t>3411364.0</t>
  </si>
  <si>
    <t>175.183</t>
  </si>
  <si>
    <t>3714453.0</t>
  </si>
  <si>
    <t>2373900.0</t>
  </si>
  <si>
    <t>3415369.0</t>
  </si>
  <si>
    <t>3416956.0</t>
  </si>
  <si>
    <t>3419145.0</t>
  </si>
  <si>
    <t>3421227.0</t>
  </si>
  <si>
    <t>3753984.0</t>
  </si>
  <si>
    <t>2398679.0</t>
  </si>
  <si>
    <t>3423665.0</t>
  </si>
  <si>
    <t>3787279.0</t>
  </si>
  <si>
    <t>2420028.0</t>
  </si>
  <si>
    <t>3427205.0</t>
  </si>
  <si>
    <t>175.997</t>
  </si>
  <si>
    <t>3428401.0</t>
  </si>
  <si>
    <t>176.058</t>
  </si>
  <si>
    <t>3429405.0</t>
  </si>
  <si>
    <t>3811966.0</t>
  </si>
  <si>
    <t>2435459.0</t>
  </si>
  <si>
    <t>3430569.0</t>
  </si>
  <si>
    <t>176.169</t>
  </si>
  <si>
    <t>3821677.0</t>
  </si>
  <si>
    <t>2440606.0</t>
  </si>
  <si>
    <t>3432636.0</t>
  </si>
  <si>
    <t>176.276</t>
  </si>
  <si>
    <t>3434849.0</t>
  </si>
  <si>
    <t>176.389</t>
  </si>
  <si>
    <t>3436753.0</t>
  </si>
  <si>
    <t>176.487</t>
  </si>
  <si>
    <t>3438434.0</t>
  </si>
  <si>
    <t>176.573</t>
  </si>
  <si>
    <t>3240892.0</t>
  </si>
  <si>
    <t>3440764.0</t>
  </si>
  <si>
    <t>3443019.0</t>
  </si>
  <si>
    <t>176.809</t>
  </si>
  <si>
    <t>3901833.0</t>
  </si>
  <si>
    <t>2490313.0</t>
  </si>
  <si>
    <t>3446017.0</t>
  </si>
  <si>
    <t>176.963</t>
  </si>
  <si>
    <t>3448437.0</t>
  </si>
  <si>
    <t>3450306.0</t>
  </si>
  <si>
    <t>177.183</t>
  </si>
  <si>
    <t>3945245.0</t>
  </si>
  <si>
    <t>2516152.0</t>
  </si>
  <si>
    <t>3452554.0</t>
  </si>
  <si>
    <t>177.298</t>
  </si>
  <si>
    <t>3958100.0</t>
  </si>
  <si>
    <t>2523428.0</t>
  </si>
  <si>
    <t>3453802.0</t>
  </si>
  <si>
    <t>177.362</t>
  </si>
  <si>
    <t>3454966.0</t>
  </si>
  <si>
    <t>177.422</t>
  </si>
  <si>
    <t>4029757.0</t>
  </si>
  <si>
    <t>2564717.0</t>
  </si>
  <si>
    <t>3457366.0</t>
  </si>
  <si>
    <t>177.546</t>
  </si>
  <si>
    <t>3461971.0</t>
  </si>
  <si>
    <t>177.782</t>
  </si>
  <si>
    <t>3464275.0</t>
  </si>
  <si>
    <t>4392293.0</t>
  </si>
  <si>
    <t>2781327.0</t>
  </si>
  <si>
    <t>63864.0</t>
  </si>
  <si>
    <t>3465805.0</t>
  </si>
  <si>
    <t>177.979</t>
  </si>
  <si>
    <t>3467200.0</t>
  </si>
  <si>
    <t>178.051</t>
  </si>
  <si>
    <t>4656681.0</t>
  </si>
  <si>
    <t>2935333.0</t>
  </si>
  <si>
    <t>3468197.0</t>
  </si>
  <si>
    <t>178.102</t>
  </si>
  <si>
    <t>4719380.0</t>
  </si>
  <si>
    <t>2945410.0</t>
  </si>
  <si>
    <t>98518.0</t>
  </si>
  <si>
    <t>3469975.0</t>
  </si>
  <si>
    <t>178.193</t>
  </si>
  <si>
    <t>95256.0</t>
  </si>
  <si>
    <t>3472008.0</t>
  </si>
  <si>
    <t>178.297</t>
  </si>
  <si>
    <t>3473362.0</t>
  </si>
  <si>
    <t>178.367</t>
  </si>
  <si>
    <t>4922782.0</t>
  </si>
  <si>
    <t>3075876.0</t>
  </si>
  <si>
    <t>88732.0</t>
  </si>
  <si>
    <t>3475475.0</t>
  </si>
  <si>
    <t>178.475</t>
  </si>
  <si>
    <t>5147399.0</t>
  </si>
  <si>
    <t>3210489.0</t>
  </si>
  <si>
    <t>224617.0</t>
  </si>
  <si>
    <t>107872.0</t>
  </si>
  <si>
    <t>3477256.0</t>
  </si>
  <si>
    <t>178.567</t>
  </si>
  <si>
    <t>3478388.0</t>
  </si>
  <si>
    <t>178.625</t>
  </si>
  <si>
    <t>3481467.0</t>
  </si>
  <si>
    <t>178.783</t>
  </si>
  <si>
    <t>5251671.0</t>
  </si>
  <si>
    <t>3273876.0</t>
  </si>
  <si>
    <t>3483877.0</t>
  </si>
  <si>
    <t>178.907</t>
  </si>
  <si>
    <t>86577.0</t>
  </si>
  <si>
    <t>3486286.0</t>
  </si>
  <si>
    <t>179.031</t>
  </si>
  <si>
    <t>5670376.0</t>
  </si>
  <si>
    <t>3534173.0</t>
  </si>
  <si>
    <t>106799.0</t>
  </si>
  <si>
    <t>3488805.0</t>
  </si>
  <si>
    <t>5889950.0</t>
  </si>
  <si>
    <t>3674839.0</t>
  </si>
  <si>
    <t>219574.0</t>
  </si>
  <si>
    <t>106079.0</t>
  </si>
  <si>
    <t>3491747.0</t>
  </si>
  <si>
    <t>179.311</t>
  </si>
  <si>
    <t>3493370.0</t>
  </si>
  <si>
    <t>179.394</t>
  </si>
  <si>
    <t>6032028.0</t>
  </si>
  <si>
    <t>3763926.0</t>
  </si>
  <si>
    <t>115204.0</t>
  </si>
  <si>
    <t>3496254.0</t>
  </si>
  <si>
    <t>179.543</t>
  </si>
  <si>
    <t>6075116.0</t>
  </si>
  <si>
    <t>3791388.0</t>
  </si>
  <si>
    <t>117635.0</t>
  </si>
  <si>
    <t>3499186.0</t>
  </si>
  <si>
    <t>6209931.0</t>
  </si>
  <si>
    <t>3878201.0</t>
  </si>
  <si>
    <t>134815.0</t>
  </si>
  <si>
    <t>3501449.0</t>
  </si>
  <si>
    <t>3504021.0</t>
  </si>
  <si>
    <t>179.941</t>
  </si>
  <si>
    <t>3506348.0</t>
  </si>
  <si>
    <t>180.061</t>
  </si>
  <si>
    <t>3507848.0</t>
  </si>
  <si>
    <t>61733.0</t>
  </si>
  <si>
    <t>3509233.0</t>
  </si>
  <si>
    <t>180.209</t>
  </si>
  <si>
    <t>3511686.0</t>
  </si>
  <si>
    <t>180.335</t>
  </si>
  <si>
    <t>63588.0</t>
  </si>
  <si>
    <t>3514038.0</t>
  </si>
  <si>
    <t>180.456</t>
  </si>
  <si>
    <t>51717.0</t>
  </si>
  <si>
    <t>6675386.0</t>
  </si>
  <si>
    <t>4165002.0</t>
  </si>
  <si>
    <t>48441.0</t>
  </si>
  <si>
    <t>38612.0</t>
  </si>
  <si>
    <t>6819302.0</t>
  </si>
  <si>
    <t>4260578.0</t>
  </si>
  <si>
    <t>6917310.0</t>
  </si>
  <si>
    <t>4329422.0</t>
  </si>
  <si>
    <t>7103097.0</t>
  </si>
  <si>
    <t>4458897.0</t>
  </si>
  <si>
    <t>7199179.0</t>
  </si>
  <si>
    <t>4528604.0</t>
  </si>
  <si>
    <t>34004.0</t>
  </si>
  <si>
    <t>7339206.0</t>
  </si>
  <si>
    <t>4623275.0</t>
  </si>
  <si>
    <t>7404709.0</t>
  </si>
  <si>
    <t>4668257.0</t>
  </si>
  <si>
    <t>65503.0</t>
  </si>
  <si>
    <t>7457234.0</t>
  </si>
  <si>
    <t>4703626.0</t>
  </si>
  <si>
    <t>26667.0</t>
  </si>
  <si>
    <t>7617402.0</t>
  </si>
  <si>
    <t>4811556.0</t>
  </si>
  <si>
    <t>7789944.0</t>
  </si>
  <si>
    <t>4921621.0</t>
  </si>
  <si>
    <t>8130436.0</t>
  </si>
  <si>
    <t>5158680.0</t>
  </si>
  <si>
    <t>49930.0</t>
  </si>
  <si>
    <t>7540676.0</t>
  </si>
  <si>
    <t>40825.0</t>
  </si>
  <si>
    <t>8698573.0</t>
  </si>
  <si>
    <t>5552521.0</t>
  </si>
  <si>
    <t>8721321.0</t>
  </si>
  <si>
    <t>5568318.0</t>
  </si>
  <si>
    <t>8777822.0</t>
  </si>
  <si>
    <t>5606596.0</t>
  </si>
  <si>
    <t>8830640.0</t>
  </si>
  <si>
    <t>5642960.0</t>
  </si>
  <si>
    <t>8922075.0</t>
  </si>
  <si>
    <t>5709477.0</t>
  </si>
  <si>
    <t>9107742.0</t>
  </si>
  <si>
    <t>5852234.0</t>
  </si>
  <si>
    <t>9202035.0</t>
  </si>
  <si>
    <t>5926723.0</t>
  </si>
  <si>
    <t>16751.0</t>
  </si>
  <si>
    <t>9408734.0</t>
  </si>
  <si>
    <t>6096991.0</t>
  </si>
  <si>
    <t>28962.0</t>
  </si>
  <si>
    <t>58942.0</t>
  </si>
  <si>
    <t>64938.0</t>
  </si>
  <si>
    <t>10447737.0</t>
  </si>
  <si>
    <t>6896924.0</t>
  </si>
  <si>
    <t>103388.0</t>
  </si>
  <si>
    <t>141839.0</t>
  </si>
  <si>
    <t>11450011.0</t>
  </si>
  <si>
    <t>7655682.0</t>
  </si>
  <si>
    <t>180289.0</t>
  </si>
  <si>
    <t>179179.0</t>
  </si>
  <si>
    <t>178069.0</t>
  </si>
  <si>
    <t>175849.0</t>
  </si>
  <si>
    <t>136288.0</t>
  </si>
  <si>
    <t>96727.0</t>
  </si>
  <si>
    <t>11907343.0</t>
  </si>
  <si>
    <t>8005103.0</t>
  </si>
  <si>
    <t>12008116.0</t>
  </si>
  <si>
    <t>8082705.0</t>
  </si>
  <si>
    <t>49890.0</t>
  </si>
  <si>
    <t>12146645.0</t>
  </si>
  <si>
    <t>8190660.0</t>
  </si>
  <si>
    <t>10701845.0</t>
  </si>
  <si>
    <t>10802844.0</t>
  </si>
  <si>
    <t>12583850.0</t>
  </si>
  <si>
    <t>8555745.0</t>
  </si>
  <si>
    <t>ZWE</t>
  </si>
  <si>
    <t>Zimbabwe</t>
  </si>
  <si>
    <t>1051.3</t>
  </si>
  <si>
    <t>421.5</t>
  </si>
  <si>
    <t>26857.0</t>
  </si>
  <si>
    <t>35346.0</t>
  </si>
  <si>
    <t>36399.0</t>
  </si>
  <si>
    <t>38021.0</t>
  </si>
  <si>
    <t>39116.0</t>
  </si>
  <si>
    <t>42532.0</t>
  </si>
  <si>
    <t>43608.0</t>
  </si>
  <si>
    <t>53346.0</t>
  </si>
  <si>
    <t>54831.0</t>
  </si>
  <si>
    <t>60132.0</t>
  </si>
  <si>
    <t>64634.0</t>
  </si>
  <si>
    <t>69103.0</t>
  </si>
  <si>
    <t>71608.0</t>
  </si>
  <si>
    <t>74424.0</t>
  </si>
  <si>
    <t>76219.0</t>
  </si>
  <si>
    <t>77630.0</t>
  </si>
  <si>
    <t>78738.0</t>
  </si>
  <si>
    <t>87885.0</t>
  </si>
  <si>
    <t>89695.0</t>
  </si>
  <si>
    <t>91548.0</t>
  </si>
  <si>
    <t>93892.0</t>
  </si>
  <si>
    <t>97272.0</t>
  </si>
  <si>
    <t>98988.0</t>
  </si>
  <si>
    <t>99824.0</t>
  </si>
  <si>
    <t>100837.0</t>
  </si>
  <si>
    <t>102871.0</t>
  </si>
  <si>
    <t>103790.0</t>
  </si>
  <si>
    <t>104455.0</t>
  </si>
  <si>
    <t>107414.0</t>
  </si>
  <si>
    <t>108465.0</t>
  </si>
  <si>
    <t>109654.0</t>
  </si>
  <si>
    <t>110370.0</t>
  </si>
  <si>
    <t>111421.0</t>
  </si>
  <si>
    <t>112432.0</t>
  </si>
  <si>
    <t>113187.0</t>
  </si>
  <si>
    <t>113726.0</t>
  </si>
  <si>
    <t>114617.0</t>
  </si>
  <si>
    <t>115254.0</t>
  </si>
  <si>
    <t>115884.0</t>
  </si>
  <si>
    <t>116605.0</t>
  </si>
  <si>
    <t>117272.0</t>
  </si>
  <si>
    <t>117815.0</t>
  </si>
  <si>
    <t>118557.0</t>
  </si>
  <si>
    <t>119024.0</t>
  </si>
  <si>
    <t>122789.0</t>
  </si>
  <si>
    <t>123688.0</t>
  </si>
  <si>
    <t>125376.0</t>
  </si>
  <si>
    <t>125499.0</t>
  </si>
  <si>
    <t>126103.0</t>
  </si>
  <si>
    <t>127181.0</t>
  </si>
  <si>
    <t>127769.0</t>
  </si>
  <si>
    <t>8.078</t>
  </si>
  <si>
    <t>129817.0</t>
  </si>
  <si>
    <t>130621.0</t>
  </si>
  <si>
    <t>130884.0</t>
  </si>
  <si>
    <t>131448.0</t>
  </si>
  <si>
    <t>132239.0</t>
  </si>
  <si>
    <t>133044.0</t>
  </si>
  <si>
    <t>134910.0</t>
  </si>
  <si>
    <t>135536.0</t>
  </si>
  <si>
    <t>137050.0</t>
  </si>
  <si>
    <t>138100.0</t>
  </si>
  <si>
    <t>138671.0</t>
  </si>
  <si>
    <t>139814.0</t>
  </si>
  <si>
    <t>140725.0</t>
  </si>
  <si>
    <t>141980.0</t>
  </si>
  <si>
    <t>142590.0</t>
  </si>
  <si>
    <t>144189.0</t>
  </si>
  <si>
    <t>145044.0</t>
  </si>
  <si>
    <t>145800.0</t>
  </si>
  <si>
    <t>146487.0</t>
  </si>
  <si>
    <t>147766.0</t>
  </si>
  <si>
    <t>9.239</t>
  </si>
  <si>
    <t>148917.0</t>
  </si>
  <si>
    <t>150616.0</t>
  </si>
  <si>
    <t>9.417</t>
  </si>
  <si>
    <t>151708.0</t>
  </si>
  <si>
    <t>9.522</t>
  </si>
  <si>
    <t>153248.0</t>
  </si>
  <si>
    <t>154971.0</t>
  </si>
  <si>
    <t>157340.0</t>
  </si>
  <si>
    <t>158290.0</t>
  </si>
  <si>
    <t>158894.0</t>
  </si>
  <si>
    <t>160298.0</t>
  </si>
  <si>
    <t>162849.0</t>
  </si>
  <si>
    <t>10.182</t>
  </si>
  <si>
    <t>164619.0</t>
  </si>
  <si>
    <t>165526.0</t>
  </si>
  <si>
    <t>167247.0</t>
  </si>
  <si>
    <t>10.518</t>
  </si>
  <si>
    <t>169009.0</t>
  </si>
  <si>
    <t>10.567</t>
  </si>
  <si>
    <t>170038.0</t>
  </si>
  <si>
    <t>171900.0</t>
  </si>
  <si>
    <t>174916.0</t>
  </si>
  <si>
    <t>176493.0</t>
  </si>
  <si>
    <t>177041.0</t>
  </si>
  <si>
    <t>178311.0</t>
  </si>
  <si>
    <t>181817.0</t>
  </si>
  <si>
    <t>183520.0</t>
  </si>
  <si>
    <t>186328.0</t>
  </si>
  <si>
    <t>189141.0</t>
  </si>
  <si>
    <t>11.826</t>
  </si>
  <si>
    <t>189700.0</t>
  </si>
  <si>
    <t>11.861</t>
  </si>
  <si>
    <t>193011.0</t>
  </si>
  <si>
    <t>196747.0</t>
  </si>
  <si>
    <t>200096.0</t>
  </si>
  <si>
    <t>203022.0</t>
  </si>
  <si>
    <t>12.694</t>
  </si>
  <si>
    <t>204892.0</t>
  </si>
  <si>
    <t>12.811</t>
  </si>
  <si>
    <t>207776.0</t>
  </si>
  <si>
    <t>208791.0</t>
  </si>
  <si>
    <t>209742.0</t>
  </si>
  <si>
    <t>212115.0</t>
  </si>
  <si>
    <t>214577.0</t>
  </si>
  <si>
    <t>219933.0</t>
  </si>
  <si>
    <t>225080.0</t>
  </si>
  <si>
    <t>14.073</t>
  </si>
  <si>
    <t>226954.0</t>
  </si>
  <si>
    <t>231834.0</t>
  </si>
  <si>
    <t>14.495</t>
  </si>
  <si>
    <t>240356.0</t>
  </si>
  <si>
    <t>243102.0</t>
  </si>
  <si>
    <t>15.388</t>
  </si>
  <si>
    <t>251048.0</t>
  </si>
  <si>
    <t>15.697</t>
  </si>
  <si>
    <t>257028.0</t>
  </si>
  <si>
    <t>16.071</t>
  </si>
  <si>
    <t>260535.0</t>
  </si>
  <si>
    <t>263641.0</t>
  </si>
  <si>
    <t>267027.0</t>
  </si>
  <si>
    <t>270597.0</t>
  </si>
  <si>
    <t>275911.0</t>
  </si>
  <si>
    <t>280636.0</t>
  </si>
  <si>
    <t>285054.0</t>
  </si>
  <si>
    <t>17.823</t>
  </si>
  <si>
    <t>288311.0</t>
  </si>
  <si>
    <t>18.027</t>
  </si>
  <si>
    <t>292140.0</t>
  </si>
  <si>
    <t>294685.0</t>
  </si>
  <si>
    <t>296996.0</t>
  </si>
  <si>
    <t>299370.0</t>
  </si>
  <si>
    <t>302431.0</t>
  </si>
  <si>
    <t>310261.0</t>
  </si>
  <si>
    <t>19.399</t>
  </si>
  <si>
    <t>314513.0</t>
  </si>
  <si>
    <t>19.665</t>
  </si>
  <si>
    <t>316498.0</t>
  </si>
  <si>
    <t>318260.0</t>
  </si>
  <si>
    <t>320693.0</t>
  </si>
  <si>
    <t>20.051</t>
  </si>
  <si>
    <t>324853.0</t>
  </si>
  <si>
    <t>327682.0</t>
  </si>
  <si>
    <t>330758.0</t>
  </si>
  <si>
    <t>333403.0</t>
  </si>
  <si>
    <t>335489.0</t>
  </si>
  <si>
    <t>339110.0</t>
  </si>
  <si>
    <t>341557.0</t>
  </si>
  <si>
    <t>21.356</t>
  </si>
  <si>
    <t>345118.0</t>
  </si>
  <si>
    <t>21.579</t>
  </si>
  <si>
    <t>347355.0</t>
  </si>
  <si>
    <t>21.718</t>
  </si>
  <si>
    <t>349436.0</t>
  </si>
  <si>
    <t>350754.0</t>
  </si>
  <si>
    <t>21.931</t>
  </si>
  <si>
    <t>352833.0</t>
  </si>
  <si>
    <t>354314.0</t>
  </si>
  <si>
    <t>357444.0</t>
  </si>
  <si>
    <t>22.349</t>
  </si>
  <si>
    <t>359507.0</t>
  </si>
  <si>
    <t>363485.0</t>
  </si>
  <si>
    <t>365870.0</t>
  </si>
  <si>
    <t>22.876</t>
  </si>
  <si>
    <t>367306.0</t>
  </si>
  <si>
    <t>22.966</t>
  </si>
  <si>
    <t>368518.0</t>
  </si>
  <si>
    <t>372034.0</t>
  </si>
  <si>
    <t>373838.0</t>
  </si>
  <si>
    <t>23.374</t>
  </si>
  <si>
    <t>376803.0</t>
  </si>
  <si>
    <t>378944.0</t>
  </si>
  <si>
    <t>23.694</t>
  </si>
  <si>
    <t>380246.0</t>
  </si>
  <si>
    <t>381160.0</t>
  </si>
  <si>
    <t>385408.0</t>
  </si>
  <si>
    <t>24.098</t>
  </si>
  <si>
    <t>387311.0</t>
  </si>
  <si>
    <t>389365.0</t>
  </si>
  <si>
    <t>30915.0</t>
  </si>
  <si>
    <t>390899.0</t>
  </si>
  <si>
    <t>24.441</t>
  </si>
  <si>
    <t>392499.0</t>
  </si>
  <si>
    <t>24.575</t>
  </si>
  <si>
    <t>394798.0</t>
  </si>
  <si>
    <t>396854.0</t>
  </si>
  <si>
    <t>24.813</t>
  </si>
  <si>
    <t>399018.0</t>
  </si>
  <si>
    <t>400724.0</t>
  </si>
  <si>
    <t>402833.0</t>
  </si>
  <si>
    <t>403468.0</t>
  </si>
  <si>
    <t>404595.0</t>
  </si>
  <si>
    <t>25.297</t>
  </si>
  <si>
    <t>406286.0</t>
  </si>
  <si>
    <t>408348.0</t>
  </si>
  <si>
    <t>25.532</t>
  </si>
  <si>
    <t>409858.0</t>
  </si>
  <si>
    <t>412342.0</t>
  </si>
  <si>
    <t>414628.0</t>
  </si>
  <si>
    <t>415372.0</t>
  </si>
  <si>
    <t>42756.0</t>
  </si>
  <si>
    <t>416032.0</t>
  </si>
  <si>
    <t>26.013</t>
  </si>
  <si>
    <t>418374.0</t>
  </si>
  <si>
    <t>26.159</t>
  </si>
  <si>
    <t>420117.0</t>
  </si>
  <si>
    <t>26.268</t>
  </si>
  <si>
    <t>423635.0</t>
  </si>
  <si>
    <t>26.488</t>
  </si>
  <si>
    <t>49950.0</t>
  </si>
  <si>
    <t>26.608</t>
  </si>
  <si>
    <t>428623.0</t>
  </si>
  <si>
    <t>430613.0</t>
  </si>
  <si>
    <t>73977.0</t>
  </si>
  <si>
    <t>66012.0</t>
  </si>
  <si>
    <t>431711.0</t>
  </si>
  <si>
    <t>433178.0</t>
  </si>
  <si>
    <t>27.085</t>
  </si>
  <si>
    <t>82156.0</t>
  </si>
  <si>
    <t>435853.0</t>
  </si>
  <si>
    <t>437293.0</t>
  </si>
  <si>
    <t>92426.0</t>
  </si>
  <si>
    <t>77541.0</t>
  </si>
  <si>
    <t>439630.0</t>
  </si>
  <si>
    <t>27.488</t>
  </si>
  <si>
    <t>105853.0</t>
  </si>
  <si>
    <t>88337.0</t>
  </si>
  <si>
    <t>440992.0</t>
  </si>
  <si>
    <t>125299.0</t>
  </si>
  <si>
    <t>104361.0</t>
  </si>
  <si>
    <t>442073.0</t>
  </si>
  <si>
    <t>27.641</t>
  </si>
  <si>
    <t>133461.0</t>
  </si>
  <si>
    <t>112134.0</t>
  </si>
  <si>
    <t>443188.0</t>
  </si>
  <si>
    <t>117843.0</t>
  </si>
  <si>
    <t>444359.0</t>
  </si>
  <si>
    <t>146056.0</t>
  </si>
  <si>
    <t>445963.0</t>
  </si>
  <si>
    <t>139133.0</t>
  </si>
  <si>
    <t>10889.0</t>
  </si>
  <si>
    <t>449264.0</t>
  </si>
  <si>
    <t>179417.0</t>
  </si>
  <si>
    <t>451105.0</t>
  </si>
  <si>
    <t>28.205</t>
  </si>
  <si>
    <t>154566.0</t>
  </si>
  <si>
    <t>453512.0</t>
  </si>
  <si>
    <t>194228.0</t>
  </si>
  <si>
    <t>455679.0</t>
  </si>
  <si>
    <t>210756.0</t>
  </si>
  <si>
    <t>181959.0</t>
  </si>
  <si>
    <t>456936.0</t>
  </si>
  <si>
    <t>182617.0</t>
  </si>
  <si>
    <t>222602.0</t>
  </si>
  <si>
    <t>459997.0</t>
  </si>
  <si>
    <t>250151.0</t>
  </si>
  <si>
    <t>219655.0</t>
  </si>
  <si>
    <t>465083.0</t>
  </si>
  <si>
    <t>292724.0</t>
  </si>
  <si>
    <t>257755.0</t>
  </si>
  <si>
    <t>467104.0</t>
  </si>
  <si>
    <t>29.206</t>
  </si>
  <si>
    <t>264118.0</t>
  </si>
  <si>
    <t>470526.0</t>
  </si>
  <si>
    <t>305014.0</t>
  </si>
  <si>
    <t>268591.0</t>
  </si>
  <si>
    <t>472389.0</t>
  </si>
  <si>
    <t>474882.0</t>
  </si>
  <si>
    <t>29.692</t>
  </si>
  <si>
    <t>313030.0</t>
  </si>
  <si>
    <t>476812.0</t>
  </si>
  <si>
    <t>29.813</t>
  </si>
  <si>
    <t>332929.0</t>
  </si>
  <si>
    <t>295584.0</t>
  </si>
  <si>
    <t>478757.0</t>
  </si>
  <si>
    <t>480089.0</t>
  </si>
  <si>
    <t>30.018</t>
  </si>
  <si>
    <t>347115.0</t>
  </si>
  <si>
    <t>307245.0</t>
  </si>
  <si>
    <t>481672.0</t>
  </si>
  <si>
    <t>30.117</t>
  </si>
  <si>
    <t>371717.0</t>
  </si>
  <si>
    <t>47231.0</t>
  </si>
  <si>
    <t>30.197</t>
  </si>
  <si>
    <t>389636.0</t>
  </si>
  <si>
    <t>336598.0</t>
  </si>
  <si>
    <t>484446.0</t>
  </si>
  <si>
    <t>411228.0</t>
  </si>
  <si>
    <t>353832.0</t>
  </si>
  <si>
    <t>486801.0</t>
  </si>
  <si>
    <t>30.437</t>
  </si>
  <si>
    <t>433917.0</t>
  </si>
  <si>
    <t>370674.0</t>
  </si>
  <si>
    <t>22689.0</t>
  </si>
  <si>
    <t>17270.0</t>
  </si>
  <si>
    <t>30.564</t>
  </si>
  <si>
    <t>457991.0</t>
  </si>
  <si>
    <t>388019.0</t>
  </si>
  <si>
    <t>491010.0</t>
  </si>
  <si>
    <t>30.701</t>
  </si>
  <si>
    <t>500320.0</t>
  </si>
  <si>
    <t>414733.0</t>
  </si>
  <si>
    <t>493004.0</t>
  </si>
  <si>
    <t>494850.0</t>
  </si>
  <si>
    <t>520277.0</t>
  </si>
  <si>
    <t>428133.0</t>
  </si>
  <si>
    <t>92144.0</t>
  </si>
  <si>
    <t>31.011</t>
  </si>
  <si>
    <t>524177.0</t>
  </si>
  <si>
    <t>430066.0</t>
  </si>
  <si>
    <t>94111.0</t>
  </si>
  <si>
    <t>497878.0</t>
  </si>
  <si>
    <t>537494.0</t>
  </si>
  <si>
    <t>437749.0</t>
  </si>
  <si>
    <t>499394.0</t>
  </si>
  <si>
    <t>31.225</t>
  </si>
  <si>
    <t>559755.0</t>
  </si>
  <si>
    <t>452189.0</t>
  </si>
  <si>
    <t>107566.0</t>
  </si>
  <si>
    <t>502216.0</t>
  </si>
  <si>
    <t>576211.0</t>
  </si>
  <si>
    <t>461021.0</t>
  </si>
  <si>
    <t>115190.0</t>
  </si>
  <si>
    <t>505576.0</t>
  </si>
  <si>
    <t>31.611</t>
  </si>
  <si>
    <t>607333.0</t>
  </si>
  <si>
    <t>478172.0</t>
  </si>
  <si>
    <t>129161.0</t>
  </si>
  <si>
    <t>506977.0</t>
  </si>
  <si>
    <t>31.699</t>
  </si>
  <si>
    <t>640740.0</t>
  </si>
  <si>
    <t>500420.0</t>
  </si>
  <si>
    <t>508747.0</t>
  </si>
  <si>
    <t>657816.0</t>
  </si>
  <si>
    <t>509272.0</t>
  </si>
  <si>
    <t>510047.0</t>
  </si>
  <si>
    <t>31.891</t>
  </si>
  <si>
    <t>684221.0</t>
  </si>
  <si>
    <t>526064.0</t>
  </si>
  <si>
    <t>158157.0</t>
  </si>
  <si>
    <t>512143.0</t>
  </si>
  <si>
    <t>32.022</t>
  </si>
  <si>
    <t>690631.0</t>
  </si>
  <si>
    <t>529358.0</t>
  </si>
  <si>
    <t>161273.0</t>
  </si>
  <si>
    <t>514261.0</t>
  </si>
  <si>
    <t>32.154</t>
  </si>
  <si>
    <t>709750.0</t>
  </si>
  <si>
    <t>539524.0</t>
  </si>
  <si>
    <t>170226.0</t>
  </si>
  <si>
    <t>516100.0</t>
  </si>
  <si>
    <t>730343.0</t>
  </si>
  <si>
    <t>549795.0</t>
  </si>
  <si>
    <t>180548.0</t>
  </si>
  <si>
    <t>518561.0</t>
  </si>
  <si>
    <t>751998.0</t>
  </si>
  <si>
    <t>559873.0</t>
  </si>
  <si>
    <t>192125.0</t>
  </si>
  <si>
    <t>520292.0</t>
  </si>
  <si>
    <t>775219.0</t>
  </si>
  <si>
    <t>571458.0</t>
  </si>
  <si>
    <t>203761.0</t>
  </si>
  <si>
    <t>522314.0</t>
  </si>
  <si>
    <t>32.658</t>
  </si>
  <si>
    <t>793289.0</t>
  </si>
  <si>
    <t>579767.0</t>
  </si>
  <si>
    <t>213522.0</t>
  </si>
  <si>
    <t>523224.0</t>
  </si>
  <si>
    <t>32.715</t>
  </si>
  <si>
    <t>796925.0</t>
  </si>
  <si>
    <t>581613.0</t>
  </si>
  <si>
    <t>215312.0</t>
  </si>
  <si>
    <t>525058.0</t>
  </si>
  <si>
    <t>32.829</t>
  </si>
  <si>
    <t>814236.0</t>
  </si>
  <si>
    <t>591806.0</t>
  </si>
  <si>
    <t>222430.0</t>
  </si>
  <si>
    <t>527212.0</t>
  </si>
  <si>
    <t>32.964</t>
  </si>
  <si>
    <t>831932.0</t>
  </si>
  <si>
    <t>600577.0</t>
  </si>
  <si>
    <t>231355.0</t>
  </si>
  <si>
    <t>530325.0</t>
  </si>
  <si>
    <t>33.159</t>
  </si>
  <si>
    <t>615294.0</t>
  </si>
  <si>
    <t>252080.0</t>
  </si>
  <si>
    <t>532459.0</t>
  </si>
  <si>
    <t>33.292</t>
  </si>
  <si>
    <t>534301.0</t>
  </si>
  <si>
    <t>33.407</t>
  </si>
  <si>
    <t>630346.0</t>
  </si>
  <si>
    <t>273705.0</t>
  </si>
  <si>
    <t>535891.0</t>
  </si>
  <si>
    <t>536751.0</t>
  </si>
  <si>
    <t>911011.0</t>
  </si>
  <si>
    <t>632494.0</t>
  </si>
  <si>
    <t>539352.0</t>
  </si>
  <si>
    <t>33.723</t>
  </si>
  <si>
    <t>927968.0</t>
  </si>
  <si>
    <t>639551.0</t>
  </si>
  <si>
    <t>288417.0</t>
  </si>
  <si>
    <t>540768.0</t>
  </si>
  <si>
    <t>33.914</t>
  </si>
  <si>
    <t>937018.0</t>
  </si>
  <si>
    <t>643529.0</t>
  </si>
  <si>
    <t>293489.0</t>
  </si>
  <si>
    <t>544556.0</t>
  </si>
  <si>
    <t>34.049</t>
  </si>
  <si>
    <t>953367.0</t>
  </si>
  <si>
    <t>648119.0</t>
  </si>
  <si>
    <t>305248.0</t>
  </si>
  <si>
    <t>16349.0</t>
  </si>
  <si>
    <t>546389.0</t>
  </si>
  <si>
    <t>976774.0</t>
  </si>
  <si>
    <t>656628.0</t>
  </si>
  <si>
    <t>320146.0</t>
  </si>
  <si>
    <t>23407.0</t>
  </si>
  <si>
    <t>548421.0</t>
  </si>
  <si>
    <t>1002443.0</t>
  </si>
  <si>
    <t>666784.0</t>
  </si>
  <si>
    <t>335659.0</t>
  </si>
  <si>
    <t>549183.0</t>
  </si>
  <si>
    <t>34.338</t>
  </si>
  <si>
    <t>1011951.0</t>
  </si>
  <si>
    <t>670753.0</t>
  </si>
  <si>
    <t>341198.0</t>
  </si>
  <si>
    <t>550821.0</t>
  </si>
  <si>
    <t>1020056.0</t>
  </si>
  <si>
    <t>675676.0</t>
  </si>
  <si>
    <t>344380.0</t>
  </si>
  <si>
    <t>553197.0</t>
  </si>
  <si>
    <t>1031259.0</t>
  </si>
  <si>
    <t>678001.0</t>
  </si>
  <si>
    <t>353258.0</t>
  </si>
  <si>
    <t>555779.0</t>
  </si>
  <si>
    <t>1040192.0</t>
  </si>
  <si>
    <t>682240.0</t>
  </si>
  <si>
    <t>357952.0</t>
  </si>
  <si>
    <t>557596.0</t>
  </si>
  <si>
    <t>34.864</t>
  </si>
  <si>
    <t>1048482.0</t>
  </si>
  <si>
    <t>684162.0</t>
  </si>
  <si>
    <t>364320.0</t>
  </si>
  <si>
    <t>35.007</t>
  </si>
  <si>
    <t>1056216.0</t>
  </si>
  <si>
    <t>685562.0</t>
  </si>
  <si>
    <t>370654.0</t>
  </si>
  <si>
    <t>35.128</t>
  </si>
  <si>
    <t>1061929.0</t>
  </si>
  <si>
    <t>686634.0</t>
  </si>
  <si>
    <t>375295.0</t>
  </si>
  <si>
    <t>562867.0</t>
  </si>
  <si>
    <t>35.193</t>
  </si>
  <si>
    <t>1068085.0</t>
  </si>
  <si>
    <t>687319.0</t>
  </si>
  <si>
    <t>380766.0</t>
  </si>
  <si>
    <t>564986.0</t>
  </si>
  <si>
    <t>35.326</t>
  </si>
  <si>
    <t>1073949.0</t>
  </si>
  <si>
    <t>688694.0</t>
  </si>
  <si>
    <t>385255.0</t>
  </si>
  <si>
    <t>567969.0</t>
  </si>
  <si>
    <t>35.512</t>
  </si>
  <si>
    <t>1078787.0</t>
  </si>
  <si>
    <t>689395.0</t>
  </si>
  <si>
    <t>389392.0</t>
  </si>
  <si>
    <t>35.727</t>
  </si>
  <si>
    <t>1083961.0</t>
  </si>
  <si>
    <t>689918.0</t>
  </si>
  <si>
    <t>394043.0</t>
  </si>
  <si>
    <t>574237.0</t>
  </si>
  <si>
    <t>35.904</t>
  </si>
  <si>
    <t>1089484.0</t>
  </si>
  <si>
    <t>690450.0</t>
  </si>
  <si>
    <t>399034.0</t>
  </si>
  <si>
    <t>576870.0</t>
  </si>
  <si>
    <t>1103376.0</t>
  </si>
  <si>
    <t>692178.0</t>
  </si>
  <si>
    <t>411198.0</t>
  </si>
  <si>
    <t>579507.0</t>
  </si>
  <si>
    <t>36.234</t>
  </si>
  <si>
    <t>580870.0</t>
  </si>
  <si>
    <t>1107036.0</t>
  </si>
  <si>
    <t>693145.0</t>
  </si>
  <si>
    <t>413891.0</t>
  </si>
  <si>
    <t>583791.0</t>
  </si>
  <si>
    <t>1108181.0</t>
  </si>
  <si>
    <t>693566.0</t>
  </si>
  <si>
    <t>414615.0</t>
  </si>
  <si>
    <t>585790.0</t>
  </si>
  <si>
    <t>36.627</t>
  </si>
  <si>
    <t>1113456.0</t>
  </si>
  <si>
    <t>694728.0</t>
  </si>
  <si>
    <t>418728.0</t>
  </si>
  <si>
    <t>587915.0</t>
  </si>
  <si>
    <t>1120851.0</t>
  </si>
  <si>
    <t>697397.0</t>
  </si>
  <si>
    <t>423454.0</t>
  </si>
  <si>
    <t>591453.0</t>
  </si>
  <si>
    <t>36.981</t>
  </si>
  <si>
    <t>1126065.0</t>
  </si>
  <si>
    <t>698951.0</t>
  </si>
  <si>
    <t>595272.0</t>
  </si>
  <si>
    <t>1133898.0</t>
  </si>
  <si>
    <t>701346.0</t>
  </si>
  <si>
    <t>432552.0</t>
  </si>
  <si>
    <t>597849.0</t>
  </si>
  <si>
    <t>37.381</t>
  </si>
  <si>
    <t>599049.0</t>
  </si>
  <si>
    <t>1138711.0</t>
  </si>
  <si>
    <t>703063.0</t>
  </si>
  <si>
    <t>435648.0</t>
  </si>
  <si>
    <t>602169.0</t>
  </si>
  <si>
    <t>1140830.0</t>
  </si>
  <si>
    <t>703999.0</t>
  </si>
  <si>
    <t>436831.0</t>
  </si>
  <si>
    <t>608692.0</t>
  </si>
  <si>
    <t>38.059</t>
  </si>
  <si>
    <t>1146356.0</t>
  </si>
  <si>
    <t>706156.0</t>
  </si>
  <si>
    <t>440200.0</t>
  </si>
  <si>
    <t>614408.0</t>
  </si>
  <si>
    <t>1166827.0</t>
  </si>
  <si>
    <t>715054.0</t>
  </si>
  <si>
    <t>451773.0</t>
  </si>
  <si>
    <t>619296.0</t>
  </si>
  <si>
    <t>38.722</t>
  </si>
  <si>
    <t>1193293.0</t>
  </si>
  <si>
    <t>725580.0</t>
  </si>
  <si>
    <t>467713.0</t>
  </si>
  <si>
    <t>622416.0</t>
  </si>
  <si>
    <t>38.917</t>
  </si>
  <si>
    <t>1221895.0</t>
  </si>
  <si>
    <t>737481.0</t>
  </si>
  <si>
    <t>626966.0</t>
  </si>
  <si>
    <t>1249486.0</t>
  </si>
  <si>
    <t>747328.0</t>
  </si>
  <si>
    <t>502158.0</t>
  </si>
  <si>
    <t>630969.0</t>
  </si>
  <si>
    <t>39.452</t>
  </si>
  <si>
    <t>1275237.0</t>
  </si>
  <si>
    <t>756289.0</t>
  </si>
  <si>
    <t>518948.0</t>
  </si>
  <si>
    <t>634038.0</t>
  </si>
  <si>
    <t>1299132.0</t>
  </si>
  <si>
    <t>764246.0</t>
  </si>
  <si>
    <t>534886.0</t>
  </si>
  <si>
    <t>642887.0</t>
  </si>
  <si>
    <t>770707.0</t>
  </si>
  <si>
    <t>544868.0</t>
  </si>
  <si>
    <t>653586.0</t>
  </si>
  <si>
    <t>1332416.0</t>
  </si>
  <si>
    <t>777159.0</t>
  </si>
  <si>
    <t>555257.0</t>
  </si>
  <si>
    <t>664504.0</t>
  </si>
  <si>
    <t>41.548</t>
  </si>
  <si>
    <t>1341938.0</t>
  </si>
  <si>
    <t>559242.0</t>
  </si>
  <si>
    <t>674165.0</t>
  </si>
  <si>
    <t>42.152</t>
  </si>
  <si>
    <t>1352698.0</t>
  </si>
  <si>
    <t>788004.0</t>
  </si>
  <si>
    <t>564694.0</t>
  </si>
  <si>
    <t>680106.0</t>
  </si>
  <si>
    <t>42.524</t>
  </si>
  <si>
    <t>1359567.0</t>
  </si>
  <si>
    <t>791901.0</t>
  </si>
  <si>
    <t>567666.0</t>
  </si>
  <si>
    <t>683467.0</t>
  </si>
  <si>
    <t>42.734</t>
  </si>
  <si>
    <t>1361190.0</t>
  </si>
  <si>
    <t>793077.0</t>
  </si>
  <si>
    <t>568113.0</t>
  </si>
  <si>
    <t>42.961</t>
  </si>
  <si>
    <t>1369416.0</t>
  </si>
  <si>
    <t>797715.0</t>
  </si>
  <si>
    <t>571701.0</t>
  </si>
  <si>
    <t>697700.0</t>
  </si>
  <si>
    <t>1382547.0</t>
  </si>
  <si>
    <t>807633.0</t>
  </si>
  <si>
    <t>574914.0</t>
  </si>
  <si>
    <t>708062.0</t>
  </si>
  <si>
    <t>44.272</t>
  </si>
  <si>
    <t>1398737.0</t>
  </si>
  <si>
    <t>819058.0</t>
  </si>
  <si>
    <t>579679.0</t>
  </si>
  <si>
    <t>720873.0</t>
  </si>
  <si>
    <t>1463995.0</t>
  </si>
  <si>
    <t>875182.0</t>
  </si>
  <si>
    <t>588813.0</t>
  </si>
  <si>
    <t>730864.0</t>
  </si>
  <si>
    <t>45.697</t>
  </si>
  <si>
    <t>741107.0</t>
  </si>
  <si>
    <t>46.338</t>
  </si>
  <si>
    <t>1477120.0</t>
  </si>
  <si>
    <t>886619.0</t>
  </si>
  <si>
    <t>590501.0</t>
  </si>
  <si>
    <t>745612.0</t>
  </si>
  <si>
    <t>1491397.0</t>
  </si>
  <si>
    <t>895980.0</t>
  </si>
  <si>
    <t>595417.0</t>
  </si>
  <si>
    <t>752649.0</t>
  </si>
  <si>
    <t>1531868.0</t>
  </si>
  <si>
    <t>926312.0</t>
  </si>
  <si>
    <t>605556.0</t>
  </si>
  <si>
    <t>18371.0</t>
  </si>
  <si>
    <t>766460.0</t>
  </si>
  <si>
    <t>47.923</t>
  </si>
  <si>
    <t>1613640.0</t>
  </si>
  <si>
    <t>988746.0</t>
  </si>
  <si>
    <t>624894.0</t>
  </si>
  <si>
    <t>779064.0</t>
  </si>
  <si>
    <t>48.711</t>
  </si>
  <si>
    <t>799695.0</t>
  </si>
  <si>
    <t>50.001</t>
  </si>
  <si>
    <t>1731740.0</t>
  </si>
  <si>
    <t>635738.0</t>
  </si>
  <si>
    <t>811342.0</t>
  </si>
  <si>
    <t>821910.0</t>
  </si>
  <si>
    <t>1771434.0</t>
  </si>
  <si>
    <t>1132045.0</t>
  </si>
  <si>
    <t>639389.0</t>
  </si>
  <si>
    <t>825786.0</t>
  </si>
  <si>
    <t>1785242.0</t>
  </si>
  <si>
    <t>1144088.0</t>
  </si>
  <si>
    <t>833371.0</t>
  </si>
  <si>
    <t>52.107</t>
  </si>
  <si>
    <t>1827347.0</t>
  </si>
  <si>
    <t>1184144.0</t>
  </si>
  <si>
    <t>643203.0</t>
  </si>
  <si>
    <t>42211.0</t>
  </si>
  <si>
    <t>844625.0</t>
  </si>
  <si>
    <t>1897046.0</t>
  </si>
  <si>
    <t>1247203.0</t>
  </si>
  <si>
    <t>649843.0</t>
  </si>
  <si>
    <t>857261.0</t>
  </si>
  <si>
    <t>53.601</t>
  </si>
  <si>
    <t>1949181.0</t>
  </si>
  <si>
    <t>1292351.0</t>
  </si>
  <si>
    <t>656830.0</t>
  </si>
  <si>
    <t>872248.0</t>
  </si>
  <si>
    <t>2016810.0</t>
  </si>
  <si>
    <t>1352223.0</t>
  </si>
  <si>
    <t>664587.0</t>
  </si>
  <si>
    <t>884112.0</t>
  </si>
  <si>
    <t>2116373.0</t>
  </si>
  <si>
    <t>1438599.0</t>
  </si>
  <si>
    <t>677774.0</t>
  </si>
  <si>
    <t>99563.0</t>
  </si>
  <si>
    <t>894543.0</t>
  </si>
  <si>
    <t>55.932</t>
  </si>
  <si>
    <t>899524.0</t>
  </si>
  <si>
    <t>56.243</t>
  </si>
  <si>
    <t>2178418.0</t>
  </si>
  <si>
    <t>1491202.0</t>
  </si>
  <si>
    <t>687216.0</t>
  </si>
  <si>
    <t>908240.0</t>
  </si>
  <si>
    <t>56.788</t>
  </si>
  <si>
    <t>920947.0</t>
  </si>
  <si>
    <t>57.582</t>
  </si>
  <si>
    <t>2275145.0</t>
  </si>
  <si>
    <t>1561994.0</t>
  </si>
  <si>
    <t>713151.0</t>
  </si>
  <si>
    <t>54014.0</t>
  </si>
  <si>
    <t>44970.0</t>
  </si>
  <si>
    <t>931755.0</t>
  </si>
  <si>
    <t>58.258</t>
  </si>
  <si>
    <t>2323763.0</t>
  </si>
  <si>
    <t>1593365.0</t>
  </si>
  <si>
    <t>730398.0</t>
  </si>
  <si>
    <t>53512.0</t>
  </si>
  <si>
    <t>946972.0</t>
  </si>
  <si>
    <t>2375090.0</t>
  </si>
  <si>
    <t>1623583.0</t>
  </si>
  <si>
    <t>751507.0</t>
  </si>
  <si>
    <t>51327.0</t>
  </si>
  <si>
    <t>51183.0</t>
  </si>
  <si>
    <t>958869.0</t>
  </si>
  <si>
    <t>59.954</t>
  </si>
  <si>
    <t>2413238.0</t>
  </si>
  <si>
    <t>1645308.0</t>
  </si>
  <si>
    <t>767930.0</t>
  </si>
  <si>
    <t>964353.0</t>
  </si>
  <si>
    <t>60.296</t>
  </si>
  <si>
    <t>1653821.0</t>
  </si>
  <si>
    <t>779249.0</t>
  </si>
  <si>
    <t>19832.0</t>
  </si>
  <si>
    <t>967476.0</t>
  </si>
  <si>
    <t>60.492</t>
  </si>
  <si>
    <t>972762.0</t>
  </si>
  <si>
    <t>2473319.0</t>
  </si>
  <si>
    <t>1674419.0</t>
  </si>
  <si>
    <t>798900.0</t>
  </si>
  <si>
    <t>35220.0</t>
  </si>
  <si>
    <t>983764.0</t>
  </si>
  <si>
    <t>2603994.0</t>
  </si>
  <si>
    <t>1740307.0</t>
  </si>
  <si>
    <t>863687.0</t>
  </si>
  <si>
    <t>992643.0</t>
  </si>
  <si>
    <t>62.065</t>
  </si>
  <si>
    <t>999016.0</t>
  </si>
  <si>
    <t>62.464</t>
  </si>
  <si>
    <t>2783999.0</t>
  </si>
  <si>
    <t>966692.0</t>
  </si>
  <si>
    <t>58416.0</t>
  </si>
  <si>
    <t>1007911.0</t>
  </si>
  <si>
    <t>57923.0</t>
  </si>
  <si>
    <t>1013912.0</t>
  </si>
  <si>
    <t>2853397.0</t>
  </si>
  <si>
    <t>1851116.0</t>
  </si>
  <si>
    <t>1002281.0</t>
  </si>
  <si>
    <t>60047.0</t>
  </si>
  <si>
    <t>1019127.0</t>
  </si>
  <si>
    <t>63.721</t>
  </si>
  <si>
    <t>2886551.0</t>
  </si>
  <si>
    <t>1863913.0</t>
  </si>
  <si>
    <t>1022638.0</t>
  </si>
  <si>
    <t>28542.0</t>
  </si>
  <si>
    <t>1022496.0</t>
  </si>
  <si>
    <t>2941508.0</t>
  </si>
  <si>
    <t>1897123.0</t>
  </si>
  <si>
    <t>1044385.0</t>
  </si>
  <si>
    <t>31815.0</t>
  </si>
  <si>
    <t>1025127.0</t>
  </si>
  <si>
    <t>64.096</t>
  </si>
  <si>
    <t>2973559.0</t>
  </si>
  <si>
    <t>1912301.0</t>
  </si>
  <si>
    <t>1061258.0</t>
  </si>
  <si>
    <t>52795.0</t>
  </si>
  <si>
    <t>1031309.0</t>
  </si>
  <si>
    <t>3017341.0</t>
  </si>
  <si>
    <t>1932929.0</t>
  </si>
  <si>
    <t>1084412.0</t>
  </si>
  <si>
    <t>43782.0</t>
  </si>
  <si>
    <t>46192.0</t>
  </si>
  <si>
    <t>1039360.0</t>
  </si>
  <si>
    <t>3193256.0</t>
  </si>
  <si>
    <t>2013049.0</t>
  </si>
  <si>
    <t>1180207.0</t>
  </si>
  <si>
    <t>1046386.0</t>
  </si>
  <si>
    <t>65.426</t>
  </si>
  <si>
    <t>56484.0</t>
  </si>
  <si>
    <t>1050890.0</t>
  </si>
  <si>
    <t>3234909.0</t>
  </si>
  <si>
    <t>2036008.0</t>
  </si>
  <si>
    <t>1054623.0</t>
  </si>
  <si>
    <t>65.941</t>
  </si>
  <si>
    <t>3289258.0</t>
  </si>
  <si>
    <t>2064023.0</t>
  </si>
  <si>
    <t>1225235.0</t>
  </si>
  <si>
    <t>57530.0</t>
  </si>
  <si>
    <t>1061917.0</t>
  </si>
  <si>
    <t>3345985.0</t>
  </si>
  <si>
    <t>2091259.0</t>
  </si>
  <si>
    <t>1254726.0</t>
  </si>
  <si>
    <t>66.907</t>
  </si>
  <si>
    <t>3450959.0</t>
  </si>
  <si>
    <t>2145237.0</t>
  </si>
  <si>
    <t>1305722.0</t>
  </si>
  <si>
    <t>104974.0</t>
  </si>
  <si>
    <t>1075390.0</t>
  </si>
  <si>
    <t>67.239</t>
  </si>
  <si>
    <t>3542340.0</t>
  </si>
  <si>
    <t>2193046.0</t>
  </si>
  <si>
    <t>1349294.0</t>
  </si>
  <si>
    <t>91381.0</t>
  </si>
  <si>
    <t>37160.0</t>
  </si>
  <si>
    <t>1082315.0</t>
  </si>
  <si>
    <t>67.672</t>
  </si>
  <si>
    <t>3620937.0</t>
  </si>
  <si>
    <t>2233265.0</t>
  </si>
  <si>
    <t>1387672.0</t>
  </si>
  <si>
    <t>78597.0</t>
  </si>
  <si>
    <t>1088600.0</t>
  </si>
  <si>
    <t>3699508.0</t>
  </si>
  <si>
    <t>2271429.0</t>
  </si>
  <si>
    <t>1428079.0</t>
  </si>
  <si>
    <t>69346.0</t>
  </si>
  <si>
    <t>1092557.0</t>
  </si>
  <si>
    <t>68.312</t>
  </si>
  <si>
    <t>3753242.0</t>
  </si>
  <si>
    <t>2301341.0</t>
  </si>
  <si>
    <t>1451901.0</t>
  </si>
  <si>
    <t>53734.0</t>
  </si>
  <si>
    <t>1094942.0</t>
  </si>
  <si>
    <t>68.462</t>
  </si>
  <si>
    <t>3773199.0</t>
  </si>
  <si>
    <t>2312117.0</t>
  </si>
  <si>
    <t>1461082.0</t>
  </si>
  <si>
    <t>69134.0</t>
  </si>
  <si>
    <t>1099856.0</t>
  </si>
  <si>
    <t>68.769</t>
  </si>
  <si>
    <t>3829011.0</t>
  </si>
  <si>
    <t>2345043.0</t>
  </si>
  <si>
    <t>1483968.0</t>
  </si>
  <si>
    <t>55812.0</t>
  </si>
  <si>
    <t>69004.0</t>
  </si>
  <si>
    <t>1107042.0</t>
  </si>
  <si>
    <t>69.218</t>
  </si>
  <si>
    <t>3889424.0</t>
  </si>
  <si>
    <t>2382059.0</t>
  </si>
  <si>
    <t>1507365.0</t>
  </si>
  <si>
    <t>60413.0</t>
  </si>
  <si>
    <t>62638.0</t>
  </si>
  <si>
    <t>1112938.0</t>
  </si>
  <si>
    <t>69.587</t>
  </si>
  <si>
    <t>4015517.0</t>
  </si>
  <si>
    <t>2453229.0</t>
  </si>
  <si>
    <t>1562288.0</t>
  </si>
  <si>
    <t>126093.0</t>
  </si>
  <si>
    <t>1118277.0</t>
  </si>
  <si>
    <t>1122701.0</t>
  </si>
  <si>
    <t>70.197</t>
  </si>
  <si>
    <t>4075995.0</t>
  </si>
  <si>
    <t>2491680.0</t>
  </si>
  <si>
    <t>1584315.0</t>
  </si>
  <si>
    <t>53784.0</t>
  </si>
  <si>
    <t>1125122.0</t>
  </si>
  <si>
    <t>70.349</t>
  </si>
  <si>
    <t>4110354.0</t>
  </si>
  <si>
    <t>1597301.0</t>
  </si>
  <si>
    <t>34359.0</t>
  </si>
  <si>
    <t>70.472</t>
  </si>
  <si>
    <t>4137853.0</t>
  </si>
  <si>
    <t>2530181.0</t>
  </si>
  <si>
    <t>1607672.0</t>
  </si>
  <si>
    <t>1132660.0</t>
  </si>
  <si>
    <t>4172657.0</t>
  </si>
  <si>
    <t>2552273.0</t>
  </si>
  <si>
    <t>1620384.0</t>
  </si>
  <si>
    <t>34804.0</t>
  </si>
  <si>
    <t>29604.0</t>
  </si>
  <si>
    <t>1138083.0</t>
  </si>
  <si>
    <t>71.159</t>
  </si>
  <si>
    <t>4219824.0</t>
  </si>
  <si>
    <t>2582405.0</t>
  </si>
  <si>
    <t>1637419.0</t>
  </si>
  <si>
    <t>47200.0</t>
  </si>
  <si>
    <t>28621.0</t>
  </si>
  <si>
    <t>1142911.0</t>
  </si>
  <si>
    <t>71.461</t>
  </si>
  <si>
    <t>4270430.0</t>
  </si>
  <si>
    <t>2615233.0</t>
  </si>
  <si>
    <t>1655197.0</t>
  </si>
  <si>
    <t>1147410.0</t>
  </si>
  <si>
    <t>71.742</t>
  </si>
  <si>
    <t>4323735.0</t>
  </si>
  <si>
    <t>2649505.0</t>
  </si>
  <si>
    <t>1674230.0</t>
  </si>
  <si>
    <t>53305.0</t>
  </si>
  <si>
    <t>1150988.0</t>
  </si>
  <si>
    <t>71.966</t>
  </si>
  <si>
    <t>4372216.0</t>
  </si>
  <si>
    <t>2681657.0</t>
  </si>
  <si>
    <t>1690559.0</t>
  </si>
  <si>
    <t>42317.0</t>
  </si>
  <si>
    <t>1153692.0</t>
  </si>
  <si>
    <t>72.135</t>
  </si>
  <si>
    <t>4400246.0</t>
  </si>
  <si>
    <t>2698332.0</t>
  </si>
  <si>
    <t>1156639.0</t>
  </si>
  <si>
    <t>72.319</t>
  </si>
  <si>
    <t>4431599.0</t>
  </si>
  <si>
    <t>2713248.0</t>
  </si>
  <si>
    <t>1718351.0</t>
  </si>
  <si>
    <t>1162973.0</t>
  </si>
  <si>
    <t>72.715</t>
  </si>
  <si>
    <t>41445.0</t>
  </si>
  <si>
    <t>1166673.0</t>
  </si>
  <si>
    <t>72.947</t>
  </si>
  <si>
    <t>4493943.0</t>
  </si>
  <si>
    <t>2750381.0</t>
  </si>
  <si>
    <t>1743562.0</t>
  </si>
  <si>
    <t>1173165.0</t>
  </si>
  <si>
    <t>4543503.0</t>
  </si>
  <si>
    <t>2772230.0</t>
  </si>
  <si>
    <t>1771273.0</t>
  </si>
  <si>
    <t>39010.0</t>
  </si>
  <si>
    <t>1177874.0</t>
  </si>
  <si>
    <t>73.647</t>
  </si>
  <si>
    <t>4592447.0</t>
  </si>
  <si>
    <t>2795351.0</t>
  </si>
  <si>
    <t>1797096.0</t>
  </si>
  <si>
    <t>1180285.0</t>
  </si>
  <si>
    <t>73.798</t>
  </si>
  <si>
    <t>4646875.0</t>
  </si>
  <si>
    <t>2814723.0</t>
  </si>
  <si>
    <t>1832152.0</t>
  </si>
  <si>
    <t>1182451.0</t>
  </si>
  <si>
    <t>73.933</t>
  </si>
  <si>
    <t>4699332.0</t>
  </si>
  <si>
    <t>2835275.0</t>
  </si>
  <si>
    <t>1864057.0</t>
  </si>
  <si>
    <t>1184486.0</t>
  </si>
  <si>
    <t>1188549.0</t>
  </si>
  <si>
    <t>74.314</t>
  </si>
  <si>
    <t>4742783.0</t>
  </si>
  <si>
    <t>2847082.0</t>
  </si>
  <si>
    <t>1193976.0</t>
  </si>
  <si>
    <t>4791188.0</t>
  </si>
  <si>
    <t>2864020.0</t>
  </si>
  <si>
    <t>16234.0</t>
  </si>
  <si>
    <t>1200458.0</t>
  </si>
  <si>
    <t>75.059</t>
  </si>
  <si>
    <t>4846243.0</t>
  </si>
  <si>
    <t>2882264.0</t>
  </si>
  <si>
    <t>1963979.0</t>
  </si>
  <si>
    <t>1204261.0</t>
  </si>
  <si>
    <t>4954729.0</t>
  </si>
  <si>
    <t>2920977.0</t>
  </si>
  <si>
    <t>2033752.0</t>
  </si>
  <si>
    <t>1208871.0</t>
  </si>
  <si>
    <t>75.585</t>
  </si>
  <si>
    <t>1212414.0</t>
  </si>
  <si>
    <t>75.807</t>
  </si>
  <si>
    <t>4982928.0</t>
  </si>
  <si>
    <t>2931177.0</t>
  </si>
  <si>
    <t>2051751.0</t>
  </si>
  <si>
    <t>40514.0</t>
  </si>
  <si>
    <t>1214437.0</t>
  </si>
  <si>
    <t>75.933</t>
  </si>
  <si>
    <t>5005468.0</t>
  </si>
  <si>
    <t>2939152.0</t>
  </si>
  <si>
    <t>2066316.0</t>
  </si>
  <si>
    <t>1218146.0</t>
  </si>
  <si>
    <t>5035236.0</t>
  </si>
  <si>
    <t>2952272.0</t>
  </si>
  <si>
    <t>2082964.0</t>
  </si>
  <si>
    <t>1224297.0</t>
  </si>
  <si>
    <t>5074458.0</t>
  </si>
  <si>
    <t>2966639.0</t>
  </si>
  <si>
    <t>2107819.0</t>
  </si>
  <si>
    <t>1229628.0</t>
  </si>
  <si>
    <t>5113949.0</t>
  </si>
  <si>
    <t>2982475.0</t>
  </si>
  <si>
    <t>2131474.0</t>
  </si>
  <si>
    <t>1234873.0</t>
  </si>
  <si>
    <t>77.211</t>
  </si>
  <si>
    <t>5156935.0</t>
  </si>
  <si>
    <t>2998372.0</t>
  </si>
  <si>
    <t>2158563.0</t>
  </si>
  <si>
    <t>1241399.0</t>
  </si>
  <si>
    <t>77.619</t>
  </si>
  <si>
    <t>5187790.0</t>
  </si>
  <si>
    <t>3012020.0</t>
  </si>
  <si>
    <t>2175770.0</t>
  </si>
  <si>
    <t>1245344.0</t>
  </si>
  <si>
    <t>5209099.0</t>
  </si>
  <si>
    <t>3020469.0</t>
  </si>
  <si>
    <t>2188630.0</t>
  </si>
  <si>
    <t>1247592.0</t>
  </si>
  <si>
    <t>78.006</t>
  </si>
  <si>
    <t>5225302.0</t>
  </si>
  <si>
    <t>3027050.0</t>
  </si>
  <si>
    <t>2198252.0</t>
  </si>
  <si>
    <t>31405.0</t>
  </si>
  <si>
    <t>1252932.0</t>
  </si>
  <si>
    <t>5253988.0</t>
  </si>
  <si>
    <t>3041408.0</t>
  </si>
  <si>
    <t>2212580.0</t>
  </si>
  <si>
    <t>1257458.0</t>
  </si>
  <si>
    <t>78.623</t>
  </si>
  <si>
    <t>5280523.0</t>
  </si>
  <si>
    <t>3050513.0</t>
  </si>
  <si>
    <t>2230010.0</t>
  </si>
  <si>
    <t>1263533.0</t>
  </si>
  <si>
    <t>79.003</t>
  </si>
  <si>
    <t>5310771.0</t>
  </si>
  <si>
    <t>3062070.0</t>
  </si>
  <si>
    <t>2248701.0</t>
  </si>
  <si>
    <t>1270043.0</t>
  </si>
  <si>
    <t>5346026.0</t>
  </si>
  <si>
    <t>3074191.0</t>
  </si>
  <si>
    <t>2271835.0</t>
  </si>
  <si>
    <t>35255.0</t>
  </si>
  <si>
    <t>1273779.0</t>
  </si>
  <si>
    <t>5375341.0</t>
  </si>
  <si>
    <t>3087428.0</t>
  </si>
  <si>
    <t>2287913.0</t>
  </si>
  <si>
    <t>26793.0</t>
  </si>
  <si>
    <t>1277595.0</t>
  </si>
  <si>
    <t>5395206.0</t>
  </si>
  <si>
    <t>3096139.0</t>
  </si>
  <si>
    <t>2299067.0</t>
  </si>
  <si>
    <t>1279611.0</t>
  </si>
  <si>
    <t>5410959.0</t>
  </si>
  <si>
    <t>3101922.0</t>
  </si>
  <si>
    <t>2309037.0</t>
  </si>
  <si>
    <t>1281749.0</t>
  </si>
  <si>
    <t>80.142</t>
  </si>
  <si>
    <t>5423585.0</t>
  </si>
  <si>
    <t>3108023.0</t>
  </si>
  <si>
    <t>2315562.0</t>
  </si>
  <si>
    <t>1284385.0</t>
  </si>
  <si>
    <t>80.307</t>
  </si>
  <si>
    <t>5459691.0</t>
  </si>
  <si>
    <t>3124025.0</t>
  </si>
  <si>
    <t>2335666.0</t>
  </si>
  <si>
    <t>1288436.0</t>
  </si>
  <si>
    <t>5486736.0</t>
  </si>
  <si>
    <t>3135813.0</t>
  </si>
  <si>
    <t>2350923.0</t>
  </si>
  <si>
    <t>1293848.0</t>
  </si>
  <si>
    <t>5514789.0</t>
  </si>
  <si>
    <t>3148044.0</t>
  </si>
  <si>
    <t>2366745.0</t>
  </si>
  <si>
    <t>28053.0</t>
  </si>
  <si>
    <t>1297528.0</t>
  </si>
  <si>
    <t>5543712.0</t>
  </si>
  <si>
    <t>3157236.0</t>
  </si>
  <si>
    <t>2386476.0</t>
  </si>
  <si>
    <t>1300987.0</t>
  </si>
  <si>
    <t>5559524.0</t>
  </si>
  <si>
    <t>3163979.0</t>
  </si>
  <si>
    <t>2395545.0</t>
  </si>
  <si>
    <t>1302849.0</t>
  </si>
  <si>
    <t>81.461</t>
  </si>
  <si>
    <t>5568730.0</t>
  </si>
  <si>
    <t>3166826.0</t>
  </si>
  <si>
    <t>2401904.0</t>
  </si>
  <si>
    <t>1306868.0</t>
  </si>
  <si>
    <t>81.712</t>
  </si>
  <si>
    <t>5582014.0</t>
  </si>
  <si>
    <t>3171872.0</t>
  </si>
  <si>
    <t>2410142.0</t>
  </si>
  <si>
    <t>1311727.0</t>
  </si>
  <si>
    <t>5599682.0</t>
  </si>
  <si>
    <t>3178442.0</t>
  </si>
  <si>
    <t>2421240.0</t>
  </si>
  <si>
    <t>1317973.0</t>
  </si>
  <si>
    <t>82.407</t>
  </si>
  <si>
    <t>5615241.0</t>
  </si>
  <si>
    <t>3181905.0</t>
  </si>
  <si>
    <t>2433336.0</t>
  </si>
  <si>
    <t>1322680.0</t>
  </si>
  <si>
    <t>82.701</t>
  </si>
  <si>
    <t>5639871.0</t>
  </si>
  <si>
    <t>3194947.0</t>
  </si>
  <si>
    <t>2444924.0</t>
  </si>
  <si>
    <t>1327112.0</t>
  </si>
  <si>
    <t>5656342.0</t>
  </si>
  <si>
    <t>3199000.0</t>
  </si>
  <si>
    <t>2457342.0</t>
  </si>
  <si>
    <t>1330175.0</t>
  </si>
  <si>
    <t>5669562.0</t>
  </si>
  <si>
    <t>3205003.0</t>
  </si>
  <si>
    <t>2464559.0</t>
  </si>
  <si>
    <t>1331399.0</t>
  </si>
  <si>
    <t>83.246</t>
  </si>
  <si>
    <t>5683279.0</t>
  </si>
  <si>
    <t>3212401.0</t>
  </si>
  <si>
    <t>2470878.0</t>
  </si>
  <si>
    <t>1335238.0</t>
  </si>
  <si>
    <t>5724592.0</t>
  </si>
  <si>
    <t>3232294.0</t>
  </si>
  <si>
    <t>2492298.0</t>
  </si>
  <si>
    <t>1338207.0</t>
  </si>
  <si>
    <t>83.672</t>
  </si>
  <si>
    <t>5738351.0</t>
  </si>
  <si>
    <t>3238377.0</t>
  </si>
  <si>
    <t>2499974.0</t>
  </si>
  <si>
    <t>1340401.0</t>
  </si>
  <si>
    <t>83.809</t>
  </si>
  <si>
    <t>5758371.0</t>
  </si>
  <si>
    <t>3248185.0</t>
  </si>
  <si>
    <t>2510186.0</t>
  </si>
  <si>
    <t>83.983</t>
  </si>
  <si>
    <t>5774887.0</t>
  </si>
  <si>
    <t>3255254.0</t>
  </si>
  <si>
    <t>2519633.0</t>
  </si>
  <si>
    <t>1347054.0</t>
  </si>
  <si>
    <t>84.225</t>
  </si>
  <si>
    <t>5792394.0</t>
  </si>
  <si>
    <t>3262463.0</t>
  </si>
  <si>
    <t>2529931.0</t>
  </si>
  <si>
    <t>1350237.0</t>
  </si>
  <si>
    <t>84.424</t>
  </si>
  <si>
    <t>5804480.0</t>
  </si>
  <si>
    <t>3267571.0</t>
  </si>
  <si>
    <t>2536909.0</t>
  </si>
  <si>
    <t>1351732.0</t>
  </si>
  <si>
    <t>84.517</t>
  </si>
  <si>
    <t>5816033.0</t>
  </si>
  <si>
    <t>3274509.0</t>
  </si>
  <si>
    <t>2541524.0</t>
  </si>
  <si>
    <t>1355031.0</t>
  </si>
  <si>
    <t>84.724</t>
  </si>
  <si>
    <t>5828604.0</t>
  </si>
  <si>
    <t>3280887.0</t>
  </si>
  <si>
    <t>2547717.0</t>
  </si>
  <si>
    <t>1357443.0</t>
  </si>
  <si>
    <t>84.875</t>
  </si>
  <si>
    <t>5844299.0</t>
  </si>
  <si>
    <t>3287578.0</t>
  </si>
  <si>
    <t>2556721.0</t>
  </si>
  <si>
    <t>1361473.0</t>
  </si>
  <si>
    <t>85.127</t>
  </si>
  <si>
    <t>5860351.0</t>
  </si>
  <si>
    <t>3293939.0</t>
  </si>
  <si>
    <t>2566412.0</t>
  </si>
  <si>
    <t>1365439.0</t>
  </si>
  <si>
    <t>5874572.0</t>
  </si>
  <si>
    <t>3299736.0</t>
  </si>
  <si>
    <t>2574836.0</t>
  </si>
  <si>
    <t>1368179.0</t>
  </si>
  <si>
    <t>85.546</t>
  </si>
  <si>
    <t>5891679.0</t>
  </si>
  <si>
    <t>3307999.0</t>
  </si>
  <si>
    <t>2583680.0</t>
  </si>
  <si>
    <t>1371934.0</t>
  </si>
  <si>
    <t>85.781</t>
  </si>
  <si>
    <t>5903388.0</t>
  </si>
  <si>
    <t>3312646.0</t>
  </si>
  <si>
    <t>2590742.0</t>
  </si>
  <si>
    <t>1372915.0</t>
  </si>
  <si>
    <t>85.842</t>
  </si>
  <si>
    <t>5911588.0</t>
  </si>
  <si>
    <t>2595159.0</t>
  </si>
  <si>
    <t>1375479.0</t>
  </si>
  <si>
    <t>86.002</t>
  </si>
  <si>
    <t>5923317.0</t>
  </si>
  <si>
    <t>3322864.0</t>
  </si>
  <si>
    <t>2600453.0</t>
  </si>
  <si>
    <t>1381554.0</t>
  </si>
  <si>
    <t>86.382</t>
  </si>
  <si>
    <t>5942262.0</t>
  </si>
  <si>
    <t>3331466.0</t>
  </si>
  <si>
    <t>2610796.0</t>
  </si>
  <si>
    <t>1383689.0</t>
  </si>
  <si>
    <t>86.516</t>
  </si>
  <si>
    <t>5959034.0</t>
  </si>
  <si>
    <t>3340933.0</t>
  </si>
  <si>
    <t>2618101.0</t>
  </si>
  <si>
    <t>1386793.0</t>
  </si>
  <si>
    <t>5975760.0</t>
  </si>
  <si>
    <t>3350163.0</t>
  </si>
  <si>
    <t>2625597.0</t>
  </si>
  <si>
    <t>1390021.0</t>
  </si>
  <si>
    <t>86.911</t>
  </si>
  <si>
    <t>5990358.0</t>
  </si>
  <si>
    <t>3356421.0</t>
  </si>
  <si>
    <t>2633937.0</t>
  </si>
  <si>
    <t>1391906.0</t>
  </si>
  <si>
    <t>87.029</t>
  </si>
  <si>
    <t>6007025.0</t>
  </si>
  <si>
    <t>3364633.0</t>
  </si>
  <si>
    <t>1393065.0</t>
  </si>
  <si>
    <t>87.102</t>
  </si>
  <si>
    <t>6021461.0</t>
  </si>
  <si>
    <t>3372721.0</t>
  </si>
  <si>
    <t>2648740.0</t>
  </si>
  <si>
    <t>1395307.0</t>
  </si>
  <si>
    <t>87.242</t>
  </si>
  <si>
    <t>6034324.0</t>
  </si>
  <si>
    <t>3380245.0</t>
  </si>
  <si>
    <t>2654079.0</t>
  </si>
  <si>
    <t>1398898.0</t>
  </si>
  <si>
    <t>87.467</t>
  </si>
  <si>
    <t>6056713.0</t>
  </si>
  <si>
    <t>3394826.0</t>
  </si>
  <si>
    <t>2661887.0</t>
  </si>
  <si>
    <t>1401828.0</t>
  </si>
  <si>
    <t>6079213.0</t>
  </si>
  <si>
    <t>3409464.0</t>
  </si>
  <si>
    <t>2669749.0</t>
  </si>
  <si>
    <t>1404186.0</t>
  </si>
  <si>
    <t>87.797</t>
  </si>
  <si>
    <t>6101678.0</t>
  </si>
  <si>
    <t>3423588.0</t>
  </si>
  <si>
    <t>2678090.0</t>
  </si>
  <si>
    <t>1406878.0</t>
  </si>
  <si>
    <t>6130358.0</t>
  </si>
  <si>
    <t>3443813.0</t>
  </si>
  <si>
    <t>2686545.0</t>
  </si>
  <si>
    <t>1409076.0</t>
  </si>
  <si>
    <t>88.103</t>
  </si>
  <si>
    <t>6155370.0</t>
  </si>
  <si>
    <t>3462939.0</t>
  </si>
  <si>
    <t>2692431.0</t>
  </si>
  <si>
    <t>1411736.0</t>
  </si>
  <si>
    <t>88.269</t>
  </si>
  <si>
    <t>6165714.0</t>
  </si>
  <si>
    <t>3469198.0</t>
  </si>
  <si>
    <t>2696516.0</t>
  </si>
  <si>
    <t>1413253.0</t>
  </si>
  <si>
    <t>6190303.0</t>
  </si>
  <si>
    <t>3484207.0</t>
  </si>
  <si>
    <t>2706096.0</t>
  </si>
  <si>
    <t>1417720.0</t>
  </si>
  <si>
    <t>6228119.0</t>
  </si>
  <si>
    <t>3515140.0</t>
  </si>
  <si>
    <t>2712979.0</t>
  </si>
  <si>
    <t>37816.0</t>
  </si>
  <si>
    <t>1420561.0</t>
  </si>
  <si>
    <t>88.821</t>
  </si>
  <si>
    <t>1424486.0</t>
  </si>
  <si>
    <t>89.066</t>
  </si>
  <si>
    <t>6310431.0</t>
  </si>
  <si>
    <t>3583256.0</t>
  </si>
  <si>
    <t>2727175.0</t>
  </si>
  <si>
    <t>29822.0</t>
  </si>
  <si>
    <t>1427136.0</t>
  </si>
  <si>
    <t>89.232</t>
  </si>
  <si>
    <t>6362499.0</t>
  </si>
  <si>
    <t>3625221.0</t>
  </si>
  <si>
    <t>2737278.0</t>
  </si>
  <si>
    <t>52068.0</t>
  </si>
  <si>
    <t>1429555.0</t>
  </si>
  <si>
    <t>89.383</t>
  </si>
  <si>
    <t>6396012.0</t>
  </si>
  <si>
    <t>3651820.0</t>
  </si>
  <si>
    <t>2744192.0</t>
  </si>
  <si>
    <t>1430769.0</t>
  </si>
  <si>
    <t>89.459</t>
  </si>
  <si>
    <t>6419704.0</t>
  </si>
  <si>
    <t>3672011.0</t>
  </si>
  <si>
    <t>2747693.0</t>
  </si>
  <si>
    <t>1433961.0</t>
  </si>
  <si>
    <t>89.659</t>
  </si>
  <si>
    <t>6433842.0</t>
  </si>
  <si>
    <t>3681490.0</t>
  </si>
  <si>
    <t>2752352.0</t>
  </si>
  <si>
    <t>1437046.0</t>
  </si>
  <si>
    <t>89.852</t>
  </si>
  <si>
    <t>6454719.0</t>
  </si>
  <si>
    <t>3697233.0</t>
  </si>
  <si>
    <t>2757486.0</t>
  </si>
  <si>
    <t>1439911.0</t>
  </si>
  <si>
    <t>90.031</t>
  </si>
  <si>
    <t>6486873.0</t>
  </si>
  <si>
    <t>3719630.0</t>
  </si>
  <si>
    <t>2767243.0</t>
  </si>
  <si>
    <t>1442202.0</t>
  </si>
  <si>
    <t>90.174</t>
  </si>
  <si>
    <t>6513046.0</t>
  </si>
  <si>
    <t>3738317.0</t>
  </si>
  <si>
    <t>2774729.0</t>
  </si>
  <si>
    <t>1444921.0</t>
  </si>
  <si>
    <t>90.344</t>
  </si>
  <si>
    <t>6544331.0</t>
  </si>
  <si>
    <t>3757352.0</t>
  </si>
  <si>
    <t>2786979.0</t>
  </si>
  <si>
    <t>1449073.0</t>
  </si>
  <si>
    <t>90.604</t>
  </si>
  <si>
    <t>6560442.0</t>
  </si>
  <si>
    <t>3765392.0</t>
  </si>
  <si>
    <t>2795050.0</t>
  </si>
  <si>
    <t>1450117.0</t>
  </si>
  <si>
    <t>6568694.0</t>
  </si>
  <si>
    <t>3770886.0</t>
  </si>
  <si>
    <t>2797808.0</t>
  </si>
  <si>
    <t>1453184.0</t>
  </si>
  <si>
    <t>90.861</t>
  </si>
  <si>
    <t>6586503.0</t>
  </si>
  <si>
    <t>3782038.0</t>
  </si>
  <si>
    <t>2804465.0</t>
  </si>
  <si>
    <t>1457863.0</t>
  </si>
  <si>
    <t>91.153</t>
  </si>
  <si>
    <t>6611942.0</t>
  </si>
  <si>
    <t>3795401.0</t>
  </si>
  <si>
    <t>2816541.0</t>
  </si>
  <si>
    <t>1464011.0</t>
  </si>
  <si>
    <t>91.538</t>
  </si>
  <si>
    <t>6640440.0</t>
  </si>
  <si>
    <t>3809900.0</t>
  </si>
  <si>
    <t>2830540.0</t>
  </si>
  <si>
    <t>28498.0</t>
  </si>
  <si>
    <t>1472303.0</t>
  </si>
  <si>
    <t>92.056</t>
  </si>
  <si>
    <t>6682111.0</t>
  </si>
  <si>
    <t>3830488.0</t>
  </si>
  <si>
    <t>2851623.0</t>
  </si>
  <si>
    <t>1478400.0</t>
  </si>
  <si>
    <t>92.437</t>
  </si>
  <si>
    <t>6710095.0</t>
  </si>
  <si>
    <t>3845246.0</t>
  </si>
  <si>
    <t>2864849.0</t>
  </si>
  <si>
    <t>1485499.0</t>
  </si>
  <si>
    <t>92.881</t>
  </si>
  <si>
    <t>6742193.0</t>
  </si>
  <si>
    <t>3866139.0</t>
  </si>
  <si>
    <t>2876054.0</t>
  </si>
  <si>
    <t>1487999.0</t>
  </si>
  <si>
    <t>93.038</t>
  </si>
  <si>
    <t>6759589.0</t>
  </si>
  <si>
    <t>3875546.0</t>
  </si>
  <si>
    <t>2884043.0</t>
  </si>
  <si>
    <t>1496379.0</t>
  </si>
  <si>
    <t>93.562</t>
  </si>
  <si>
    <t>6775471.0</t>
  </si>
  <si>
    <t>3883107.0</t>
  </si>
  <si>
    <t>2892364.0</t>
  </si>
  <si>
    <t>1507914.0</t>
  </si>
  <si>
    <t>94.283</t>
  </si>
  <si>
    <t>6808392.0</t>
  </si>
  <si>
    <t>3897441.0</t>
  </si>
  <si>
    <t>2910951.0</t>
  </si>
  <si>
    <t>32921.0</t>
  </si>
  <si>
    <t>1522080.0</t>
  </si>
  <si>
    <t>95.169</t>
  </si>
  <si>
    <t>6834846.0</t>
  </si>
  <si>
    <t>3908712.0</t>
  </si>
  <si>
    <t>2926134.0</t>
  </si>
  <si>
    <t>1534979.0</t>
  </si>
  <si>
    <t>95.975</t>
  </si>
  <si>
    <t>6871310.0</t>
  </si>
  <si>
    <t>3924960.0</t>
  </si>
  <si>
    <t>2946350.0</t>
  </si>
  <si>
    <t>1549859.0</t>
  </si>
  <si>
    <t>6899067.0</t>
  </si>
  <si>
    <t>3938056.0</t>
  </si>
  <si>
    <t>2961011.0</t>
  </si>
  <si>
    <t>1558435.0</t>
  </si>
  <si>
    <t>97.442</t>
  </si>
  <si>
    <t>6911698.0</t>
  </si>
  <si>
    <t>3944813.0</t>
  </si>
  <si>
    <t>2966885.0</t>
  </si>
  <si>
    <t>1567117.0</t>
  </si>
  <si>
    <t>97.984</t>
  </si>
  <si>
    <t>6933837.0</t>
  </si>
  <si>
    <t>3956872.0</t>
  </si>
  <si>
    <t>2976965.0</t>
  </si>
  <si>
    <t>1580406.0</t>
  </si>
  <si>
    <t>98.815</t>
  </si>
  <si>
    <t>6956144.0</t>
  </si>
  <si>
    <t>3967781.0</t>
  </si>
  <si>
    <t>2988363.0</t>
  </si>
  <si>
    <t>1597199.0</t>
  </si>
  <si>
    <t>99.865</t>
  </si>
  <si>
    <t>6980400.0</t>
  </si>
  <si>
    <t>3981769.0</t>
  </si>
  <si>
    <t>2998631.0</t>
  </si>
  <si>
    <t>1609889.0</t>
  </si>
  <si>
    <t>7013400.0</t>
  </si>
  <si>
    <t>4000022.0</t>
  </si>
  <si>
    <t>3013378.0</t>
  </si>
  <si>
    <t>1622279.0</t>
  </si>
  <si>
    <t>101.433</t>
  </si>
  <si>
    <t>7058474.0</t>
  </si>
  <si>
    <t>4023289.0</t>
  </si>
  <si>
    <t>3035185.0</t>
  </si>
  <si>
    <t>26738.0</t>
  </si>
  <si>
    <t>1631762.0</t>
  </si>
  <si>
    <t>102.026</t>
  </si>
  <si>
    <t>7092391.0</t>
  </si>
  <si>
    <t>4038743.0</t>
  </si>
  <si>
    <t>3053648.0</t>
  </si>
  <si>
    <t>1637192.0</t>
  </si>
  <si>
    <t>7111946.0</t>
  </si>
  <si>
    <t>4048019.0</t>
  </si>
  <si>
    <t>3063927.0</t>
  </si>
  <si>
    <t>1640465.0</t>
  </si>
  <si>
    <t>102.571</t>
  </si>
  <si>
    <t>7123684.0</t>
  </si>
  <si>
    <t>4054165.0</t>
  </si>
  <si>
    <t>3069519.0</t>
  </si>
  <si>
    <t>27121.0</t>
  </si>
  <si>
    <t>1645295.0</t>
  </si>
  <si>
    <t>102.873</t>
  </si>
  <si>
    <t>0.4306</t>
  </si>
  <si>
    <t>7135013.0</t>
  </si>
  <si>
    <t>4060322.0</t>
  </si>
  <si>
    <t>3074691.0</t>
  </si>
  <si>
    <t>25553.0</t>
  </si>
  <si>
    <t>1657381.0</t>
  </si>
  <si>
    <t>103.628</t>
  </si>
  <si>
    <t>7151946.0</t>
  </si>
  <si>
    <t>4069302.0</t>
  </si>
  <si>
    <t>3082644.0</t>
  </si>
  <si>
    <t>1662044.0</t>
  </si>
  <si>
    <t>7167610.0</t>
  </si>
  <si>
    <t>4078945.0</t>
  </si>
  <si>
    <t>3088665.0</t>
  </si>
  <si>
    <t>22030.0</t>
  </si>
  <si>
    <t>1665963.0</t>
  </si>
  <si>
    <t>104.165</t>
  </si>
  <si>
    <t>7188128.0</t>
  </si>
  <si>
    <t>4089315.0</t>
  </si>
  <si>
    <t>3098813.0</t>
  </si>
  <si>
    <t>1670417.0</t>
  </si>
  <si>
    <t>104.443</t>
  </si>
  <si>
    <t>7200776.0</t>
  </si>
  <si>
    <t>4095685.0</t>
  </si>
  <si>
    <t>3105091.0</t>
  </si>
  <si>
    <t>1673320.0</t>
  </si>
  <si>
    <t>104.625</t>
  </si>
  <si>
    <t>0.3925</t>
  </si>
  <si>
    <t>7209049.0</t>
  </si>
  <si>
    <t>4100069.0</t>
  </si>
  <si>
    <t>3108980.0</t>
  </si>
  <si>
    <t>1675163.0</t>
  </si>
  <si>
    <t>7214640.0</t>
  </si>
  <si>
    <t>3111352.0</t>
  </si>
  <si>
    <t>1678579.0</t>
  </si>
  <si>
    <t>104.954</t>
  </si>
  <si>
    <t>7222381.0</t>
  </si>
  <si>
    <t>4105296.0</t>
  </si>
  <si>
    <t>3113142.0</t>
  </si>
  <si>
    <t>1686251.0</t>
  </si>
  <si>
    <t>105.433</t>
  </si>
  <si>
    <t>7226334.0</t>
  </si>
  <si>
    <t>4107151.0</t>
  </si>
  <si>
    <t>3115190.0</t>
  </si>
  <si>
    <t>7238939.0</t>
  </si>
  <si>
    <t>4112517.0</t>
  </si>
  <si>
    <t>3121776.0</t>
  </si>
  <si>
    <t>1701080.0</t>
  </si>
  <si>
    <t>1707232.0</t>
  </si>
  <si>
    <t>7264791.0</t>
  </si>
  <si>
    <t>4124378.0</t>
  </si>
  <si>
    <t>3135168.0</t>
  </si>
  <si>
    <t>1710825.0</t>
  </si>
  <si>
    <t>7276239.0</t>
  </si>
  <si>
    <t>4130228.0</t>
  </si>
  <si>
    <t>3140338.0</t>
  </si>
  <si>
    <t>1713676.0</t>
  </si>
  <si>
    <t>107.148</t>
  </si>
  <si>
    <t>7288786.0</t>
  </si>
  <si>
    <t>4133140.0</t>
  </si>
  <si>
    <t>3144021.0</t>
  </si>
  <si>
    <t>1720849.0</t>
  </si>
  <si>
    <t>107.597</t>
  </si>
  <si>
    <t>7296404.0</t>
  </si>
  <si>
    <t>4136571.0</t>
  </si>
  <si>
    <t>3147652.0</t>
  </si>
  <si>
    <t>1728033.0</t>
  </si>
  <si>
    <t>108.046</t>
  </si>
  <si>
    <t>7307412.0</t>
  </si>
  <si>
    <t>4141434.0</t>
  </si>
  <si>
    <t>3153051.0</t>
  </si>
  <si>
    <t>1734918.0</t>
  </si>
  <si>
    <t>108.476</t>
  </si>
  <si>
    <t>7324034.0</t>
  </si>
  <si>
    <t>4148268.0</t>
  </si>
  <si>
    <t>3161788.0</t>
  </si>
  <si>
    <t>1740966.0</t>
  </si>
  <si>
    <t>7339109.0</t>
  </si>
  <si>
    <t>4154155.0</t>
  </si>
  <si>
    <t>3169778.0</t>
  </si>
  <si>
    <t>1747689.0</t>
  </si>
  <si>
    <t>109.275</t>
  </si>
  <si>
    <t>7355717.0</t>
  </si>
  <si>
    <t>4160978.0</t>
  </si>
  <si>
    <t>3177691.0</t>
  </si>
  <si>
    <t>1752582.0</t>
  </si>
  <si>
    <t>109.581</t>
  </si>
  <si>
    <t>7364450.0</t>
  </si>
  <si>
    <t>4165098.0</t>
  </si>
  <si>
    <t>3181809.0</t>
  </si>
  <si>
    <t>1756824.0</t>
  </si>
  <si>
    <t>109.846</t>
  </si>
  <si>
    <t>7373616.0</t>
  </si>
  <si>
    <t>3186507.0</t>
  </si>
  <si>
    <t>1761809.0</t>
  </si>
  <si>
    <t>110.158</t>
  </si>
  <si>
    <t>7384665.0</t>
  </si>
  <si>
    <t>4172365.0</t>
  </si>
  <si>
    <t>3192282.0</t>
  </si>
  <si>
    <t>1769473.0</t>
  </si>
  <si>
    <t>110.637</t>
  </si>
  <si>
    <t>7394596.0</t>
  </si>
  <si>
    <t>4176673.0</t>
  </si>
  <si>
    <t>3197065.0</t>
  </si>
  <si>
    <t>1775539.0</t>
  </si>
  <si>
    <t>111.016</t>
  </si>
  <si>
    <t>7415409.0</t>
  </si>
  <si>
    <t>4183671.0</t>
  </si>
  <si>
    <t>3207302.0</t>
  </si>
  <si>
    <t>1783554.0</t>
  </si>
  <si>
    <t>111.517</t>
  </si>
  <si>
    <t>7436533.0</t>
  </si>
  <si>
    <t>4193044.0</t>
  </si>
  <si>
    <t>3216251.0</t>
  </si>
  <si>
    <t>1790026.0</t>
  </si>
  <si>
    <t>7453806.0</t>
  </si>
  <si>
    <t>4199491.0</t>
  </si>
  <si>
    <t>3224557.0</t>
  </si>
  <si>
    <t>1793861.0</t>
  </si>
  <si>
    <t>7464290.0</t>
  </si>
  <si>
    <t>4204134.0</t>
  </si>
  <si>
    <t>3228685.0</t>
  </si>
  <si>
    <t>1797034.0</t>
  </si>
  <si>
    <t>7470789.0</t>
  </si>
  <si>
    <t>4206370.0</t>
  </si>
  <si>
    <t>3232115.0</t>
  </si>
  <si>
    <t>1801033.0</t>
  </si>
  <si>
    <t>7480489.0</t>
  </si>
  <si>
    <t>4210000.0</t>
  </si>
  <si>
    <t>3236076.0</t>
  </si>
  <si>
    <t>1805832.0</t>
  </si>
  <si>
    <t>7495033.0</t>
  </si>
  <si>
    <t>4216112.0</t>
  </si>
  <si>
    <t>3242407.0</t>
  </si>
  <si>
    <t>1811854.0</t>
  </si>
  <si>
    <t>7511557.0</t>
  </si>
  <si>
    <t>4223110.0</t>
  </si>
  <si>
    <t>3249443.0</t>
  </si>
  <si>
    <t>1816276.0</t>
  </si>
  <si>
    <t>7524459.0</t>
  </si>
  <si>
    <t>4228652.0</t>
  </si>
  <si>
    <t>3254580.0</t>
  </si>
  <si>
    <t>1820253.0</t>
  </si>
  <si>
    <t>7542598.0</t>
  </si>
  <si>
    <t>4234640.0</t>
  </si>
  <si>
    <t>3262242.0</t>
  </si>
  <si>
    <t>45716.0</t>
  </si>
  <si>
    <t>1822879.0</t>
  </si>
  <si>
    <t>113.976</t>
  </si>
  <si>
    <t>7554445.0</t>
  </si>
  <si>
    <t>4239537.0</t>
  </si>
  <si>
    <t>3267249.0</t>
  </si>
  <si>
    <t>1824420.0</t>
  </si>
  <si>
    <t>114.072</t>
  </si>
  <si>
    <t>7561349.0</t>
  </si>
  <si>
    <t>4242647.0</t>
  </si>
  <si>
    <t>3270256.0</t>
  </si>
  <si>
    <t>1829333.0</t>
  </si>
  <si>
    <t>114.38</t>
  </si>
  <si>
    <t>7567550.0</t>
  </si>
  <si>
    <t>4245063.0</t>
  </si>
  <si>
    <t>3272922.0</t>
  </si>
  <si>
    <t>1832426.0</t>
  </si>
  <si>
    <t>114.573</t>
  </si>
  <si>
    <t>7577954.0</t>
  </si>
  <si>
    <t>4248576.0</t>
  </si>
  <si>
    <t>3276998.0</t>
  </si>
  <si>
    <t>1836112.0</t>
  </si>
  <si>
    <t>114.803</t>
  </si>
  <si>
    <t>7588058.0</t>
  </si>
  <si>
    <t>4252654.0</t>
  </si>
  <si>
    <t>3281016.0</t>
  </si>
  <si>
    <t>1839994.0</t>
  </si>
  <si>
    <t>7597513.0</t>
  </si>
  <si>
    <t>4257075.0</t>
  </si>
  <si>
    <t>3285799.0</t>
  </si>
  <si>
    <t>1843554.0</t>
  </si>
  <si>
    <t>7614008.0</t>
  </si>
  <si>
    <t>4263356.0</t>
  </si>
  <si>
    <t>3291257.0</t>
  </si>
  <si>
    <t>59395.0</t>
  </si>
  <si>
    <t>1846102.0</t>
  </si>
  <si>
    <t>115.428</t>
  </si>
  <si>
    <t>7621548.0</t>
  </si>
  <si>
    <t>4266023.0</t>
  </si>
  <si>
    <t>3294764.0</t>
  </si>
  <si>
    <t>1847103.0</t>
  </si>
  <si>
    <t>115.491</t>
  </si>
  <si>
    <t>7625244.0</t>
  </si>
  <si>
    <t>4267826.0</t>
  </si>
  <si>
    <t>3296364.0</t>
  </si>
  <si>
    <t>61054.0</t>
  </si>
  <si>
    <t>1850756.0</t>
  </si>
  <si>
    <t>115.719</t>
  </si>
  <si>
    <t>7632514.0</t>
  </si>
  <si>
    <t>4270759.0</t>
  </si>
  <si>
    <t>3299624.0</t>
  </si>
  <si>
    <t>7642887.0</t>
  </si>
  <si>
    <t>4274653.0</t>
  </si>
  <si>
    <t>3303769.0</t>
  </si>
  <si>
    <t>7663293.0</t>
  </si>
  <si>
    <t>4282687.0</t>
  </si>
  <si>
    <t>3311237.0</t>
  </si>
  <si>
    <t>1994516.0</t>
  </si>
  <si>
    <t>124.708</t>
  </si>
  <si>
    <t>7671849.0</t>
  </si>
  <si>
    <t>4286198.0</t>
  </si>
  <si>
    <t>3314748.0</t>
  </si>
  <si>
    <t>7685668.0</t>
  </si>
  <si>
    <t>4292012.0</t>
  </si>
  <si>
    <t>3319917.0</t>
  </si>
  <si>
    <t>2000510.0</t>
  </si>
  <si>
    <t>125.083</t>
  </si>
  <si>
    <t>7692303.0</t>
  </si>
  <si>
    <t>4294561.0</t>
  </si>
  <si>
    <t>3322623.0</t>
  </si>
  <si>
    <t>75119.0</t>
  </si>
  <si>
    <t>7696523.0</t>
  </si>
  <si>
    <t>4295947.0</t>
  </si>
  <si>
    <t>3324206.0</t>
  </si>
  <si>
    <t>7703056.0</t>
  </si>
  <si>
    <t>4298467.0</t>
  </si>
  <si>
    <t>3327108.0</t>
  </si>
  <si>
    <t>77481.0</t>
  </si>
  <si>
    <t>2008365.0</t>
  </si>
  <si>
    <t>125.574</t>
  </si>
  <si>
    <t>7710385.0</t>
  </si>
  <si>
    <t>4300807.0</t>
  </si>
  <si>
    <t>3330363.0</t>
  </si>
  <si>
    <t>79215.0</t>
  </si>
  <si>
    <t>7724171.0</t>
  </si>
  <si>
    <t>4306356.0</t>
  </si>
  <si>
    <t>3335093.0</t>
  </si>
  <si>
    <t>82722.0</t>
  </si>
  <si>
    <t>2016085.0</t>
  </si>
  <si>
    <t>126.056</t>
  </si>
  <si>
    <t>7736224.0</t>
  </si>
  <si>
    <t>4310234.0</t>
  </si>
  <si>
    <t>3339598.0</t>
  </si>
  <si>
    <t>7745716.0</t>
  </si>
  <si>
    <t>4313650.0</t>
  </si>
  <si>
    <t>3343001.0</t>
  </si>
  <si>
    <t>7753490.0</t>
  </si>
  <si>
    <t>4316135.0</t>
  </si>
  <si>
    <t>3346568.0</t>
  </si>
  <si>
    <t>2026321.0</t>
  </si>
  <si>
    <t>126.696</t>
  </si>
  <si>
    <t>7757768.0</t>
  </si>
  <si>
    <t>4318075.0</t>
  </si>
  <si>
    <t>3348299.0</t>
  </si>
  <si>
    <t>7764290.0</t>
  </si>
  <si>
    <t>4319919.0</t>
  </si>
  <si>
    <t>3350481.0</t>
  </si>
  <si>
    <t>93890.0</t>
  </si>
  <si>
    <t>2030699.0</t>
  </si>
  <si>
    <t>7771022.0</t>
  </si>
  <si>
    <t>4322787.0</t>
  </si>
  <si>
    <t>3352751.0</t>
  </si>
  <si>
    <t>7782961.0</t>
  </si>
  <si>
    <t>4327084.0</t>
  </si>
  <si>
    <t>3357098.0</t>
  </si>
  <si>
    <t>98779.0</t>
  </si>
  <si>
    <t>7795362.0</t>
  </si>
  <si>
    <t>3362638.0</t>
  </si>
  <si>
    <t>101642.0</t>
  </si>
  <si>
    <t>2043572.0</t>
  </si>
  <si>
    <t>127.775</t>
  </si>
  <si>
    <t>7810556.0</t>
  </si>
  <si>
    <t>4336161.0</t>
  </si>
  <si>
    <t>3367921.0</t>
  </si>
  <si>
    <t>7820885.0</t>
  </si>
  <si>
    <t>4338919.0</t>
  </si>
  <si>
    <t>3371563.0</t>
  </si>
  <si>
    <t>7823894.0</t>
  </si>
  <si>
    <t>4340412.0</t>
  </si>
  <si>
    <t>3372616.0</t>
  </si>
  <si>
    <t>110866.0</t>
  </si>
  <si>
    <t>2049310.0</t>
  </si>
  <si>
    <t>128.134</t>
  </si>
  <si>
    <t>7829096.0</t>
  </si>
  <si>
    <t>4342121.0</t>
  </si>
  <si>
    <t>3374371.0</t>
  </si>
  <si>
    <t>112604.0</t>
  </si>
  <si>
    <t>7836325.0</t>
  </si>
  <si>
    <t>4344922.0</t>
  </si>
  <si>
    <t>3376712.0</t>
  </si>
  <si>
    <t>114691.0</t>
  </si>
  <si>
    <t>2058584.0</t>
  </si>
  <si>
    <t>128.714</t>
  </si>
  <si>
    <t>7847314.0</t>
  </si>
  <si>
    <t>4347992.0</t>
  </si>
  <si>
    <t>3381246.0</t>
  </si>
  <si>
    <t>118076.0</t>
  </si>
  <si>
    <t>7858794.0</t>
  </si>
  <si>
    <t>4351621.0</t>
  </si>
  <si>
    <t>3384590.0</t>
  </si>
  <si>
    <t>122583.0</t>
  </si>
  <si>
    <t>7870399.0</t>
  </si>
  <si>
    <t>4355217.0</t>
  </si>
  <si>
    <t>3388940.0</t>
  </si>
  <si>
    <t>2063473.0</t>
  </si>
  <si>
    <t>7876942.0</t>
  </si>
  <si>
    <t>4357938.0</t>
  </si>
  <si>
    <t>3390880.0</t>
  </si>
  <si>
    <t>2076414.0</t>
  </si>
  <si>
    <t>7882244.0</t>
  </si>
  <si>
    <t>4359872.0</t>
  </si>
  <si>
    <t>3392578.0</t>
  </si>
  <si>
    <t>7890951.0</t>
  </si>
  <si>
    <t>4362150.0</t>
  </si>
  <si>
    <t>3396655.0</t>
  </si>
  <si>
    <t>132146.0</t>
  </si>
  <si>
    <t>4365856.0</t>
  </si>
  <si>
    <t>3399915.0</t>
  </si>
  <si>
    <t>135589.0</t>
  </si>
  <si>
    <t>2085373.0</t>
  </si>
  <si>
    <t>130.389</t>
  </si>
  <si>
    <t>7910740.0</t>
  </si>
  <si>
    <t>4368726.0</t>
  </si>
  <si>
    <t>3402434.0</t>
  </si>
  <si>
    <t>139580.0</t>
  </si>
  <si>
    <t>7921113.0</t>
  </si>
  <si>
    <t>4372925.0</t>
  </si>
  <si>
    <t>3406482.0</t>
  </si>
  <si>
    <t>141706.0</t>
  </si>
  <si>
    <t>2090217.0</t>
  </si>
  <si>
    <t>130.691</t>
  </si>
  <si>
    <t>7930621.0</t>
  </si>
  <si>
    <t>4374896.0</t>
  </si>
  <si>
    <t>3408609.0</t>
  </si>
  <si>
    <t>147116.0</t>
  </si>
  <si>
    <t>7936145.0</t>
  </si>
  <si>
    <t>4377373.0</t>
  </si>
  <si>
    <t>3410340.0</t>
  </si>
  <si>
    <t>148432.0</t>
  </si>
  <si>
    <t>2102446.0</t>
  </si>
  <si>
    <t>7938362.0</t>
  </si>
  <si>
    <t>4378029.0</t>
  </si>
  <si>
    <t>3410960.0</t>
  </si>
  <si>
    <t>149373.0</t>
  </si>
  <si>
    <t>2104159.0</t>
  </si>
  <si>
    <t>131.563</t>
  </si>
  <si>
    <t>7943325.0</t>
  </si>
  <si>
    <t>4379875.0</t>
  </si>
  <si>
    <t>3412556.0</t>
  </si>
  <si>
    <t>7949875.0</t>
  </si>
  <si>
    <t>4381982.0</t>
  </si>
  <si>
    <t>3414446.0</t>
  </si>
  <si>
    <t>7963423.0</t>
  </si>
  <si>
    <t>4386789.0</t>
  </si>
  <si>
    <t>3417692.0</t>
  </si>
  <si>
    <t>158942.0</t>
  </si>
  <si>
    <t>2118965.0</t>
  </si>
  <si>
    <t>132.489</t>
  </si>
  <si>
    <t>7972666.0</t>
  </si>
  <si>
    <t>4390103.0</t>
  </si>
  <si>
    <t>3421237.0</t>
  </si>
  <si>
    <t>2124014.0</t>
  </si>
  <si>
    <t>7985886.0</t>
  </si>
  <si>
    <t>4394455.0</t>
  </si>
  <si>
    <t>3425864.0</t>
  </si>
  <si>
    <t>165567.0</t>
  </si>
  <si>
    <t>2128873.0</t>
  </si>
  <si>
    <t>133.108</t>
  </si>
  <si>
    <t>7991667.0</t>
  </si>
  <si>
    <t>4396711.0</t>
  </si>
  <si>
    <t>3427761.0</t>
  </si>
  <si>
    <t>7996153.0</t>
  </si>
  <si>
    <t>4398228.0</t>
  </si>
  <si>
    <t>3429174.0</t>
  </si>
  <si>
    <t>168751.0</t>
  </si>
  <si>
    <t>8002653.0</t>
  </si>
  <si>
    <t>4400997.0</t>
  </si>
  <si>
    <t>3431497.0</t>
  </si>
  <si>
    <t>170159.0</t>
  </si>
  <si>
    <t>8013538.0</t>
  </si>
  <si>
    <t>4405342.0</t>
  </si>
  <si>
    <t>3434337.0</t>
  </si>
  <si>
    <t>173859.0</t>
  </si>
  <si>
    <t>8027283.0</t>
  </si>
  <si>
    <t>4410552.0</t>
  </si>
  <si>
    <t>3438471.0</t>
  </si>
  <si>
    <t>178260.0</t>
  </si>
  <si>
    <t>8034373.0</t>
  </si>
  <si>
    <t>4413298.0</t>
  </si>
  <si>
    <t>3440370.0</t>
  </si>
  <si>
    <t>180705.0</t>
  </si>
  <si>
    <t>8044586.0</t>
  </si>
  <si>
    <t>4416878.0</t>
  </si>
  <si>
    <t>3443003.0</t>
  </si>
  <si>
    <t>184705.0</t>
  </si>
  <si>
    <t>8047722.0</t>
  </si>
  <si>
    <t>4418032.0</t>
  </si>
  <si>
    <t>3443906.0</t>
  </si>
  <si>
    <t>185784.0</t>
  </si>
  <si>
    <t>2155125.0</t>
  </si>
  <si>
    <t>8050637.0</t>
  </si>
  <si>
    <t>4418956.0</t>
  </si>
  <si>
    <t>3444793.0</t>
  </si>
  <si>
    <t>186888.0</t>
  </si>
  <si>
    <t>8070061.0</t>
  </si>
  <si>
    <t>4432618.0</t>
  </si>
  <si>
    <t>3446894.0</t>
  </si>
  <si>
    <t>190549.0</t>
  </si>
  <si>
    <t>8153471.0</t>
  </si>
  <si>
    <t>4503937.0</t>
  </si>
  <si>
    <t>3450864.0</t>
  </si>
  <si>
    <t>198670.0</t>
  </si>
  <si>
    <t>8254477.0</t>
  </si>
  <si>
    <t>4589712.0</t>
  </si>
  <si>
    <t>3455926.0</t>
  </si>
  <si>
    <t>208839.0</t>
  </si>
  <si>
    <t>2164528.0</t>
  </si>
  <si>
    <t>8392429.0</t>
  </si>
  <si>
    <t>4704720.0</t>
  </si>
  <si>
    <t>3461926.0</t>
  </si>
  <si>
    <t>225783.0</t>
  </si>
  <si>
    <t>137952.0</t>
  </si>
  <si>
    <t>51151.0</t>
  </si>
  <si>
    <t>8531642.0</t>
  </si>
  <si>
    <t>4814582.0</t>
  </si>
  <si>
    <t>3473523.0</t>
  </si>
  <si>
    <t>243537.0</t>
  </si>
  <si>
    <t>139213.0</t>
  </si>
  <si>
    <t>8631728.0</t>
  </si>
  <si>
    <t>4886242.0</t>
  </si>
  <si>
    <t>3487962.0</t>
  </si>
  <si>
    <t>100086.0</t>
  </si>
  <si>
    <t>66887.0</t>
  </si>
  <si>
    <t>8685039.0</t>
  </si>
  <si>
    <t>4918147.0</t>
  </si>
  <si>
    <t>3493763.0</t>
  </si>
  <si>
    <t>273129.0</t>
  </si>
  <si>
    <t>90629.0</t>
  </si>
  <si>
    <t>71313.0</t>
  </si>
  <si>
    <t>2176708.0</t>
  </si>
  <si>
    <t>136.099</t>
  </si>
  <si>
    <t>8774360.0</t>
  </si>
  <si>
    <t>4975433.0</t>
  </si>
  <si>
    <t>3501493.0</t>
  </si>
  <si>
    <t>297434.0</t>
  </si>
  <si>
    <t>100614.0</t>
  </si>
  <si>
    <t>8879729.0</t>
  </si>
  <si>
    <t>5053114.0</t>
  </si>
  <si>
    <t>3510256.0</t>
  </si>
  <si>
    <t>316359.0</t>
  </si>
  <si>
    <t>105369.0</t>
  </si>
  <si>
    <t>78454.0</t>
  </si>
  <si>
    <t>9042369.0</t>
  </si>
  <si>
    <t>5175175.0</t>
  </si>
  <si>
    <t>3522062.0</t>
  </si>
  <si>
    <t>345132.0</t>
  </si>
  <si>
    <t>162640.0</t>
  </si>
  <si>
    <t>9208822.0</t>
  </si>
  <si>
    <t>5297081.0</t>
  </si>
  <si>
    <t>3532708.0</t>
  </si>
  <si>
    <t>379033.0</t>
  </si>
  <si>
    <t>166453.0</t>
  </si>
  <si>
    <t>116628.0</t>
  </si>
  <si>
    <t>2185767.0</t>
  </si>
  <si>
    <t>136.666</t>
  </si>
  <si>
    <t>9321194.0</t>
  </si>
  <si>
    <t>5372837.0</t>
  </si>
  <si>
    <t>3543725.0</t>
  </si>
  <si>
    <t>112793.0</t>
  </si>
  <si>
    <t>79751.0</t>
  </si>
  <si>
    <t>9440524.0</t>
  </si>
  <si>
    <t>5455680.0</t>
  </si>
  <si>
    <t>3553083.0</t>
  </si>
  <si>
    <t>431761.0</t>
  </si>
  <si>
    <t>119330.0</t>
  </si>
  <si>
    <t>115542.0</t>
  </si>
  <si>
    <t>9534465.0</t>
  </si>
  <si>
    <t>5517779.0</t>
  </si>
  <si>
    <t>3561400.0</t>
  </si>
  <si>
    <t>455286.0</t>
  </si>
  <si>
    <t>9610202.0</t>
  </si>
  <si>
    <t>5562437.0</t>
  </si>
  <si>
    <t>3570255.0</t>
  </si>
  <si>
    <t>75737.0</t>
  </si>
  <si>
    <t>9647529.0</t>
  </si>
  <si>
    <t>5589007.0</t>
  </si>
  <si>
    <t>3572995.0</t>
  </si>
  <si>
    <t>485527.0</t>
  </si>
  <si>
    <t>76556.0</t>
  </si>
  <si>
    <t>9699654.0</t>
  </si>
  <si>
    <t>5615778.0</t>
  </si>
  <si>
    <t>3578170.0</t>
  </si>
  <si>
    <t>505706.0</t>
  </si>
  <si>
    <t>52125.0</t>
  </si>
  <si>
    <t>93898.0</t>
  </si>
  <si>
    <t>2206280.0</t>
  </si>
  <si>
    <t>137.948</t>
  </si>
  <si>
    <t>9724783.0</t>
  </si>
  <si>
    <t>5628591.0</t>
  </si>
  <si>
    <t>3581021.0</t>
  </si>
  <si>
    <t>515171.0</t>
  </si>
  <si>
    <t>47359.0</t>
  </si>
  <si>
    <t>9779183.0</t>
  </si>
  <si>
    <t>5665806.0</t>
  </si>
  <si>
    <t>3586013.0</t>
  </si>
  <si>
    <t>527364.0</t>
  </si>
  <si>
    <t>65427.0</t>
  </si>
  <si>
    <t>41853.0</t>
  </si>
  <si>
    <t>9845905.0</t>
  </si>
  <si>
    <t>5707409.0</t>
  </si>
  <si>
    <t>3597994.0</t>
  </si>
  <si>
    <t>540502.0</t>
  </si>
  <si>
    <t>2213383.0</t>
  </si>
  <si>
    <t>9865127.0</t>
  </si>
  <si>
    <t>5721969.0</t>
  </si>
  <si>
    <t>3599536.0</t>
  </si>
  <si>
    <t>543622.0</t>
  </si>
  <si>
    <t>9883468.0</t>
  </si>
  <si>
    <t>5734219.0</t>
  </si>
  <si>
    <t>3600666.0</t>
  </si>
  <si>
    <t>548583.0</t>
  </si>
  <si>
    <t>9914016.0</t>
  </si>
  <si>
    <t>5753797.0</t>
  </si>
  <si>
    <t>3604044.0</t>
  </si>
  <si>
    <t>556175.0</t>
  </si>
  <si>
    <t>9922431.0</t>
  </si>
  <si>
    <t>5756469.0</t>
  </si>
  <si>
    <t>3605713.0</t>
  </si>
  <si>
    <t>560249.0</t>
  </si>
  <si>
    <t>31825.0</t>
  </si>
  <si>
    <t>9948149.0</t>
  </si>
  <si>
    <t>5767690.0</t>
  </si>
  <si>
    <t>3611223.0</t>
  </si>
  <si>
    <t>569236.0</t>
  </si>
  <si>
    <t>9963580.0</t>
  </si>
  <si>
    <t>5775884.0</t>
  </si>
  <si>
    <t>3615375.0</t>
  </si>
  <si>
    <t>572321.0</t>
  </si>
  <si>
    <t>9976913.0</t>
  </si>
  <si>
    <t>5787969.0</t>
  </si>
  <si>
    <t>3616123.0</t>
  </si>
  <si>
    <t>572821.0</t>
  </si>
  <si>
    <t>9984982.0</t>
  </si>
  <si>
    <t>5793193.0</t>
  </si>
  <si>
    <t>3617417.0</t>
  </si>
  <si>
    <t>574372.0</t>
  </si>
  <si>
    <t>2226258.0</t>
  </si>
  <si>
    <t>9992151.0</t>
  </si>
  <si>
    <t>5798088.0</t>
  </si>
  <si>
    <t>3618224.0</t>
  </si>
  <si>
    <t>575839.0</t>
  </si>
  <si>
    <t>15526.0</t>
  </si>
  <si>
    <t>10009243.0</t>
  </si>
  <si>
    <t>5809000.0</t>
  </si>
  <si>
    <t>3621540.0</t>
  </si>
  <si>
    <t>578703.0</t>
  </si>
  <si>
    <t>10023019.0</t>
  </si>
  <si>
    <t>5817869.0</t>
  </si>
  <si>
    <t>3624003.0</t>
  </si>
  <si>
    <t>581147.0</t>
  </si>
  <si>
    <t>10038039.0</t>
  </si>
  <si>
    <t>5822326.0</t>
  </si>
  <si>
    <t>3630122.0</t>
  </si>
  <si>
    <t>585591.0</t>
  </si>
  <si>
    <t>10053714.0</t>
  </si>
  <si>
    <t>5828236.0</t>
  </si>
  <si>
    <t>3636597.0</t>
  </si>
  <si>
    <t>588881.0</t>
  </si>
  <si>
    <t>2236758.0</t>
  </si>
  <si>
    <t>139.854</t>
  </si>
  <si>
    <t>10071251.0</t>
  </si>
  <si>
    <t>5835677.0</t>
  </si>
  <si>
    <t>3641341.0</t>
  </si>
  <si>
    <t>594233.0</t>
  </si>
  <si>
    <t>10084369.0</t>
  </si>
  <si>
    <t>5838939.0</t>
  </si>
  <si>
    <t>3648244.0</t>
  </si>
  <si>
    <t>597186.0</t>
  </si>
  <si>
    <t>10092394.0</t>
  </si>
  <si>
    <t>5841440.0</t>
  </si>
  <si>
    <t>3651987.0</t>
  </si>
  <si>
    <t>598967.0</t>
  </si>
  <si>
    <t>2248962.0</t>
  </si>
  <si>
    <t>140.617</t>
  </si>
  <si>
    <t>10125427.0</t>
  </si>
  <si>
    <t>5859426.0</t>
  </si>
  <si>
    <t>3660234.0</t>
  </si>
  <si>
    <t>605767.0</t>
  </si>
  <si>
    <t>10144899.0</t>
  </si>
  <si>
    <t>5864940.0</t>
  </si>
  <si>
    <t>3667392.0</t>
  </si>
  <si>
    <t>10153861.0</t>
  </si>
  <si>
    <t>5866832.0</t>
  </si>
  <si>
    <t>3672516.0</t>
  </si>
  <si>
    <t>614513.0</t>
  </si>
  <si>
    <t>2251091.0</t>
  </si>
  <si>
    <t>10160810.0</t>
  </si>
  <si>
    <t>5867908.0</t>
  </si>
  <si>
    <t>3675272.0</t>
  </si>
  <si>
    <t>617630.0</t>
  </si>
  <si>
    <t>10169879.0</t>
  </si>
  <si>
    <t>5870126.0</t>
  </si>
  <si>
    <t>3679006.0</t>
  </si>
  <si>
    <t>620747.0</t>
  </si>
  <si>
    <t>10182051.0</t>
  </si>
  <si>
    <t>5873685.0</t>
  </si>
  <si>
    <t>3685351.0</t>
  </si>
  <si>
    <t>623015.0</t>
  </si>
  <si>
    <t>10229266.0</t>
  </si>
  <si>
    <t>5882608.0</t>
  </si>
  <si>
    <t>3714905.0</t>
  </si>
  <si>
    <t>631753.0</t>
  </si>
  <si>
    <t>10322750.0</t>
  </si>
  <si>
    <t>5898150.0</t>
  </si>
  <si>
    <t>3777867.0</t>
  </si>
  <si>
    <t>646733.0</t>
  </si>
  <si>
    <t>10389825.0</t>
  </si>
  <si>
    <t>5909962.0</t>
  </si>
  <si>
    <t>3827660.0</t>
  </si>
  <si>
    <t>652203.0</t>
  </si>
  <si>
    <t>67075.0</t>
  </si>
  <si>
    <t>2272070.0</t>
  </si>
  <si>
    <t>142.062</t>
  </si>
  <si>
    <t>10449881.0</t>
  </si>
  <si>
    <t>5922239.0</t>
  </si>
  <si>
    <t>3867341.0</t>
  </si>
  <si>
    <t>660301.0</t>
  </si>
  <si>
    <t>41296.0</t>
  </si>
  <si>
    <t>10463395.0</t>
  </si>
  <si>
    <t>5928724.0</t>
  </si>
  <si>
    <t>3869504.0</t>
  </si>
  <si>
    <t>665167.0</t>
  </si>
  <si>
    <t>10579386.0</t>
  </si>
  <si>
    <t>5953536.0</t>
  </si>
  <si>
    <t>3941327.0</t>
  </si>
  <si>
    <t>684523.0</t>
  </si>
  <si>
    <t>115991.0</t>
  </si>
  <si>
    <t>2278641.0</t>
  </si>
  <si>
    <t>10653588.0</t>
  </si>
  <si>
    <t>5979817.0</t>
  </si>
  <si>
    <t>3979680.0</t>
  </si>
  <si>
    <t>694091.0</t>
  </si>
  <si>
    <t>10767750.0</t>
  </si>
  <si>
    <t>6013031.0</t>
  </si>
  <si>
    <t>4044192.0</t>
  </si>
  <si>
    <t>710527.0</t>
  </si>
  <si>
    <t>114162.0</t>
  </si>
  <si>
    <t>10846269.0</t>
  </si>
  <si>
    <t>6030325.0</t>
  </si>
  <si>
    <t>4094186.0</t>
  </si>
  <si>
    <t>721758.0</t>
  </si>
  <si>
    <t>78519.0</t>
  </si>
  <si>
    <t>10993964.0</t>
  </si>
  <si>
    <t>6067791.0</t>
  </si>
  <si>
    <t>4191100.0</t>
  </si>
  <si>
    <t>735073.0</t>
  </si>
  <si>
    <t>147695.0</t>
  </si>
  <si>
    <t>86306.0</t>
  </si>
  <si>
    <t>2287793.0</t>
  </si>
  <si>
    <t>143.045</t>
  </si>
  <si>
    <t>11176359.0</t>
  </si>
  <si>
    <t>6117318.0</t>
  </si>
  <si>
    <t>4299107.0</t>
  </si>
  <si>
    <t>759934.0</t>
  </si>
  <si>
    <t>182395.0</t>
  </si>
  <si>
    <t>27868.0</t>
  </si>
  <si>
    <t>11296837.0</t>
  </si>
  <si>
    <t>6153538.0</t>
  </si>
  <si>
    <t>4366541.0</t>
  </si>
  <si>
    <t>776758.0</t>
  </si>
  <si>
    <t>119063.0</t>
  </si>
  <si>
    <t>11329104.0</t>
  </si>
  <si>
    <t>6166141.0</t>
  </si>
  <si>
    <t>4380681.0</t>
  </si>
  <si>
    <t>782282.0</t>
  </si>
  <si>
    <t>107103.0</t>
  </si>
  <si>
    <t>2295541.0</t>
  </si>
  <si>
    <t>143.529</t>
  </si>
  <si>
    <t>11408719.0</t>
  </si>
  <si>
    <t>6187713.0</t>
  </si>
  <si>
    <t>4421292.0</t>
  </si>
  <si>
    <t>799714.0</t>
  </si>
  <si>
    <t>107876.0</t>
  </si>
  <si>
    <t>29699.0</t>
  </si>
  <si>
    <t>2299078.0</t>
  </si>
  <si>
    <t>143.751</t>
  </si>
  <si>
    <t>11442544.0</t>
  </si>
  <si>
    <t>6194981.0</t>
  </si>
  <si>
    <t>4439317.0</t>
  </si>
  <si>
    <t>808246.0</t>
  </si>
  <si>
    <t>11459763.0</t>
  </si>
  <si>
    <t>6206288.0</t>
  </si>
  <si>
    <t>4442643.0</t>
  </si>
  <si>
    <t>810832.0</t>
  </si>
  <si>
    <t>87642.0</t>
  </si>
  <si>
    <t>11494822.0</t>
  </si>
  <si>
    <t>6216539.0</t>
  </si>
  <si>
    <t>4461860.0</t>
  </si>
  <si>
    <t>816423.0</t>
  </si>
  <si>
    <t>11517880.0</t>
  </si>
  <si>
    <t>6222469.0</t>
  </si>
  <si>
    <t>4474541.0</t>
  </si>
  <si>
    <t>820870.0</t>
  </si>
  <si>
    <t>11527420.0</t>
  </si>
  <si>
    <t>4480054.0</t>
  </si>
  <si>
    <t>822228.0</t>
  </si>
  <si>
    <t>11543096.0</t>
  </si>
  <si>
    <t>6232825.0</t>
  </si>
  <si>
    <t>4484185.0</t>
  </si>
  <si>
    <t>826086.0</t>
  </si>
  <si>
    <t>11551036.0</t>
  </si>
  <si>
    <t>6235291.0</t>
  </si>
  <si>
    <t>4487255.0</t>
  </si>
  <si>
    <t>828490.0</t>
  </si>
  <si>
    <t>11562284.0</t>
  </si>
  <si>
    <t>6238422.0</t>
  </si>
  <si>
    <t>4493290.0</t>
  </si>
  <si>
    <t>830572.0</t>
  </si>
  <si>
    <t>11576479.0</t>
  </si>
  <si>
    <t>6241003.0</t>
  </si>
  <si>
    <t>4502368.0</t>
  </si>
  <si>
    <t>833108.0</t>
  </si>
  <si>
    <t>11582863.0</t>
  </si>
  <si>
    <t>6243051.0</t>
  </si>
  <si>
    <t>4504733.0</t>
  </si>
  <si>
    <t>835079.0</t>
  </si>
  <si>
    <t>2325501.0</t>
  </si>
  <si>
    <t>145.403</t>
  </si>
  <si>
    <t>11603851.0</t>
  </si>
  <si>
    <t>6247188.0</t>
  </si>
  <si>
    <t>4518440.0</t>
  </si>
  <si>
    <t>838223.0</t>
  </si>
  <si>
    <t>11611952.0</t>
  </si>
  <si>
    <t>6249146.0</t>
  </si>
  <si>
    <t>4522237.0</t>
  </si>
  <si>
    <t>840569.0</t>
  </si>
  <si>
    <t>11615542.0</t>
  </si>
  <si>
    <t>6250326.0</t>
  </si>
  <si>
    <t>4524043.0</t>
  </si>
  <si>
    <t>841173.0</t>
  </si>
  <si>
    <t>2336493.0</t>
  </si>
  <si>
    <t>11620528.0</t>
  </si>
  <si>
    <t>6251633.0</t>
  </si>
  <si>
    <t>4525568.0</t>
  </si>
  <si>
    <t>843327.0</t>
  </si>
  <si>
    <t>11646074.0</t>
  </si>
  <si>
    <t>6254284.0</t>
  </si>
  <si>
    <t>4538872.0</t>
  </si>
  <si>
    <t>852918.0</t>
  </si>
  <si>
    <t>11648398.0</t>
  </si>
  <si>
    <t>6255648.0</t>
  </si>
  <si>
    <t>4539718.0</t>
  </si>
  <si>
    <t>853032.0</t>
  </si>
  <si>
    <t>2343243.0</t>
  </si>
  <si>
    <t>146.512</t>
  </si>
  <si>
    <t>11650076.0</t>
  </si>
  <si>
    <t>6256150.0</t>
  </si>
  <si>
    <t>4540461.0</t>
  </si>
  <si>
    <t>853465.0</t>
  </si>
  <si>
    <t>11654668.0</t>
  </si>
  <si>
    <t>6257294.0</t>
  </si>
  <si>
    <t>4542307.0</t>
  </si>
  <si>
    <t>855067.0</t>
  </si>
  <si>
    <t>2351263.0</t>
  </si>
  <si>
    <t>11665248.0</t>
  </si>
  <si>
    <t>6261017.0</t>
  </si>
  <si>
    <t>4545384.0</t>
  </si>
  <si>
    <t>858847.0</t>
  </si>
  <si>
    <t>11669319.0</t>
  </si>
  <si>
    <t>6262283.0</t>
  </si>
  <si>
    <t>4546917.0</t>
  </si>
  <si>
    <t>860119.0</t>
  </si>
  <si>
    <t>11674792.0</t>
  </si>
  <si>
    <t>6263481.0</t>
  </si>
  <si>
    <t>4549547.0</t>
  </si>
  <si>
    <t>861764.0</t>
  </si>
  <si>
    <t>11691836.0</t>
  </si>
  <si>
    <t>6267930.0</t>
  </si>
  <si>
    <t>4559839.0</t>
  </si>
  <si>
    <t>2359621.0</t>
  </si>
  <si>
    <t>147.536</t>
  </si>
  <si>
    <t>11694849.0</t>
  </si>
  <si>
    <t>6268685.0</t>
  </si>
  <si>
    <t>4561362.0</t>
  </si>
  <si>
    <t>864802.0</t>
  </si>
  <si>
    <t>6270096.0</t>
  </si>
  <si>
    <t>4563366.0</t>
  </si>
  <si>
    <t>866048.0</t>
  </si>
  <si>
    <t>11706991.0</t>
  </si>
  <si>
    <t>6271703.0</t>
  </si>
  <si>
    <t>4567466.0</t>
  </si>
  <si>
    <t>867822.0</t>
  </si>
  <si>
    <t>2365708.0</t>
  </si>
  <si>
    <t>147.917</t>
  </si>
  <si>
    <t>11714117.0</t>
  </si>
  <si>
    <t>6274305.0</t>
  </si>
  <si>
    <t>4570349.0</t>
  </si>
  <si>
    <t>869463.0</t>
  </si>
  <si>
    <t>11726084.0</t>
  </si>
  <si>
    <t>6277180.0</t>
  </si>
  <si>
    <t>4575674.0</t>
  </si>
  <si>
    <t>873230.0</t>
  </si>
  <si>
    <t>11729379.0</t>
  </si>
  <si>
    <t>6278211.0</t>
  </si>
  <si>
    <t>4576849.0</t>
  </si>
  <si>
    <t>874319.0</t>
  </si>
  <si>
    <t>11735629.0</t>
  </si>
  <si>
    <t>6281041.0</t>
  </si>
  <si>
    <t>4578232.0</t>
  </si>
  <si>
    <t>2374300.0</t>
  </si>
  <si>
    <t>148.454</t>
  </si>
  <si>
    <t>11750337.0</t>
  </si>
  <si>
    <t>6287336.0</t>
  </si>
  <si>
    <t>4583367.0</t>
  </si>
  <si>
    <t>879634.0</t>
  </si>
  <si>
    <t>2379907.0</t>
  </si>
  <si>
    <t>11761703.0</t>
  </si>
  <si>
    <t>6289811.0</t>
  </si>
  <si>
    <t>4588340.0</t>
  </si>
  <si>
    <t>883552.0</t>
  </si>
  <si>
    <t>11769331.0</t>
  </si>
  <si>
    <t>6292028.0</t>
  </si>
  <si>
    <t>4591475.0</t>
  </si>
  <si>
    <t>885828.0</t>
  </si>
  <si>
    <t>11776806.0</t>
  </si>
  <si>
    <t>6294042.0</t>
  </si>
  <si>
    <t>4595316.0</t>
  </si>
  <si>
    <t>887448.0</t>
  </si>
  <si>
    <t>11781585.0</t>
  </si>
  <si>
    <t>6295372.0</t>
  </si>
  <si>
    <t>4597348.0</t>
  </si>
  <si>
    <t>888865.0</t>
  </si>
  <si>
    <t>11785534.0</t>
  </si>
  <si>
    <t>6296280.0</t>
  </si>
  <si>
    <t>4599476.0</t>
  </si>
  <si>
    <t>889778.0</t>
  </si>
  <si>
    <t>11789993.0</t>
  </si>
  <si>
    <t>6297324.0</t>
  </si>
  <si>
    <t>4601845.0</t>
  </si>
  <si>
    <t>890824.0</t>
  </si>
  <si>
    <t>11798771.0</t>
  </si>
  <si>
    <t>6299348.0</t>
  </si>
  <si>
    <t>4605821.0</t>
  </si>
  <si>
    <t>11814313.0</t>
  </si>
  <si>
    <t>6305470.0</t>
  </si>
  <si>
    <t>4611113.0</t>
  </si>
  <si>
    <t>897730.0</t>
  </si>
  <si>
    <t>11824914.0</t>
  </si>
  <si>
    <t>6310089.0</t>
  </si>
  <si>
    <t>4614738.0</t>
  </si>
  <si>
    <t>900087.0</t>
  </si>
  <si>
    <t>11846503.0</t>
  </si>
  <si>
    <t>6317360.0</t>
  </si>
  <si>
    <t>4621086.0</t>
  </si>
  <si>
    <t>11863341.0</t>
  </si>
  <si>
    <t>6323289.0</t>
  </si>
  <si>
    <t>4629963.0</t>
  </si>
  <si>
    <t>910089.0</t>
  </si>
  <si>
    <t>11865740.0</t>
  </si>
  <si>
    <t>6324174.0</t>
  </si>
  <si>
    <t>4630484.0</t>
  </si>
  <si>
    <t>911082.0</t>
  </si>
  <si>
    <t>11881977.0</t>
  </si>
  <si>
    <t>6330677.0</t>
  </si>
  <si>
    <t>4636182.0</t>
  </si>
  <si>
    <t>915118.0</t>
  </si>
  <si>
    <t>11885572.0</t>
  </si>
  <si>
    <t>6331851.0</t>
  </si>
  <si>
    <t>4637374.0</t>
  </si>
  <si>
    <t>916347.0</t>
  </si>
  <si>
    <t>11891561.0</t>
  </si>
  <si>
    <t>6333827.0</t>
  </si>
  <si>
    <t>4639479.0</t>
  </si>
  <si>
    <t>918255.0</t>
  </si>
  <si>
    <t>11895163.0</t>
  </si>
  <si>
    <t>6334635.0</t>
  </si>
  <si>
    <t>4641075.0</t>
  </si>
  <si>
    <t>919453.0</t>
  </si>
  <si>
    <t>11901449.0</t>
  </si>
  <si>
    <t>6337217.0</t>
  </si>
  <si>
    <t>4643075.0</t>
  </si>
  <si>
    <t>921157.0</t>
  </si>
  <si>
    <t>11909813.0</t>
  </si>
  <si>
    <t>6339182.0</t>
  </si>
  <si>
    <t>4646692.0</t>
  </si>
  <si>
    <t>923939.0</t>
  </si>
  <si>
    <t>11915428.0</t>
  </si>
  <si>
    <t>6341098.0</t>
  </si>
  <si>
    <t>4649414.0</t>
  </si>
  <si>
    <t>924916.0</t>
  </si>
  <si>
    <t>11922980.0</t>
  </si>
  <si>
    <t>6344930.0</t>
  </si>
  <si>
    <t>4652075.0</t>
  </si>
  <si>
    <t>925975.0</t>
  </si>
  <si>
    <t>11928199.0</t>
  </si>
  <si>
    <t>6347588.0</t>
  </si>
  <si>
    <t>4653433.0</t>
  </si>
  <si>
    <t>927178.0</t>
  </si>
  <si>
    <t>11942004.0</t>
  </si>
  <si>
    <t>6351454.0</t>
  </si>
  <si>
    <t>4658672.0</t>
  </si>
  <si>
    <t>931878.0</t>
  </si>
  <si>
    <t>11962978.0</t>
  </si>
  <si>
    <t>6357106.0</t>
  </si>
  <si>
    <t>4668220.0</t>
  </si>
  <si>
    <t>937652.0</t>
  </si>
  <si>
    <t>11978630.0</t>
  </si>
  <si>
    <t>6359038.0</t>
  </si>
  <si>
    <t>4679815.0</t>
  </si>
  <si>
    <t>939777.0</t>
  </si>
  <si>
    <t>11981654.0</t>
  </si>
  <si>
    <t>6361061.0</t>
  </si>
  <si>
    <t>4680586.0</t>
  </si>
  <si>
    <t>940007.0</t>
  </si>
  <si>
    <t>11987993.0</t>
  </si>
  <si>
    <t>6362442.0</t>
  </si>
  <si>
    <t>4682269.0</t>
  </si>
  <si>
    <t>943282.0</t>
  </si>
  <si>
    <t>11992966.0</t>
  </si>
  <si>
    <t>6363974.0</t>
  </si>
  <si>
    <t>4684144.0</t>
  </si>
  <si>
    <t>944848.0</t>
  </si>
  <si>
    <t>11997422.0</t>
  </si>
  <si>
    <t>6365831.0</t>
  </si>
  <si>
    <t>4685177.0</t>
  </si>
  <si>
    <t>946414.0</t>
  </si>
  <si>
    <t>12008972.0</t>
  </si>
  <si>
    <t>6370434.0</t>
  </si>
  <si>
    <t>4688789.0</t>
  </si>
  <si>
    <t>949749.0</t>
  </si>
  <si>
    <t>12013026.0</t>
  </si>
  <si>
    <t>6371959.0</t>
  </si>
  <si>
    <t>4690254.0</t>
  </si>
  <si>
    <t>950813.0</t>
  </si>
  <si>
    <t>12015457.0</t>
  </si>
  <si>
    <t>6372686.0</t>
  </si>
  <si>
    <t>951660.0</t>
  </si>
  <si>
    <t>12020877.0</t>
  </si>
  <si>
    <t>6375973.0</t>
  </si>
  <si>
    <t>4691667.0</t>
  </si>
  <si>
    <t>953237.0</t>
  </si>
  <si>
    <t>12022698.0</t>
  </si>
  <si>
    <t>6376117.0</t>
  </si>
  <si>
    <t>4692440.0</t>
  </si>
  <si>
    <t>954141.0</t>
  </si>
  <si>
    <t>12028429.0</t>
  </si>
  <si>
    <t>6378079.0</t>
  </si>
  <si>
    <t>4694787.0</t>
  </si>
  <si>
    <t>955563.0</t>
  </si>
  <si>
    <t>12037062.0</t>
  </si>
  <si>
    <t>6381077.0</t>
  </si>
  <si>
    <t>4697276.0</t>
  </si>
  <si>
    <t>958709.0</t>
  </si>
  <si>
    <t>12040623.0</t>
  </si>
  <si>
    <t>6381898.0</t>
  </si>
  <si>
    <t>4698637.0</t>
  </si>
  <si>
    <t>960088.0</t>
  </si>
  <si>
    <t>12042247.0</t>
  </si>
  <si>
    <t>6382409.0</t>
  </si>
  <si>
    <t>4699206.0</t>
  </si>
  <si>
    <t>960632.0</t>
  </si>
  <si>
    <t>12044344.0</t>
  </si>
  <si>
    <t>6383088.0</t>
  </si>
  <si>
    <t>4700016.0</t>
  </si>
  <si>
    <t>12045553.0</t>
  </si>
  <si>
    <t>6383348.0</t>
  </si>
  <si>
    <t>4700467.0</t>
  </si>
  <si>
    <t>961738.0</t>
  </si>
  <si>
    <t>12047935.0</t>
  </si>
  <si>
    <t>6383829.0</t>
  </si>
  <si>
    <t>4700603.0</t>
  </si>
  <si>
    <t>963503.0</t>
  </si>
  <si>
    <t>12051660.0</t>
  </si>
  <si>
    <t>6385052.0</t>
  </si>
  <si>
    <t>4701724.0</t>
  </si>
  <si>
    <t>964884.0</t>
  </si>
  <si>
    <t>12055538.0</t>
  </si>
  <si>
    <t>6386215.0</t>
  </si>
  <si>
    <t>4703343.0</t>
  </si>
  <si>
    <t>965980.0</t>
  </si>
  <si>
    <t>12059678.0</t>
  </si>
  <si>
    <t>6387706.0</t>
  </si>
  <si>
    <t>4704713.0</t>
  </si>
  <si>
    <t>967259.0</t>
  </si>
  <si>
    <t>12063580.0</t>
  </si>
  <si>
    <t>6389391.0</t>
  </si>
  <si>
    <t>4705754.0</t>
  </si>
  <si>
    <t>968435.0</t>
  </si>
  <si>
    <t>12066230.0</t>
  </si>
  <si>
    <t>6390159.0</t>
  </si>
  <si>
    <t>4706550.0</t>
  </si>
  <si>
    <t>969521.0</t>
  </si>
  <si>
    <t>12070680.0</t>
  </si>
  <si>
    <t>6391679.0</t>
  </si>
  <si>
    <t>4707661.0</t>
  </si>
  <si>
    <t>971340.0</t>
  </si>
  <si>
    <t>12081488.0</t>
  </si>
  <si>
    <t>6395422.0</t>
  </si>
  <si>
    <t>4710552.0</t>
  </si>
  <si>
    <t>975514.0</t>
  </si>
  <si>
    <t>12086150.0</t>
  </si>
  <si>
    <t>6396479.0</t>
  </si>
  <si>
    <t>4712022.0</t>
  </si>
  <si>
    <t>977649.0</t>
  </si>
  <si>
    <t>12094452.0</t>
  </si>
  <si>
    <t>6398106.0</t>
  </si>
  <si>
    <t>4713558.0</t>
  </si>
  <si>
    <t>982788.0</t>
  </si>
  <si>
    <t>12103292.0</t>
  </si>
  <si>
    <t>6400267.0</t>
  </si>
  <si>
    <t>4715399.0</t>
  </si>
  <si>
    <t>987626.0</t>
  </si>
  <si>
    <t>12105303.0</t>
  </si>
  <si>
    <t>6400632.0</t>
  </si>
  <si>
    <t>4715815.0</t>
  </si>
  <si>
    <t>988856.0</t>
  </si>
  <si>
    <t>12121226.0</t>
  </si>
  <si>
    <t>6404253.0</t>
  </si>
  <si>
    <t>4719303.0</t>
  </si>
  <si>
    <t>12133385.0</t>
  </si>
  <si>
    <t>6407937.0</t>
  </si>
  <si>
    <t>4722200.0</t>
  </si>
  <si>
    <t>1003248.0</t>
  </si>
  <si>
    <t>12145591.0</t>
  </si>
  <si>
    <t>6411006.0</t>
  </si>
  <si>
    <t>4725099.0</t>
  </si>
  <si>
    <t>1009486.0</t>
  </si>
  <si>
    <t>12161598.0</t>
  </si>
  <si>
    <t>6416614.0</t>
  </si>
  <si>
    <t>4730503.0</t>
  </si>
  <si>
    <t>1014481.0</t>
  </si>
  <si>
    <t>12172531.0</t>
  </si>
  <si>
    <t>6421095.0</t>
  </si>
  <si>
    <t>4733518.0</t>
  </si>
  <si>
    <t>12176936.0</t>
  </si>
  <si>
    <t>6422019.0</t>
  </si>
  <si>
    <t>4735797.0</t>
  </si>
  <si>
    <t>1019120.0</t>
  </si>
  <si>
    <t>12184333.0</t>
  </si>
  <si>
    <t>6424826.0</t>
  </si>
  <si>
    <t>4738499.0</t>
  </si>
  <si>
    <t>1021008.0</t>
  </si>
  <si>
    <t>12187779.0</t>
  </si>
  <si>
    <t>6425581.0</t>
  </si>
  <si>
    <t>4739732.0</t>
  </si>
  <si>
    <t>1022466.0</t>
  </si>
  <si>
    <t>12190411.0</t>
  </si>
  <si>
    <t>6426048.0</t>
  </si>
  <si>
    <t>4740667.0</t>
  </si>
  <si>
    <t>1023696.0</t>
  </si>
  <si>
    <t>12201937.0</t>
  </si>
  <si>
    <t>6431444.0</t>
  </si>
  <si>
    <t>4744523.0</t>
  </si>
  <si>
    <t>1025970.0</t>
  </si>
  <si>
    <t>12208513.0</t>
  </si>
  <si>
    <t>6433036.0</t>
  </si>
  <si>
    <t>4746214.0</t>
  </si>
  <si>
    <t>1029263.0</t>
  </si>
  <si>
    <t>12212594.0</t>
  </si>
  <si>
    <t>6435008.0</t>
  </si>
  <si>
    <t>4747263.0</t>
  </si>
  <si>
    <t>1030323.0</t>
  </si>
  <si>
    <t>12214870.0</t>
  </si>
  <si>
    <t>6435481.0</t>
  </si>
  <si>
    <t>4748232.0</t>
  </si>
  <si>
    <t>1031157.0</t>
  </si>
  <si>
    <t>12216848.0</t>
  </si>
  <si>
    <t>6435970.0</t>
  </si>
  <si>
    <t>4748940.0</t>
  </si>
  <si>
    <t>1031938.0</t>
  </si>
  <si>
    <t>12219760.0</t>
  </si>
  <si>
    <t>6436704.0</t>
  </si>
  <si>
    <t>4750104.0</t>
  </si>
  <si>
    <t>1032952.0</t>
  </si>
  <si>
    <t>12222754.0</t>
  </si>
  <si>
    <t>6437808.0</t>
  </si>
  <si>
    <t>4751270.0</t>
  </si>
  <si>
    <t>1033676.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0" fontId="0" fillId="0" borderId="0" xfId="0" applyNumberFormat="1"/>
    <xf numFmtId="14" fontId="0" fillId="0" borderId="0" xfId="0" applyNumberFormat="1"/>
  </cellXfs>
  <cellStyles count="1">
    <cellStyle name="Normal" xfId="0" builtinId="0"/>
  </cellStyles>
  <dxfs count="33"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19" formatCode="dd/mm/yyyy"/>
    </dxf>
    <dxf>
      <numFmt numFmtId="0" formatCode="General"/>
    </dxf>
    <dxf>
      <numFmt numFmtId="0" formatCode="General"/>
    </dxf>
    <dxf>
      <numFmt numFmtId="0" formatCode="General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queryTables/queryTable1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ExternalData_1" connectionId="1" xr16:uid="{73C7C531-D91F-46DB-8A14-F15D0698D337}" autoFormatId="16" applyNumberFormats="0" applyBorderFormats="0" applyFontFormats="0" applyPatternFormats="0" applyAlignmentFormats="0" applyWidthHeightFormats="0">
  <queryTableRefresh nextId="69">
    <queryTableFields count="45">
      <queryTableField id="1" name="iso_code" tableColumnId="1"/>
      <queryTableField id="2" name="continent" tableColumnId="2"/>
      <queryTableField id="3" name="location" tableColumnId="3"/>
      <queryTableField id="4" name="date" tableColumnId="4"/>
      <queryTableField id="26" name="total_tests" tableColumnId="26"/>
      <queryTableField id="27" name="new_tests" tableColumnId="27"/>
      <queryTableField id="28" name="total_tests_per_thousand" tableColumnId="28"/>
      <queryTableField id="29" name="new_tests_per_thousand" tableColumnId="29"/>
      <queryTableField id="30" name="new_tests_smoothed" tableColumnId="30"/>
      <queryTableField id="31" name="new_tests_smoothed_per_thousand" tableColumnId="31"/>
      <queryTableField id="32" name="positive_rate" tableColumnId="32"/>
      <queryTableField id="33" name="tests_per_case" tableColumnId="33"/>
      <queryTableField id="34" name="tests_units" tableColumnId="34"/>
      <queryTableField id="35" name="total_vaccinations" tableColumnId="35"/>
      <queryTableField id="36" name="people_vaccinated" tableColumnId="36"/>
      <queryTableField id="37" name="people_fully_vaccinated" tableColumnId="37"/>
      <queryTableField id="38" name="total_boosters" tableColumnId="38"/>
      <queryTableField id="39" name="new_vaccinations" tableColumnId="39"/>
      <queryTableField id="40" name="new_vaccinations_smoothed" tableColumnId="40"/>
      <queryTableField id="41" name="total_vaccinations_per_hundred" tableColumnId="41"/>
      <queryTableField id="42" name="people_vaccinated_per_hundred" tableColumnId="42"/>
      <queryTableField id="43" name="people_fully_vaccinated_per_hundred" tableColumnId="43"/>
      <queryTableField id="44" name="total_boosters_per_hundred" tableColumnId="44"/>
      <queryTableField id="45" name="new_vaccinations_smoothed_per_million" tableColumnId="45"/>
      <queryTableField id="46" name="new_people_vaccinated_smoothed" tableColumnId="46"/>
      <queryTableField id="47" name="new_people_vaccinated_smoothed_per_hundred" tableColumnId="47"/>
      <queryTableField id="48" name="stringency_index" tableColumnId="48"/>
      <queryTableField id="49" name="population_density" tableColumnId="49"/>
      <queryTableField id="50" name="median_age" tableColumnId="50"/>
      <queryTableField id="51" name="aged_65_older" tableColumnId="51"/>
      <queryTableField id="52" name="aged_70_older" tableColumnId="52"/>
      <queryTableField id="53" name="gdp_per_capita" tableColumnId="53"/>
      <queryTableField id="54" name="extreme_poverty" tableColumnId="54"/>
      <queryTableField id="55" name="cardiovasc_death_rate" tableColumnId="55"/>
      <queryTableField id="56" name="diabetes_prevalence" tableColumnId="56"/>
      <queryTableField id="57" name="female_smokers" tableColumnId="57"/>
      <queryTableField id="58" name="male_smokers" tableColumnId="58"/>
      <queryTableField id="59" name="handwashing_facilities" tableColumnId="59"/>
      <queryTableField id="60" name="hospital_beds_per_thousand" tableColumnId="60"/>
      <queryTableField id="61" name="life_expectancy" tableColumnId="61"/>
      <queryTableField id="62" name="human_development_index" tableColumnId="62"/>
      <queryTableField id="64" name="excess_mortality_cumulative_absolute" tableColumnId="64"/>
      <queryTableField id="65" name="excess_mortality_cumulative" tableColumnId="65"/>
      <queryTableField id="66" name="excess_mortality" tableColumnId="66"/>
      <queryTableField id="67" name="excess_mortality_cumulative_per_million" tableColumnId="67"/>
    </queryTableFields>
    <queryTableDeletedFields count="22">
      <deletedField name="population"/>
      <deletedField name="total_cases"/>
      <deletedField name="new_cases"/>
      <deletedField name="new_cases_smoothed"/>
      <deletedField name="total_deaths"/>
      <deletedField name="new_deaths"/>
      <deletedField name="new_deaths_smoothed"/>
      <deletedField name="total_cases_per_million"/>
      <deletedField name="new_cases_per_million"/>
      <deletedField name="new_cases_smoothed_per_million"/>
      <deletedField name="total_deaths_per_million"/>
      <deletedField name="new_deaths_per_million"/>
      <deletedField name="new_deaths_smoothed_per_million"/>
      <deletedField name="reproduction_rate"/>
      <deletedField name="icu_patients"/>
      <deletedField name="icu_patients_per_million"/>
      <deletedField name="hosp_patients"/>
      <deletedField name="hosp_patients_per_million"/>
      <deletedField name="weekly_icu_admissions"/>
      <deletedField name="weekly_icu_admissions_per_million"/>
      <deletedField name="weekly_hosp_admissions"/>
      <deletedField name="weekly_hosp_admissions_per_million"/>
    </queryTableDeletedFields>
  </queryTableRefresh>
</queryTable>
</file>

<file path=xl/tables/_rels/table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5356972B-7C18-4F36-9E73-6E84B9574B6D}" name="owid_covid_data" displayName="owid_covid_data" ref="A1:AS247929" tableType="queryTable" totalsRowShown="0">
  <autoFilter ref="A1:AS247929" xr:uid="{5356972B-7C18-4F36-9E73-6E84B9574B6D}"/>
  <tableColumns count="45">
    <tableColumn id="1" xr3:uid="{1EBABDA9-258A-437D-B100-03D45D69FDF5}" uniqueName="1" name="iso_code" queryTableFieldId="1" dataDxfId="32"/>
    <tableColumn id="2" xr3:uid="{7FB1AE05-4C7A-480D-94FE-DF2C37BD5599}" uniqueName="2" name="continent" queryTableFieldId="2" dataDxfId="31"/>
    <tableColumn id="3" xr3:uid="{EBE445C7-C0B0-403B-9767-4F6C9609F438}" uniqueName="3" name="location" queryTableFieldId="3" dataDxfId="30"/>
    <tableColumn id="4" xr3:uid="{A61A3BB0-379F-4CD3-ABDF-672697843E9B}" uniqueName="4" name="date" queryTableFieldId="4" dataDxfId="29"/>
    <tableColumn id="26" xr3:uid="{83C1B1CD-E94C-4B4A-BEC1-B701A633FE43}" uniqueName="26" name="total_tests" queryTableFieldId="26" dataDxfId="28"/>
    <tableColumn id="27" xr3:uid="{7DC55168-9254-48BE-B58B-35E04F3555C8}" uniqueName="27" name="new_tests" queryTableFieldId="27" dataDxfId="27"/>
    <tableColumn id="28" xr3:uid="{4783A8BD-68F2-4452-80F6-6631596757D0}" uniqueName="28" name="total_tests_per_thousand" queryTableFieldId="28" dataDxfId="26"/>
    <tableColumn id="29" xr3:uid="{11C43C61-9413-4A02-BB43-769D01FF9D3B}" uniqueName="29" name="new_tests_per_thousand" queryTableFieldId="29" dataDxfId="25"/>
    <tableColumn id="30" xr3:uid="{1DD88C7B-5006-417C-AA31-ECA545506CA6}" uniqueName="30" name="new_tests_smoothed" queryTableFieldId="30" dataDxfId="24"/>
    <tableColumn id="31" xr3:uid="{09AAB908-AE34-4C61-AD98-18BD7DD3E8A2}" uniqueName="31" name="new_tests_smoothed_per_thousand" queryTableFieldId="31" dataDxfId="23"/>
    <tableColumn id="32" xr3:uid="{4670C21D-12CB-4C5A-9956-49D768F257D7}" uniqueName="32" name="positive_rate" queryTableFieldId="32" dataDxfId="22"/>
    <tableColumn id="33" xr3:uid="{B25C6323-7754-497F-A9B5-CED3398DE60E}" uniqueName="33" name="tests_per_case" queryTableFieldId="33" dataDxfId="21"/>
    <tableColumn id="34" xr3:uid="{91F2EE1E-C228-4B9C-A883-9A1C05F89C83}" uniqueName="34" name="tests_units" queryTableFieldId="34" dataDxfId="20"/>
    <tableColumn id="35" xr3:uid="{76604F56-EB68-4DF0-80DD-F4986D0AC242}" uniqueName="35" name="total_vaccinations" queryTableFieldId="35" dataDxfId="19"/>
    <tableColumn id="36" xr3:uid="{ECB83961-9B26-44F2-A136-351A1159DD30}" uniqueName="36" name="people_vaccinated" queryTableFieldId="36" dataDxfId="18"/>
    <tableColumn id="37" xr3:uid="{58A152EF-FC80-4BB5-BDB3-B588CA5504A9}" uniqueName="37" name="people_fully_vaccinated" queryTableFieldId="37" dataDxfId="17"/>
    <tableColumn id="38" xr3:uid="{CAC36E6F-1253-4281-9145-5A7F649C30DC}" uniqueName="38" name="total_boosters" queryTableFieldId="38" dataDxfId="16"/>
    <tableColumn id="39" xr3:uid="{D7982854-E60A-457F-8C76-E324E78A717A}" uniqueName="39" name="new_vaccinations" queryTableFieldId="39" dataDxfId="15"/>
    <tableColumn id="40" xr3:uid="{68A9718A-FF32-466F-A53F-181F044D18AD}" uniqueName="40" name="new_vaccinations_smoothed" queryTableFieldId="40" dataDxfId="14"/>
    <tableColumn id="41" xr3:uid="{C604CF57-C6B0-4F7E-86DC-A35BAD01A28F}" uniqueName="41" name="total_vaccinations_per_hundred" queryTableFieldId="41" dataDxfId="13"/>
    <tableColumn id="42" xr3:uid="{689DE5DD-5914-4468-83D8-D06EEC3170B8}" uniqueName="42" name="people_vaccinated_per_hundred" queryTableFieldId="42" dataDxfId="12"/>
    <tableColumn id="43" xr3:uid="{547E440A-F516-4988-BA03-6AA980347877}" uniqueName="43" name="people_fully_vaccinated_per_hundred" queryTableFieldId="43" dataDxfId="11"/>
    <tableColumn id="44" xr3:uid="{D3483C93-3733-41AF-989D-DBC459081A62}" uniqueName="44" name="total_boosters_per_hundred" queryTableFieldId="44" dataDxfId="10"/>
    <tableColumn id="45" xr3:uid="{5587AFC7-D9AC-4CF0-8D89-A2483601E89C}" uniqueName="45" name="new_vaccinations_smoothed_per_million" queryTableFieldId="45" dataDxfId="9"/>
    <tableColumn id="46" xr3:uid="{6B491D33-098E-450C-921F-911B2E506A04}" uniqueName="46" name="new_people_vaccinated_smoothed" queryTableFieldId="46" dataDxfId="8"/>
    <tableColumn id="47" xr3:uid="{8F60207E-47C2-4B68-BAA7-B5127B4F99BC}" uniqueName="47" name="new_people_vaccinated_smoothed_per_hundred" queryTableFieldId="47" dataDxfId="7"/>
    <tableColumn id="48" xr3:uid="{E7154D54-9EDE-4B8E-81BC-ACC9AE810929}" uniqueName="48" name="stringency_index" queryTableFieldId="48"/>
    <tableColumn id="49" xr3:uid="{2EB2F00A-3729-475D-8DFC-C9BE25AAEEFC}" uniqueName="49" name="population_density" queryTableFieldId="49"/>
    <tableColumn id="50" xr3:uid="{7A7B1542-DB6D-48A5-9F15-1F80DD48D3A2}" uniqueName="50" name="median_age" queryTableFieldId="50"/>
    <tableColumn id="51" xr3:uid="{1BDF7A4D-0FBB-4E82-A82E-E98B87F39C2E}" uniqueName="51" name="aged_65_older" queryTableFieldId="51"/>
    <tableColumn id="52" xr3:uid="{063A1BDD-9B0B-4281-A635-DD8965FF0F5A}" uniqueName="52" name="aged_70_older" queryTableFieldId="52"/>
    <tableColumn id="53" xr3:uid="{E15DEE04-3D36-4181-9D1A-DAF21BF7D506}" uniqueName="53" name="gdp_per_capita" queryTableFieldId="53"/>
    <tableColumn id="54" xr3:uid="{422A0420-EBE0-4FEC-BD11-BCFD22DBA47F}" uniqueName="54" name="extreme_poverty" queryTableFieldId="54" dataDxfId="6"/>
    <tableColumn id="55" xr3:uid="{767FD452-0053-4115-A555-91640F198879}" uniqueName="55" name="cardiovasc_death_rate" queryTableFieldId="55"/>
    <tableColumn id="56" xr3:uid="{B05A321B-DBAB-4993-A36F-E64A8CF72E04}" uniqueName="56" name="diabetes_prevalence" queryTableFieldId="56"/>
    <tableColumn id="57" xr3:uid="{C00B1339-3BAB-4999-A35C-AD06195CB26F}" uniqueName="57" name="female_smokers" queryTableFieldId="57" dataDxfId="5"/>
    <tableColumn id="58" xr3:uid="{29063B8E-6EE5-4977-B8DA-F0BF3E833A6D}" uniqueName="58" name="male_smokers" queryTableFieldId="58" dataDxfId="4"/>
    <tableColumn id="59" xr3:uid="{3D65C0C6-8D23-4048-AEAF-09AFB07D2DDA}" uniqueName="59" name="handwashing_facilities" queryTableFieldId="59"/>
    <tableColumn id="60" xr3:uid="{A6CA4F06-78D5-448F-9B14-BBBD68E7B717}" uniqueName="60" name="hospital_beds_per_thousand" queryTableFieldId="60"/>
    <tableColumn id="61" xr3:uid="{3646D65D-E8B7-4DAF-86F4-13060DA8C1CE}" uniqueName="61" name="life_expectancy" queryTableFieldId="61"/>
    <tableColumn id="62" xr3:uid="{DA43EA55-5156-4FC7-9F0C-30F1305207AE}" uniqueName="62" name="human_development_index" queryTableFieldId="62"/>
    <tableColumn id="64" xr3:uid="{E33CE3F0-7D4B-4BCA-B308-624E7139482B}" uniqueName="64" name="excess_mortality_cumulative_absolute" queryTableFieldId="64" dataDxfId="3"/>
    <tableColumn id="65" xr3:uid="{6153ABC4-8768-4FDA-BC8B-01D182848EBD}" uniqueName="65" name="excess_mortality_cumulative" queryTableFieldId="65" dataDxfId="2"/>
    <tableColumn id="66" xr3:uid="{C5F050EB-1479-4269-BC96-FA501D56902C}" uniqueName="66" name="excess_mortality" queryTableFieldId="66" dataDxfId="1"/>
    <tableColumn id="67" xr3:uid="{9330D7BC-D995-4272-A285-38CB5C4520BF}" uniqueName="67" name="excess_mortality_cumulative_per_million" queryTableFieldId="67" dataDxfId="0"/>
  </tableColumns>
  <tableStyleInfo name="TableStyleMedium7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224A19-6789-4D74-A9BB-A0B65540653B}">
  <dimension ref="A1"/>
  <sheetViews>
    <sheetView workbookViewId="0"/>
  </sheetViews>
  <sheetFormatPr defaultRowHeight="14.5" x14ac:dyDescent="0.35"/>
  <sheetData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x m l n s = " h t t p : / / s c h e m a s . m i c r o s o f t . c o m / D a t a M a s h u p " > A A A A A A Q G A A B Q S w M E F A A C A A g A R b A m V n 3 s V h e k A A A A 9 g A A A B I A H A B D b 2 5 m a W c v U G F j a 2 F n Z S 5 4 b W w g o h g A K K A U A A A A A A A A A A A A A A A A A A A A A A A A A A A A h Y 9 N C s I w G E S v U r J v / g S R 8 j V d 6 E 4 L g i B u Q x r b Y J t K k 5 r e z Y V H 8 g p W t O r O 5 b x 5 i 5 n 7 9 Q b Z 0 N T R R X f O t D Z F D F M U a a v a w t g y R b 0 / x g u U C d h K d Z K l j k b Z u m R w R Y o q 7 8 8 J I S E E H G a 4 7 U r C K W X k k G 9 2 q t K N R B / Z / J d j Y 5 2 X V m k k Y P 8 a I z h m j O E 5 5 Z g C m S D k x n 4 F P u 5 9 t j 8 Q l n 3 t + 0 6 L Q s a r N Z A p A n l / E A 9 Q S w M E F A A C A A g A R b A m V g / K 6 a u k A A A A 6 Q A A A B M A H A B b Q 2 9 u d G V u d F 9 U e X B l c 1 0 u e G 1 s I K I Y A C i g F A A A A A A A A A A A A A A A A A A A A A A A A A A A A G 2 O S w 7 C M A x E r x J 5 n 7 q w Q A g 1 Z Q H c g A t E w f 2 I 5 q P G R e F s L D g S V y B t d 4 i l Z + Z 5 5 v N 6 V 8 d k B / G g M f b e K d g U J Q h y x t 9 6 1 y q Y u J F 7 O N b V 9 R k o i h x 1 U U H H H A 6 I 0 X R k d S x 8 I J e d x o 9 W c z 7 H F o M 2 d 9 0 S b s t y h 8 Y 7 J s e S 5 x 9 Q V 2 d q 9 D S w u K Q s r 7 U Z B 3 F a c 3 O V A q b E u M j 4 l 7 A / e R 3 C 0 B v N 2 c Q k b Z R 2 I X E Z X n 8 B U E s D B B Q A A g A I A E W w J l b B r 8 o T / g I A A F A L A A A T A B w A R m 9 y b X V s Y X M v U 2 V j d G l v b j E u b S C i G A A o o B Q A A A A A A A A A A A A A A A A A A A A A A A A A A A C V V l 1 v 2 j A U f U f i P 0 T p C 5 U y 1 K K V S q t 4 m O i m 7 W X a R P d U p s j Y F 2 L V 8 b V s J x R V / e + 7 S W h L 8 w X l A Y L P y f E 9 9 9 r X d s C 9 R B 0 s q t / L m + F g O H A J s y C C s x C 3 U n z i m N O 3 Y J 6 F w S x Q 4 I e D g D 4 L z C w H G p m 7 f H y L P E t B + 9 F 3 q W A 8 R + 3 p j x u F 8 y / L v w 6 s W 7 r J 5 O J i O l n e 4 l Y r Z M I t a 9 p j 7 v L w P L q / B S V T 6 c H O w i i M g j m q L N V u N r 2 O g m + a o 5 B 6 M 7 u c X E 2 i 4 E + G H h Z + p 2 D 2 9 j j + h R r + n U d V j G f h b 4 s p Y S L 4 A U x Q I I W F O 7 Y i 4 h 7 Z j 4 8 q O 1 F w v x / / q t S C M 8 W s m 3 m b H U r O E 6 Y 3 p H i 3 M / A m d 2 e Z d m u 0 a R V x A b p R y / z R 0 1 M o H c Z k B c i f J 1 7 g 4 d E / R 8 F T y C l x U l P q G o h C z o o C N Q D K 3 a t O 8 V w O e v R M x Z w 5 o A m D n 9 p P P 4 + L i E p Q w / Y o F L s U 0 S c g m p x K W w D z S Y f C c e y o f B W E A R u n U q n K d 2 e s J 9 J e 5 u z n H 9 o 7 r v x B 3 m k h W D A W R V Z u y N h W 9 a 1 R J M 9 i Q w u i 2 G W N J X E I 1 m Z 6 T 0 z Q m W 6 Z d 2 i v z h b g Q e 3 i Y l 4 m U u k c k Z p 6 r a x T d M t A j g v X a L 3 K V Z U 9 u B b f R b 3 a k Y O 3 S n W f Y O a Y F t 0 S p 9 I O 9 s M x S r + k Q S e 9 z O F l 3 d Q M v M Z U b I k O O N O y 0 3 v O O J e 6 7 E R N i g E 0 C l 4 5 L W 7 2 j H W m q F 4 9 v G q y F a L z Z c 9 s S U p v J H V C d 3 6 b t s r 0 J J k W t t v A W + i n s O t 2 e 9 9 5 b 7 2 X 2 u m y d + k X b z V t 9 C 7 A b n p v f M 5 b O q 1 B c 9 r 0 W s B j s 4 0 Z N J k q g 6 c O q W n l 7 p q c F I R k O m a b l j Z I g y K e X s W o 6 G z t g K 8 v u u C N M P u 9 Y C R d b h o 4 + b C Q Q m w w B 1 u G V j u t m R U S c + Z 4 1 d 8 7 e j W F v w J f n F M W c q Y o H y 2 k N a Q E F X l 9 a F v x v S D d R 8 S W u Y S S H a 8 Z l 4 o 6 Q N v p X j R I W a 4 u E I 3 O V O M q u Y Y Y H g 1 d C x k V s E U s S 1 l R t R w U m u L q d 7 z G b R n m 4 F y c o q W w q P o x 3 S J L M j U w t n J 0 k 2 p p Y j 0 v H e V + R K x z F z 2 f D w d S t 1 4 H b / 4 D U E s B A i 0 A F A A C A A g A R b A m V n 3 s V h e k A A A A 9 g A A A B I A A A A A A A A A A A A A A A A A A A A A A E N v b m Z p Z y 9 Q Y W N r Y W d l L n h t b F B L A Q I t A B Q A A g A I A E W w J l Y P y u m r p A A A A O k A A A A T A A A A A A A A A A A A A A A A A P A A A A B b Q 2 9 u d G V u d F 9 U e X B l c 1 0 u e G 1 s U E s B A i 0 A F A A C A A g A R b A m V s G v y h P + A g A A U A s A A B M A A A A A A A A A A A A A A A A A 4 Q E A A E Z v c m 1 1 b G F z L 1 N l Y 3 R p b 2 4 x L m 1 Q S w U G A A A A A A M A A w D C A A A A L A U A A A A A E A E A A O + 7 v z w / e G 1 s I H Z l c n N p b 2 4 9 I j E u M C I g Z W 5 j b 2 R p b m c 9 I n V 0 Z i 0 4 I j 8 + P F B l c m 1 p c 3 N p b 2 5 M a X N 0 I H h t b G 5 z O n h z Z D 0 i a H R 0 c D o v L 3 d 3 d y 5 3 M y 5 v c m c v M j A w M S 9 Y T U x T Y 2 h l b W E i I H h t b G 5 z O n h z a T 0 i a H R 0 c D o v L 3 d 3 d y 5 3 M y 5 v c m c v M j A w M S 9 Y T U x T Y 2 h l b W E t a W 5 z d G F u Y 2 U i P j x D Y W 5 F d m F s d W F 0 Z U Z 1 d H V y Z V B h Y 2 t h Z 2 V z P m Z h b H N l P C 9 D Y W 5 F d m F s d W F 0 Z U Z 1 d H V y Z V B h Y 2 t h Z 2 V z P j x G a X J l d 2 F s b E V u Y W J s Z W Q + d H J 1 Z T w v R m l y Z X d h b G x F b m F i b G V k P j w v U G V y b W l z c 2 l v b k x p c 3 Q + a T w A A A A A A A B H P A A A 7 7 u / P D 9 4 b W w g d m V y c 2 l v b j 0 i M S 4 w I i B l b m N v Z G l u Z z 0 i d X R m L T g i P z 4 8 T G 9 j Y W x Q Y W N r Y W d l T W V 0 Y W R h d G F G a W x l I H h t b G 5 z O n h z Z D 0 i a H R 0 c D o v L 3 d 3 d y 5 3 M y 5 v c m c v M j A w M S 9 Y T U x T Y 2 h l b W E i I H h t b G 5 z O n h z a T 0 i a H R 0 c D o v L 3 d 3 d y 5 3 M y 5 v c m c v M j A w M S 9 Y T U x T Y 2 h l b W E t a W 5 z d G F u Y 2 U i P j x J d G V t c z 4 8 S X R l b T 4 8 S X R l b U x v Y 2 F 0 a W 9 u P j x J d G V t V H l w Z T 5 B b G x G b 3 J t d W x h c z w v S X R l b V R 5 c G U + P E l 0 Z W 1 Q Y X R o I C 8 + P C 9 J d G V t T G 9 j Y X R p b 2 4 + P F N 0 Y W J s Z U V u d H J p Z X M + P E V u d H J 5 I F R 5 c G U 9 I l J l b G F 0 a W 9 u c 2 h p c H M i I F Z h b H V l P S J z Q U F B Q U F B P T 0 i I C 8 + P C 9 T d G F i b G V F b n R y a W V z P j w v S X R l b T 4 8 S X R l b T 4 8 S X R l b U x v Y 2 F 0 a W 9 u P j x J d G V t V H l w Z T 5 G b 3 J t d W x h P C 9 J d G V t V H l w Z T 4 8 S X R l b V B h d G g + U 2 V j d G l v b j E v b 3 d p Z C 1 j b 3 Z p Z C 1 k Y X R h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E i I C 8 + P E V u d H J 5 I F R 5 c G U 9 I k Z p b G x P Y m p l Y 3 R U e X B l I i B W Y W x 1 Z T 0 i c 1 R h Y m x l I i A v P j x F b n R y e S B U e X B l P S J G a W x s V G 9 E Y X R h T W 9 k Z W x F b m F i b G V k I i B W Y W x 1 Z T 0 i b D A i I C 8 + P E V u d H J 5 I F R 5 c G U 9 I k J 1 Z m Z l c k 5 l e H R S Z W Z y Z X N o I i B W Y W x 1 Z T 0 i b D E i I C 8 + P E V u d H J 5 I F R 5 c G U 9 I l J l c 3 V s d F R 5 c G U i I F Z h b H V l P S J z V G F i b G U i I C 8 + P E V u d H J 5 I F R 5 c G U 9 I k 5 h b W V V c G R h d G V k Q W Z 0 Z X J G a W x s I i B W Y W x 1 Z T 0 i b D A i I C 8 + P E V u d H J 5 I F R 5 c G U 9 I k Z p b G x U Y X J n Z X Q i I F Z h b H V l P S J z b 3 d p Z F 9 j b 3 Z p Z F 9 k Y X R h I i A v P j x F b n R y e S B U e X B l P S J G a W x s Z W R D b 2 1 w b G V 0 Z V J l c 3 V s d F R v V 2 9 y a 3 N o Z W V 0 I i B W Y W x 1 Z T 0 i b D E i I C 8 + P E V u d H J 5 I F R 5 c G U 9 I k F k Z G V k V G 9 E Y X R h T W 9 k Z W w i I F Z h b H V l P S J s M C I g L z 4 8 R W 5 0 c n k g V H l w Z T 0 i R m l s b E N v d W 5 0 I i B W Y W x 1 Z T 0 i b D I 0 N z k y O C I g L z 4 8 R W 5 0 c n k g V H l w Z T 0 i R m l s b E V y c m 9 y Q 2 9 k Z S I g V m F s d W U 9 I n N V b m t u b 3 d u I i A v P j x F b n R y e S B U e X B l P S J G a W x s R X J y b 3 J D b 3 V u d C I g V m F s d W U 9 I m w w I i A v P j x F b n R y e S B U e X B l P S J G a W x s T G F z d F V w Z G F 0 Z W Q i I F Z h b H V l P S J k M j A y M y 0 w M S 0 w N l Q y M T o w M j o x M S 4 4 O T Q w O D I 1 W i I g L z 4 8 R W 5 0 c n k g V H l w Z T 0 i R m l s b E N v b H V t b l R 5 c G V z I i B W Y W x 1 Z T 0 i c 0 J n W U d D U U 1 E Q X d N R E F 3 T U R B d 0 1 E Q X d N R 0 J n W U d C Z 1 l H Q m d Z R 0 J n W U d C Z 1 l H Q m d Z R 0 J n W U d C Z 1 l H Q m d Z R 0 J n W U R B d 0 1 E Q X d N R 0 F 3 T U d C Z 0 1 E Q X d N R E J n W U d C Z z 0 9 I i A v P j x F b n R y e S B U e X B l P S J G a W x s Q 2 9 s d W 1 u T m F t Z X M i I F Z h b H V l P S J z W y Z x d W 9 0 O 2 l z b 1 9 j b 2 R l J n F 1 b 3 Q 7 L C Z x d W 9 0 O 2 N v b n R p b m V u d C Z x d W 9 0 O y w m c X V v d D t s b 2 N h d G l v b i Z x d W 9 0 O y w m c X V v d D t k Y X R l J n F 1 b 3 Q 7 L C Z x d W 9 0 O 3 R v d G F s X 2 N h c 2 V z J n F 1 b 3 Q 7 L C Z x d W 9 0 O 2 5 l d 1 9 j Y X N l c y Z x d W 9 0 O y w m c X V v d D t u Z X d f Y 2 F z Z X N f c 2 1 v b 3 R o Z W Q m c X V v d D s s J n F 1 b 3 Q 7 d G 9 0 Y W x f Z G V h d G h z J n F 1 b 3 Q 7 L C Z x d W 9 0 O 2 5 l d 1 9 k Z W F 0 a H M m c X V v d D s s J n F 1 b 3 Q 7 b m V 3 X 2 R l Y X R o c 1 9 z b W 9 v d G h l Z C Z x d W 9 0 O y w m c X V v d D t 0 b 3 R h b F 9 j Y X N l c 1 9 w Z X J f b W l s b G l v b i Z x d W 9 0 O y w m c X V v d D t u Z X d f Y 2 F z Z X N f c G V y X 2 1 p b G x p b 2 4 m c X V v d D s s J n F 1 b 3 Q 7 b m V 3 X 2 N h c 2 V z X 3 N t b 2 9 0 a G V k X 3 B l c l 9 t a W x s a W 9 u J n F 1 b 3 Q 7 L C Z x d W 9 0 O 3 R v d G F s X 2 R l Y X R o c 1 9 w Z X J f b W l s b G l v b i Z x d W 9 0 O y w m c X V v d D t u Z X d f Z G V h d G h z X 3 B l c l 9 t a W x s a W 9 u J n F 1 b 3 Q 7 L C Z x d W 9 0 O 2 5 l d 1 9 k Z W F 0 a H N f c 2 1 v b 3 R o Z W R f c G V y X 2 1 p b G x p b 2 4 m c X V v d D s s J n F 1 b 3 Q 7 c m V w c m 9 k d W N 0 a W 9 u X 3 J h d G U m c X V v d D s s J n F 1 b 3 Q 7 a W N 1 X 3 B h d G l l b n R z J n F 1 b 3 Q 7 L C Z x d W 9 0 O 2 l j d V 9 w Y X R p Z W 5 0 c 1 9 w Z X J f b W l s b G l v b i Z x d W 9 0 O y w m c X V v d D t o b 3 N w X 3 B h d G l l b n R z J n F 1 b 3 Q 7 L C Z x d W 9 0 O 2 h v c 3 B f c G F 0 a W V u d H N f c G V y X 2 1 p b G x p b 2 4 m c X V v d D s s J n F 1 b 3 Q 7 d 2 V l a 2 x 5 X 2 l j d V 9 h Z G 1 p c 3 N p b 2 5 z J n F 1 b 3 Q 7 L C Z x d W 9 0 O 3 d l Z W t s e V 9 p Y 3 V f Y W R t a X N z a W 9 u c 1 9 w Z X J f b W l s b G l v b i Z x d W 9 0 O y w m c X V v d D t 3 Z W V r b H l f a G 9 z c F 9 h Z G 1 p c 3 N p b 2 5 z J n F 1 b 3 Q 7 L C Z x d W 9 0 O 3 d l Z W t s e V 9 o b 3 N w X 2 F k b W l z c 2 l v b n N f c G V y X 2 1 p b G x p b 2 4 m c X V v d D s s J n F 1 b 3 Q 7 d G 9 0 Y W x f d G V z d H M m c X V v d D s s J n F 1 b 3 Q 7 b m V 3 X 3 R l c 3 R z J n F 1 b 3 Q 7 L C Z x d W 9 0 O 3 R v d G F s X 3 R l c 3 R z X 3 B l c l 9 0 a G 9 1 c 2 F u Z C Z x d W 9 0 O y w m c X V v d D t u Z X d f d G V z d H N f c G V y X 3 R o b 3 V z Y W 5 k J n F 1 b 3 Q 7 L C Z x d W 9 0 O 2 5 l d 1 9 0 Z X N 0 c 1 9 z b W 9 v d G h l Z C Z x d W 9 0 O y w m c X V v d D t u Z X d f d G V z d H N f c 2 1 v b 3 R o Z W R f c G V y X 3 R o b 3 V z Y W 5 k J n F 1 b 3 Q 7 L C Z x d W 9 0 O 3 B v c 2 l 0 a X Z l X 3 J h d G U m c X V v d D s s J n F 1 b 3 Q 7 d G V z d H N f c G V y X 2 N h c 2 U m c X V v d D s s J n F 1 b 3 Q 7 d G V z d H N f d W 5 p d H M m c X V v d D s s J n F 1 b 3 Q 7 d G 9 0 Y W x f d m F j Y 2 l u Y X R p b 2 5 z J n F 1 b 3 Q 7 L C Z x d W 9 0 O 3 B l b 3 B s Z V 9 2 Y W N j a W 5 h d G V k J n F 1 b 3 Q 7 L C Z x d W 9 0 O 3 B l b 3 B s Z V 9 m d W x s e V 9 2 Y W N j a W 5 h d G V k J n F 1 b 3 Q 7 L C Z x d W 9 0 O 3 R v d G F s X 2 J v b 3 N 0 Z X J z J n F 1 b 3 Q 7 L C Z x d W 9 0 O 2 5 l d 1 9 2 Y W N j a W 5 h d G l v b n M m c X V v d D s s J n F 1 b 3 Q 7 b m V 3 X 3 Z h Y 2 N p b m F 0 a W 9 u c 1 9 z b W 9 v d G h l Z C Z x d W 9 0 O y w m c X V v d D t 0 b 3 R h b F 9 2 Y W N j a W 5 h d G l v b n N f c G V y X 2 h 1 b m R y Z W Q m c X V v d D s s J n F 1 b 3 Q 7 c G V v c G x l X 3 Z h Y 2 N p b m F 0 Z W R f c G V y X 2 h 1 b m R y Z W Q m c X V v d D s s J n F 1 b 3 Q 7 c G V v c G x l X 2 Z 1 b G x 5 X 3 Z h Y 2 N p b m F 0 Z W R f c G V y X 2 h 1 b m R y Z W Q m c X V v d D s s J n F 1 b 3 Q 7 d G 9 0 Y W x f Y m 9 v c 3 R l c n N f c G V y X 2 h 1 b m R y Z W Q m c X V v d D s s J n F 1 b 3 Q 7 b m V 3 X 3 Z h Y 2 N p b m F 0 a W 9 u c 1 9 z b W 9 v d G h l Z F 9 w Z X J f b W l s b G l v b i Z x d W 9 0 O y w m c X V v d D t u Z X d f c G V v c G x l X 3 Z h Y 2 N p b m F 0 Z W R f c 2 1 v b 3 R o Z W Q m c X V v d D s s J n F 1 b 3 Q 7 b m V 3 X 3 B l b 3 B s Z V 9 2 Y W N j a W 5 h d G V k X 3 N t b 2 9 0 a G V k X 3 B l c l 9 o d W 5 k c m V k J n F 1 b 3 Q 7 L C Z x d W 9 0 O 3 N 0 c m l u Z 2 V u Y 3 l f a W 5 k Z X g m c X V v d D s s J n F 1 b 3 Q 7 c G 9 w d W x h d G l v b l 9 k Z W 5 z a X R 5 J n F 1 b 3 Q 7 L C Z x d W 9 0 O 2 1 l Z G l h b l 9 h Z 2 U m c X V v d D s s J n F 1 b 3 Q 7 Y W d l Z F 8 2 N V 9 v b G R l c i Z x d W 9 0 O y w m c X V v d D t h Z 2 V k X z c w X 2 9 s Z G V y J n F 1 b 3 Q 7 L C Z x d W 9 0 O 2 d k c F 9 w Z X J f Y 2 F w a X R h J n F 1 b 3 Q 7 L C Z x d W 9 0 O 2 V 4 d H J l b W V f c G 9 2 Z X J 0 e S Z x d W 9 0 O y w m c X V v d D t j Y X J k a W 9 2 Y X N j X 2 R l Y X R o X 3 J h d G U m c X V v d D s s J n F 1 b 3 Q 7 Z G l h Y m V 0 Z X N f c H J l d m F s Z W 5 j Z S Z x d W 9 0 O y w m c X V v d D t m Z W 1 h b G V f c 2 1 v a 2 V y c y Z x d W 9 0 O y w m c X V v d D t t Y W x l X 3 N t b 2 t l c n M m c X V v d D s s J n F 1 b 3 Q 7 a G F u Z H d h c 2 h p b m d f Z m F j a W x p d G l l c y Z x d W 9 0 O y w m c X V v d D t o b 3 N w a X R h b F 9 i Z W R z X 3 B l c l 9 0 a G 9 1 c 2 F u Z C Z x d W 9 0 O y w m c X V v d D t s a W Z l X 2 V 4 c G V j d G F u Y 3 k m c X V v d D s s J n F 1 b 3 Q 7 a H V t Y W 5 f Z G V 2 Z W x v c G 1 l b n R f a W 5 k Z X g m c X V v d D s s J n F 1 b 3 Q 7 c G 9 w d W x h d G l v b i Z x d W 9 0 O y w m c X V v d D t l e G N l c 3 N f b W 9 y d G F s a X R 5 X 2 N 1 b X V s Y X R p d m V f Y W J z b 2 x 1 d G U m c X V v d D s s J n F 1 b 3 Q 7 Z X h j Z X N z X 2 1 v c n R h b G l 0 e V 9 j d W 1 1 b G F 0 a X Z l J n F 1 b 3 Q 7 L C Z x d W 9 0 O 2 V 4 Y 2 V z c 1 9 t b 3 J 0 Y W x p d H k m c X V v d D s s J n F 1 b 3 Q 7 Z X h j Z X N z X 2 1 v c n R h b G l 0 e V 9 j d W 1 1 b G F 0 a X Z l X 3 B l c l 9 t a W x s a W 9 u J n F 1 b 3 Q 7 X S I g L z 4 8 R W 5 0 c n k g V H l w Z T 0 i R m l s b F N 0 Y X R 1 c y I g V m F s d W U 9 I n N D b 2 1 w b G V 0 Z S I g L z 4 8 R W 5 0 c n k g V H l w Z T 0 i U m V s Y X R p b 2 5 z a G l w S W 5 m b 0 N v b n R h a W 5 l c i I g V m F s d W U 9 I n N 7 J n F 1 b 3 Q 7 Y 2 9 s d W 1 u Q 2 9 1 b n Q m c X V v d D s 6 N j c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2 9 3 a W Q t Y 2 9 2 a W Q t Z G F 0 Y S 9 B d X R v U m V t b 3 Z l Z E N v b H V t b n M x L n t p c 2 9 f Y 2 9 k Z S w w f S Z x d W 9 0 O y w m c X V v d D t T Z W N 0 a W 9 u M S 9 v d 2 l k L W N v d m l k L W R h d G E v Q X V 0 b 1 J l b W 9 2 Z W R D b 2 x 1 b W 5 z M S 5 7 Y 2 9 u d G l u Z W 5 0 L D F 9 J n F 1 b 3 Q 7 L C Z x d W 9 0 O 1 N l Y 3 R p b 2 4 x L 2 9 3 a W Q t Y 2 9 2 a W Q t Z G F 0 Y S 9 B d X R v U m V t b 3 Z l Z E N v b H V t b n M x L n t s b 2 N h d G l v b i w y f S Z x d W 9 0 O y w m c X V v d D t T Z W N 0 a W 9 u M S 9 v d 2 l k L W N v d m l k L W R h d G E v Q X V 0 b 1 J l b W 9 2 Z W R D b 2 x 1 b W 5 z M S 5 7 Z G F 0 Z S w z f S Z x d W 9 0 O y w m c X V v d D t T Z W N 0 a W 9 u M S 9 v d 2 l k L W N v d m l k L W R h d G E v Q X V 0 b 1 J l b W 9 2 Z W R D b 2 x 1 b W 5 z M S 5 7 d G 9 0 Y W x f Y 2 F z Z X M s N H 0 m c X V v d D s s J n F 1 b 3 Q 7 U 2 V j d G l v b j E v b 3 d p Z C 1 j b 3 Z p Z C 1 k Y X R h L 0 F 1 d G 9 S Z W 1 v d m V k Q 2 9 s d W 1 u c z E u e 2 5 l d 1 9 j Y X N l c y w 1 f S Z x d W 9 0 O y w m c X V v d D t T Z W N 0 a W 9 u M S 9 v d 2 l k L W N v d m l k L W R h d G E v Q X V 0 b 1 J l b W 9 2 Z W R D b 2 x 1 b W 5 z M S 5 7 b m V 3 X 2 N h c 2 V z X 3 N t b 2 9 0 a G V k L D Z 9 J n F 1 b 3 Q 7 L C Z x d W 9 0 O 1 N l Y 3 R p b 2 4 x L 2 9 3 a W Q t Y 2 9 2 a W Q t Z G F 0 Y S 9 B d X R v U m V t b 3 Z l Z E N v b H V t b n M x L n t 0 b 3 R h b F 9 k Z W F 0 a H M s N 3 0 m c X V v d D s s J n F 1 b 3 Q 7 U 2 V j d G l v b j E v b 3 d p Z C 1 j b 3 Z p Z C 1 k Y X R h L 0 F 1 d G 9 S Z W 1 v d m V k Q 2 9 s d W 1 u c z E u e 2 5 l d 1 9 k Z W F 0 a H M s O H 0 m c X V v d D s s J n F 1 b 3 Q 7 U 2 V j d G l v b j E v b 3 d p Z C 1 j b 3 Z p Z C 1 k Y X R h L 0 F 1 d G 9 S Z W 1 v d m V k Q 2 9 s d W 1 u c z E u e 2 5 l d 1 9 k Z W F 0 a H N f c 2 1 v b 3 R o Z W Q s O X 0 m c X V v d D s s J n F 1 b 3 Q 7 U 2 V j d G l v b j E v b 3 d p Z C 1 j b 3 Z p Z C 1 k Y X R h L 0 F 1 d G 9 S Z W 1 v d m V k Q 2 9 s d W 1 u c z E u e 3 R v d G F s X 2 N h c 2 V z X 3 B l c l 9 t a W x s a W 9 u L D E w f S Z x d W 9 0 O y w m c X V v d D t T Z W N 0 a W 9 u M S 9 v d 2 l k L W N v d m l k L W R h d G E v Q X V 0 b 1 J l b W 9 2 Z W R D b 2 x 1 b W 5 z M S 5 7 b m V 3 X 2 N h c 2 V z X 3 B l c l 9 t a W x s a W 9 u L D E x f S Z x d W 9 0 O y w m c X V v d D t T Z W N 0 a W 9 u M S 9 v d 2 l k L W N v d m l k L W R h d G E v Q X V 0 b 1 J l b W 9 2 Z W R D b 2 x 1 b W 5 z M S 5 7 b m V 3 X 2 N h c 2 V z X 3 N t b 2 9 0 a G V k X 3 B l c l 9 t a W x s a W 9 u L D E y f S Z x d W 9 0 O y w m c X V v d D t T Z W N 0 a W 9 u M S 9 v d 2 l k L W N v d m l k L W R h d G E v Q X V 0 b 1 J l b W 9 2 Z W R D b 2 x 1 b W 5 z M S 5 7 d G 9 0 Y W x f Z G V h d G h z X 3 B l c l 9 t a W x s a W 9 u L D E z f S Z x d W 9 0 O y w m c X V v d D t T Z W N 0 a W 9 u M S 9 v d 2 l k L W N v d m l k L W R h d G E v Q X V 0 b 1 J l b W 9 2 Z W R D b 2 x 1 b W 5 z M S 5 7 b m V 3 X 2 R l Y X R o c 1 9 w Z X J f b W l s b G l v b i w x N H 0 m c X V v d D s s J n F 1 b 3 Q 7 U 2 V j d G l v b j E v b 3 d p Z C 1 j b 3 Z p Z C 1 k Y X R h L 0 F 1 d G 9 S Z W 1 v d m V k Q 2 9 s d W 1 u c z E u e 2 5 l d 1 9 k Z W F 0 a H N f c 2 1 v b 3 R o Z W R f c G V y X 2 1 p b G x p b 2 4 s M T V 9 J n F 1 b 3 Q 7 L C Z x d W 9 0 O 1 N l Y 3 R p b 2 4 x L 2 9 3 a W Q t Y 2 9 2 a W Q t Z G F 0 Y S 9 B d X R v U m V t b 3 Z l Z E N v b H V t b n M x L n t y Z X B y b 2 R 1 Y 3 R p b 2 5 f c m F 0 Z S w x N n 0 m c X V v d D s s J n F 1 b 3 Q 7 U 2 V j d G l v b j E v b 3 d p Z C 1 j b 3 Z p Z C 1 k Y X R h L 0 F 1 d G 9 S Z W 1 v d m V k Q 2 9 s d W 1 u c z E u e 2 l j d V 9 w Y X R p Z W 5 0 c y w x N 3 0 m c X V v d D s s J n F 1 b 3 Q 7 U 2 V j d G l v b j E v b 3 d p Z C 1 j b 3 Z p Z C 1 k Y X R h L 0 F 1 d G 9 S Z W 1 v d m V k Q 2 9 s d W 1 u c z E u e 2 l j d V 9 w Y X R p Z W 5 0 c 1 9 w Z X J f b W l s b G l v b i w x O H 0 m c X V v d D s s J n F 1 b 3 Q 7 U 2 V j d G l v b j E v b 3 d p Z C 1 j b 3 Z p Z C 1 k Y X R h L 0 F 1 d G 9 S Z W 1 v d m V k Q 2 9 s d W 1 u c z E u e 2 h v c 3 B f c G F 0 a W V u d H M s M T l 9 J n F 1 b 3 Q 7 L C Z x d W 9 0 O 1 N l Y 3 R p b 2 4 x L 2 9 3 a W Q t Y 2 9 2 a W Q t Z G F 0 Y S 9 B d X R v U m V t b 3 Z l Z E N v b H V t b n M x L n t o b 3 N w X 3 B h d G l l b n R z X 3 B l c l 9 t a W x s a W 9 u L D I w f S Z x d W 9 0 O y w m c X V v d D t T Z W N 0 a W 9 u M S 9 v d 2 l k L W N v d m l k L W R h d G E v Q X V 0 b 1 J l b W 9 2 Z W R D b 2 x 1 b W 5 z M S 5 7 d 2 V l a 2 x 5 X 2 l j d V 9 h Z G 1 p c 3 N p b 2 5 z L D I x f S Z x d W 9 0 O y w m c X V v d D t T Z W N 0 a W 9 u M S 9 v d 2 l k L W N v d m l k L W R h d G E v Q X V 0 b 1 J l b W 9 2 Z W R D b 2 x 1 b W 5 z M S 5 7 d 2 V l a 2 x 5 X 2 l j d V 9 h Z G 1 p c 3 N p b 2 5 z X 3 B l c l 9 t a W x s a W 9 u L D I y f S Z x d W 9 0 O y w m c X V v d D t T Z W N 0 a W 9 u M S 9 v d 2 l k L W N v d m l k L W R h d G E v Q X V 0 b 1 J l b W 9 2 Z W R D b 2 x 1 b W 5 z M S 5 7 d 2 V l a 2 x 5 X 2 h v c 3 B f Y W R t a X N z a W 9 u c y w y M 3 0 m c X V v d D s s J n F 1 b 3 Q 7 U 2 V j d G l v b j E v b 3 d p Z C 1 j b 3 Z p Z C 1 k Y X R h L 0 F 1 d G 9 S Z W 1 v d m V k Q 2 9 s d W 1 u c z E u e 3 d l Z W t s e V 9 o b 3 N w X 2 F k b W l z c 2 l v b n N f c G V y X 2 1 p b G x p b 2 4 s M j R 9 J n F 1 b 3 Q 7 L C Z x d W 9 0 O 1 N l Y 3 R p b 2 4 x L 2 9 3 a W Q t Y 2 9 2 a W Q t Z G F 0 Y S 9 B d X R v U m V t b 3 Z l Z E N v b H V t b n M x L n t 0 b 3 R h b F 9 0 Z X N 0 c y w y N X 0 m c X V v d D s s J n F 1 b 3 Q 7 U 2 V j d G l v b j E v b 3 d p Z C 1 j b 3 Z p Z C 1 k Y X R h L 0 F 1 d G 9 S Z W 1 v d m V k Q 2 9 s d W 1 u c z E u e 2 5 l d 1 9 0 Z X N 0 c y w y N n 0 m c X V v d D s s J n F 1 b 3 Q 7 U 2 V j d G l v b j E v b 3 d p Z C 1 j b 3 Z p Z C 1 k Y X R h L 0 F 1 d G 9 S Z W 1 v d m V k Q 2 9 s d W 1 u c z E u e 3 R v d G F s X 3 R l c 3 R z X 3 B l c l 9 0 a G 9 1 c 2 F u Z C w y N 3 0 m c X V v d D s s J n F 1 b 3 Q 7 U 2 V j d G l v b j E v b 3 d p Z C 1 j b 3 Z p Z C 1 k Y X R h L 0 F 1 d G 9 S Z W 1 v d m V k Q 2 9 s d W 1 u c z E u e 2 5 l d 1 9 0 Z X N 0 c 1 9 w Z X J f d G h v d X N h b m Q s M j h 9 J n F 1 b 3 Q 7 L C Z x d W 9 0 O 1 N l Y 3 R p b 2 4 x L 2 9 3 a W Q t Y 2 9 2 a W Q t Z G F 0 Y S 9 B d X R v U m V t b 3 Z l Z E N v b H V t b n M x L n t u Z X d f d G V z d H N f c 2 1 v b 3 R o Z W Q s M j l 9 J n F 1 b 3 Q 7 L C Z x d W 9 0 O 1 N l Y 3 R p b 2 4 x L 2 9 3 a W Q t Y 2 9 2 a W Q t Z G F 0 Y S 9 B d X R v U m V t b 3 Z l Z E N v b H V t b n M x L n t u Z X d f d G V z d H N f c 2 1 v b 3 R o Z W R f c G V y X 3 R o b 3 V z Y W 5 k L D M w f S Z x d W 9 0 O y w m c X V v d D t T Z W N 0 a W 9 u M S 9 v d 2 l k L W N v d m l k L W R h d G E v Q X V 0 b 1 J l b W 9 2 Z W R D b 2 x 1 b W 5 z M S 5 7 c G 9 z a X R p d m V f c m F 0 Z S w z M X 0 m c X V v d D s s J n F 1 b 3 Q 7 U 2 V j d G l v b j E v b 3 d p Z C 1 j b 3 Z p Z C 1 k Y X R h L 0 F 1 d G 9 S Z W 1 v d m V k Q 2 9 s d W 1 u c z E u e 3 R l c 3 R z X 3 B l c l 9 j Y X N l L D M y f S Z x d W 9 0 O y w m c X V v d D t T Z W N 0 a W 9 u M S 9 v d 2 l k L W N v d m l k L W R h d G E v Q X V 0 b 1 J l b W 9 2 Z W R D b 2 x 1 b W 5 z M S 5 7 d G V z d H N f d W 5 p d H M s M z N 9 J n F 1 b 3 Q 7 L C Z x d W 9 0 O 1 N l Y 3 R p b 2 4 x L 2 9 3 a W Q t Y 2 9 2 a W Q t Z G F 0 Y S 9 B d X R v U m V t b 3 Z l Z E N v b H V t b n M x L n t 0 b 3 R h b F 9 2 Y W N j a W 5 h d G l v b n M s M z R 9 J n F 1 b 3 Q 7 L C Z x d W 9 0 O 1 N l Y 3 R p b 2 4 x L 2 9 3 a W Q t Y 2 9 2 a W Q t Z G F 0 Y S 9 B d X R v U m V t b 3 Z l Z E N v b H V t b n M x L n t w Z W 9 w b G V f d m F j Y 2 l u Y X R l Z C w z N X 0 m c X V v d D s s J n F 1 b 3 Q 7 U 2 V j d G l v b j E v b 3 d p Z C 1 j b 3 Z p Z C 1 k Y X R h L 0 F 1 d G 9 S Z W 1 v d m V k Q 2 9 s d W 1 u c z E u e 3 B l b 3 B s Z V 9 m d W x s e V 9 2 Y W N j a W 5 h d G V k L D M 2 f S Z x d W 9 0 O y w m c X V v d D t T Z W N 0 a W 9 u M S 9 v d 2 l k L W N v d m l k L W R h d G E v Q X V 0 b 1 J l b W 9 2 Z W R D b 2 x 1 b W 5 z M S 5 7 d G 9 0 Y W x f Y m 9 v c 3 R l c n M s M z d 9 J n F 1 b 3 Q 7 L C Z x d W 9 0 O 1 N l Y 3 R p b 2 4 x L 2 9 3 a W Q t Y 2 9 2 a W Q t Z G F 0 Y S 9 B d X R v U m V t b 3 Z l Z E N v b H V t b n M x L n t u Z X d f d m F j Y 2 l u Y X R p b 2 5 z L D M 4 f S Z x d W 9 0 O y w m c X V v d D t T Z W N 0 a W 9 u M S 9 v d 2 l k L W N v d m l k L W R h d G E v Q X V 0 b 1 J l b W 9 2 Z W R D b 2 x 1 b W 5 z M S 5 7 b m V 3 X 3 Z h Y 2 N p b m F 0 a W 9 u c 1 9 z b W 9 v d G h l Z C w z O X 0 m c X V v d D s s J n F 1 b 3 Q 7 U 2 V j d G l v b j E v b 3 d p Z C 1 j b 3 Z p Z C 1 k Y X R h L 0 F 1 d G 9 S Z W 1 v d m V k Q 2 9 s d W 1 u c z E u e 3 R v d G F s X 3 Z h Y 2 N p b m F 0 a W 9 u c 1 9 w Z X J f a H V u Z H J l Z C w 0 M H 0 m c X V v d D s s J n F 1 b 3 Q 7 U 2 V j d G l v b j E v b 3 d p Z C 1 j b 3 Z p Z C 1 k Y X R h L 0 F 1 d G 9 S Z W 1 v d m V k Q 2 9 s d W 1 u c z E u e 3 B l b 3 B s Z V 9 2 Y W N j a W 5 h d G V k X 3 B l c l 9 o d W 5 k c m V k L D Q x f S Z x d W 9 0 O y w m c X V v d D t T Z W N 0 a W 9 u M S 9 v d 2 l k L W N v d m l k L W R h d G E v Q X V 0 b 1 J l b W 9 2 Z W R D b 2 x 1 b W 5 z M S 5 7 c G V v c G x l X 2 Z 1 b G x 5 X 3 Z h Y 2 N p b m F 0 Z W R f c G V y X 2 h 1 b m R y Z W Q s N D J 9 J n F 1 b 3 Q 7 L C Z x d W 9 0 O 1 N l Y 3 R p b 2 4 x L 2 9 3 a W Q t Y 2 9 2 a W Q t Z G F 0 Y S 9 B d X R v U m V t b 3 Z l Z E N v b H V t b n M x L n t 0 b 3 R h b F 9 i b 2 9 z d G V y c 1 9 w Z X J f a H V u Z H J l Z C w 0 M 3 0 m c X V v d D s s J n F 1 b 3 Q 7 U 2 V j d G l v b j E v b 3 d p Z C 1 j b 3 Z p Z C 1 k Y X R h L 0 F 1 d G 9 S Z W 1 v d m V k Q 2 9 s d W 1 u c z E u e 2 5 l d 1 9 2 Y W N j a W 5 h d G l v b n N f c 2 1 v b 3 R o Z W R f c G V y X 2 1 p b G x p b 2 4 s N D R 9 J n F 1 b 3 Q 7 L C Z x d W 9 0 O 1 N l Y 3 R p b 2 4 x L 2 9 3 a W Q t Y 2 9 2 a W Q t Z G F 0 Y S 9 B d X R v U m V t b 3 Z l Z E N v b H V t b n M x L n t u Z X d f c G V v c G x l X 3 Z h Y 2 N p b m F 0 Z W R f c 2 1 v b 3 R o Z W Q s N D V 9 J n F 1 b 3 Q 7 L C Z x d W 9 0 O 1 N l Y 3 R p b 2 4 x L 2 9 3 a W Q t Y 2 9 2 a W Q t Z G F 0 Y S 9 B d X R v U m V t b 3 Z l Z E N v b H V t b n M x L n t u Z X d f c G V v c G x l X 3 Z h Y 2 N p b m F 0 Z W R f c 2 1 v b 3 R o Z W R f c G V y X 2 h 1 b m R y Z W Q s N D Z 9 J n F 1 b 3 Q 7 L C Z x d W 9 0 O 1 N l Y 3 R p b 2 4 x L 2 9 3 a W Q t Y 2 9 2 a W Q t Z G F 0 Y S 9 B d X R v U m V t b 3 Z l Z E N v b H V t b n M x L n t z d H J p b m d l b m N 5 X 2 l u Z G V 4 L D Q 3 f S Z x d W 9 0 O y w m c X V v d D t T Z W N 0 a W 9 u M S 9 v d 2 l k L W N v d m l k L W R h d G E v Q X V 0 b 1 J l b W 9 2 Z W R D b 2 x 1 b W 5 z M S 5 7 c G 9 w d W x h d G l v b l 9 k Z W 5 z a X R 5 L D Q 4 f S Z x d W 9 0 O y w m c X V v d D t T Z W N 0 a W 9 u M S 9 v d 2 l k L W N v d m l k L W R h d G E v Q X V 0 b 1 J l b W 9 2 Z W R D b 2 x 1 b W 5 z M S 5 7 b W V k a W F u X 2 F n Z S w 0 O X 0 m c X V v d D s s J n F 1 b 3 Q 7 U 2 V j d G l v b j E v b 3 d p Z C 1 j b 3 Z p Z C 1 k Y X R h L 0 F 1 d G 9 S Z W 1 v d m V k Q 2 9 s d W 1 u c z E u e 2 F n Z W R f N j V f b 2 x k Z X I s N T B 9 J n F 1 b 3 Q 7 L C Z x d W 9 0 O 1 N l Y 3 R p b 2 4 x L 2 9 3 a W Q t Y 2 9 2 a W Q t Z G F 0 Y S 9 B d X R v U m V t b 3 Z l Z E N v b H V t b n M x L n t h Z 2 V k X z c w X 2 9 s Z G V y L D U x f S Z x d W 9 0 O y w m c X V v d D t T Z W N 0 a W 9 u M S 9 v d 2 l k L W N v d m l k L W R h d G E v Q X V 0 b 1 J l b W 9 2 Z W R D b 2 x 1 b W 5 z M S 5 7 Z 2 R w X 3 B l c l 9 j Y X B p d G E s N T J 9 J n F 1 b 3 Q 7 L C Z x d W 9 0 O 1 N l Y 3 R p b 2 4 x L 2 9 3 a W Q t Y 2 9 2 a W Q t Z G F 0 Y S 9 B d X R v U m V t b 3 Z l Z E N v b H V t b n M x L n t l e H R y Z W 1 l X 3 B v d m V y d H k s N T N 9 J n F 1 b 3 Q 7 L C Z x d W 9 0 O 1 N l Y 3 R p b 2 4 x L 2 9 3 a W Q t Y 2 9 2 a W Q t Z G F 0 Y S 9 B d X R v U m V t b 3 Z l Z E N v b H V t b n M x L n t j Y X J k a W 9 2 Y X N j X 2 R l Y X R o X 3 J h d G U s N T R 9 J n F 1 b 3 Q 7 L C Z x d W 9 0 O 1 N l Y 3 R p b 2 4 x L 2 9 3 a W Q t Y 2 9 2 a W Q t Z G F 0 Y S 9 B d X R v U m V t b 3 Z l Z E N v b H V t b n M x L n t k a W F i Z X R l c 1 9 w c m V 2 Y W x l b m N l L D U 1 f S Z x d W 9 0 O y w m c X V v d D t T Z W N 0 a W 9 u M S 9 v d 2 l k L W N v d m l k L W R h d G E v Q X V 0 b 1 J l b W 9 2 Z W R D b 2 x 1 b W 5 z M S 5 7 Z m V t Y W x l X 3 N t b 2 t l c n M s N T Z 9 J n F 1 b 3 Q 7 L C Z x d W 9 0 O 1 N l Y 3 R p b 2 4 x L 2 9 3 a W Q t Y 2 9 2 a W Q t Z G F 0 Y S 9 B d X R v U m V t b 3 Z l Z E N v b H V t b n M x L n t t Y W x l X 3 N t b 2 t l c n M s N T d 9 J n F 1 b 3 Q 7 L C Z x d W 9 0 O 1 N l Y 3 R p b 2 4 x L 2 9 3 a W Q t Y 2 9 2 a W Q t Z G F 0 Y S 9 B d X R v U m V t b 3 Z l Z E N v b H V t b n M x L n t o Y W 5 k d 2 F z a G l u Z 1 9 m Y W N p b G l 0 a W V z L D U 4 f S Z x d W 9 0 O y w m c X V v d D t T Z W N 0 a W 9 u M S 9 v d 2 l k L W N v d m l k L W R h d G E v Q X V 0 b 1 J l b W 9 2 Z W R D b 2 x 1 b W 5 z M S 5 7 a G 9 z c G l 0 Y W x f Y m V k c 1 9 w Z X J f d G h v d X N h b m Q s N T l 9 J n F 1 b 3 Q 7 L C Z x d W 9 0 O 1 N l Y 3 R p b 2 4 x L 2 9 3 a W Q t Y 2 9 2 a W Q t Z G F 0 Y S 9 B d X R v U m V t b 3 Z l Z E N v b H V t b n M x L n t s a W Z l X 2 V 4 c G V j d G F u Y 3 k s N j B 9 J n F 1 b 3 Q 7 L C Z x d W 9 0 O 1 N l Y 3 R p b 2 4 x L 2 9 3 a W Q t Y 2 9 2 a W Q t Z G F 0 Y S 9 B d X R v U m V t b 3 Z l Z E N v b H V t b n M x L n t o d W 1 h b l 9 k Z X Z l b G 9 w b W V u d F 9 p b m R l e C w 2 M X 0 m c X V v d D s s J n F 1 b 3 Q 7 U 2 V j d G l v b j E v b 3 d p Z C 1 j b 3 Z p Z C 1 k Y X R h L 0 F 1 d G 9 S Z W 1 v d m V k Q 2 9 s d W 1 u c z E u e 3 B v c H V s Y X R p b 2 4 s N j J 9 J n F 1 b 3 Q 7 L C Z x d W 9 0 O 1 N l Y 3 R p b 2 4 x L 2 9 3 a W Q t Y 2 9 2 a W Q t Z G F 0 Y S 9 B d X R v U m V t b 3 Z l Z E N v b H V t b n M x L n t l e G N l c 3 N f b W 9 y d G F s a X R 5 X 2 N 1 b X V s Y X R p d m V f Y W J z b 2 x 1 d G U s N j N 9 J n F 1 b 3 Q 7 L C Z x d W 9 0 O 1 N l Y 3 R p b 2 4 x L 2 9 3 a W Q t Y 2 9 2 a W Q t Z G F 0 Y S 9 B d X R v U m V t b 3 Z l Z E N v b H V t b n M x L n t l e G N l c 3 N f b W 9 y d G F s a X R 5 X 2 N 1 b X V s Y X R p d m U s N j R 9 J n F 1 b 3 Q 7 L C Z x d W 9 0 O 1 N l Y 3 R p b 2 4 x L 2 9 3 a W Q t Y 2 9 2 a W Q t Z G F 0 Y S 9 B d X R v U m V t b 3 Z l Z E N v b H V t b n M x L n t l e G N l c 3 N f b W 9 y d G F s a X R 5 L D Y 1 f S Z x d W 9 0 O y w m c X V v d D t T Z W N 0 a W 9 u M S 9 v d 2 l k L W N v d m l k L W R h d G E v Q X V 0 b 1 J l b W 9 2 Z W R D b 2 x 1 b W 5 z M S 5 7 Z X h j Z X N z X 2 1 v c n R h b G l 0 e V 9 j d W 1 1 b G F 0 a X Z l X 3 B l c l 9 t a W x s a W 9 u L D Y 2 f S Z x d W 9 0 O 1 0 s J n F 1 b 3 Q 7 Q 2 9 s d W 1 u Q 2 9 1 b n Q m c X V v d D s 6 N j c s J n F 1 b 3 Q 7 S 2 V 5 Q 2 9 s d W 1 u T m F t Z X M m c X V v d D s 6 W 1 0 s J n F 1 b 3 Q 7 Q 2 9 s d W 1 u S W R l b n R p d G l l c y Z x d W 9 0 O z p b J n F 1 b 3 Q 7 U 2 V j d G l v b j E v b 3 d p Z C 1 j b 3 Z p Z C 1 k Y X R h L 0 F 1 d G 9 S Z W 1 v d m V k Q 2 9 s d W 1 u c z E u e 2 l z b 1 9 j b 2 R l L D B 9 J n F 1 b 3 Q 7 L C Z x d W 9 0 O 1 N l Y 3 R p b 2 4 x L 2 9 3 a W Q t Y 2 9 2 a W Q t Z G F 0 Y S 9 B d X R v U m V t b 3 Z l Z E N v b H V t b n M x L n t j b 2 5 0 a W 5 l b n Q s M X 0 m c X V v d D s s J n F 1 b 3 Q 7 U 2 V j d G l v b j E v b 3 d p Z C 1 j b 3 Z p Z C 1 k Y X R h L 0 F 1 d G 9 S Z W 1 v d m V k Q 2 9 s d W 1 u c z E u e 2 x v Y 2 F 0 a W 9 u L D J 9 J n F 1 b 3 Q 7 L C Z x d W 9 0 O 1 N l Y 3 R p b 2 4 x L 2 9 3 a W Q t Y 2 9 2 a W Q t Z G F 0 Y S 9 B d X R v U m V t b 3 Z l Z E N v b H V t b n M x L n t k Y X R l L D N 9 J n F 1 b 3 Q 7 L C Z x d W 9 0 O 1 N l Y 3 R p b 2 4 x L 2 9 3 a W Q t Y 2 9 2 a W Q t Z G F 0 Y S 9 B d X R v U m V t b 3 Z l Z E N v b H V t b n M x L n t 0 b 3 R h b F 9 j Y X N l c y w 0 f S Z x d W 9 0 O y w m c X V v d D t T Z W N 0 a W 9 u M S 9 v d 2 l k L W N v d m l k L W R h d G E v Q X V 0 b 1 J l b W 9 2 Z W R D b 2 x 1 b W 5 z M S 5 7 b m V 3 X 2 N h c 2 V z L D V 9 J n F 1 b 3 Q 7 L C Z x d W 9 0 O 1 N l Y 3 R p b 2 4 x L 2 9 3 a W Q t Y 2 9 2 a W Q t Z G F 0 Y S 9 B d X R v U m V t b 3 Z l Z E N v b H V t b n M x L n t u Z X d f Y 2 F z Z X N f c 2 1 v b 3 R o Z W Q s N n 0 m c X V v d D s s J n F 1 b 3 Q 7 U 2 V j d G l v b j E v b 3 d p Z C 1 j b 3 Z p Z C 1 k Y X R h L 0 F 1 d G 9 S Z W 1 v d m V k Q 2 9 s d W 1 u c z E u e 3 R v d G F s X 2 R l Y X R o c y w 3 f S Z x d W 9 0 O y w m c X V v d D t T Z W N 0 a W 9 u M S 9 v d 2 l k L W N v d m l k L W R h d G E v Q X V 0 b 1 J l b W 9 2 Z W R D b 2 x 1 b W 5 z M S 5 7 b m V 3 X 2 R l Y X R o c y w 4 f S Z x d W 9 0 O y w m c X V v d D t T Z W N 0 a W 9 u M S 9 v d 2 l k L W N v d m l k L W R h d G E v Q X V 0 b 1 J l b W 9 2 Z W R D b 2 x 1 b W 5 z M S 5 7 b m V 3 X 2 R l Y X R o c 1 9 z b W 9 v d G h l Z C w 5 f S Z x d W 9 0 O y w m c X V v d D t T Z W N 0 a W 9 u M S 9 v d 2 l k L W N v d m l k L W R h d G E v Q X V 0 b 1 J l b W 9 2 Z W R D b 2 x 1 b W 5 z M S 5 7 d G 9 0 Y W x f Y 2 F z Z X N f c G V y X 2 1 p b G x p b 2 4 s M T B 9 J n F 1 b 3 Q 7 L C Z x d W 9 0 O 1 N l Y 3 R p b 2 4 x L 2 9 3 a W Q t Y 2 9 2 a W Q t Z G F 0 Y S 9 B d X R v U m V t b 3 Z l Z E N v b H V t b n M x L n t u Z X d f Y 2 F z Z X N f c G V y X 2 1 p b G x p b 2 4 s M T F 9 J n F 1 b 3 Q 7 L C Z x d W 9 0 O 1 N l Y 3 R p b 2 4 x L 2 9 3 a W Q t Y 2 9 2 a W Q t Z G F 0 Y S 9 B d X R v U m V t b 3 Z l Z E N v b H V t b n M x L n t u Z X d f Y 2 F z Z X N f c 2 1 v b 3 R o Z W R f c G V y X 2 1 p b G x p b 2 4 s M T J 9 J n F 1 b 3 Q 7 L C Z x d W 9 0 O 1 N l Y 3 R p b 2 4 x L 2 9 3 a W Q t Y 2 9 2 a W Q t Z G F 0 Y S 9 B d X R v U m V t b 3 Z l Z E N v b H V t b n M x L n t 0 b 3 R h b F 9 k Z W F 0 a H N f c G V y X 2 1 p b G x p b 2 4 s M T N 9 J n F 1 b 3 Q 7 L C Z x d W 9 0 O 1 N l Y 3 R p b 2 4 x L 2 9 3 a W Q t Y 2 9 2 a W Q t Z G F 0 Y S 9 B d X R v U m V t b 3 Z l Z E N v b H V t b n M x L n t u Z X d f Z G V h d G h z X 3 B l c l 9 t a W x s a W 9 u L D E 0 f S Z x d W 9 0 O y w m c X V v d D t T Z W N 0 a W 9 u M S 9 v d 2 l k L W N v d m l k L W R h d G E v Q X V 0 b 1 J l b W 9 2 Z W R D b 2 x 1 b W 5 z M S 5 7 b m V 3 X 2 R l Y X R o c 1 9 z b W 9 v d G h l Z F 9 w Z X J f b W l s b G l v b i w x N X 0 m c X V v d D s s J n F 1 b 3 Q 7 U 2 V j d G l v b j E v b 3 d p Z C 1 j b 3 Z p Z C 1 k Y X R h L 0 F 1 d G 9 S Z W 1 v d m V k Q 2 9 s d W 1 u c z E u e 3 J l c H J v Z H V j d G l v b l 9 y Y X R l L D E 2 f S Z x d W 9 0 O y w m c X V v d D t T Z W N 0 a W 9 u M S 9 v d 2 l k L W N v d m l k L W R h d G E v Q X V 0 b 1 J l b W 9 2 Z W R D b 2 x 1 b W 5 z M S 5 7 a W N 1 X 3 B h d G l l b n R z L D E 3 f S Z x d W 9 0 O y w m c X V v d D t T Z W N 0 a W 9 u M S 9 v d 2 l k L W N v d m l k L W R h d G E v Q X V 0 b 1 J l b W 9 2 Z W R D b 2 x 1 b W 5 z M S 5 7 a W N 1 X 3 B h d G l l b n R z X 3 B l c l 9 t a W x s a W 9 u L D E 4 f S Z x d W 9 0 O y w m c X V v d D t T Z W N 0 a W 9 u M S 9 v d 2 l k L W N v d m l k L W R h d G E v Q X V 0 b 1 J l b W 9 2 Z W R D b 2 x 1 b W 5 z M S 5 7 a G 9 z c F 9 w Y X R p Z W 5 0 c y w x O X 0 m c X V v d D s s J n F 1 b 3 Q 7 U 2 V j d G l v b j E v b 3 d p Z C 1 j b 3 Z p Z C 1 k Y X R h L 0 F 1 d G 9 S Z W 1 v d m V k Q 2 9 s d W 1 u c z E u e 2 h v c 3 B f c G F 0 a W V u d H N f c G V y X 2 1 p b G x p b 2 4 s M j B 9 J n F 1 b 3 Q 7 L C Z x d W 9 0 O 1 N l Y 3 R p b 2 4 x L 2 9 3 a W Q t Y 2 9 2 a W Q t Z G F 0 Y S 9 B d X R v U m V t b 3 Z l Z E N v b H V t b n M x L n t 3 Z W V r b H l f a W N 1 X 2 F k b W l z c 2 l v b n M s M j F 9 J n F 1 b 3 Q 7 L C Z x d W 9 0 O 1 N l Y 3 R p b 2 4 x L 2 9 3 a W Q t Y 2 9 2 a W Q t Z G F 0 Y S 9 B d X R v U m V t b 3 Z l Z E N v b H V t b n M x L n t 3 Z W V r b H l f a W N 1 X 2 F k b W l z c 2 l v b n N f c G V y X 2 1 p b G x p b 2 4 s M j J 9 J n F 1 b 3 Q 7 L C Z x d W 9 0 O 1 N l Y 3 R p b 2 4 x L 2 9 3 a W Q t Y 2 9 2 a W Q t Z G F 0 Y S 9 B d X R v U m V t b 3 Z l Z E N v b H V t b n M x L n t 3 Z W V r b H l f a G 9 z c F 9 h Z G 1 p c 3 N p b 2 5 z L D I z f S Z x d W 9 0 O y w m c X V v d D t T Z W N 0 a W 9 u M S 9 v d 2 l k L W N v d m l k L W R h d G E v Q X V 0 b 1 J l b W 9 2 Z W R D b 2 x 1 b W 5 z M S 5 7 d 2 V l a 2 x 5 X 2 h v c 3 B f Y W R t a X N z a W 9 u c 1 9 w Z X J f b W l s b G l v b i w y N H 0 m c X V v d D s s J n F 1 b 3 Q 7 U 2 V j d G l v b j E v b 3 d p Z C 1 j b 3 Z p Z C 1 k Y X R h L 0 F 1 d G 9 S Z W 1 v d m V k Q 2 9 s d W 1 u c z E u e 3 R v d G F s X 3 R l c 3 R z L D I 1 f S Z x d W 9 0 O y w m c X V v d D t T Z W N 0 a W 9 u M S 9 v d 2 l k L W N v d m l k L W R h d G E v Q X V 0 b 1 J l b W 9 2 Z W R D b 2 x 1 b W 5 z M S 5 7 b m V 3 X 3 R l c 3 R z L D I 2 f S Z x d W 9 0 O y w m c X V v d D t T Z W N 0 a W 9 u M S 9 v d 2 l k L W N v d m l k L W R h d G E v Q X V 0 b 1 J l b W 9 2 Z W R D b 2 x 1 b W 5 z M S 5 7 d G 9 0 Y W x f d G V z d H N f c G V y X 3 R o b 3 V z Y W 5 k L D I 3 f S Z x d W 9 0 O y w m c X V v d D t T Z W N 0 a W 9 u M S 9 v d 2 l k L W N v d m l k L W R h d G E v Q X V 0 b 1 J l b W 9 2 Z W R D b 2 x 1 b W 5 z M S 5 7 b m V 3 X 3 R l c 3 R z X 3 B l c l 9 0 a G 9 1 c 2 F u Z C w y O H 0 m c X V v d D s s J n F 1 b 3 Q 7 U 2 V j d G l v b j E v b 3 d p Z C 1 j b 3 Z p Z C 1 k Y X R h L 0 F 1 d G 9 S Z W 1 v d m V k Q 2 9 s d W 1 u c z E u e 2 5 l d 1 9 0 Z X N 0 c 1 9 z b W 9 v d G h l Z C w y O X 0 m c X V v d D s s J n F 1 b 3 Q 7 U 2 V j d G l v b j E v b 3 d p Z C 1 j b 3 Z p Z C 1 k Y X R h L 0 F 1 d G 9 S Z W 1 v d m V k Q 2 9 s d W 1 u c z E u e 2 5 l d 1 9 0 Z X N 0 c 1 9 z b W 9 v d G h l Z F 9 w Z X J f d G h v d X N h b m Q s M z B 9 J n F 1 b 3 Q 7 L C Z x d W 9 0 O 1 N l Y 3 R p b 2 4 x L 2 9 3 a W Q t Y 2 9 2 a W Q t Z G F 0 Y S 9 B d X R v U m V t b 3 Z l Z E N v b H V t b n M x L n t w b 3 N p d G l 2 Z V 9 y Y X R l L D M x f S Z x d W 9 0 O y w m c X V v d D t T Z W N 0 a W 9 u M S 9 v d 2 l k L W N v d m l k L W R h d G E v Q X V 0 b 1 J l b W 9 2 Z W R D b 2 x 1 b W 5 z M S 5 7 d G V z d H N f c G V y X 2 N h c 2 U s M z J 9 J n F 1 b 3 Q 7 L C Z x d W 9 0 O 1 N l Y 3 R p b 2 4 x L 2 9 3 a W Q t Y 2 9 2 a W Q t Z G F 0 Y S 9 B d X R v U m V t b 3 Z l Z E N v b H V t b n M x L n t 0 Z X N 0 c 1 9 1 b m l 0 c y w z M 3 0 m c X V v d D s s J n F 1 b 3 Q 7 U 2 V j d G l v b j E v b 3 d p Z C 1 j b 3 Z p Z C 1 k Y X R h L 0 F 1 d G 9 S Z W 1 v d m V k Q 2 9 s d W 1 u c z E u e 3 R v d G F s X 3 Z h Y 2 N p b m F 0 a W 9 u c y w z N H 0 m c X V v d D s s J n F 1 b 3 Q 7 U 2 V j d G l v b j E v b 3 d p Z C 1 j b 3 Z p Z C 1 k Y X R h L 0 F 1 d G 9 S Z W 1 v d m V k Q 2 9 s d W 1 u c z E u e 3 B l b 3 B s Z V 9 2 Y W N j a W 5 h d G V k L D M 1 f S Z x d W 9 0 O y w m c X V v d D t T Z W N 0 a W 9 u M S 9 v d 2 l k L W N v d m l k L W R h d G E v Q X V 0 b 1 J l b W 9 2 Z W R D b 2 x 1 b W 5 z M S 5 7 c G V v c G x l X 2 Z 1 b G x 5 X 3 Z h Y 2 N p b m F 0 Z W Q s M z Z 9 J n F 1 b 3 Q 7 L C Z x d W 9 0 O 1 N l Y 3 R p b 2 4 x L 2 9 3 a W Q t Y 2 9 2 a W Q t Z G F 0 Y S 9 B d X R v U m V t b 3 Z l Z E N v b H V t b n M x L n t 0 b 3 R h b F 9 i b 2 9 z d G V y c y w z N 3 0 m c X V v d D s s J n F 1 b 3 Q 7 U 2 V j d G l v b j E v b 3 d p Z C 1 j b 3 Z p Z C 1 k Y X R h L 0 F 1 d G 9 S Z W 1 v d m V k Q 2 9 s d W 1 u c z E u e 2 5 l d 1 9 2 Y W N j a W 5 h d G l v b n M s M z h 9 J n F 1 b 3 Q 7 L C Z x d W 9 0 O 1 N l Y 3 R p b 2 4 x L 2 9 3 a W Q t Y 2 9 2 a W Q t Z G F 0 Y S 9 B d X R v U m V t b 3 Z l Z E N v b H V t b n M x L n t u Z X d f d m F j Y 2 l u Y X R p b 2 5 z X 3 N t b 2 9 0 a G V k L D M 5 f S Z x d W 9 0 O y w m c X V v d D t T Z W N 0 a W 9 u M S 9 v d 2 l k L W N v d m l k L W R h d G E v Q X V 0 b 1 J l b W 9 2 Z W R D b 2 x 1 b W 5 z M S 5 7 d G 9 0 Y W x f d m F j Y 2 l u Y X R p b 2 5 z X 3 B l c l 9 o d W 5 k c m V k L D Q w f S Z x d W 9 0 O y w m c X V v d D t T Z W N 0 a W 9 u M S 9 v d 2 l k L W N v d m l k L W R h d G E v Q X V 0 b 1 J l b W 9 2 Z W R D b 2 x 1 b W 5 z M S 5 7 c G V v c G x l X 3 Z h Y 2 N p b m F 0 Z W R f c G V y X 2 h 1 b m R y Z W Q s N D F 9 J n F 1 b 3 Q 7 L C Z x d W 9 0 O 1 N l Y 3 R p b 2 4 x L 2 9 3 a W Q t Y 2 9 2 a W Q t Z G F 0 Y S 9 B d X R v U m V t b 3 Z l Z E N v b H V t b n M x L n t w Z W 9 w b G V f Z n V s b H l f d m F j Y 2 l u Y X R l Z F 9 w Z X J f a H V u Z H J l Z C w 0 M n 0 m c X V v d D s s J n F 1 b 3 Q 7 U 2 V j d G l v b j E v b 3 d p Z C 1 j b 3 Z p Z C 1 k Y X R h L 0 F 1 d G 9 S Z W 1 v d m V k Q 2 9 s d W 1 u c z E u e 3 R v d G F s X 2 J v b 3 N 0 Z X J z X 3 B l c l 9 o d W 5 k c m V k L D Q z f S Z x d W 9 0 O y w m c X V v d D t T Z W N 0 a W 9 u M S 9 v d 2 l k L W N v d m l k L W R h d G E v Q X V 0 b 1 J l b W 9 2 Z W R D b 2 x 1 b W 5 z M S 5 7 b m V 3 X 3 Z h Y 2 N p b m F 0 a W 9 u c 1 9 z b W 9 v d G h l Z F 9 w Z X J f b W l s b G l v b i w 0 N H 0 m c X V v d D s s J n F 1 b 3 Q 7 U 2 V j d G l v b j E v b 3 d p Z C 1 j b 3 Z p Z C 1 k Y X R h L 0 F 1 d G 9 S Z W 1 v d m V k Q 2 9 s d W 1 u c z E u e 2 5 l d 1 9 w Z W 9 w b G V f d m F j Y 2 l u Y X R l Z F 9 z b W 9 v d G h l Z C w 0 N X 0 m c X V v d D s s J n F 1 b 3 Q 7 U 2 V j d G l v b j E v b 3 d p Z C 1 j b 3 Z p Z C 1 k Y X R h L 0 F 1 d G 9 S Z W 1 v d m V k Q 2 9 s d W 1 u c z E u e 2 5 l d 1 9 w Z W 9 w b G V f d m F j Y 2 l u Y X R l Z F 9 z b W 9 v d G h l Z F 9 w Z X J f a H V u Z H J l Z C w 0 N n 0 m c X V v d D s s J n F 1 b 3 Q 7 U 2 V j d G l v b j E v b 3 d p Z C 1 j b 3 Z p Z C 1 k Y X R h L 0 F 1 d G 9 S Z W 1 v d m V k Q 2 9 s d W 1 u c z E u e 3 N 0 c m l u Z 2 V u Y 3 l f a W 5 k Z X g s N D d 9 J n F 1 b 3 Q 7 L C Z x d W 9 0 O 1 N l Y 3 R p b 2 4 x L 2 9 3 a W Q t Y 2 9 2 a W Q t Z G F 0 Y S 9 B d X R v U m V t b 3 Z l Z E N v b H V t b n M x L n t w b 3 B 1 b G F 0 a W 9 u X 2 R l b n N p d H k s N D h 9 J n F 1 b 3 Q 7 L C Z x d W 9 0 O 1 N l Y 3 R p b 2 4 x L 2 9 3 a W Q t Y 2 9 2 a W Q t Z G F 0 Y S 9 B d X R v U m V t b 3 Z l Z E N v b H V t b n M x L n t t Z W R p Y W 5 f Y W d l L D Q 5 f S Z x d W 9 0 O y w m c X V v d D t T Z W N 0 a W 9 u M S 9 v d 2 l k L W N v d m l k L W R h d G E v Q X V 0 b 1 J l b W 9 2 Z W R D b 2 x 1 b W 5 z M S 5 7 Y W d l Z F 8 2 N V 9 v b G R l c i w 1 M H 0 m c X V v d D s s J n F 1 b 3 Q 7 U 2 V j d G l v b j E v b 3 d p Z C 1 j b 3 Z p Z C 1 k Y X R h L 0 F 1 d G 9 S Z W 1 v d m V k Q 2 9 s d W 1 u c z E u e 2 F n Z W R f N z B f b 2 x k Z X I s N T F 9 J n F 1 b 3 Q 7 L C Z x d W 9 0 O 1 N l Y 3 R p b 2 4 x L 2 9 3 a W Q t Y 2 9 2 a W Q t Z G F 0 Y S 9 B d X R v U m V t b 3 Z l Z E N v b H V t b n M x L n t n Z H B f c G V y X 2 N h c G l 0 Y S w 1 M n 0 m c X V v d D s s J n F 1 b 3 Q 7 U 2 V j d G l v b j E v b 3 d p Z C 1 j b 3 Z p Z C 1 k Y X R h L 0 F 1 d G 9 S Z W 1 v d m V k Q 2 9 s d W 1 u c z E u e 2 V 4 d H J l b W V f c G 9 2 Z X J 0 e S w 1 M 3 0 m c X V v d D s s J n F 1 b 3 Q 7 U 2 V j d G l v b j E v b 3 d p Z C 1 j b 3 Z p Z C 1 k Y X R h L 0 F 1 d G 9 S Z W 1 v d m V k Q 2 9 s d W 1 u c z E u e 2 N h c m R p b 3 Z h c 2 N f Z G V h d G h f c m F 0 Z S w 1 N H 0 m c X V v d D s s J n F 1 b 3 Q 7 U 2 V j d G l v b j E v b 3 d p Z C 1 j b 3 Z p Z C 1 k Y X R h L 0 F 1 d G 9 S Z W 1 v d m V k Q 2 9 s d W 1 u c z E u e 2 R p Y W J l d G V z X 3 B y Z X Z h b G V u Y 2 U s N T V 9 J n F 1 b 3 Q 7 L C Z x d W 9 0 O 1 N l Y 3 R p b 2 4 x L 2 9 3 a W Q t Y 2 9 2 a W Q t Z G F 0 Y S 9 B d X R v U m V t b 3 Z l Z E N v b H V t b n M x L n t m Z W 1 h b G V f c 2 1 v a 2 V y c y w 1 N n 0 m c X V v d D s s J n F 1 b 3 Q 7 U 2 V j d G l v b j E v b 3 d p Z C 1 j b 3 Z p Z C 1 k Y X R h L 0 F 1 d G 9 S Z W 1 v d m V k Q 2 9 s d W 1 u c z E u e 2 1 h b G V f c 2 1 v a 2 V y c y w 1 N 3 0 m c X V v d D s s J n F 1 b 3 Q 7 U 2 V j d G l v b j E v b 3 d p Z C 1 j b 3 Z p Z C 1 k Y X R h L 0 F 1 d G 9 S Z W 1 v d m V k Q 2 9 s d W 1 u c z E u e 2 h h b m R 3 Y X N o a W 5 n X 2 Z h Y 2 l s a X R p Z X M s N T h 9 J n F 1 b 3 Q 7 L C Z x d W 9 0 O 1 N l Y 3 R p b 2 4 x L 2 9 3 a W Q t Y 2 9 2 a W Q t Z G F 0 Y S 9 B d X R v U m V t b 3 Z l Z E N v b H V t b n M x L n t o b 3 N w a X R h b F 9 i Z W R z X 3 B l c l 9 0 a G 9 1 c 2 F u Z C w 1 O X 0 m c X V v d D s s J n F 1 b 3 Q 7 U 2 V j d G l v b j E v b 3 d p Z C 1 j b 3 Z p Z C 1 k Y X R h L 0 F 1 d G 9 S Z W 1 v d m V k Q 2 9 s d W 1 u c z E u e 2 x p Z m V f Z X h w Z W N 0 Y W 5 j e S w 2 M H 0 m c X V v d D s s J n F 1 b 3 Q 7 U 2 V j d G l v b j E v b 3 d p Z C 1 j b 3 Z p Z C 1 k Y X R h L 0 F 1 d G 9 S Z W 1 v d m V k Q 2 9 s d W 1 u c z E u e 2 h 1 b W F u X 2 R l d m V s b 3 B t Z W 5 0 X 2 l u Z G V 4 L D Y x f S Z x d W 9 0 O y w m c X V v d D t T Z W N 0 a W 9 u M S 9 v d 2 l k L W N v d m l k L W R h d G E v Q X V 0 b 1 J l b W 9 2 Z W R D b 2 x 1 b W 5 z M S 5 7 c G 9 w d W x h d G l v b i w 2 M n 0 m c X V v d D s s J n F 1 b 3 Q 7 U 2 V j d G l v b j E v b 3 d p Z C 1 j b 3 Z p Z C 1 k Y X R h L 0 F 1 d G 9 S Z W 1 v d m V k Q 2 9 s d W 1 u c z E u e 2 V 4 Y 2 V z c 1 9 t b 3 J 0 Y W x p d H l f Y 3 V t d W x h d G l 2 Z V 9 h Y n N v b H V 0 Z S w 2 M 3 0 m c X V v d D s s J n F 1 b 3 Q 7 U 2 V j d G l v b j E v b 3 d p Z C 1 j b 3 Z p Z C 1 k Y X R h L 0 F 1 d G 9 S Z W 1 v d m V k Q 2 9 s d W 1 u c z E u e 2 V 4 Y 2 V z c 1 9 t b 3 J 0 Y W x p d H l f Y 3 V t d W x h d G l 2 Z S w 2 N H 0 m c X V v d D s s J n F 1 b 3 Q 7 U 2 V j d G l v b j E v b 3 d p Z C 1 j b 3 Z p Z C 1 k Y X R h L 0 F 1 d G 9 S Z W 1 v d m V k Q 2 9 s d W 1 u c z E u e 2 V 4 Y 2 V z c 1 9 t b 3 J 0 Y W x p d H k s N j V 9 J n F 1 b 3 Q 7 L C Z x d W 9 0 O 1 N l Y 3 R p b 2 4 x L 2 9 3 a W Q t Y 2 9 2 a W Q t Z G F 0 Y S 9 B d X R v U m V t b 3 Z l Z E N v b H V t b n M x L n t l e G N l c 3 N f b W 9 y d G F s a X R 5 X 2 N 1 b X V s Y X R p d m V f c G V y X 2 1 p b G x p b 2 4 s N j Z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v d 2 l k L W N v d m l k L W R h d G E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b 3 d p Z C 1 j b 3 Z p Z C 1 k Y X R h L 1 B y b 2 1 v d G V k J T I w S G V h Z G V y c z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2 9 3 a W Q t Y 2 9 2 a W Q t Z G F 0 Y S 9 D a G F u Z 2 V k J T I w V H l w Z T w v S X R l b V B h d G g + P C 9 J d G V t T G 9 j Y X R p b 2 4 + P F N 0 Y W J s Z U V u d H J p Z X M g L z 4 8 L 0 l 0 Z W 0 + P C 9 J d G V t c z 4 8 L 0 x v Y 2 F s U G F j a 2 F n Z U 1 l d G F k Y X R h R m l s Z T 4 W A A A A U E s F B g A A A A A A A A A A A A A A A A A A A A A A A N o A A A A B A A A A 0 I y d 3 w E V 0 R G M e g D A T 8 K X 6 w E A A A D v B D Y 1 t + Z L R r j i J N f K 3 z 4 O A A A A A A I A A A A A A A N m A A D A A A A A E A A A A I U e k S 9 D P Y O o 7 z 2 f 8 v C H 6 9 0 A A A A A B I A A A K A A A A A Q A A A A T e 9 u 4 S N K B j f P D L W a 4 j K Q A F A A A A A M 5 U v O 5 y i v J F b C M p 0 o L p F T I r K j 6 q p p i B C l K p 9 + l G u F F x J 3 / c 2 I k M / / f F H j / s W O q 0 a 9 d p e 4 9 q W H W 0 Y 6 c D / 5 i C z Z + 2 U 0 G c v m V l 8 5 y 8 h 6 d r t t A B Q A A A A m T u u a Y T C f O m l g K n v T z u S k h u t a 4 w = = < / D a t a M a s h u p > 
</file>

<file path=customXml/itemProps1.xml><?xml version="1.0" encoding="utf-8"?>
<ds:datastoreItem xmlns:ds="http://schemas.openxmlformats.org/officeDocument/2006/customXml" ds:itemID="{BFFCA854-B8CF-4CB6-9869-6BD707C40A83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owid-covid-data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arthikraja Karunakaran</dc:creator>
  <cp:lastModifiedBy>Karthikraja Karunakaran</cp:lastModifiedBy>
  <dcterms:created xsi:type="dcterms:W3CDTF">2023-01-06T21:00:31Z</dcterms:created>
  <dcterms:modified xsi:type="dcterms:W3CDTF">2023-01-06T21:08:18Z</dcterms:modified>
</cp:coreProperties>
</file>